
<file path=[Content_Types].xml><?xml version="1.0" encoding="utf-8"?>
<Types xmlns="http://schemas.openxmlformats.org/package/2006/content-types">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Types>
</file>

<file path=_rels/.rels><?xml version="1.0" encoding="UTF-8" standalone="yes"?>
<Relationships xmlns="http://schemas.openxmlformats.org/package/2006/relationships"><Relationship Id="rId1" Type="http://schemas.openxmlformats.org/officeDocument/2006/relationships/officeDocument" Target="xl/workbook.xml"/><Relationship Id="rId3" Type="http://schemas.openxmlformats.org/package/2006/relationships/metadata/core-properties" Target="docProps/core.xml"/><Relationship Id="rId2" Type="http://schemas.openxmlformats.org/officeDocument/2006/relationships/extended-properties" Target="docProps/app.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fileVersion appName="xl" lastEdited="3" lowestEdited="5" rupBuild="9302"/>
  <workbookPr/>
  <bookViews>
    <workbookView windowWidth="28800" windowHeight="12465"/>
  </bookViews>
  <sheets>
    <sheet name="Sheet1" sheetId="1" r:id="rId1"/>
  </sheets>
  <definedNames>
    <definedName name="_xlnm._FilterDatabase" localSheetId="0" hidden="1">Sheet1!$A$2:$XDY$195400</definedName>
  </definedNames>
  <calcPr calcId="144525"/>
</workbook>
</file>

<file path=xl/sharedStrings.xml><?xml version="1.0" encoding="utf-8"?>
<sst xmlns="http://schemas.openxmlformats.org/spreadsheetml/2006/main" count="1758594" uniqueCount="156299">
  <si>
    <t>国家能源e购电力专区协议商品清单</t>
  </si>
  <si>
    <t>商品编码</t>
  </si>
  <si>
    <t>商品所属板块</t>
  </si>
  <si>
    <t>MDM码</t>
  </si>
  <si>
    <t>商品名称</t>
  </si>
  <si>
    <t>计量单位</t>
  </si>
  <si>
    <t>到货周期</t>
  </si>
  <si>
    <t>生产厂家</t>
  </si>
  <si>
    <t>品牌</t>
  </si>
  <si>
    <t>企业协议编号</t>
  </si>
  <si>
    <t>协议名称</t>
  </si>
  <si>
    <t>协议失效日期</t>
  </si>
  <si>
    <t>协议类型</t>
  </si>
  <si>
    <t>供应商</t>
  </si>
  <si>
    <t>电力专区</t>
  </si>
  <si>
    <t>【上海摩根】发电机\刷握\5MG.147.037\风电式</t>
  </si>
  <si>
    <t>块</t>
  </si>
  <si>
    <t>摩根新材料（上海）有限公司</t>
  </si>
  <si>
    <t>摩根</t>
  </si>
  <si>
    <t>WZSCCG-2018-JM-003</t>
  </si>
  <si>
    <t>2018年度集团级摩根碳刷长协采购</t>
  </si>
  <si>
    <t>集团集采协议</t>
  </si>
  <si>
    <t>【上海摩根】发电机\刷握\5MG.147.171\风电式</t>
  </si>
  <si>
    <t>【上海摩根】电刷\火电碳刷\NCC634\100*32*25mm\天然石墨类</t>
  </si>
  <si>
    <t>【上海摩根】电刷\火电碳刷\NCC634\102*38.1*25.4mm\天然石墨类</t>
  </si>
  <si>
    <t>【上海摩根】电刷\火电碳刷\NCC634\60*32*25mm\天然石墨类</t>
  </si>
  <si>
    <t>【上海摩根】电刷\火电碳刷\D214\65*32*25mm\电化石墨</t>
  </si>
  <si>
    <t>【上海摩根】电刷\火电碳刷\D252\60*32*25mm\电化石墨</t>
  </si>
  <si>
    <t>【上海摩根】电刷\火电碳刷\NCC634\65*32*25mm\天然石墨类</t>
  </si>
  <si>
    <t>【上海摩根】电刷\火电碳刷\NCC634\70*32*20mm\天然石墨类</t>
  </si>
  <si>
    <t>【上海摩根】电刷\火电碳刷\NCC634\64*32*32mm\天然石墨类</t>
  </si>
  <si>
    <t>【上海摩根】电刷\火电碳刷\NCC634\100*32*32mm\天然石墨类</t>
  </si>
  <si>
    <t>【上海摩根】电刷\火电碳刷\S27\64*32*25mm\天然石墨类</t>
  </si>
  <si>
    <t>【上海摩根】电刷\火电碳刷\S6\64*32*25mm\天然石墨类</t>
  </si>
  <si>
    <t>【上海摩根】电刷\火电碳刷\S6M\64*32*25mm\天然石墨类</t>
  </si>
  <si>
    <t>【上海摩根】电刷\火电碳刷\D172\100*32*25mm\电化石墨</t>
  </si>
  <si>
    <t>【上海摩根】电刷\火电、水电碳刷\D172\65*32*25mm\电化石墨</t>
  </si>
  <si>
    <t>【上海摩根】电刷\火电、水电碳刷\D172\60*32*25mm\电化石墨</t>
  </si>
  <si>
    <t>【上海摩根】电刷\水电碳刷\D172\65*34*32mm\电化石墨</t>
  </si>
  <si>
    <t>【上海摩根】电刷\水电碳刷\D172\65*38*34mm\电化石墨</t>
  </si>
  <si>
    <t>【上海摩根】电刷\水电碳刷\D214\60*32*25mm\电化石墨</t>
  </si>
  <si>
    <t>【上海摩根】电刷\水电碳刷\NG16\65*32*25mm\天然石墨类</t>
  </si>
  <si>
    <t>【上海摩根】电刷\水电碳刷\NG16\65*34*32mm\天然石墨类</t>
  </si>
  <si>
    <t>【上海摩根】电刷\水电碳刷\NG16\65*38*34mm\天然石墨类</t>
  </si>
  <si>
    <t>【上海摩根】电刷\水电碳刷\D252\65*32*25mm\电化石墨</t>
  </si>
  <si>
    <t>【上海摩根】电刷\水电碳刷\CH17\60*32*25mm\电化石墨</t>
  </si>
  <si>
    <t>【上海摩根】电刷\水电碳刷\CH17\65*32*25mm\电化石墨</t>
  </si>
  <si>
    <t>【上海摩根】电刷\水电碳刷\CH17\65*34*32mm\电化石墨</t>
  </si>
  <si>
    <t>【上海摩根】电刷\水电碳刷\CH17\65*38*34mm\电化石墨</t>
  </si>
  <si>
    <t>【上海摩根】电刷\水电碳刷\NCC634\60*32*25mm\天然石墨类</t>
  </si>
  <si>
    <t>【上海摩根】电刷\水电碳刷\NCC634\65*32*25mm\天然石墨类</t>
  </si>
  <si>
    <t>【上海摩根】电刷\水电碳刷\NCC634\65*34*32mm\天然石墨类</t>
  </si>
  <si>
    <t>【上海摩根】电刷\水电碳刷\NCC634\65*38*34mm\天然石墨类</t>
  </si>
  <si>
    <t>【上海摩根】电刷\水电碳刷\EGOR\60*32*25mm\电化石墨</t>
  </si>
  <si>
    <t>【上海摩根】电刷\水电碳刷\EGOR\65*32*25mm\电化石墨</t>
  </si>
  <si>
    <t>【上海摩根】电刷\水电碳刷\EGOR\65*34*32mm\电化石墨</t>
  </si>
  <si>
    <t>【上海摩根】电刷\水电碳刷\EGOR\65*38*34mm\电化石墨</t>
  </si>
  <si>
    <t>【上海摩根】电刷\水电碳刷\E468\60*32*25mm\电化石墨</t>
  </si>
  <si>
    <t>【上海摩根】电刷\水电碳刷\E468\65*32*25mm\电化石墨</t>
  </si>
  <si>
    <t>【上海摩根】电刷\水电碳刷\E468\65*34*32mm\电化石墨</t>
  </si>
  <si>
    <t>【上海摩根】电刷\水电碳刷\E468\65*38*34mm\电化石墨</t>
  </si>
  <si>
    <t>【上海摩根】电刷\水电碳刷\NG16\60*32*25mm\天然石墨类</t>
  </si>
  <si>
    <t>【上海摩根】电刷\水电碳刷\D104\60*32*25mm\电化石墨</t>
  </si>
  <si>
    <t>【上海摩根】电刷\水电碳刷\D104\65*32*25mm\电化石墨</t>
  </si>
  <si>
    <t>【上海摩根】电刷\风电碳刷\MG1147\100*32*25mm\金属石墨电刷</t>
  </si>
  <si>
    <t>【上海摩根】电刷\风电碳刷\CM9T\64*32*25mm\金属石墨电刷</t>
  </si>
  <si>
    <t>【上海摩根】电刷\风电碳刷\MA1147\32*20*8mm\金属石墨电刷</t>
  </si>
  <si>
    <t>【上海摩根】电刷\风电碳刷\MA1147\50*20*8mm\金属石墨电刷</t>
  </si>
  <si>
    <t>【上海摩根】电刷\风电碳刷\MG1147\80*40*20mm\金属石墨电刷</t>
  </si>
  <si>
    <t>【上海摩根】电刷\风电碳刷\MG1147\100*40*20mm\金属石墨电刷</t>
  </si>
  <si>
    <t>【上海摩根】电刷\风电碳刷\MG1157\80*40*20mm\金属石墨电刷</t>
  </si>
  <si>
    <t>【上海摩根】电刷\风电碳刷\MG1157\100*40*20mm\金属石墨电刷</t>
  </si>
  <si>
    <t>【上海摩根】电刷\风电碳刷\MG1167\80*40*20mm\金属石墨电刷</t>
  </si>
  <si>
    <t>【上海摩根】电刷\风电碳刷\MG1167\100*40*20mm\金属石墨电刷</t>
  </si>
  <si>
    <t>【上海摩根】电刷\风电碳刷\MG1147\80*32*25mm\金属石墨电刷</t>
  </si>
  <si>
    <t>【上海摩根】电刷\风电碳刷\MG1147\80*21*18mm\金属石墨电刷</t>
  </si>
  <si>
    <t>【上海摩根】电刷\风电碳刷\MA1147\64*20*8mm\金属石墨电刷</t>
  </si>
  <si>
    <t>【上海摩根】电刷\风电碳刷\MA1147\64*25*12.5mm\金属石墨电刷</t>
  </si>
  <si>
    <t>【上海摩根】电刷\风电碳刷\MA1157\32*20*8mm\金属石墨电刷</t>
  </si>
  <si>
    <t>【上海摩根】电刷\风电碳刷\MA1157\50*20*8mm\金属石墨电刷</t>
  </si>
  <si>
    <t>【上海摩根】电刷\风电碳刷\MA1157\64*20*8mm\金属石墨电刷</t>
  </si>
  <si>
    <t>【上海摩根】电刷\风电碳刷\MA1157\64*25*12.5mm\金属石墨电刷</t>
  </si>
  <si>
    <t>【上海摩根】电刷\风电碳刷\MA1167\32*20*8mm\金属石墨电刷</t>
  </si>
  <si>
    <t>【上海摩根】电刷\风电碳刷\MA1167\50*20*8mm\金属石墨电刷</t>
  </si>
  <si>
    <t>【上海摩根】电刷\风电碳刷\MA1167\64*20*8mm\金属石墨电刷</t>
  </si>
  <si>
    <t>【上海摩根】电刷\风电碳刷\MA1167\64*25*12.5mm\金属石墨电刷</t>
  </si>
  <si>
    <t>【上海摩根】电刷\风电碳刷\MG1190\64*32*25mm\金属石墨电刷</t>
  </si>
  <si>
    <t>【上海摩根】电刷\风电碳刷\MA1147\42.4*12.7*6.4mm\金属石墨电刷</t>
  </si>
  <si>
    <t>【上海摩根】电刷\风电碳刷\MA12\EGOR\32*16*8mm\金属石墨电刷</t>
  </si>
  <si>
    <t>【上海摩根】电刷\风电碳刷\MG1147\42*40*20mm\金属石墨电刷</t>
  </si>
  <si>
    <t>【上海摩根】电刷\风电碳刷\MG1147\55*40*25mm\金属石墨电刷</t>
  </si>
  <si>
    <t>【上海摩根】电刷\风电碳刷\MG1147\64*40*25mm\金属石墨电刷</t>
  </si>
  <si>
    <t>【上海摩根】电刷\风电碳刷\MG1147\45*42*16mm\金属石墨电刷</t>
  </si>
  <si>
    <t>【上海摩根】电刷\风电碳刷\MG1147\50*40*20mm\金属石墨电刷</t>
  </si>
  <si>
    <t>【上海摩根】电刷\风电碳刷\CM9T\60*32*25mm\金属石墨电刷</t>
  </si>
  <si>
    <t>【上海摩根】电刷\风电碳刷\CM9T(带报警\60*32*25mm\金属石墨电刷</t>
  </si>
  <si>
    <t>【上海摩根】电刷滑环组件\恒压簧</t>
  </si>
  <si>
    <t>【上海摩根】电刷滑环组件\刷握</t>
  </si>
  <si>
    <t>【上海摩根】电刷滑环组件\发电机刷握\东电式</t>
  </si>
  <si>
    <t>【上海摩根】电刷滑环组件\发电机刷握\哈电式</t>
  </si>
  <si>
    <t>【上海摩根】电刷滑环组件\发电机刷握\上电式</t>
  </si>
  <si>
    <t>【罗斯蒙特】雷达液位计\5402AH1NA4SPVRDM1C1\0-15m,3" NPT螺纹,24V,4-20mA,ExdⅡCT4 IP56</t>
  </si>
  <si>
    <t>台</t>
  </si>
  <si>
    <t>北京艾默生科技有限公司</t>
  </si>
  <si>
    <t>罗斯蒙特</t>
  </si>
  <si>
    <t>WZSCCG-2018-JM-004</t>
  </si>
  <si>
    <t>2018年度集团级罗斯蒙特变送器长协采购</t>
  </si>
  <si>
    <t>【罗斯蒙特】雷达液位计\5402AH1NA4SPVREM1C1\0-15m,4" NPT螺纹,24V,4-20mA,ExdⅡCT4 IP56</t>
  </si>
  <si>
    <t>【罗斯蒙特】雷达液位计\5301HA1S1V5AMXXXXXBANAM1C1\0-10m,3″RF 150lb,24V,4-20mA,ExdⅡCT4 IP56</t>
  </si>
  <si>
    <t>【罗斯蒙特】雷达液位计\5301HA1S1V5AMXXXXXBBNAM1C1\0-10m,3″RF 300lb,24V,4-20mA,ExdⅡCT4 IP56</t>
  </si>
  <si>
    <t>【罗斯蒙特】雷达液位计\5301HA1H1N3VMXXXXXBCNAM1C1R2\0-10m,3″RF 600lb,24V,4-20mA,ExdⅡCT4 IP56</t>
  </si>
  <si>
    <t>【罗斯蒙特】雷达液位计\5301HA1S1V5AMXXXXXCANAM1C1\0-10m,4″RF 150lb,24V,4-20mA,ExdⅡCT4 IP56</t>
  </si>
  <si>
    <t>【罗斯蒙特】雷达液位计\5301HA1S1V5AMXXXXXCBNAM1C1\0-10m,4″RF 300lb,24V,4-20mA,ExdⅡCT4 IP56</t>
  </si>
  <si>
    <t>【罗斯蒙特】雷达液位计\5301HA1H1N3VMXXXXXCCNAM1C1R2\0-10m,4″RF 600lb,24V,4-20mA,ExdⅡCT4 IP56</t>
  </si>
  <si>
    <t>【罗斯蒙特】雷达液位计\5301HA1S1V5AMXXXXXIANAM1C1\0-10m,DN80 PN16,24V,4-20mA,ExdⅡCT4 IP56</t>
  </si>
  <si>
    <t>【罗斯蒙特】雷达液位计\5301HA1S1V5AMXXXXXIBNAM1C1\0-10m,DN80 PN40,24V,4-20mA,ExdⅡCT4 IP56</t>
  </si>
  <si>
    <t>【罗斯蒙特】雷达液位计\5301HA1H1N3VMXXXXXICNAM1C1R2\0-10m,DN80 PN63,24V,4-20mA,ExdⅡCT4 IP56</t>
  </si>
  <si>
    <t>【罗斯蒙特】雷达液位计\5301HA1S1V5AMXXXXXJANAM1C1\0-10m,DN100 PN16,24V,4-20mA,ExdⅡCT4 IP56</t>
  </si>
  <si>
    <t>【罗斯蒙特】雷达液位计\5301HA1S1V5AMXXXXXJBNAM1C1\0-10m,DN100 PN40,24V,4-20mA,ExdⅡCT4 IP56</t>
  </si>
  <si>
    <t>【罗斯蒙特】雷达液位计\5301HA1H1N3VMXXXXXJCNAM1C1R2\0-10m,DN100 PN63,24V,4-20mA,ExdⅡCT4 IP56</t>
  </si>
  <si>
    <t>【罗斯蒙特】变送器附件\阀组\0301RC32B11B4</t>
  </si>
  <si>
    <t>【罗斯蒙特】变送器附件\阀组\0305RC22B11B4</t>
  </si>
  <si>
    <t>【罗斯蒙特】变送器附件\阀组\0305RC32B11B4</t>
  </si>
  <si>
    <t>【罗斯蒙特】变送器附件\阀组\0305RC52B11B4</t>
  </si>
  <si>
    <t>【罗斯蒙特】变送器附件\阀组\0305RC62B11B4</t>
  </si>
  <si>
    <t>【罗斯蒙特】变送器附件\阀组\0306RT22BA11</t>
  </si>
  <si>
    <t>【罗斯蒙特】变送器附件\阀组\0304RT32B11VS</t>
  </si>
  <si>
    <t>【罗斯蒙特】变送器附件\无线变送器网关\1420A2A3A4</t>
  </si>
  <si>
    <t>【罗斯蒙特】变送器附件\引压接头\YYJT</t>
  </si>
  <si>
    <t>【罗斯蒙特】变送器附件\阿牛巴\485G120CCHPS2T10007G2</t>
  </si>
  <si>
    <t>【罗斯蒙特】变送器附件\毛细远传\1199WDA95AFFW71DB00</t>
  </si>
  <si>
    <t>【罗斯蒙特】变送器附件\毛细远传\1199WDA95AFFW72DA00</t>
  </si>
  <si>
    <t>【罗斯蒙特】变送器附件\毛细远传\1199WDA95AFFW72DB00</t>
  </si>
  <si>
    <t>【罗斯蒙特】变送器附件\毛细远传\1199WDA95AFFWG1DA00</t>
  </si>
  <si>
    <t>【罗斯蒙特】变送器附件\毛细远传\1199WDA95AFFWG1DB00</t>
  </si>
  <si>
    <t>【罗斯蒙特】变送器附件\毛细远传\1199WDA95AFFWG2DA00</t>
  </si>
  <si>
    <t>【罗斯蒙特】变送器附件\毛细远传\1199WDA95AFFWG2DB00</t>
  </si>
  <si>
    <t>【罗斯蒙特】变送器附件\毛细远传\1199WDA95DFFWGGDA00</t>
  </si>
  <si>
    <t>【罗斯蒙特】变送器附件\毛细远传\1199WDA95DFFWGGDB00</t>
  </si>
  <si>
    <t>【罗斯蒙特】变送器附件\毛细远传\1199WDA95DFFWJGDA00</t>
  </si>
  <si>
    <t>【罗斯蒙特】变送器附件\毛细远传\1199WDA95DFFWJGDB00</t>
  </si>
  <si>
    <t>【罗斯蒙特】变送器附件\毛细远传\1199WDA95GFFW71DA00</t>
  </si>
  <si>
    <t>【罗斯蒙特】变送器附件\毛细远传\1199WDA95GFFW71DB00</t>
  </si>
  <si>
    <t>【罗斯蒙特】变送器附件\毛细远传\1199WDA95GFFW72DA00</t>
  </si>
  <si>
    <t>【罗斯蒙特】变送器附件\毛细远传\1199WDA95GFFW72DB00</t>
  </si>
  <si>
    <t>【罗斯蒙特】变送器附件\毛细远传\1199WDA95GFFWG1DA00</t>
  </si>
  <si>
    <t>【罗斯蒙特】变送器附件\毛细远传\1199WDA95GFFWG1DB00</t>
  </si>
  <si>
    <t>【罗斯蒙特】变送器附件\毛细远传\1199WDA95GFFWG2DA00</t>
  </si>
  <si>
    <t>【罗斯蒙特】变送器附件\毛细远传\1199WDA95GFFWG2DB00</t>
  </si>
  <si>
    <t>【罗斯蒙特】变送器附件\毛细远传\1199WDA95KFFWJGDA00</t>
  </si>
  <si>
    <t>【罗斯蒙特】变送器附件\毛细远传\1199WDA95KFFWJGDB00</t>
  </si>
  <si>
    <t>【罗斯蒙特】变送器附件\毛细远传\1199WDAB3AFFW71DA00</t>
  </si>
  <si>
    <t>【罗斯蒙特】变送器附件\毛细远传\1199WDAB3AFFW71DB00</t>
  </si>
  <si>
    <t>【罗斯蒙特】变送器附件\毛细远传\1199WDAB3AFFW72DA00</t>
  </si>
  <si>
    <t>【罗斯蒙特】变送器附件\毛细远传\1199WDAB3AFFW72DB00</t>
  </si>
  <si>
    <t>【罗斯蒙特】变送器附件\毛细远传\1199WDAB3AFFWG1DA00</t>
  </si>
  <si>
    <t>【罗斯蒙特】变送器附件\毛细远传\1199WDAB3AFFWG1DB00</t>
  </si>
  <si>
    <t>【罗斯蒙特】变送器附件\毛细远传\1199WDAB3AFFWG2DA00</t>
  </si>
  <si>
    <t>【罗斯蒙特】变送器附件\毛细远传\1199WDAB3AFFWG2DB00</t>
  </si>
  <si>
    <t>【罗斯蒙特】变送器附件\毛细远传\1199WDAB3DFFWGGDA00</t>
  </si>
  <si>
    <t>【罗斯蒙特】变送器附件\毛细远传\1199WDAB3DFFWGGDB00</t>
  </si>
  <si>
    <t>【罗斯蒙特】变送器附件\毛细远传\1199WDAB3DFFWJGDA00</t>
  </si>
  <si>
    <t>【罗斯蒙特】变送器附件\毛细远传\1199WDAB3DFFWJGDB00</t>
  </si>
  <si>
    <t>【罗斯蒙特】变送器附件\毛细远传\1199WDAB3GFFW71DA00</t>
  </si>
  <si>
    <t>【罗斯蒙特】变送器附件\毛细远传\1199WDAB3GFFW71DB00</t>
  </si>
  <si>
    <t>【罗斯蒙特】变送器附件\毛细远传\1199WDAB3GFFW72DA00</t>
  </si>
  <si>
    <t>【罗斯蒙特】变送器附件\毛细远传\1199WDAB3GFFW72DB00</t>
  </si>
  <si>
    <t>【罗斯蒙特】变送器附件\毛细远传\1199WDAB3GFFWG1DA00</t>
  </si>
  <si>
    <t>【罗斯蒙特】变送器附件\毛细远传\1199WDAB3GFFWG1DB00</t>
  </si>
  <si>
    <t>【罗斯蒙特】变送器附件\毛细远传\1199WDAB3GFFWG2DA00</t>
  </si>
  <si>
    <t>【罗斯蒙特】变送器附件\毛细远传\1199WDAB3GFFWG2DB00</t>
  </si>
  <si>
    <t>【罗斯蒙特】变送器附件\毛细远传\1199WDAB3KFFWGGDA00</t>
  </si>
  <si>
    <t>【罗斯蒙特】变送器附件\毛细远传\1199WDAB3KFFWJGDA00</t>
  </si>
  <si>
    <t>【罗斯蒙特】变送器附件\毛细远传\1199WDAB3KFFWJGDB00</t>
  </si>
  <si>
    <t>【罗斯蒙特】变送器附件\毛细远传\1199MDC56KFFWGGDB00</t>
  </si>
  <si>
    <t>【罗斯蒙特】变送器附件\毛细远传\1199MDC62KFFWGGDB00</t>
  </si>
  <si>
    <t>【罗斯蒙特】变送器附件\毛细远传\1199DDC55KFFWGGDB00</t>
  </si>
  <si>
    <t>【罗斯蒙特】变送器附件\毛细远传\1199DDC59KFFWGGDA00</t>
  </si>
  <si>
    <t>【罗斯蒙特】变送器附件\毛细远传\1199DDC60KFFWGGDA00</t>
  </si>
  <si>
    <t>【罗斯蒙特】变送器附件\毛细远传\1199DDC60KFFWJGDA00</t>
  </si>
  <si>
    <t>【罗斯蒙特】变送器附件\毛细远传\1199MDC53KFFWJGDB00</t>
  </si>
  <si>
    <t>【罗斯蒙特】变送器附件\毛细远传\1199MDC59KFFWGGDB00</t>
  </si>
  <si>
    <t>【罗斯蒙特】变送器附件\毛细远传\1199MDC62KFFWGGDA00</t>
  </si>
  <si>
    <t>【罗斯蒙特】变送器附件\毛细远传\1199MDC62KFFWJGDA00</t>
  </si>
  <si>
    <t>【罗斯蒙特】变送器附件\毛细远传\1199WCC56KFFWGGDA00</t>
  </si>
  <si>
    <t>【罗斯蒙特】变送器附件\毛细远传\1199WCC56KFFWGGDB00</t>
  </si>
  <si>
    <t>【罗斯蒙特】变送器附件\毛细远传\1199WCC56KFFWJGDA00</t>
  </si>
  <si>
    <t>【罗斯蒙特】变送器附件\毛细远传\1199WCC56KFFWJGDB00</t>
  </si>
  <si>
    <t>【罗斯蒙特】变送器附件\毛细远传\1199WDA95KFFWGGDA00</t>
  </si>
  <si>
    <t>【罗斯蒙特】变送器附件\毛细远传\1199WDA95KFFWGGDB00</t>
  </si>
  <si>
    <t>【罗斯蒙特】变送器附件\毛细远传\1199WDA95KRFWDGD5A5</t>
  </si>
  <si>
    <t>【罗斯蒙特】变送器附件\毛细远传\1199WDA95KRFWDGDAA9G</t>
  </si>
  <si>
    <t>【罗斯蒙特】变送器附件\毛细远传\1199WDAB3KFFWGGDB00</t>
  </si>
  <si>
    <t>【罗斯蒙特】变送器附件\毛细远传\1199WDAB3KFFWGGSA00</t>
  </si>
  <si>
    <t>【罗斯蒙特】变送器附件\毛细远传\1199WDAB4KFFWGGDA00</t>
  </si>
  <si>
    <t>【罗斯蒙特】变送器附件\毛细远传\1199WDAB4KFFWGGDB00</t>
  </si>
  <si>
    <t>【罗斯蒙特】变送器附件\毛细远传\1199WDAB4KFFWJGDA00</t>
  </si>
  <si>
    <t>【罗斯蒙特】变送器附件\毛细远传\1199WDAB4KFFWJGDB00</t>
  </si>
  <si>
    <t>【罗斯蒙特】变送器附件\毛细远传\1199WDC56KFFWGGDA00</t>
  </si>
  <si>
    <t>【罗斯蒙特】变送器附件\毛细远传\1199WDC56KFFWGGDB00</t>
  </si>
  <si>
    <t>【罗斯蒙特】变送器附件\毛细远传\1199WDC56KFFWJGDA00</t>
  </si>
  <si>
    <t>【罗斯蒙特】变送器附件\毛细远传\1199WDC56KFFWJGDB00</t>
  </si>
  <si>
    <t>【罗斯蒙特】变送器附件\毛细远传\1199WVD58KFFWGGDA00</t>
  </si>
  <si>
    <t>【罗斯蒙特】变送器附件\毛细远传\1199WVD58KFFWGGDB00</t>
  </si>
  <si>
    <t>【罗斯蒙特】变送器附件\毛细远传\1199WVD58KFFWJGDA00</t>
  </si>
  <si>
    <t>【罗斯蒙特】变送器附件\毛细远传\1199WVD58KFFWJGDB00</t>
  </si>
  <si>
    <t>【罗斯蒙特】差压变送器\3051CD1A22A1AB4DFM5\-6.22-6.22kPa,0.04%,1/2-14NPT阴螺纹,24V,4~20mA,HART协议</t>
  </si>
  <si>
    <t>【罗斯蒙特】差压变送器\3051CD2A22A1AB4DFM5\-62.2-62.2kPa,0.04%,1/2-14NPT阴螺纹,24V,4~20mA,HART协议</t>
  </si>
  <si>
    <t>【罗斯蒙特】差压变送器\3051CD3A22A1AB4DFM5\-248-248kPa,0.04%,1/2-14NPT阴螺纹,24V,4~20mA,HART协议</t>
  </si>
  <si>
    <t>【罗斯蒙特】差压变送器\3051CD4A22A1AB4DFM5\-2070-2070kPa,0.04%,1/2-14NPT阴螺纹,24V,4~20mA,HART协议</t>
  </si>
  <si>
    <t>【罗斯蒙特】差压变送器\3051CD5A22A1AB4DFM5\-13800-13800kPa,0.04%,1/2-14NPT阴螺纹,24V,4~20mA,HART协议</t>
  </si>
  <si>
    <t>【罗斯蒙特】差压变送器\3051CD1F22A1AB4DFM5\-6.22-6.22kPa,0.04%,1/2-14NPT阴螺纹,24V,4~20mA,FF总线</t>
  </si>
  <si>
    <t>【罗斯蒙特】差压变送器\3051CD2F22A1AB4DFM5\-62.2-62.2kPa,0.04%,1/2-14NPT阴螺纹,24V,4~20mA,FF总线</t>
  </si>
  <si>
    <t>【罗斯蒙特】差压变送器\3051CD3F22A1AB4DFM5\-248-248kPa,0.04%,1/2-14NPT阴螺纹,24V,4~20mA,FF总线</t>
  </si>
  <si>
    <t>【罗斯蒙特】差压变送器\3051CD4F22A1AB4DFM5\-2070-2070kPa,0.04%,1/2-14NPT阴螺纹,24V,4~20mA,FF总线</t>
  </si>
  <si>
    <t>【罗斯蒙特】差压变送器\3051CD5F22A1AB4DFM5\-13800-13800kPa,0.04%,1/2-14NPT阴螺纹,24V,4~20mA,FF总线</t>
  </si>
  <si>
    <t>【罗斯蒙特】差压变送器\3051CD1W22A1AB4DFM4\-6.22-6.22kPa,0.04%,1/2-14NPT阴螺纹,24V,4~20mA,PA总线</t>
  </si>
  <si>
    <t>【罗斯蒙特】差压变送器\3051CD2W22A1AB4DFM4\-62.2-62.2kPa,0.04%,1/2-14NPT阴螺纹,24V,4~20mA,PA总线</t>
  </si>
  <si>
    <t>【罗斯蒙特】差压变送器\3051CD3W22A1AB4DFM4\-248-248kPa,0.04%,1/2-14NPT阴螺纹,24V,4~20mA,PA总线</t>
  </si>
  <si>
    <t>【罗斯蒙特】差压变送器\3051CD4W22A1AB4DFM4\-2070-2070kPa,0.04%,1/2-14NPT阴螺纹,24V,4~20mA,PA总线</t>
  </si>
  <si>
    <t>【罗斯蒙特】差压变送器\3051CD5W22A1AB4DFM4\-13800-13800kPa,0.04%,1/2-14NPT阴螺纹,24V,4~20mA,PA总线</t>
  </si>
  <si>
    <t>【罗斯蒙特】差压变送器\3051DP1A22A1AB4DFM5\-6.2-6.2kPa,0.065%,1/2-14NPT阴螺纹,24V,4~20mA,HART协议</t>
  </si>
  <si>
    <t>【罗斯蒙特】差压变送器\3051DP2A22A1AB4DFM5\-62.2-62.2kPa,0.065%,1/2-14NPT阴螺纹,24V,4~20mA,HART协议</t>
  </si>
  <si>
    <t>【罗斯蒙特】差压变送器\3051DP3A22A1AB4DFM5\-248-248kPa,0.065%,1/2-14NPT阴螺纹,24V,4~20mA,HART协议</t>
  </si>
  <si>
    <t>【罗斯蒙特】差压变送器\3051DP4A22A1AB4DFM5\-2070-2070kPa,0.065%,1/2-14NPT阴螺纹,24V,4~20mA,HART协议</t>
  </si>
  <si>
    <t>【罗斯蒙特】差压变送器\3051DP5A22A1AB4DFM5\-13790-13790kPa,0.065%,1/2-14NPT阴螺纹,24V,4~20mA,HART协议</t>
  </si>
  <si>
    <t>【罗斯蒙特】差压变送器\3051S2CD1A2E12A1AB4D1D2M5\-6.2-6.2kPa,0.025%,1/2-14NPT阴螺纹,24V,4~20mA,HART协议</t>
  </si>
  <si>
    <t>【罗斯蒙特】差压变送器\3051S2CD2A2E12A1AB4D1D2M5\-62.2-62.2kPa,0.025%,1/2-14NPT阴螺纹,24V,4~20mA,HART协议</t>
  </si>
  <si>
    <t>【罗斯蒙特】差压变送器\3051S2CD3A2E12A1AB4D1D2M5\-248-248kPa,0.025%,1/2-14NPT阴螺纹,24V,4~20mA,HART协议</t>
  </si>
  <si>
    <t>【罗斯蒙特】差压变送器\3051S2CD4A2E12A1AB4D1D2M5\-2070-2070kPa,0.025%,1/2-14NPT阴螺纹,24V,4~20mA,HART协议</t>
  </si>
  <si>
    <t>【罗斯蒙特】差压变送器\3051S2CD5A2E12A1AB4D1D2M5\-13790-13790kPa,0.025%,1/2-14NPT阴螺纹,24V,4~20mA,HART协议</t>
  </si>
  <si>
    <t>【罗斯蒙特】差压变送器\3051S1CD1A2E12A1AB4D1D2M5\-6.2-6.2kPa,0.02%,1/2-14NPT阴螺纹,24V,4~20mA,HART协议</t>
  </si>
  <si>
    <t>【罗斯蒙特】差压变送器\3051S1CD2A2E12A1AB4D1D2M5\-62.2-62.2kPa,0.02%,1/2-14NPT阴螺纹,24V,4~20mA,HART协议</t>
  </si>
  <si>
    <t>【罗斯蒙特】差压变送器\3051S1CD3A2E12A1AB4D1D2M5\-248-248kPa,0.02%,1/2-14NPT阴螺纹,24V,4~20mA,HART协议</t>
  </si>
  <si>
    <t>【罗斯蒙特】差压变送器\3051S1CD4A2E12A1AB4D1D2M5\-2070-2070kPa,0.02%,1/2-14NPT阴螺纹,24V,4~20mA,HART协议</t>
  </si>
  <si>
    <t>【罗斯蒙特】差压变送器\3051S1CD5A2E12A1AB4D1D2M5\-13790-13790kPa,0.02%,1/2-14NPT阴螺纹,24V,4~20mA,HART协议</t>
  </si>
  <si>
    <t>【罗斯蒙特】差压变送器\3051S1CD1A2E12X\-6.2-6.2kPa,0.02%,1/2-15NPT阴螺纹,24V,4~20mA,无线HART协议</t>
  </si>
  <si>
    <t>【罗斯蒙特】差压变送器\3051S1CD2A2E12X\-62.2-62.2kPa,0.02%,1/2-16NPT阴螺纹,24V,4~20mA,无线HART协议</t>
  </si>
  <si>
    <t>【罗斯蒙特】差压变送器\3051S1CD3A2E12X\-248-248kPa,0.02%,1/2-17NPT阴螺纹,24V,4~20mA,无线HART协议</t>
  </si>
  <si>
    <t>【罗斯蒙特】差压变送器\3051S1CD4A2E12X\-2070-2070kPa,0.02%,1/2-18NPT阴螺纹,24V,4~20mA,无线HART协议</t>
  </si>
  <si>
    <t>【罗斯蒙特】差压变送器\3051S1CD5A2E12X\-13790-13790kPa,0.02%,1/2-19NPT阴螺纹,24V,4~20mA,无线HART协议</t>
  </si>
  <si>
    <t>【罗斯蒙特】差压变送器\3051CD1A02A1AS5M5\-6.22-6.22kPa,0.04%,1/2-14NPT阴螺纹,24V,4~20mA,HART协议</t>
  </si>
  <si>
    <t>【罗斯蒙特】差压变送器\3051CD2A02A1BS5M5\-62.2-62.2kPa,0.04%,1/2-14NPT阴螺纹,24V,4~20mA,HART协议</t>
  </si>
  <si>
    <t>【罗斯蒙特】差压变送器\3051CD3A02A1AS5M5\-248-248kPa,0.04%,1/2-14NPT阴螺纹,24V,4~20mA,HART协议</t>
  </si>
  <si>
    <t>【罗斯蒙特】差压变送器\3051CD4A02A1AS5M5\-2070-2070kPa,0.04%,1/2-14NPT阴螺纹,24V,4~20mA,HART协议</t>
  </si>
  <si>
    <t>【罗斯蒙特】差压变送器\3051CD5A02A1AS5M5\-13800-13800kPa,0.04%,1/2-14NPT阴螺纹,24V,4~20mA,HART协议</t>
  </si>
  <si>
    <t>【罗斯蒙特】差压变送器\3051CD1F02A1AS5M5\-6.22-6.22kPa,0.04%,1/2-14NPT阴螺纹,24V,4~20mA,FF总线</t>
  </si>
  <si>
    <t>【罗斯蒙特】差压变送器\3051CD2F02A1AS5M5\-62.2-62.2kPa,0.04%,1/2-14NPT阴螺纹,24V,4~20mA,FF总线</t>
  </si>
  <si>
    <t>【罗斯蒙特】差压变送器\3051CD3F02A1AS5M5\-248-248kPa,0.04%,1/2-14NPT阴螺纹,24V,4~20mA,FF总线</t>
  </si>
  <si>
    <t>【罗斯蒙特】差压变送器\3051CD4F02A1AS5M5\-2070-2070kPa,0.04%,1/2-14NPT阴螺纹,24V,4~20mA,FF总线</t>
  </si>
  <si>
    <t>【罗斯蒙特】差压变送器\3051CD5F02A1AS5M5\-13800-13800kPa,0.04%,1/2-14NPT阴螺纹,24V,4~20mA,FF总线</t>
  </si>
  <si>
    <t>【罗斯蒙特】差压变送器\3051CD1W02A1AS5M4\-6.22-6.22kPa,0.04%,1/2-14NPT阴螺纹,24V,4~20mA,PA总线</t>
  </si>
  <si>
    <t>【罗斯蒙特】差压变送器\3051CD2W02A1AS5M4\-62.2-62.2kPa,0.04%,1/2-14NPT阴螺纹,24V,4~20mA,PA总线</t>
  </si>
  <si>
    <t>【罗斯蒙特】差压变送器\3051CD3W02A1AS5M4\-248-248kPa,0.04%,1/2-14NPT阴螺纹,24V,4~20mA,PA总线</t>
  </si>
  <si>
    <t>【罗斯蒙特】差压变送器\3051CD4W02A1AS5M4\-2070-2070kPa,0.04%,1/2-14NPT阴螺纹,24V,4~20mA,PA总线</t>
  </si>
  <si>
    <t>【罗斯蒙特】差压变送器\3051CD5W02A1AS5M4\-13800-13800kPa,0.04%,1/2-14NPT阴螺纹,24V,4~20mA,PA总线</t>
  </si>
  <si>
    <t>【罗斯蒙特】差压变送器\3051CD1A03A1AS5M5 \-6.22-6.22kPa,0.04%,1/2-14NPT阴螺纹,24V,4~20mA,HART协议</t>
  </si>
  <si>
    <t>【罗斯蒙特】差压变送器\3051CD2A03A1BS5M5\-62.2-62.2kPa,0.04%,1/2-14NPT阴螺纹,24V,4~20mA,HART协议</t>
  </si>
  <si>
    <t>【罗斯蒙特】差压变送器\3051CD1F03A1AS5M5\-6.22-6.22kPa,0.04%,1/2-14NPT阴螺纹,24V,4~20mA,FF总线</t>
  </si>
  <si>
    <t>【罗斯蒙特】差压变送器\3051CD1W03A1AS5M4\-6.22-6.22kPa,0.04%,1/2-14NPT阴螺纹,24V,4~20mA,PA总线</t>
  </si>
  <si>
    <t>【罗斯蒙特】差压变送器\3051CD1A02A1AS5M5P9\-6.22-6.22kPa,0.04%,1/2-14NPT阴螺纹,24V,4~20mA,HART协议</t>
  </si>
  <si>
    <t>【罗斯蒙特】差压变送器\3051CD2A02A1AS5M5P9\-62.2-62.2kPa,0.04%,1/2-14NPT阴螺纹,24V,4~20mA,HART协议</t>
  </si>
  <si>
    <t>【罗斯蒙特】高静压差压变送器\3051CD3A02A1AS5M5P9\-248-248kPa,0.04%,1/2-14NPT阴螺纹,24V,4~20mA,HART协议</t>
  </si>
  <si>
    <t>【罗斯蒙特】高静压差压变送器\3051CD4A02A1AS5M5P9\-2070-2070kPa,0.04%,1/2-14NPT阴螺纹,24V,4~20mA,HART协议</t>
  </si>
  <si>
    <t>【罗斯蒙特】高静压差压变送器\3051CD5A02A1AS5M5P9\-13800-13800kPa,0.04%,1/2-14NPT阴螺纹,24V,4~20mA,HART协议</t>
  </si>
  <si>
    <t>【罗斯蒙特】高静压差压变送器\3051CD1F02A1AS5M5P9\-6.22-6.22kPa,0.04%,1/2-14NPT阴螺纹,24V,4~20mA,FF总线</t>
  </si>
  <si>
    <t>【罗斯蒙特】高静压差压变送器\3051CD2F02A1AS5M5P9\-62.2-62.2kPa,0.04%,1/2-14NPT阴螺纹,24V,4~20mA,FF总线</t>
  </si>
  <si>
    <t>【罗斯蒙特】高静压差压变送器\3051CD3F02A1AS5M5P9\-248-248kPa,0.04%,1/2-14NPT阴螺纹,24V,4~20mA,FF总线</t>
  </si>
  <si>
    <t>【罗斯蒙特】高静压差压变送器\3051CD4F02A1AS5M5P9\-2070-2070kPa,0.04%,1/2-14NPT阴螺纹,24V,4~20mA,FF总线</t>
  </si>
  <si>
    <t>【罗斯蒙特】高静压差压变送器\3051CD5F02A1AS5M5P9\-13800-13800kPa,0.04%,1/2-14NPT阴螺纹,24V,4~20mA,FF总线</t>
  </si>
  <si>
    <t>【罗斯蒙特】高静压差压变送器\3051CD1W02A1AS5M4P9\-6.22-6.22kPa,0.04%,1/2-14NPT阴螺纹,24V,4~20mA,PA总线</t>
  </si>
  <si>
    <t>【罗斯蒙特】高静压差压变送器\3051CD2W02A1AS5M4P9\-62.2-62.2kPa,0.04%,1/2-14NPT阴螺纹,24V,4~20mA,PA总线</t>
  </si>
  <si>
    <t>【罗斯蒙特】高静压差压变送器\3051CD3W02A1AS5M4P9\-248-248kPa,0.04%,1/2-14NPT阴螺纹,24V,4~20mA,PA总线</t>
  </si>
  <si>
    <t>【罗斯蒙特】高静压差压变送器\3051CD4W02A1AS5M4P9\-2070-2070kPa,0.04%,1/2-14NPT阴螺纹,24V,4~20mA,PA总线</t>
  </si>
  <si>
    <t>【罗斯蒙特】高静压差压变送器\3051CD5W02A1AS5M4P9\-13800-13800kPa,0.04%,1/2-14NPT阴螺纹,24V,4~20mA,PA总线</t>
  </si>
  <si>
    <t>【罗斯蒙特】高静压差压变送器\3051CD1A03A1AS5M5P9\-6.22-6.22kPa,0.04%,1/2-14NPT阴螺纹,24V,4~20mA,HART协议</t>
  </si>
  <si>
    <t>【罗斯蒙特】高静压差压变送器\3051CD2A02A1AS5M5P9\-62.2-62.2kPa,0.04%,1/2-14NPT阴螺纹,24V,4~20mA,HART协议</t>
  </si>
  <si>
    <t>【罗斯蒙特】高静压差压变送器\3051CD1A22A1AB4DFM5P9\-6.22-6.22kPa,0.04%,1/2-14NPT阴螺纹,24V,4~20mA,HART协议</t>
  </si>
  <si>
    <t>【罗斯蒙特】高静压差压变送器\3051CD2A22A1AB4DFM5P9\-62.2-62.2kPa,0.04%,1/2-14NPT阴螺纹,24V,4~20mA,HART协议</t>
  </si>
  <si>
    <t>【罗斯蒙特】高静压差压变送器\3051CD3A22A1AB4DFM5P9\-248-248kPa,0.04%,1/2-14NPT阴螺纹,24V,4~20mA,HART协议</t>
  </si>
  <si>
    <t>【罗斯蒙特】高静压差压变送器\3051CD4A22A1AB4DFM5P9\-2070-2070kPa,0.04%,1/2-14NPT阴螺纹,24V,4~20mA,HART协议</t>
  </si>
  <si>
    <t>【罗斯蒙特】高静压差压变送器\3051CD5A22A1AB4DFM5P9\-13800-13800kPa,0.04%,1/2-14NPT阴螺纹,24V,4~20mA,HART协议</t>
  </si>
  <si>
    <t>【罗斯蒙特】高静压差压变送器\3051CD1F22A1AB4DFM5P9\-6.22-6.22kPa,0.04%,1/2-14NPT阴螺纹,24V,4~20mA,FF总线</t>
  </si>
  <si>
    <t>【罗斯蒙特】高静压差压变送器\3051CD2F22A1AB4DFM5P9\-62.2-62.2kPa,0.04%,1/2-14NPT阴螺纹,24V,4~20mA,FF总线</t>
  </si>
  <si>
    <t>【罗斯蒙特】高静压差压变送器\3051CD3F22A1AB4DFM5P9\-248-248kPa,0.04%,1/2-14NPT阴螺纹,24V,4~20mA,FF总线</t>
  </si>
  <si>
    <t>【罗斯蒙特】高静压差压变送器\3051CD4F22A1AB4DFM5P9\-2070-2070kPa,0.04%,1/2-14NPT阴螺纹,24V,4~20mA,FF总线</t>
  </si>
  <si>
    <t>【罗斯蒙特】高静压差压变送器\3051CD5F22A1AB4DFM5P9\-13800-13800kPa,0.04%,1/2-14NPT阴螺纹,24V,4~20mA,FF总线</t>
  </si>
  <si>
    <t>【罗斯蒙特】高静压差压变送器\3051CD1W22A1AB4DFM4P9\-6.22-6.22kPa,0.04%,1/2-14NPT阴螺纹,24V,4~20mA,PA总线</t>
  </si>
  <si>
    <t>【罗斯蒙特】高静压差压变送器\3051CD2W22A1AB4DFM4P9\-62.2-62.2kPa,0.04%,1/2-14NPT阴螺纹,24V,4~20mA,PA总线</t>
  </si>
  <si>
    <t>【罗斯蒙特】高静压差压变送器\3051CD3W22A1AB4DFM4P9\-248-248kPa,0.04%,1/2-14NPT阴螺纹,24V,4~20mA,PA总线</t>
  </si>
  <si>
    <t>【罗斯蒙特】高静压差压变送器\3051CD4W22A1AB4DFM4P9\-2070-2070kPa,0.04%,1/2-14NPT阴螺纹,24V,4~20mA,PA总线</t>
  </si>
  <si>
    <t>【罗斯蒙特】高静压差压变送器\3051CD5W22A1AB4DFM4P9\-13800-13800kPa,0.04%,1/2-14NPT阴螺纹,24V,4~20mA,PA总线</t>
  </si>
  <si>
    <t>【罗斯蒙特】高静压差压变送器\3051S2CD1A2F52A1AL8B1D1D2M5P0\-6.2-6.2kPa,0.025%,1/2-14NPT阴螺纹,45kPa,24V,4~20mA,HART协议</t>
  </si>
  <si>
    <t>【罗斯蒙特】高静压差压变送器\3051S2CD2A2F52A1AL8B1D1D2M5P0\-62.2-62.2kPa,0.025%,1/2-14NPT阴螺纹,45kPa,24V,4~20mA,HART协议</t>
  </si>
  <si>
    <t>【罗斯蒙特】高静压差压变送器\3051S2CD3A2F52A1AL8B1D1D2M5P0\-248-248kPa,0.025%,1/2-14NPT阴螺纹,45kPa,24V,4~20mA,HART协议</t>
  </si>
  <si>
    <t>【罗斯蒙特】高静压差压变送器\3051S2CD4A2F52A1AL8B1D1D2M5P0\-2070-2070kPa,0.025%,1/2-14NPT阴螺纹,45kPa,24V,4~20mA,HART协议</t>
  </si>
  <si>
    <t>【罗斯蒙特】高静压差压变送器\3051S1CD1A2F52A1AL8B1D1D2M5P0\-6.2-6.2kPa,0.02%,1/2-14NPT阴螺纹,45kPa,24V,4~20mA,HART协议</t>
  </si>
  <si>
    <t>【罗斯蒙特】高静压差压变送器\3051S1CD2A2F52A1AL8B1D1D2M5P0\-62.2-62.2kPa,0.02%,1/2-14NPT阴螺纹,45kPa,24V,4~20mA,HART协议</t>
  </si>
  <si>
    <t>【罗斯蒙特】高静压差压变送器\3051S1CD3A2F52A1AL8B1D1D2M5P0\-248-248kPa,0.02%,1/2-14NPT阴螺纹,45kPa,24V,4~20mA,HART协议</t>
  </si>
  <si>
    <t>【罗斯蒙特】高静压差压变送器\3051S1CD4A2F52A1AL8B1D1D2M5P0\-2070-2070kPa,0.02%,1/2-14NPT阴螺纹,45kPa,24V,4~20mA,HART协议</t>
  </si>
  <si>
    <t>【罗斯蒙特】高静压差压变送器\3051S1CD5A2F52A1AL8B1D1D2M5P0\-13790-13790kPa,0.02%,1/2-14NPT阴螺纹,45kPa,24V,4~20mA,HART协议</t>
  </si>
  <si>
    <t>【罗斯蒙特】微差压变送器\3051CD0A02A1AH2B3L4DFM5\-0.747-0.747kPa,0.04%,1/2-14NPT阴螺纹,24V,4~20mA,HART协议</t>
  </si>
  <si>
    <t>【罗斯蒙特】微差压变送器\3051S2CD0A2F12A1AB3D1D2L4M5\-0.747-0.747kPa,0.025%,1/2-15NPT阴螺纹,24V,4~20mA,HART协议</t>
  </si>
  <si>
    <t>【罗斯蒙特】微差压变送器\3051S1CD0A2F12A1AB3D1D2L4M5\-0.747-0.747kPa,0.02%,1/2-16NPT阴螺纹,24V,4~20mA,HART协议</t>
  </si>
  <si>
    <t>【罗斯蒙特】差压变送器\3051CD1A22A1AB4DFM5\-6.22-6.22kPa,0.04%,4~20mA,24Va,1/2-14NPT阴螺纹,HART协议</t>
  </si>
  <si>
    <t>【罗斯蒙特】差压变送器\3051CD2A22A1AB4DFM5\-62.2-62.2kPa,0.04%,4~20mA,24Va,1/2-14NPT阴螺纹,HART协议</t>
  </si>
  <si>
    <t>【罗斯蒙特】差压变送器\3051CD3A22A1AB4DFM5\-248-248kPa,0.04%,4~20mA,24Va,1/2-14NPT阴螺纹,HART协议</t>
  </si>
  <si>
    <t>【罗斯蒙特】差压变送器\3051CD4A22A1AB4DFM5\-2070-2070kPa,0.04%,4~20mA,24Va,1/2-14NPT阴螺纹,HART协议</t>
  </si>
  <si>
    <t>【罗斯蒙特】差压变送器\3051CD5A22A1AB4DFM5\-13800-13800kPa,0.04%,4~20mA,24Va,1/2-14NPT阴螺纹,HART协议</t>
  </si>
  <si>
    <t>【罗斯蒙特】差压变送器\3051CD1F22A1AB4DFM5\-6.22-6.22kPa,0.04%,4~20mA,24Va,1/2-14NPT阴螺纹,FF总线</t>
  </si>
  <si>
    <t>【罗斯蒙特】差压变送器\3051CD2F22A1AB4DFM5\-62.2-62.2kPa,0.04%,4~20mA,24Va,1/2-14NPT阴螺纹,FF总线</t>
  </si>
  <si>
    <t>【罗斯蒙特】差压变送器\3051CD3F22A1AB4DFM5\-248-248kPa,0.04%,4~20mA,24Va,1/2-14NPT阴螺纹,FF总线</t>
  </si>
  <si>
    <t>【罗斯蒙特】差压变送器\3051CD4F22A1AB4DFM5\-2070-2070kPa,0.04%,4~20mA,24Va,1/2-14NPT阴螺纹,FF总线</t>
  </si>
  <si>
    <t>【罗斯蒙特】差压变送器\3051CD5F22A1AB4DFM5\-13800-13800kPa,0.04%,4~20mA,24Va,1/2-14NPT阴螺纹,FF总线</t>
  </si>
  <si>
    <t>【罗斯蒙特】差压变送器\3051CD1W22A1AB4DFM4\-6.22-6.22kPa,0.04%,4~20mA,24Va,1/2-14NPT阴螺纹,PA总线</t>
  </si>
  <si>
    <t>【罗斯蒙特】差压变送器\3051CD2W22A1AB4DFM4\-62.2-62.2kPa,0.04%,4~20mA,24Va,1/2-14NPT阴螺纹,PA总线</t>
  </si>
  <si>
    <t>【罗斯蒙特】差压变送器\3051CD3W22A1AB4DFM4\-248-248kPa,0.04%,4~20mA,24Va,1/2-14NPT阴螺纹,PA总线</t>
  </si>
  <si>
    <t>【罗斯蒙特】差压变送器\3051CD4W22A1AB4DFM4\-2070-2070kPa,0.04%,4~20mA,24Va,1/2-14NPT阴螺纹,PA总线</t>
  </si>
  <si>
    <t>【罗斯蒙特】差压变送器\3051CD5W22A1AB4DFM4\-13800-13800kPa,0.04%,4~20mA,24Va,1/2-14NPT阴螺纹,PA总线</t>
  </si>
  <si>
    <t>【罗斯蒙特】差压变送器\3051DP1A22A1AB4DFM5\-6.2-6.2kPa,0.065%,4~20mA,24Va,1/2-14NPT阴螺纹,HART协议</t>
  </si>
  <si>
    <t>【罗斯蒙特】差压变送器\3051DP2A22A1AB4DFM5\-62.2-62.2kPa,0.065%,4~20mA,24Va,1/2-14NPT阴螺纹,HART协议</t>
  </si>
  <si>
    <t>【罗斯蒙特】差压变送器\3051DP3A22A1AB4DFM5\-248-248kPa,0.065%,4~20mA,24Va,1/2-14NPT阴螺纹,HART协议</t>
  </si>
  <si>
    <t>【罗斯蒙特】差压变送器\3051DP4A22A1AB4DFM5\-2070-2070kPa,0.065%,4~20mA,24Va,1/2-14NPT阴螺纹,HART协议</t>
  </si>
  <si>
    <t>【罗斯蒙特】差压变送器\3051DP5A22A1AB4DFM5\-13790-13790kPa,0.065%,4~20mA,24Va,1/2-14NPT阴螺纹,HART协议</t>
  </si>
  <si>
    <t>【罗斯蒙特】差压变送器\3051S2CD1A2E12A1AB4D1D2M5\-6.2-6.2kPa,0.025%,4~20mA,24Va,1/2-14NPT阴螺纹,HART协议</t>
  </si>
  <si>
    <t>【罗斯蒙特】差压变送器\3051S2CD2A2E12A1AB4D1D2M5\-62.2-62.2kPa,0.025%,4~20mA,24Va,1/2-14NPT阴螺纹,HART协议</t>
  </si>
  <si>
    <t>【罗斯蒙特】差压变送器\3051S2CD3A2E12A1AB4D1D2M5\-248-248kPa,0.025%,4~20mA,24Va,1/2-14NPT阴螺纹,HART协议</t>
  </si>
  <si>
    <t>【罗斯蒙特】差压变送器\3051S2CD4A2E12A1AB4D1D2M5\-2070-2070kPa,0.025%,4~20mA,24Va,1/2-14NPT阴螺纹,HART协议</t>
  </si>
  <si>
    <t>【罗斯蒙特】差压变送器\3051S2CD5A2E12A1AB4D1D2M5\-13790-13790kPa,0.025%,4~20mA,24Va,1/2-14NPT阴螺纹,HART协议</t>
  </si>
  <si>
    <t>【罗斯蒙特】差压变送器\3051S1CD1A2E12A1AB4D1D2M5\-6.2-6.2kPa,0.02%,4~20mA,24Va,1/2-14NPT阴螺纹,HART协议</t>
  </si>
  <si>
    <t>【罗斯蒙特】差压变送器\3051S1CD2A2E12A1AB4D1D2M5\-62.2-62.2kPa,0.02%,4~20mA,24Va,1/2-14NPT阴螺纹,HART协议</t>
  </si>
  <si>
    <t>【罗斯蒙特】差压变送器\3051S1CD3A2E12A1AB4D1D2M5\-248-248kPa,0.02%,4~20mA,24Va,1/2-14NPT阴螺纹,HART协议</t>
  </si>
  <si>
    <t>【罗斯蒙特】差压变送器\3051S1CD4A2E12A1AB4D1D2M5\-2070-2070kPa,0.02%,4~20mA,24Va,1/2-14NPT阴螺纹,HART协议</t>
  </si>
  <si>
    <t>【罗斯蒙特】差压变送器\3051S1CD5A2E12A1AB4D1D2M5\-13790-13790kPa,0.02%,4~20mA,24Va,1/2-14NPT阴螺纹,HART协议</t>
  </si>
  <si>
    <t>【罗斯蒙特】差压变送器\3051S1CD1A2E12X\-6.2-6.2kPa,0.02%,4~20mA,24Va,1/2-14NPT阴螺纹,无线HART协议</t>
  </si>
  <si>
    <t>【罗斯蒙特】差压变送器\3051S1CD2A2E12X\-62.2-62.2kPa,0.02%,4~20mA,24Va,1/2-14NPT阴螺纹,无线HART协议</t>
  </si>
  <si>
    <t>【罗斯蒙特】差压变送器\3051S1CD3A2E12X\-248-248kPa,0.02%,4~20mA,24Va,1/2-14NPT阴螺纹,无线HART协议</t>
  </si>
  <si>
    <t>【罗斯蒙特】差压变送器\3051S1CD4A2E12X\-2070-2070kPa,0.02%,4~20mA,24Va,1/2-14NPT阴螺纹,无线HART协议</t>
  </si>
  <si>
    <t>【罗斯蒙特】差压变送器\3051S1CD5A2E12X\-13790-13790kPa,0.02%,4~20mA,24Va,1/2-14NPT阴螺纹,无线HART协议</t>
  </si>
  <si>
    <t>【罗斯蒙特】差压变送器\3051CD1A02A1AS5M5\-6.22-6.22kPa,0.04%,4~20mA,24Va,1/2-14NPT阴螺纹,HART协议</t>
  </si>
  <si>
    <t>【罗斯蒙特】差压变送器\3051CD2A02A1BS5M5\-62.2-62.2kPa,0.04%,4~20mA,24Va,1/2-14NPT阴螺纹,HART协议</t>
  </si>
  <si>
    <t>【罗斯蒙特】差压变送器\3051CD3A02A1AS5M5\-248-248kPa,0.04%,4~20mA,24Va,1/2-14NPT阴螺纹,HART协议</t>
  </si>
  <si>
    <t>【罗斯蒙特】差压变送器\3051CD4A02A1AS5M5\-2070-2070kPa,0.04%,4~20mA,24Va,1/2-14NPT阴螺纹,HART协议</t>
  </si>
  <si>
    <t>【罗斯蒙特】差压变送器\3051CD5A02A1AS5M5\-13800-13800kPa,0.04%,4~20mA,24Va,1/2-14NPT阴螺纹,HART协议</t>
  </si>
  <si>
    <t>【罗斯蒙特】差压变送器\3051CD1F02A1AS5M5\-6.22-6.22kPa,0.04%,4~20mA,24Va,1/2-14NPT阴螺纹,FF总线</t>
  </si>
  <si>
    <t>【罗斯蒙特】差压变送器\3051CD2F02A1AS5M5\-62.2-62.2kPa,0.04%,4~20mA,24Va,1/2-14NPT阴螺纹,FF总线</t>
  </si>
  <si>
    <t>【罗斯蒙特】差压变送器\3051CD3F02A1AS5M5\-248-248kPa,0.04%,4~20mA,24Va,1/2-14NPT阴螺纹,FF总线</t>
  </si>
  <si>
    <t>【罗斯蒙特】差压变送器\3051CD4F02A1AS5M5\-2070-2070kPa,0.04%,4~20mA,24Va,1/2-14NPT阴螺纹,FF总线</t>
  </si>
  <si>
    <t>【罗斯蒙特】差压变送器\3051CD5F02A1AS5M5\-13800-13800kPa,0.04%,4~20mA,24Va,1/2-14NPT阴螺纹,FF总线</t>
  </si>
  <si>
    <t>【罗斯蒙特】差压变送器\3051CD1W02A1AS5M4\-6.22-6.22kPa,0.04%,4~20mA,24Va,1/2-14NPT阴螺纹,PA总线</t>
  </si>
  <si>
    <t>【罗斯蒙特】差压变送器\3051CD2W02A1AS5M4\-62.2-62.2kPa,0.04%,4~20mA,24Va,1/2-14NPT阴螺纹,PA总线</t>
  </si>
  <si>
    <t>【罗斯蒙特】差压变送器\3051CD3W02A1AS5M4\-248-248kPa,0.04%,4~20mA,24Va,1/2-14NPT阴螺纹,PA总线</t>
  </si>
  <si>
    <t>【罗斯蒙特】差压变送器\3051CD4W02A1AS5M4\-2070-2070kPa,0.04%,4~20mA,24Va,1/2-14NPT阴螺纹,PA总线</t>
  </si>
  <si>
    <t>【罗斯蒙特】差压变送器\3051CD5W02A1AS5M4\-13800-13800kPa,0.04%,4~20mA,24Va,1/2-14NPT阴螺纹,PA总线</t>
  </si>
  <si>
    <t>【罗斯蒙特】差压变送器\3051CD1A03A1AS5M5\-6.22-6.22kPa,0.04%,4~20mA,24Va,1/2-14NPT阴螺纹,HART协议</t>
  </si>
  <si>
    <t>【罗斯蒙特】差压变送器\3051CD2A03A1BS5M5\-62.2-62.2kPa,0.04%,4~20mA,24Va,1/2-14NPT阴螺纹,HART协议</t>
  </si>
  <si>
    <t>【罗斯蒙特】差压变送器\3051CD1F03A1AS5M5\-6.22-6.22kPa,0.04%,4~20mA,24Va,1/2-14NPT阴螺纹,FF总线</t>
  </si>
  <si>
    <t>【罗斯蒙特】差压变送器\3051CD1W03A1AS5M4\-6.22-6.22kPa,0.04%,4~20mA,24Va,1/2-14NPT阴螺纹,PA总线</t>
  </si>
  <si>
    <t>【罗斯蒙特】高静压差压变送器\3051CD1A02A1AS5M5P9\-6.22-6.22kPa,0.04%,4~20mA,24V,1/2-14NPT阴螺纹,HART协议</t>
  </si>
  <si>
    <t>【罗斯蒙特】高静压差压变送器\3051CD2A02A1AS5M5P9\-62.2-62.2kPa,0.04%,4~20mA,24V,1/2-14NPT阴螺纹,HART协议</t>
  </si>
  <si>
    <t>【罗斯蒙特】高静压差压变送器\3051CD3A02A1AS5M5P9\-248-248kPa,0.04%,4~20mA,24V,1/2-14NPT阴螺纹,HART协议</t>
  </si>
  <si>
    <t>【罗斯蒙特】高静压差压变送器\3051CD4A02A1AS5M5P9\-2070-2070kPa,0.04%,4~20mA,24V,1/2-14NPT阴螺纹,HART协议</t>
  </si>
  <si>
    <t>【罗斯蒙特】高静压差压变送器\3051CD5A02A1AS5M5P9\-13800-13800kPa,0.04%,4~20mA,24V,1/2-14NPT阴螺纹,HART协议</t>
  </si>
  <si>
    <t>【罗斯蒙特】高静压差压变送器\3051CD1F02A1AS5M5P9\-6.22-6.22kPa,0.04%,4~20mA,24V,1/2-14NPT阴螺纹,FF总线</t>
  </si>
  <si>
    <t>【罗斯蒙特】高静压差压变送器\3051CD2F02A1AS5M5P9\-62.2-62.2kPa,0.04%,4~20mA,24V,1/2-14NPT阴螺纹,FF总线</t>
  </si>
  <si>
    <t>【罗斯蒙特】高静压差压变送器\3051CD3F02A1AS5M5P9\-248-248kPa,0.04%,4~20mA,24V,1/2-14NPT阴螺纹,FF总线</t>
  </si>
  <si>
    <t>【罗斯蒙特】高静压差压变送器\3051CD4F02A1AS5M5P9\-2070-2070kPa,0.04%,4~20mA,24V,1/2-14NPT阴螺纹,FF总线</t>
  </si>
  <si>
    <t>【罗斯蒙特】高静压差压变送器\3051CD5F02A1AS5M5P9\-13800-13800kPa,0.04%,4~20mA,24V,1/2-14NPT阴螺纹,FF总线</t>
  </si>
  <si>
    <t>【罗斯蒙特】高静压差压变送器\3051CD1W02A1AS5M4P9\-6.22-6.22kPa,0.04%,4~20mA,24V,1/2-14NPT阴螺纹,PA总线</t>
  </si>
  <si>
    <t>【罗斯蒙特】高静压差压变送器\3051CD2W02A1AS5M4P9\-62.2-62.2kPa,0.04%,4~20mA,24V,1/2-14NPT阴螺纹,PA总线</t>
  </si>
  <si>
    <t>【罗斯蒙特】高静压差压变送器\3051CD3W02A1AS5M4P9\-248-248kPa,0.04%,4~20mA,24V,1/2-14NPT阴螺纹,PA总线</t>
  </si>
  <si>
    <t>【罗斯蒙特】高静压差压变送器\3051CD4W02A1AS5M4P9\-2070-2070kPa,0.04%,4~20mA,24V,1/2-14NPT阴螺纹,PA总线</t>
  </si>
  <si>
    <t>【罗斯蒙特】高静压差压变送器\3051CD5W02A1AS5M4P9\-13800-13800kPa,0.04%,4~20mA,24V,1/2-14NPT阴螺纹,PA总线</t>
  </si>
  <si>
    <t>【罗斯蒙特】高静压差压变送器\3051CD1A03A1AS5M5P9\-6.22-6.22kPa,0.04%,4~20mA,24V,1/2-14NPT阴螺纹,HART协议</t>
  </si>
  <si>
    <t>【罗斯蒙特】高静压差压变送器\3051CD1A22A1AB4DFM5P9\-6.22-6.22kPa,0.04%,4~20mA,24V,1/2-14NPT阴螺纹,HART协议</t>
  </si>
  <si>
    <t>【罗斯蒙特】高静压差压变送器\3051CD2A22A1AB4DFM5P9\-62.2-62.2kPa,0.04%,4~20mA,24V,1/2-14NPT阴螺纹,HART协议</t>
  </si>
  <si>
    <t>【罗斯蒙特】高静压差压变送器\3051CD3A22A1AB4DFM5P9\-248-248kPa,0.04%,4~20mA,24V,1/2-14NPT阴螺纹,HART协议</t>
  </si>
  <si>
    <t>【罗斯蒙特】高静压差压变送器\3051CD4A22A1AB4DFM5P9\-2070-2070kPa,0.04%,4~20mA,24V,1/2-14NPT阴螺纹,HART协议</t>
  </si>
  <si>
    <t>【罗斯蒙特】高静压差压变送器\3051CD5A22A1AB4DFM5P9\-13800-13800kPa,0.04%,4~20mA,24V,1/2-14NPT阴螺纹,HART协议</t>
  </si>
  <si>
    <t>【罗斯蒙特】高静压差压变送器\3051CD1F22A1AB4DFM5P9\-6.22-6.22kPa,0.04%,4~20mA,24V,1/2-14NPT阴螺纹,FF总线</t>
  </si>
  <si>
    <t>【罗斯蒙特】高静压差压变送器\3051CD2F22A1AB4DFM5P9\-62.2-62.2kPa,0.04%,4~20mA,24V,1/2-14NPT阴螺纹,FF总线</t>
  </si>
  <si>
    <t>【罗斯蒙特】高静压差压变送器\3051CD3F22A1AB4DFM5P9\-248-248kPa,0.04%,4~20mA,24V,1/2-14NPT阴螺纹,FF总线</t>
  </si>
  <si>
    <t>【罗斯蒙特】高静压差压变送器\3051CD4F22A1AB4DFM5P9\-2070-2070kPa,0.04%,4~20mA,24V,1/2-14NPT阴螺纹,FF总线</t>
  </si>
  <si>
    <t>【罗斯蒙特】高静压差压变送器\3051CD5F22A1AB4DFM5P9\-13800-13800kPa,0.04%,4~20mA,24V,1/2-14NPT阴螺纹,FF总线</t>
  </si>
  <si>
    <t>【罗斯蒙特】高静压差压变送器\3051CD1W22A1AB4DFM4P9\-6.22-6.22kPa,0.04%,4~20mA,24V,1/2-14NPT阴螺纹,PA总线</t>
  </si>
  <si>
    <t>【罗斯蒙特】高静压差压变送器\3051CD2W22A1AB4DFM4P9\-62.2-62.2kPa,0.04%,4~20mA,24V,1/2-14NPT阴螺纹,PA总线</t>
  </si>
  <si>
    <t>【罗斯蒙特】高静压差压变送器\3051CD3W22A1AB4DFM4P9\-248-248kPa,0.04%,4~20mA,24V,1/2-14NPT阴螺纹,PA总线</t>
  </si>
  <si>
    <t>【罗斯蒙特】高静压差压变送器\3051CD4W22A1AB4DFM4P9\-2070-2070kPa,0.04%,4~20mA,24V,1/2-14NPT阴螺纹,PA总线</t>
  </si>
  <si>
    <t>【罗斯蒙特】高静压差压变送器\3051CD5W22A1AB4DFM4P9\-13800-13800kPa,0.04%,4~20mA,24V,1/2-14NPT阴螺纹,PA总线</t>
  </si>
  <si>
    <t>【罗斯蒙特】高静压差压变送器\3051S2CD1A2F52A1AL8B1D1D2M5P0\-6.2-6.2kPa,0.025%,4~20mA,24V,45kPa,1/2-14NPT阴螺纹,HART协议</t>
  </si>
  <si>
    <t>【罗斯蒙特】高静压差压变送器\3051S2CD2A2F52A1AL8B1D1D2M5P0\-62.2-62.2kPa,0.025%,4~20mA,24V,45kPa,1/2-14NPT阴螺纹,HART协议</t>
  </si>
  <si>
    <t>【罗斯蒙特】高静压差压变送器\3051S2CD3A2F52A1AL8B1D1D2M5P0\-248-248kPa,0.025%,4~20mA,24V,45kPa,1/2-14NPT阴螺纹,HART协议</t>
  </si>
  <si>
    <t>【罗斯蒙特】高静压差压变送器\3051S2CD4A2F52A1AL8B1D1D2M5P0\-2070-2070kPa,0.025%,4~20mA,24V,45kPa,1/2-14NPT阴螺纹,HART协议</t>
  </si>
  <si>
    <t>【罗斯蒙特】高静压差压变送器\3051S1CD1A2F52A1AL8B1D1D2M5P0\-6.2-6.2kPa,0.02%,4~20mA,24V,45kPa,1/2-14NPT阴螺纹,HART协议</t>
  </si>
  <si>
    <t>【罗斯蒙特】高静压差压变送器\3051S1CD2A2F52A1AL8B1D1D2M5P0\-62.2-62.2kPa,0.02%,4~20mA,24V,45kPa,1/2-14NPT阴螺纹,HART协议</t>
  </si>
  <si>
    <t>【罗斯蒙特】高静压差压变送器\3051S1CD3A2F52A1AL8B1D1D2M5P0\-248-248kPa,0.02%,4~20mA,24V,45kPa,1/2-14NPT阴螺纹,HART协议</t>
  </si>
  <si>
    <t>【罗斯蒙特】高静压差压变送器\3051S1CD4A2F52A1AL8B1D1D2M5P0\-2070-2070kPa,0.02%,4~20mA,24V,45kPa,1/2-14NPT阴螺纹,HART协议</t>
  </si>
  <si>
    <t>【罗斯蒙特】高静压差压变送器\3051S1CD5A2F52A1AL8B1D1D2M5P0\-13790-13790kPa,0.02%,4~20mA,24V,45kPa,1/2-14NPT阴螺纹,HART协议</t>
  </si>
  <si>
    <t>【罗斯蒙特】微差压变送器\3051CD0A02A1AH2B3L4DFM5\-0.747-0.747kPa,0.04%,4~20mA,24Va,1/2-14NPT阴螺纹,HART协议</t>
  </si>
  <si>
    <t>【罗斯蒙特】微差压变送器\3051S2CD0A2F12A1AB3D1D2L4M5\-0.747-0.747kPa,0.025%,4~20mA,24Va,1/2-14NPT阴螺纹,HART协议</t>
  </si>
  <si>
    <t>【罗斯蒙特】微差压变送器\3051S1CD0A2F12A1AB3D1D2L4M5\-0.747-0.747kPa,0.02%,4~20mA,24Va,1/2-14NPT阴螺纹,HART协议</t>
  </si>
  <si>
    <t>【罗斯蒙特】雷达液位计\5402AH1NA4SPVBAM1C1\0-15m,3″RF 150lb,24V,4-20mA,ExdⅡCT4 IP56</t>
  </si>
  <si>
    <t>【罗斯蒙特】雷达液位计\5402AH1NA4SPVBBM1C1\0-15m,3″RF 300lb,24V,4-20mA,ExdⅡCT4 IP56</t>
  </si>
  <si>
    <t>【罗斯蒙特】雷达液位计\5402AH1NA4SPVCAM1C1\0-15m,4″RF 150lb,24V,4-20mA,ExdⅡCT4 IP56</t>
  </si>
  <si>
    <t>【罗斯蒙特】雷达液位计\5402AH1NA4SPVCBM1C1\0-15m,4″RF 300lb,24V,4-20mA,ExdⅡCT4 IP56</t>
  </si>
  <si>
    <t>【罗斯蒙特】雷达液位计\5402AH1NA4SPVDAM1C1\0-15m,6″RF 150lb,24V,4-20mA,ExdⅡCT4 IP56</t>
  </si>
  <si>
    <t>【罗斯蒙特】雷达液位计\5402AH1NA4SPVEAM1C1\0-15m,8″RF 150lb,24V,4-20mA,ExdⅡCT4 IP56</t>
  </si>
  <si>
    <t>【罗斯蒙特】雷达液位计\5402AH1NA4SPVIBM1C1\0-15m,DN80 PN40,24V,4-20mA,ExdⅡCT4 IP56</t>
  </si>
  <si>
    <t>【罗斯蒙特】雷达液位计\5402AH1NA4SPVJAM1C1\0-15m,DN100 PN16,24V,4-20mA,ExdⅡCT4 IP56</t>
  </si>
  <si>
    <t>【罗斯蒙特】雷达液位计\5402AH1NA4SPVJBM1C1\0-15m,DN100 PN40,24V,4-20mA,ExdⅡCT4 IP56</t>
  </si>
  <si>
    <t>【罗斯蒙特】雷达液位计\5402AH1NA4SPVKAM1C1\0-15m,DN150 PN16,24V,4-20mA,ExdⅡCT4 IP56</t>
  </si>
  <si>
    <t>【罗斯蒙特】雷达液位计\5402AH1NA4SPVLAM1C1\0-15m,DN200 PN16,24V,4-20mA,ExdⅡCT4 IP56</t>
  </si>
  <si>
    <t>【罗斯蒙特】雷达液位计\5601ANAP5A0NE45SPVNF\0-6m,4" NPT螺纹,24V,4-20mA,ExdⅡCT4 IP56</t>
  </si>
  <si>
    <t>【罗斯蒙特】雷达液位计\3301HA1S1V4AMXXXXAANAM1C1\0-6m,2″RF 150lb,24V,4-20mA,ExdⅡCT4 IP56</t>
  </si>
  <si>
    <t>【罗斯蒙特】雷达液位计\3301HA1S1V4AMXXXXABNAM1C1\0-6m,2″RF 300lb,24V,4-20mA,ExdⅡCT4 IP56</t>
  </si>
  <si>
    <t>【罗斯蒙特】雷达液位计\3301HA1S1V4AMXXXXBANAM1C1\0-6m,3″RF 150lb,24V,4-20mA,ExdⅡCT4 IP56</t>
  </si>
  <si>
    <t>【罗斯蒙特】雷达液位计\3301HA1S1V4AMXXXXBBNAM1C1\0-6m,3″RF 300lb,24V,4-20mA,ExdⅡCT4 IP56</t>
  </si>
  <si>
    <t>【罗斯蒙特】雷达液位计\3301HA1S1V4AMXXXXCANAM1C1\0-6m,4″RF 150lb,24V,4-20mA,ExdⅡCT4 IP56</t>
  </si>
  <si>
    <t>【罗斯蒙特】雷达液位计\3301HA1S1V4AMXXXXCBNAM1C1\0-6m,4″RF 300lb,24V,4-20mA,ExdⅡCT4 IP56</t>
  </si>
  <si>
    <t>【罗斯蒙特】雷达液位计\3301HA1S1V4AMXXXXHBNAM1C1\0-6m,DN50 PN40,24V,4-20mA,ExdⅡCT4 IP56</t>
  </si>
  <si>
    <t>【罗斯蒙特】雷达液位计\3301HA1S1V4AMXXXXIANAM1C1\0-6m,DN80 PN16,24V,4-20mA,ExdⅡCT4 IP56</t>
  </si>
  <si>
    <t>【罗斯蒙特】雷达液位计\3301HA1S1V4AMXXXXIBNAM1C1\0-6m,DN80 PN40,24V,4-20mA,ExdⅡCT4 IP56</t>
  </si>
  <si>
    <t>【罗斯蒙特】雷达液位计\3301HA1S1V4AMXXXXJANAM1C1\0-6m,DN100 PN16,24V,4-20mA,ExdⅡCT4 IP56</t>
  </si>
  <si>
    <t>【罗斯蒙特】雷达液位计\3301HA1S1V4AMXXXXJBNAM1C1\0-6m,DN100 PN40,24V,4-20mA,ExdⅡCT4 IP56</t>
  </si>
  <si>
    <t>【罗斯蒙特】雷达液位计\3301HA1S1V4AMXXXXRANAM1C1\0-6m,1.5" NPT螺纹,24V,4-20mA,ExdⅡCT4 IP56</t>
  </si>
  <si>
    <t>【罗斯蒙特】雷达液位计\3301HA1S1V5AMXXXXAANAM1C1\0-23m,2″RF 150lb,24V,4-20mA,ExdⅡCT4 IP56</t>
  </si>
  <si>
    <t>【罗斯蒙特】雷达液位计\3301HA1S1V5AMXXXXABNAM1C1\0-23m,2″RF 300lb,24V,4-20mA,ExdⅡCT4 IP56</t>
  </si>
  <si>
    <t>【罗斯蒙特】雷达液位计\3301HA1S1V5AMXXXXBANAM1C1\0-23m,3″RF 150lb,24V,4-20mA,ExdⅡCT4 IP56</t>
  </si>
  <si>
    <t>【罗斯蒙特】雷达液位计\3301HA1S1V5AMXXXXBBNAM1C1\0-23m,3″RF 300lb,24V,4-20mA,ExdⅡCT4 IP56</t>
  </si>
  <si>
    <t>【罗斯蒙特】雷达液位计\3301HA1S1V5AMXXXXCANAM1C1\0-23m,4″RF 150lb,24V,4-20mA,ExdⅡCT4 IP56</t>
  </si>
  <si>
    <t>【罗斯蒙特】雷达液位计\3301HA1S1V5AMXXXXCBNAM1C1\0-23m,4″RF 300lb,24V,4-20mA,ExdⅡCT4 IP56</t>
  </si>
  <si>
    <t>【罗斯蒙特】雷达液位计\3301HA1S1V5AMXXXXHBNAM1C1\0-23m,DN50 PN40,24V,4-20mA,ExdⅡCT4 IP56</t>
  </si>
  <si>
    <t>【罗斯蒙特】雷达液位计\3301HA1S1V5AMXXXXIANAM1C1\0-23m,DN80 PN16,24V,4-20mA,ExdⅡCT4 IP56</t>
  </si>
  <si>
    <t>【罗斯蒙特】雷达液位计\3301HA1S1V5AMXXXXIBNAM1C1\0-23m,DN80 PN40,24V,4-20mA,ExdⅡCT4 IP56</t>
  </si>
  <si>
    <t>【罗斯蒙特】雷达液位计\3301HA1S1V5AMXXXXJANAM1C1\0-23m,DN100 PN16,24V,4-20mA,ExdⅡCT4 IP56</t>
  </si>
  <si>
    <t>【罗斯蒙特】雷达液位计\3301HA1S1V5AMXXXXJBNAM1C1\0-23m,DN100 PN40,24V,4-20mA,ExdⅡCT4 IP56</t>
  </si>
  <si>
    <t>【罗斯蒙特】雷达液位计\3301HA1S1V5AMXXXXRANAM1C1\0-23m,1.5" NPT螺纹,24V,4-20mA,ExdⅡCT4 IP56</t>
  </si>
  <si>
    <t>【罗斯蒙特】雷达液位计\5301HA1S1V4AMXXXXXAANAM1C1\0-3m,2″RF 150lb,24V,4-20mA,ExdⅡCT4 IP56</t>
  </si>
  <si>
    <t>【罗斯蒙特】雷达液位计\5301HA1S1V4AMXXXXXABNAM1C1\0-3m,2″RF 300lb,24V,4-20mA,ExdⅡCT4 IP56</t>
  </si>
  <si>
    <t>【罗斯蒙特】雷达液位计\5301HA1S1V4AMXXXXXBANAM1C1\0-3m,3″RF 150lb,24V,4-20mA,ExdⅡCT4 IP56</t>
  </si>
  <si>
    <t>【罗斯蒙特】雷达液位计\5301HA1S1V4AMXXXXXBBNAM1C1\0-3m,3″RF 300lb,24V,4-20mA,ExdⅡCT4 IP56</t>
  </si>
  <si>
    <t>【罗斯蒙特】雷达液位计\5301HA1S1V4AMXXXXXCANAM1C1\0-3m,4″RF 150lb,24V,4-20mA,ExdⅡCT4 IP56</t>
  </si>
  <si>
    <t>【罗斯蒙特】雷达液位计\5301HA1S1V4AMXXXXXCBNAM1C1\0-3m,4″RF 300lb,24V,4-20mA,ExdⅡCT4 IP56</t>
  </si>
  <si>
    <t>【罗斯蒙特】雷达液位计\5301HA1S1V4AMXXXXXHBNAM1C1\0-3m,DN50 PN40,24V,4-20mA,ExdⅡCT4 IP56</t>
  </si>
  <si>
    <t>【罗斯蒙特】雷达液位计\5301HA1S1V4AMXXXXXIANAM1C1\0-3m,DN80 PN16,24V,4-20mA,ExdⅡCT4 IP56</t>
  </si>
  <si>
    <t>【罗斯蒙特】雷达液位计\5301HA1S1V4AMXXXXXIBNAM1C1\0-3m,DN80 PN40,24V,4-20mA,ExdⅡCT4 IP56</t>
  </si>
  <si>
    <t>【罗斯蒙特】雷达液位计\5301HA1S1V4AMXXXXXJANAM1C1\0-3m,DN100 PN16,24V,4-20mA,ExdⅡCT4 IP56</t>
  </si>
  <si>
    <t>【罗斯蒙特】雷达液位计\5301HA1S1V4AMXXXXXJBNAM1C1\0-3m,DN100 PN40,24V,4-20mA,ExdⅡCT4 IP56</t>
  </si>
  <si>
    <t>【罗斯蒙特】雷达液位计\5301HA1S1V4AMXXXXXRANAM1C1\0-3m,1.5" NPT螺纹,24V,4-20mA,ExdⅡCT4 IP56</t>
  </si>
  <si>
    <t>【罗斯蒙特】雷达液位计\5301HA1S1V5AMXXXXXAANAM1C1\0-23.5m,2″RF 150lb,24V,4-20mA,ExdⅡCT4 IP56</t>
  </si>
  <si>
    <t>【罗斯蒙特】雷达液位计\5301HA1S1V5AMXXXXXABNAM1C1\0-10m,2″RF 300lb,24V,4-20mA,ExdⅡCT4 IP56</t>
  </si>
  <si>
    <t>【罗斯蒙特】雷达液位计\5301HA1S1V5AMXXXXXHBNAM1C1\0-10m,DN50 PN40,24V,4-20mA,ExdⅡCT4 IP56</t>
  </si>
  <si>
    <t>【罗斯蒙特】雷达液位计\5301HA1S1V5AMXXXXXRANAM1C1\0-10m,1.5" NPT螺纹,24V,4-20mA,ExdⅡCT4 IP56</t>
  </si>
  <si>
    <t>【罗斯蒙特】雷达液位计\5301HA1S1V3BMXXXXXAANAM1C1\0-10m,2″RF 150lb,24V,4-20mA,ExdⅡCT4 IP56</t>
  </si>
  <si>
    <t>【罗斯蒙特】雷达液位计\5401AH1NA2RPDAAM1C1\0-20m,2″RF 150lb,24V,4-20mA,ExdⅡCT4 IP56</t>
  </si>
  <si>
    <t>【罗斯蒙特】雷达液位计\5401AH1NA2RPDABM1C1\0-20m,2″RF 300lb,24V,4-20mA,ExdⅡCT4 IP56</t>
  </si>
  <si>
    <t>【罗斯蒙特】雷达液位计\5401AH1NA2RPDBAM1C1\0-20m,3″RF 150lb,24V,4-20mA,ExdⅡCT4 IP56</t>
  </si>
  <si>
    <t>【罗斯蒙特】雷达液位计\5401AH1NA2RPDBBM1C1\0-20m,3″RF 300lb,24V,4-20mA,ExdⅡCT4 IP56</t>
  </si>
  <si>
    <t>【罗斯蒙特】雷达液位计\5401AH1NA2RPDCAM1C1\0-20m,4″RF 150lb,24V,4-20mA,ExdⅡCT4 IP56</t>
  </si>
  <si>
    <t>【罗斯蒙特】雷达液位计\5401AH1NA2RPDCBM1C1\0-20m,4″RF 300lb,24V,4-20mA,ExdⅡCT4 IP56</t>
  </si>
  <si>
    <t>【罗斯蒙特】雷达液位计\5401AH1NA2RPDDAM1C1\0-20m,6″RF 150lb,24V,4-20mA,ExdⅡCT4 IP56</t>
  </si>
  <si>
    <t>【罗斯蒙特】雷达液位计\5401AH1NA2RPDHBM1C1\0-20m,DN50 PN40,24V,4-20mA,ExdⅡCT4 IP56</t>
  </si>
  <si>
    <t>【罗斯蒙特】雷达液位计\5401AH1NA2RPDIBM1C1\0-20m,DN80 PN40,24V,4-20mA,ExdⅡCT4 IP56</t>
  </si>
  <si>
    <t>【罗斯蒙特】雷达液位计\5401AH1NA2RPDJAM1C1\0-20m,DN100 PN16,24V,4-20mA,ExdⅡCT4 IP56</t>
  </si>
  <si>
    <t>【罗斯蒙特】雷达液位计\5401AH1NA2RPDJBM1C1\0-20m,DN100 PN40,24V,4-20mA,ExdⅡCT4 IP56</t>
  </si>
  <si>
    <t>【罗斯蒙特】雷达液位计\5401AH1NA2RPDKAM1C1\0-20m,DN150 PN16,24V,4-20mA,ExdⅡCT4 IP56</t>
  </si>
  <si>
    <t>【上电修】双头螺柱\M30\HZB253-640-03-11\HZB253-640</t>
  </si>
  <si>
    <t>件</t>
  </si>
  <si>
    <t>中国电建集团上海能源装备有限公司</t>
  </si>
  <si>
    <t>上电修</t>
  </si>
  <si>
    <t>WZSCCG-2018-SH-002</t>
  </si>
  <si>
    <t>2018年度集团级上电修给水泵备件长协采购</t>
  </si>
  <si>
    <t>【上电修】金属缠绕垫\HZB253-640-03-24\HZB253-640</t>
  </si>
  <si>
    <t>【上电修】联轴器螺母\FA1D56-01-01\FA1D56</t>
  </si>
  <si>
    <t>【上电修】键\FA1D56-01-02\FA1D56</t>
  </si>
  <si>
    <t>【上电修】泵轴\FA1D56-01-03A\FA1D56</t>
  </si>
  <si>
    <t>【上电修】锁紧螺母\M75*2\FA1D56-01-04\FA1D56</t>
  </si>
  <si>
    <t>【上电修】轴套（传外）\FA1D56-01-05\FA1D56</t>
  </si>
  <si>
    <t>【上电修】轴套（传内）\FA1D56-01-06\FA1D56</t>
  </si>
  <si>
    <t>【上电修】叶轮锁紧垫片\FA1D56-01-11\FA1D56</t>
  </si>
  <si>
    <t>【上电修】叶轮螺母（自）\FA1D56-01-12A\FA1D56</t>
  </si>
  <si>
    <t>【上电修】机械密封轴套键\FA1D56-01-13\FA1D56</t>
  </si>
  <si>
    <t>【上电修】定位销\FA1D56-01-14\FA1D56</t>
  </si>
  <si>
    <t>【上电修】轴套（自）\FA1D56-01-15\FA1D56</t>
  </si>
  <si>
    <t>【上电修】轴承座（传）\FA1D56-02-01\FA1D56</t>
  </si>
  <si>
    <t>【上电修】轴承座端盖（传）\FA1D56-02-02\FA1D56</t>
  </si>
  <si>
    <t>【上电修】轴承座端盖（自）\FA1D56-02-05\FA1D56</t>
  </si>
  <si>
    <t>【上电修】垫片\FA1D56-02-06A\FA1D56</t>
  </si>
  <si>
    <t>【上电修】中间隔离圈\FA1D56-02-07\FA1D56</t>
  </si>
  <si>
    <t>【上电修】轴承座（自）\FA1D56-02-08\FA1D56</t>
  </si>
  <si>
    <t>【上电修】端盖\FA1D56-02-10\FA1D56</t>
  </si>
  <si>
    <t>【上电修】垫片\FA1D56-02-11\FA1D56</t>
  </si>
  <si>
    <t>【上电修】机械密封盖\FA1D56-03-01\FA1D56</t>
  </si>
  <si>
    <t>【上电修】密封定位环\FA1D56-03-02\FA1D56</t>
  </si>
  <si>
    <t>【上电修】冷却壳体\FA1D56-03-03\FA1D56</t>
  </si>
  <si>
    <t>【上电修】上下泵壳\FA1D56-03-04/10\FA1D56</t>
  </si>
  <si>
    <t>套</t>
  </si>
  <si>
    <t>【上电修】泵壳磨损环\FA1D56-03-05\FA1D56</t>
  </si>
  <si>
    <t>【上电修】机械密封轴套\FA1D56-01-07\FA1D56</t>
  </si>
  <si>
    <t>【上电修】叶轮螺母（传）\M90*2\FA1D56-01-08a\FA1D56</t>
  </si>
  <si>
    <t>【上电修】叶轮\FA1D56-01-09\FA1D56</t>
  </si>
  <si>
    <t>【上电修】叶轮键\FA1D56-01-10\FA1D56</t>
  </si>
  <si>
    <t>【上电修】定位销\FA1D56-03-11\FA1D56</t>
  </si>
  <si>
    <t>【上电修】蝶形弹簧\DG600-240-04-18\DG600-240</t>
  </si>
  <si>
    <t>【上电修】螺母\M36\FA1D56-03-13\FA1D56</t>
  </si>
  <si>
    <t>【上电修】双头螺栓\M36*140\FA1D56-03-14\FA1D56</t>
  </si>
  <si>
    <t>【上电修】油位计压盖\FA1D56-03-15\FA1D56</t>
  </si>
  <si>
    <t>【上电修】螺母\M24\FA1D56-03-18\FA1D56</t>
  </si>
  <si>
    <t>【上电修】双头螺栓\M24*200\FA1D56-03-19\FA1D56</t>
  </si>
  <si>
    <t>【上电修】双头螺栓\M24*250\FA1D56-03-20\FA1D56</t>
  </si>
  <si>
    <t>【上电修】双头螺栓\M36*250\FA1D56-03-21\FA1D56</t>
  </si>
  <si>
    <t>【上电修】铜垫圈\FA1D56-03-21A\FA1D56</t>
  </si>
  <si>
    <t>【上电修】铜垫圈\FA1D56-03-24\FA1D56</t>
  </si>
  <si>
    <t>【上电修】推力轴承\FK6B37M-06-00\HPT350-370</t>
  </si>
  <si>
    <t>副</t>
  </si>
  <si>
    <t>【上电修】轴承体端盖\FK6B37M-05-05\HPT350-370</t>
  </si>
  <si>
    <t>【上电修】自由端轴承体\FK6B37M-05-04\HPT350-370</t>
  </si>
  <si>
    <t>【上电修】径向轴承\FK6B37M-05-03\HPT350-370</t>
  </si>
  <si>
    <t>【上电修】传动端轴承体\FK6B37M-05-02\HPT350-370</t>
  </si>
  <si>
    <t>【上电修】油封组件\FK6B37M-05-01-00\HPT350-370</t>
  </si>
  <si>
    <t>【上电修】节流衬套\FK6B37M-04-05\HPT350-370</t>
  </si>
  <si>
    <t>【上电修】大端盖\FK6B37M-04-04\HPT350-370</t>
  </si>
  <si>
    <t>【上电修】自由端密封衬套\FK6B37M-04-03\HPT350-370</t>
  </si>
  <si>
    <t>【上电修】末级导叶\FK6B37M-04-14\HPT350-370</t>
  </si>
  <si>
    <t>【上电修】导叶\FK6B37M-04-13\HPT350-370</t>
  </si>
  <si>
    <t>【上电修】第二级导叶\FK6B37M-04-12\HPT350-370</t>
  </si>
  <si>
    <t>【上电修】导叶衬套\FK6B37M-04-11\HPT350-370</t>
  </si>
  <si>
    <t>【上电修】泵壳\FK6B37M-04-10\HPT350-370</t>
  </si>
  <si>
    <t>【上电修】泵壳磨损环\FK6B37M-04-09\HPT350-370</t>
  </si>
  <si>
    <t>【上电修】首级泵壳\FK6B37M-04-08\HPT350-370</t>
  </si>
  <si>
    <t>【上电修】进口端盖磨损环\FK6B37M-04-07\HPT350-370</t>
  </si>
  <si>
    <t>【上电修】传动端密封衬套\FK6B37M-04-02\HPT350-370</t>
  </si>
  <si>
    <t>【上电修】进水端盖\FK6B37M-04-01\HPT350-370</t>
  </si>
  <si>
    <t>【上电修】卡环\内径Φ142*Φ6\FK6B37M-03-07\HPT350-370</t>
  </si>
  <si>
    <t>【上电修】调整分半环\Φ133/Φ121*16\FK6B37M-03-10\HPT350-370</t>
  </si>
  <si>
    <t>【上电修】卡环\内径Φ125*Φ6\FK6B37M-03-09\HPT350-370</t>
  </si>
  <si>
    <t>【上电修】推力盘\FK6B37M-03-11\HPT350-370</t>
  </si>
  <si>
    <t>【上电修】夹紧环\FK6B37M-03-08\HPT350-370</t>
  </si>
  <si>
    <t>【上电修】分半环\Φ119/Φ98*18\FK6A40-03-08\HPT350-370</t>
  </si>
  <si>
    <t>【上电修】分半环\Φ162/Φ116*25\FK6B37M-03-06\HPT350-370</t>
  </si>
  <si>
    <t>【上电修】平衡鼓\FK6B37M-03-05\HPT350-370</t>
  </si>
  <si>
    <t>【上电修】次级叶轮\FK6B37M-03-04\HPT350-370</t>
  </si>
  <si>
    <t>【上电修】首级叶轮\FK6B37M-03-03\HPT350-370</t>
  </si>
  <si>
    <t>【上电修】密封轴套\FK6B37M-03-02\HPT350-370</t>
  </si>
  <si>
    <t>【上电修】主轴\FK6B37M-03-01\HPT350-370</t>
  </si>
  <si>
    <t>【上电修】拉紧环\HPT350-370M-01BR-03\HPT350-370</t>
  </si>
  <si>
    <t>【上电修】螺母\DG600-240-01-02\DG600-240</t>
  </si>
  <si>
    <t>【上电修】双头螺栓\DG600-240-01-03\DG600-240</t>
  </si>
  <si>
    <t>【上电修】保持环\DG600-240-01-04\DG600-240</t>
  </si>
  <si>
    <t>【上电修】大螺栓保护帽\DG600-240-01-07\DG600-240</t>
  </si>
  <si>
    <t>【上电修】泵轴\DG600-240-03-01\DG600-240</t>
  </si>
  <si>
    <t>【上电修】联轴器键\DG600-240-03-02\DG600-240</t>
  </si>
  <si>
    <t>【上电修】联轴器螺母（左旋）\DG600-240-03-03\DG600-240</t>
  </si>
  <si>
    <t>【上电修】抛油环\DG600-240-03-04\DG600-240</t>
  </si>
  <si>
    <t>【上电修】锁紧螺母\DG600-240-03-05\DG600-240</t>
  </si>
  <si>
    <t>【上电修】抛水环螺母（左旋）\DG600-240-03-06\DG600-240</t>
  </si>
  <si>
    <t>【上电修】密封轴套\DG600-240-03-07\DG600-240</t>
  </si>
  <si>
    <t>【上电修】推力轴承撑板\DG600-240-06-02\DG600-240</t>
  </si>
  <si>
    <t>【上电修】推力块\DG600-240-06-03\DG600-240</t>
  </si>
  <si>
    <t>【上电修】半圆键\DG600-240-06-04\DG600-240</t>
  </si>
  <si>
    <t>【上电修】推力块定位螺栓\DG600-240-06-05\DG600-240</t>
  </si>
  <si>
    <t>【上电修】夹片\DG600-240-06-06\DG600-240</t>
  </si>
  <si>
    <t>【上电修】拉紧块\ZCGJ1-01-01\DG600-240</t>
  </si>
  <si>
    <t>【上电修】夹紧板\ZCGJ2-7/8/9\DG600-240</t>
  </si>
  <si>
    <t>【上电修】泵体\QG500-80-101\QG500-80</t>
  </si>
  <si>
    <t>【上电修】堵盖\QG500-80-101A\QG500-80</t>
  </si>
  <si>
    <t>【上电修】泵盖（传）\QG500-80-102\QG500-80</t>
  </si>
  <si>
    <t>【上电修】盖板\QG500-80-102A\QG500-80</t>
  </si>
  <si>
    <t>【上电修】泵盖（自）\QG500-80-103\QG500-80</t>
  </si>
  <si>
    <t>【上电修】泵座\QG500-80-104\QG500-80</t>
  </si>
  <si>
    <t>【上电修】底座框架\QG500-80-104b\QG500-80</t>
  </si>
  <si>
    <t>【上电修】密封环\QG500-80-105\QG500-80</t>
  </si>
  <si>
    <t>【上电修】沉头螺钉\QG500-80-105A\QG500-80</t>
  </si>
  <si>
    <t>【上电修】六角螺栓\QG500-80-106\QG500-80</t>
  </si>
  <si>
    <t>【上电修】主轴\QG500-80-201\QG500-80</t>
  </si>
  <si>
    <t>【上电修】叶轮\QG500-80-202\QG500-80</t>
  </si>
  <si>
    <t>【上电修】轴套（自）\QG500-80-203\QG500-80</t>
  </si>
  <si>
    <t>【上电修】轴套（传）\QG500-80-204\QG500-80</t>
  </si>
  <si>
    <t>【上电修】轴套紧固螺帽（自）\QG500-80-205\QG500-80</t>
  </si>
  <si>
    <t>【上电修】键\DG600-240-03-08\DG600-240</t>
  </si>
  <si>
    <t>【上电修】首级叶轮\DG600-240-03-09\DG600-240</t>
  </si>
  <si>
    <t>【上电修】次级叶轮\DG600-240-03-10\DG600-240</t>
  </si>
  <si>
    <t>【上电修】末级叶轮\DG600-240-03-11\DG600-240</t>
  </si>
  <si>
    <t>【上电修】叶轮卡环\DG600-240-03-12\DG600-240</t>
  </si>
  <si>
    <t>【上电修】叶轮键\DG600-240-03-13\DG600-240</t>
  </si>
  <si>
    <t>【上电修】平衡鼓\DG600-240-03-14\DG600-240</t>
  </si>
  <si>
    <t>【上电修】密封圈\DG600-240-03-15\DG600-240</t>
  </si>
  <si>
    <t>【上电修】密封圈压圈\DG600-240-03-16\DG600-240</t>
  </si>
  <si>
    <t>【上电修】键\DG600-240-03-17\DG600-240</t>
  </si>
  <si>
    <t>【上电修】平衡鼓锁紧垫圈\DG600-240-03-18\DG600-240</t>
  </si>
  <si>
    <t>【上电修】平衡鼓螺母\DG600-240-03-19\DG600-240</t>
  </si>
  <si>
    <t>【上电修】锁紧螺母\DG600-240-03-20\DG600-240</t>
  </si>
  <si>
    <t>【上电修】抛水环螺母（自由端）\DG600-240-03-21\DG600-240</t>
  </si>
  <si>
    <t>【上电修】推力盘\DG600-240-03-22\DG600-240</t>
  </si>
  <si>
    <t>【上电修】键\DG600-240-03-23\DG600-240</t>
  </si>
  <si>
    <t>【上电修】锁紧垫圈\DG600-240-03-24\DG600-240</t>
  </si>
  <si>
    <t>【上电修】推力盘并紧螺母\DG600-240-03-25\DG600-240</t>
  </si>
  <si>
    <t>【上电修】密封圈\DG600-240-03-26\DG600-240</t>
  </si>
  <si>
    <t>【上电修】进口端盖\DG600-240-04-01\DG600-240</t>
  </si>
  <si>
    <t>【上电修】密封衬套\DG600-240-04-02\DG600-240</t>
  </si>
  <si>
    <t>【上电修】内六角螺钉\40\DG600-240-04-25\DG600-240</t>
  </si>
  <si>
    <t>【上电修】内六角螺钉\110\DG600-240-04-26\DG600-240</t>
  </si>
  <si>
    <t>【上电修】圆柱销\DG600-240-04-27\DG600-240</t>
  </si>
  <si>
    <t>【上电修】内六角螺钉\78\DG600-240-04-28\DG600-240</t>
  </si>
  <si>
    <t>【上电修】圆柱销\DG600-240-04-29\DG600-240</t>
  </si>
  <si>
    <t>【上电修】轴承支架（传动端）\DG600-240-05-01/02\DG600-240</t>
  </si>
  <si>
    <t>【上电修】挡油圈\DG600-240-05-04\DG600-240</t>
  </si>
  <si>
    <t>【上电修】径向轴承\DG600-240-05-05\DG600-240</t>
  </si>
  <si>
    <t>【上电修】轴承支架（自由端）\DG600-240-05-06/07\DG600-240</t>
  </si>
  <si>
    <t>【上电修】推力轴承罩\DG600-240-05-09\DG600-240</t>
  </si>
  <si>
    <t>【上电修】润滑油密封圈（内侧）油封\DG600-240-05-10\DG600-240</t>
  </si>
  <si>
    <t>【上电修】油封弹簧\DG600-240-05-11\DG600-240</t>
  </si>
  <si>
    <t>【上电修】润滑油密封圈（外侧）\DG600-240-05-12\DG600-240</t>
  </si>
  <si>
    <t>【上电修】油封弹簧\3.4*304\DG600-240-05-13\DG600-240</t>
  </si>
  <si>
    <t>【上电修】挡板\DG600-240-05-14\DG600-240</t>
  </si>
  <si>
    <t>【上电修】呼吸器\DG600-240-05-15-00\DG600-240</t>
  </si>
  <si>
    <t>【上电修】垫圈\DG600-240-05-16\DG600-240</t>
  </si>
  <si>
    <t>【上电修】接头\DG600-240-05-17\DG600-240</t>
  </si>
  <si>
    <t>【上电修】导向板\DG600-240-05-18\DG600-240</t>
  </si>
  <si>
    <t>【上电修】端盖\DG600-240-05-19\DG600-240</t>
  </si>
  <si>
    <t>【上电修】密封垫（自由端）\DG600-240-05-20\DG600-240</t>
  </si>
  <si>
    <t>【上电修】轴套紧固螺帽（传）\QG500-80-206\QG500-80</t>
  </si>
  <si>
    <t>【上电修】叶轮键\QG500-80-207\QG500-80</t>
  </si>
  <si>
    <t>【上电修】后压盖\QG500-80-308\QG500-80</t>
  </si>
  <si>
    <t>【上电修】压盖\QG500-80-310\QG500-80</t>
  </si>
  <si>
    <t>【上电修】轴承盖座\QG500-80-401/402\QG500-80</t>
  </si>
  <si>
    <t>【上电修】轴瓦\QG500-80-403/404\QG500-80</t>
  </si>
  <si>
    <t>【上电修】轴承端盖\QG500-80-405\QG500-80</t>
  </si>
  <si>
    <t>【上电修】调整环\QG500-80-406\QG500-80</t>
  </si>
  <si>
    <t>【上电修】衬套\QG500-80-407\QG500-80</t>
  </si>
  <si>
    <t>【上电修】衬套紧固螺帽\QG500-80-408\QG500-80</t>
  </si>
  <si>
    <t>【上电修】挡油圈\Φ44/Φ48\QG500-80-410\QG500-80</t>
  </si>
  <si>
    <t>【上电修】轴承密封环\QG500-80-411\QG500-80</t>
  </si>
  <si>
    <t>【上电修】套筒销\QG500-80-412\QG500-80</t>
  </si>
  <si>
    <t>【上电修】轴承端座（传）\QG500-80-501\QG500-80</t>
  </si>
  <si>
    <t>【上电修】轴瓦\QG500-80-503/504\QG500-80</t>
  </si>
  <si>
    <t>【上电修】轴承端盖（传）\QG500-80-505\QG500-80</t>
  </si>
  <si>
    <t>【上电修】联轴器部套\QG500-80-600\QG500-80</t>
  </si>
  <si>
    <t>【上电修】半联轴器\QG500-80-601A\QG500-80</t>
  </si>
  <si>
    <t>【上电修】联结套\QG500-80-602\QG500-80</t>
  </si>
  <si>
    <t>【上电修】内齿轮套\QG500-80-603-1\QG500-80</t>
  </si>
  <si>
    <t>【上电修】平垫圈\QG500-80-603-2\QG500-80</t>
  </si>
  <si>
    <t>【上电修】进口端盖衬套\DG600-240-04-03\DG600-240</t>
  </si>
  <si>
    <t>【上电修】传动端托板\DG600-240-04-04\DG600-240</t>
  </si>
  <si>
    <t>【上电修】挡水圈（传动端）\DG600-240-04-05\DG600-240</t>
  </si>
  <si>
    <t>【上电修】密封垫圈（齿形垫圈）\DG600-240-04-06\DG600-240</t>
  </si>
  <si>
    <t>【上电修】首级泵壳\DG600-240-04-07\DG600-240</t>
  </si>
  <si>
    <t>【上电修】第二级泵壳\DG600-240-04-08\DG600-240</t>
  </si>
  <si>
    <t>【上电修】第三级泵壳\DG600-240-04-09\DG600-240</t>
  </si>
  <si>
    <t>【上电修】第四级泵壳\DG600-240-04-10\DG600-240</t>
  </si>
  <si>
    <t>【上电修】第五级泵壳\DG600-240-04-11\DG600-240</t>
  </si>
  <si>
    <t>【上电修】垫片\DG600-240-04-12\DG600-240</t>
  </si>
  <si>
    <t>【上电修】导叶\DG600-240-04-13\DG600-240</t>
  </si>
  <si>
    <t>【上电修】末级导叶\DG600-240-04-14\DG600-240</t>
  </si>
  <si>
    <t>【上电修】弹簧垫圈\DG600-240-04-15\DG600-240</t>
  </si>
  <si>
    <t>【上电修】泵壳衬套\DG600-240-04-16\DG600-240</t>
  </si>
  <si>
    <t>【上电修】导叶衬套\DG600-240-04-17\DG600-240</t>
  </si>
  <si>
    <t>【上电修】大端盖总成\DG600-240-04-19-00\DG600-240</t>
  </si>
  <si>
    <t>【上电修】平衡鼓衬套\DG600-240-04-20\DG600-240</t>
  </si>
  <si>
    <t>【上电修】密封箱体\DG600-240-04-21\DG600-240</t>
  </si>
  <si>
    <t>【上电修】自由端托板\DG600-240-04-22\DG600-240</t>
  </si>
  <si>
    <t>【上电修】挡水圈（自由端）\DG600-240-04-23\DG600-240</t>
  </si>
  <si>
    <t>【上电修】内六角螺钉\72\DG600-240-04-24\DG600-240</t>
  </si>
  <si>
    <t>【上电修】垫圈\DG600-240-05-21\DG600-240</t>
  </si>
  <si>
    <t>【上电修】密封垫（传动端）\DG600-240-05-22\DG600-240</t>
  </si>
  <si>
    <t>【上电修】G1/2螺塞\DG600-240-05-23\DG600-240</t>
  </si>
  <si>
    <t>【上电修】推力轴承部套\DG600-240-06-00\DG600-240</t>
  </si>
  <si>
    <t>【上电修】推力轴承衬垫\DG600-240-06-01\DG600-240</t>
  </si>
  <si>
    <t>【上电修】轴向位置指示器\HPT300-340-03-15\HPT300-340</t>
  </si>
  <si>
    <t>【上电修】内六角丝堵\M16*20\HPT300-340-03-16\HPT300-340</t>
  </si>
  <si>
    <t>【上电修】键\16*10*40\06001/B\HPT300-340</t>
  </si>
  <si>
    <t>【上电修】键\18*11*33\06001/B\HPT300-340</t>
  </si>
  <si>
    <t>【上电修】传动端密封衬套（右旋）\HPT300-340-04-01\HPT300-340</t>
  </si>
  <si>
    <t>【上电修】进水端盖\HPT300-340-04-02\HPT300-340</t>
  </si>
  <si>
    <t>【上电修】首级泵壳\HPT300-340-04-03\HPT300-340</t>
  </si>
  <si>
    <t>【上电修】泵壳磨损环\HPT300-340-04-04\HPT300-340</t>
  </si>
  <si>
    <t>【上电修】第二级泵壳\HPT300-340-04-05\HPT300-340</t>
  </si>
  <si>
    <t>【上电修】导叶衬套\HPT300-340-04-06\HPT300-340</t>
  </si>
  <si>
    <t>【上电修】节流衬套\HPT300-340-04-07\HPT300-340</t>
  </si>
  <si>
    <t>【上电修】大端盖\HPT300-340-04-08\HPT300-340</t>
  </si>
  <si>
    <t>【上电修】自由端密封衬套（左旋）\HPT300-340-04-09\HPT300-340</t>
  </si>
  <si>
    <t>【上电修】迷宫盘\HPT300-340-04-10\HPT300-340</t>
  </si>
  <si>
    <t>【上电修】末级导叶\HPT300-340-04-11\HPT300-340</t>
  </si>
  <si>
    <t>【上电修】第三级导叶\HPT300-340-04-12\HPT300-340</t>
  </si>
  <si>
    <t>【上电修】泵壳\HPT300-340-04-13\HPT300-340</t>
  </si>
  <si>
    <t>【上电修】导叶\HPT300-340-04-14\HPT300-340</t>
  </si>
  <si>
    <t>【上电修】进口端盖磨损环\HPT300-340-04-15\HPT300-340</t>
  </si>
  <si>
    <t>【上电修】空气释放装置\HPT300-340-07001\HPT300-340</t>
  </si>
  <si>
    <t>【上电修】轴承体端盖\HPT300-340Ⅲ-05-01\HPT300-340</t>
  </si>
  <si>
    <t>【上电修】油封组件\HPT300-340-05-01A-00\HPT300-340</t>
  </si>
  <si>
    <t>【上电修】传动端轴承体\HPT300-340-05-02\HPT300-340</t>
  </si>
  <si>
    <t>【上电修】径向轴承\HPT300-340-05-03-1/2\HPT300-340</t>
  </si>
  <si>
    <t>【上电修】自由端轴承体\HPT300-340-05-04(1/2、2/2)\HPT300-340</t>
  </si>
  <si>
    <t>【上电修】推力轴承\HPT300-340-06-00\HPT300-340</t>
  </si>
  <si>
    <t>【上电修】推力轴承调整垫\HPT300-340-06-01\HPT300</t>
  </si>
  <si>
    <t>【上电修】推力瓦块\HPT300-340-06-02\HPT300-340</t>
  </si>
  <si>
    <t>【上电修】推力轴承座\HPT300-340-06-03\HPT300-340</t>
  </si>
  <si>
    <t>【上电修】推力块定位螺钉\HPT300-340-06-04\HPT300-340</t>
  </si>
  <si>
    <t>【上电修】泵轴\HZB253-640-01-01\HZB253-640</t>
  </si>
  <si>
    <t>根</t>
  </si>
  <si>
    <t>【上电修】园螺母\M95*2\HZB253-640-01-02\HZB253-640</t>
  </si>
  <si>
    <t>【上电修】园螺母止动垫圈\HZB253-640-01-03\HZB253-640</t>
  </si>
  <si>
    <t>【上电修】轴套（传动端）\HZB253-640-01-04\HZB253-640</t>
  </si>
  <si>
    <t>【上电修】甩油环\HZB253-640-01-05\HZB253-640</t>
  </si>
  <si>
    <t>【上电修】抛油轴套\HZB253-640-01-06\HZB253-640</t>
  </si>
  <si>
    <t>【上电修】挡水环\HZB253-640-01-07\HZB253-640</t>
  </si>
  <si>
    <t>【上电修】双吸叶轮\HZB253-640-01-08\HZB253-640</t>
  </si>
  <si>
    <t>【上电修】叶轮键\HZB253-640-01-09\HZB253-640</t>
  </si>
  <si>
    <t>【上电修】轴套\HZB253-640-01-10\HZB253-640</t>
  </si>
  <si>
    <t>【上电修】锁紧螺母\HZB253-640-01-11\HZB253-640</t>
  </si>
  <si>
    <t>【上电修】机械密封冷却套盖\HZB253-640-01-12\HZB253-640</t>
  </si>
  <si>
    <t>【上电修】轴套（自由端）\HZB253-640-01-13\HZB253-640</t>
  </si>
  <si>
    <t>【上电修】锁紧垫片\HZB253-640-01-14\HZB253-640</t>
  </si>
  <si>
    <t>【上电修】轴承端盖（传动端）\HZB253-640-02-02\HZB253-640</t>
  </si>
  <si>
    <t>【上电修】轴向调整圈\HZB253-640-02-03\HZB253-640</t>
  </si>
  <si>
    <t>【上电修】轴承座总成：\HZB253-640-02-04-00\HZB253-640</t>
  </si>
  <si>
    <t>【上电修】轴承盖\HZB253-640-02-04-01\HZB253-640</t>
  </si>
  <si>
    <t>【上电修】轴承座\HZB253-640-02-04-02\HZB253-640</t>
  </si>
  <si>
    <t>【上电修】轴承端盖（自由端）\HZB253-640-02-06\HZB253-640</t>
  </si>
  <si>
    <t>【上电修】密封垫\HZB253-640-02-07\HZB253-640</t>
  </si>
  <si>
    <t>【上电修】冷却器总成\HZB253-640-02-08A\HZB253-640</t>
  </si>
  <si>
    <t>【上电修】密封垫\HZB253-640-03-01\HZB253-640</t>
  </si>
  <si>
    <t>【上电修】端盖（传动端）\HZB253-640-03-02\HZB253-640</t>
  </si>
  <si>
    <t>【上电修】泵壳\HZB253-640-03-03\HZB253-640</t>
  </si>
  <si>
    <t>【上电修】磨损环\HZB253-640-03-04-01\HZB253-640</t>
  </si>
  <si>
    <t>【上电修】端盖（自由端）\HZB253-640-03-05\HZB253-640</t>
  </si>
  <si>
    <t>【上电修】机械密封冷却套\HZB253-640-03-10\HZB253-640</t>
  </si>
  <si>
    <t>【上电修】尼龙套\QG500-80-603-3\QG500-80</t>
  </si>
  <si>
    <t>【上电修】衬板\QG500-80-603-4\QG500-80</t>
  </si>
  <si>
    <t>【上电修】齿轮体\QG500-80-604\QG500-80</t>
  </si>
  <si>
    <t>【上电修】喷射管总成\QG500-80-605\QG500-80</t>
  </si>
  <si>
    <t>【上电修】内齿轮盖\QG500-80-606\QG500-80</t>
  </si>
  <si>
    <t>【上电修】上、下罩壳\QG500-80-607\QG500-80</t>
  </si>
  <si>
    <t>【上电修】镄螺栓\QG500-80-608\QG500-80</t>
  </si>
  <si>
    <t>【上电修】镄螺栓、螺帽\CO46-08-10\QG500-80</t>
  </si>
  <si>
    <t>【上电修】定位圈\QG500-80-609a\QG500-80</t>
  </si>
  <si>
    <t>【上电修】螺母\QG500-80-632\QG500-80</t>
  </si>
  <si>
    <t>【上电修】法兰\QG500-80-700-1\QG500-80</t>
  </si>
  <si>
    <t>【上电修】异径接头\QG500-80-700-2\QG500-80</t>
  </si>
  <si>
    <t>【上电修】外管路\QG500-80-800\QG500-80</t>
  </si>
  <si>
    <t>【上电修】接管\QG500-80-803\QG500-80</t>
  </si>
  <si>
    <t>【上电修】冷却进水管\QG500-80-804\QG500-80</t>
  </si>
  <si>
    <t>【上电修】法兰盖\QG500-80-802-3\QG500-80</t>
  </si>
  <si>
    <t>【上电修】回油管\QG500-80-807\QG500-80</t>
  </si>
  <si>
    <t>【上电修】法兰盖\QG500-80-807-3\QG500-80</t>
  </si>
  <si>
    <t>【上电修】看油窗组件\QG500-80-807-4\QG500-80</t>
  </si>
  <si>
    <t>【上电修】垫片\QG500-80-807-4\QG500-80</t>
  </si>
  <si>
    <t>【上电修】窗板\QG500-80-807-4\QG500-80</t>
  </si>
  <si>
    <t>【上电修】压帽\QG500-80-807-4-1\QG500-80</t>
  </si>
  <si>
    <t>【上电修】接管\QG500-80-807-4-2\QG500-80</t>
  </si>
  <si>
    <t>【上电修】进油管\QG500-80-809\QG500-80</t>
  </si>
  <si>
    <t>【上电修】法兰\QG500-80-809-1\QG500-80</t>
  </si>
  <si>
    <t>【上电修】法兰盖\QG500-80-809-3\QG500-80</t>
  </si>
  <si>
    <t>【上电修】回油支管\QG500-80-810-00\QG500-80</t>
  </si>
  <si>
    <t>【上电修】连接螺母\QG500-80-810-01\QG500-80</t>
  </si>
  <si>
    <t>【上电修】密封接头\QG500-80-810-02\QG500-80</t>
  </si>
  <si>
    <t>【上电修】冷却进水支管\QG500-80-811\QG500-80</t>
  </si>
  <si>
    <t>【上电修】轴封水支管\QG500-80-812\QG500-80</t>
  </si>
  <si>
    <t>【上电修】密封接头\QG500-80-812-1\QG500-80</t>
  </si>
  <si>
    <t>【上电修】连接螺母\QG500-80-812-2\QG500-80</t>
  </si>
  <si>
    <t>【上电修】管接\QG500-80-813\QG500-80</t>
  </si>
  <si>
    <t>【上电修】进油支管\QG500-80-814\QG500-80</t>
  </si>
  <si>
    <t>【上电修】密封接头\QG500-80-814-2\QG500-80</t>
  </si>
  <si>
    <t>【上电修】连接螺母\QG500-80-814-3\QG500-80</t>
  </si>
  <si>
    <t>【上电修】冷却出水支管\QG500-80-816\QG500-80</t>
  </si>
  <si>
    <t>【上电修】节流孔板\QG500-80-817\QG500-80</t>
  </si>
  <si>
    <t>【上电修】垫圈\QG500-80-818\QG500-80</t>
  </si>
  <si>
    <t>【上电修】垫圈\QG500-80-819\QG500-80</t>
  </si>
  <si>
    <t>【上电修】支架\QG500-80-820\QG500-80</t>
  </si>
  <si>
    <t>【上电修】螺塞\QG500-80-902\QG500-80</t>
  </si>
  <si>
    <t>【上电修】首级叶轮\HPT300-340-03-14\HPT300-340</t>
  </si>
  <si>
    <t>【上电修】螺栓\M72*6\HPT300-340-01A-02\HPT300-340</t>
  </si>
  <si>
    <t>【上电修】螺母\M72\HPT300-340-01A-03\HPT300-340</t>
  </si>
  <si>
    <t>【上电修】拉紧环\HPT300-340-01A-04\HPT300-340</t>
  </si>
  <si>
    <t>【上电修】螺栓\HPT300-340-01A-05\HPT300-340</t>
  </si>
  <si>
    <t>【上电修】螺栓防护罩\HPT300-340-01A-06\HPT300-340</t>
  </si>
  <si>
    <t>【上电修】双头螺栓\M20*160\HPT300-340-01A-07\HPT300-340</t>
  </si>
  <si>
    <t>【上电修】螺母\M20\HPT300-340-01A-08\HPT300-340</t>
  </si>
  <si>
    <t>【上电修】内六角圆柱头螺钉\M20*45\HPT300-340-01A-09\HPT300-340</t>
  </si>
  <si>
    <t>【上电修】主轴\HPT300-340Ⅲ-03-01\HPT300-340</t>
  </si>
  <si>
    <t>【上电修】夹紧环（推力盘用）\HPT300-340Ⅲ-03-02\HPT300-340</t>
  </si>
  <si>
    <t>【上电修】次级叶轮\HPT300-340Ⅲ-03-03\HPT300-340</t>
  </si>
  <si>
    <t>【上电修】卡环\内径Φ123*Φ4\HPT300-340-03-02\HPT300-340</t>
  </si>
  <si>
    <t>【上电修】弹性卡环\HPT300-340-03-03\HPT300-340</t>
  </si>
  <si>
    <t>【上电修】密封轴套\HPT300-340-03-04\HPT300-340</t>
  </si>
  <si>
    <t>【上电修】平衡鼓\HPT300-340-03-05\HPT300-340</t>
  </si>
  <si>
    <t>【上电修】丝堵\G1/4”*20\HPT300-340-03-06\HPT300-340</t>
  </si>
  <si>
    <t>【上电修】分半环\Φ147/Φ117*20\HPT300-340-03-07\HPT300-340</t>
  </si>
  <si>
    <t>【上电修】张紧环\HPT300-340-03-08\HPT300-340</t>
  </si>
  <si>
    <t>【上电修】推力盘\HPT300-340-03-09\HPT300-340</t>
  </si>
  <si>
    <t>【上电修】分半环\Φ97/Φ78*14\HPT300-340-03-10\HPT300-340</t>
  </si>
  <si>
    <t>【上电修】卡环\内径Φ132*Φ6\HPT300-340-03-13\HPT300-340</t>
  </si>
  <si>
    <t>【罗斯蒙特】液位变送器\3051SAL2CG2AA1A1020DFF71DA00M5\-62.2-62.2kPa,0.04%,法兰连接,24V,4-20mA,HART协议</t>
  </si>
  <si>
    <t>【罗斯蒙特】液位变送器\3051SAL2CG3AA1A1020DFF71DA00M5\-97.7-248kPa,0.04%,法兰连接,24V,4-20mA,HART协议</t>
  </si>
  <si>
    <t>【罗斯蒙特】液位变送器\3051SAL2CG4AA1A1020DFF71DA00M5\-97.7-2070kPa,0.04%,法兰连接,24V,4-20mA,HART协议</t>
  </si>
  <si>
    <t>【罗斯蒙特】液位变送器\3051SAL2CG5AA1A1020DFF71DA00M5\-97.7-13580kPa,0.04%,法兰连接,24V,4-20mA,HART协议</t>
  </si>
  <si>
    <t>【罗斯蒙特】液位变送器\3051SAL2CD2AA1A1020DFF71DA00M5\-62.2-62.2kPa,0.04%,法兰连接,24V,4-20mA,HART协议</t>
  </si>
  <si>
    <t>【罗斯蒙特】液位变送器\3051SAL2CD3AA1A1020DFF71DA00M5\-97.7-248kPa,0.04%,法兰连接,24V,4-20mA,HART协议</t>
  </si>
  <si>
    <t>【罗斯蒙特】液位变送器\3051SAL2CD4AA1A1020DFF71DA00M5\-97.7-2070kPa,0.04%,法兰连接,24V,4-20mA,HART协议</t>
  </si>
  <si>
    <t>【罗斯蒙特】液位变送器\3051SAL2CD5AA1A1020DFF71DA00M5\-97.7-13580kPa,0.04%,法兰连接,24V,4-20mA,HART协议</t>
  </si>
  <si>
    <t>【罗斯蒙特】液位变送器\3051L2AA09D11ABM5RCNHR5\-62.2-62.2kPa,0.04%,法兰连接,24V,4-20mA,HART协议</t>
  </si>
  <si>
    <t>【罗斯蒙特】液位变送器\3051L3AA09D11ABM5RCNHR5\-248-248kPa,0.04%,法兰连接,24V,4-20mA,HART协议</t>
  </si>
  <si>
    <t>【罗斯蒙特】液位变送器\3051L4AA09D11ABM5RCNHR5\-2070-2070kPa,0.04%,法兰连接,24V,4-20mA,HART协议</t>
  </si>
  <si>
    <t>【罗斯蒙特】液位变送器\3051L2AH09D11AKM5RCNHR5\-62.2-62.2kPa,0.04%,法兰连接,24V,4-20mA,HART协议</t>
  </si>
  <si>
    <t>【罗斯蒙特】液位变送器\3051L3AH09D11AKM5RCNHR5\-248-248kPa,0.04%,法兰连接,24V,4-20mA,HART协议</t>
  </si>
  <si>
    <t>【罗斯蒙特】液位变送器\3051L4AH09D11AKM5RCNHR5\-2070-2070kPa,0.04%,法兰连接,24V,4-20mA,HART协议</t>
  </si>
  <si>
    <t>【罗斯蒙特】液位变送器\3051L2AH09D11ABM5RCNHR5\-62.2-62.2kPa,0.04%,法兰连接,24V,4-20mA,HART协议</t>
  </si>
  <si>
    <t>【罗斯蒙特】液位变送器\3051L3AH09D11ABM5RCNHR5\-248-248kPa,0.04%,法兰连接,24V,4-20mA,HART协议</t>
  </si>
  <si>
    <t>【罗斯蒙特】液位变送器\3051L4AH09D11ABM5RCNHR5、-2070-2070kPa,0.04%,法兰连接,24V,4-20mA,HART协议</t>
  </si>
  <si>
    <t>【罗斯蒙特】液位变送器\3051L2AG0KD11ABM5D4HR5\-62.2-62.2kPa,0.04%,法兰连接,24V,4-20mA,HART协议</t>
  </si>
  <si>
    <t>【罗斯蒙特】液位变送器\3051L3AG0KD11ABM5D4HR5\-248-248kPa,0.04%,法兰连接,24V,4-20mA,HART协议</t>
  </si>
  <si>
    <t>【罗斯蒙特】液位变送器\3051L4AG0KD11ABM5D4HR5\-2070-2070kPa,0.04%,法兰连接,24V,4-20mA,HART协议</t>
  </si>
  <si>
    <t>【罗斯蒙特】液位变送器\3051L2AG09D11ABM5RCND4HR5\-62.2-62.2kPa,0.04%,法兰连接,24V,4-20mA,HART协议</t>
  </si>
  <si>
    <t>【罗斯蒙特】液位变送器\3051L3AG09D11ABM5RCND4HR5\-248-248kPa,0.04%,法兰连接,24V,4-20mA,HART协议</t>
  </si>
  <si>
    <t>【罗斯蒙特】液位变送器\3051L4AG09D11ABM5RCND4HR5\-2070-2070kPa,0.04%,法兰连接,24V,4-20mA,HART协议</t>
  </si>
  <si>
    <t>【罗斯蒙特】液位变送器\3051L2AB09D11ABM5RCND4HR5\-62.2-62.2kPa,0.04%,法兰连接,24V,4-20mA,HART协议</t>
  </si>
  <si>
    <t>【罗斯蒙特】液位变送器\3051L3AB09D11ABM5RCND4HR5\-248-248kPa,0.04%,法兰连接,24V,4-20mA,HART协议</t>
  </si>
  <si>
    <t>【罗斯蒙特】液位变送器\3051L4AB09D11ABM5RCND4HR5\-2070-2070kPa,0.04%,法兰连接,24V,4-20mA,HART协议</t>
  </si>
  <si>
    <t>【罗斯蒙特】液位变送器\3051L2AC09D22ABM5RCND4HR5\-62.2-62.2kPa,0.04%,法兰连接,24V,4-20mA,HART协议</t>
  </si>
  <si>
    <t>【罗斯蒙特】液位变送器\3051L3AC09D22ABM5RCND4HR5\-248-248kPa,0.04%,法兰连接,24V,4-20mA,HART协议</t>
  </si>
  <si>
    <t>【罗斯蒙特】液位变送器\3051L4AC09D22ABM5RCND4HR5\-2070-2070kPa,0.04%,法兰连接,24V,4-20mA,HART协议</t>
  </si>
  <si>
    <t>【罗斯蒙特】液位变送器\3051L2AC09D21ABM5F7RCNHR5\-62.2-62.2kPa,0.04%,法兰连接,24V,4-20mA,HART协议</t>
  </si>
  <si>
    <t>【罗斯蒙特】液位变送器\3051L3AC09D21ABM5F7RCNHR5\-248-248kPa,0.04%,法兰连接,24V,4-20mA,HART协议</t>
  </si>
  <si>
    <t>【罗斯蒙特】液位变送器\3051L4AC09D21ABM5F7RCNHR5\-2070-2070kPa,0.04%,法兰连接,24V,4-20mA,HART协议</t>
  </si>
  <si>
    <t>【罗斯蒙特】液位变送器\3051L2AC09D11AKM5RCNHR5\-62.2-62.2kPa,0.04%,法兰连接,24V,4-20mA,HART协议</t>
  </si>
  <si>
    <t>【罗斯蒙特】液位变送器\3051L3AC09D11AKM5RCNHR5\-248-248kPa,0.04%,法兰连接,24V,4-20mA,HART协议</t>
  </si>
  <si>
    <t>【罗斯蒙特】液位变送器\3051L4AC09D11AKM5RCNHR5\-2070-2070kPa,0.04%,法兰连接,24V,4-20mA,HART协议</t>
  </si>
  <si>
    <t>【罗斯蒙特】液位变送器\3051L2AC09D11ABM5RCND4HR5\-62.2-62.2kPa,0.04%,法兰连接,24V,4-20mA,HART协议</t>
  </si>
  <si>
    <t>【罗斯蒙特】液位变送器\3051L3AC09D11ABM5RCND4HR5\-248-248kPa,0.04%,法兰连接,24V,4-20mA,HART协议</t>
  </si>
  <si>
    <t>【罗斯蒙特】液位变送器\3051L4AC09D11ABM5RCND4HR5\-2070-2070kPa,0.04%,法兰连接,24V,4-20mA,HART协议</t>
  </si>
  <si>
    <t>【罗斯蒙特】压力变送器\3051TG1A2B21AB4M5\-101-207kPa,0.04%,1/2-14NPT阴螺纹,24V,4-20mA,HART协议</t>
  </si>
  <si>
    <t>【罗斯蒙特】压力变送器\3051TG1F2B21AB4M5\-101-207kPa,0.04%,1/2-14NPT阴螺纹,24V,FF总线协议</t>
  </si>
  <si>
    <t>【罗斯蒙特】压力变送器\3051TG1W2B21AB4M4\-101-207kPa,0.04%,1/2-14NPT阴螺纹,24V,PA总线协议</t>
  </si>
  <si>
    <t>【罗斯蒙特】压力变送器\3051TG1A2B31AB4M5\-101-207kPa,0.04%,1/2-14NPT阴螺纹,24V,4-20mA,HART协议</t>
  </si>
  <si>
    <t>【罗斯蒙特】压力变送器\3051TG1F2B31AB4M5\-101-207kPa,0.04%,1/2-14NPT阴螺纹,24V,FF总线协议</t>
  </si>
  <si>
    <t>【罗斯蒙特】压力变送器\3051TG1W2B31AB4M4\-101-207kPa,0.04%,1/2-14NPT阴螺纹,24V,PA总线协议</t>
  </si>
  <si>
    <t>【罗斯蒙特】压力变送器\3051TG2A2B21AB4M5\-101-1034kPa,0.04%,1/2-14NPT阴螺纹,24V,4-20mA,HART协议</t>
  </si>
  <si>
    <t>【罗斯蒙特】压力变送器\3051TG2F2B21AB4M5\-101-1034kPa,0.04%,1/2-14NPT阴螺纹,24V,FF总线协议</t>
  </si>
  <si>
    <t>【罗斯蒙特】压力变送器\3051TG2W2B21AB4M4\-101-1034kPa,0.04%,1/2-14NPT阴螺纹,24V,PA总线协议</t>
  </si>
  <si>
    <t>【罗斯蒙特】压力变送器\3051TG2F2B31AB4M5\-101-1034kPa,0.04%,1/2-14NPT阴螺纹,24V,4-20mA,HART协议</t>
  </si>
  <si>
    <t>【罗斯蒙特】压力变送器\3051TG2F2B31AB4M5\-101-1034kPa,0.04%,1/2-14NPT阴螺纹,24V,FF总线协议</t>
  </si>
  <si>
    <t>【罗斯蒙特】压力变送器\3051TG2W2B31AB4M4-101-1034kPa,0.04%,1/2-14NPT阴螺纹,24V,PA总线协议</t>
  </si>
  <si>
    <t>【罗斯蒙特】压力变送器\3051TG3A2B21AB4M5\-101-5516kPa,0.04%,1/2-14NPT阴螺纹,24V,4-20mA,HART协议</t>
  </si>
  <si>
    <t>【罗斯蒙特】压力变送器\3051TG3F2B21AB4M5\-101-5516kPa,0.04%,1/2-14NPT阴螺纹,24V,FF总线协议</t>
  </si>
  <si>
    <t>【罗斯蒙特】压力变送器\3051TG3W2B21AB4M4\-101-5516kPa,0.04%,1/2-14NPT阴螺纹,24V,PA总线协议</t>
  </si>
  <si>
    <t>【罗斯蒙特】压力变送器\3051TG3A2B31AB4M5\-101-5516kPa,0.04%,1/2-14NPT阴螺纹,24V,4-20mA,HART协议</t>
  </si>
  <si>
    <t>【罗斯蒙特】压力变送器\3051TG3F2B31AB4M5\-101-5516kPa,0.04%,1/2-14NPT阴螺纹,24V,FF总线协议</t>
  </si>
  <si>
    <t>【罗斯蒙特】压力变送器\3051TG3W2B31AB4M4\-101-5516kPa,0.04%,1/2-14NPT阴螺纹,24V,PA总线协议</t>
  </si>
  <si>
    <t>【罗斯蒙特】压力变送器\3051TG4A2B21AB4M5\-101-27580kPa,0.04%,1/2-14NPT阴螺纹,24V,4-20mA,HART协议</t>
  </si>
  <si>
    <t>【罗斯蒙特】压力变送器\3051TG4W2B21AB4M4\-101-27580kPa,0.04%,1/2-14NPT阴螺纹,24V,FF总线协议</t>
  </si>
  <si>
    <t>【罗斯蒙特】压力变送器\3051TG4W2B21AB4M4\-101-27580kPa,0.04%,1/2-14NPT阴螺纹,24V,PA总线协议</t>
  </si>
  <si>
    <t>【罗斯蒙特】压力变送器\3051TG4A2B31AB4M5\-101-27580kPa,0.04%,1/2-14NPT阴螺纹,24V,4-20mA,HART协议</t>
  </si>
  <si>
    <t>【罗斯蒙特】压力变送器\3051TG4F2B31AB4M5\-101-27580kPa,0.04%,1/2-14NPT阴螺纹,24V,FF总线协议</t>
  </si>
  <si>
    <t>【罗斯蒙特】压力变送器\3051TG4W2B31AB4M4\-101-27580kPa,0.04%,1/2-14NPT阴螺纹,24V,PA总线协议</t>
  </si>
  <si>
    <t>【罗斯蒙特】压力变送器\3051TG5F2B21AB4M5\-101-68948kPa,0.04%,1/2-14NPT阴螺纹,24V,4-20mA,HART协议</t>
  </si>
  <si>
    <t>【罗斯蒙特】压力变送器\3051TG5F2B21AB4M5\-101-68948kPa,0.04%,1/2-14NPT阴螺纹,24V,FF总线协议</t>
  </si>
  <si>
    <t>【罗斯蒙特】压力变送器\3051TG5W2B21AB4M4\-101-68948kPa,0.04%,1/2-14NPT阴螺纹,24V,PA总线协议</t>
  </si>
  <si>
    <t>【罗斯蒙特】压力变送器\3051TG5A2B31AB4M5\-101-68948kPa,0.04%,1/2-14NPT阴螺纹,24V,4-20mA,HART协议</t>
  </si>
  <si>
    <t>【罗斯蒙特】压力变送器\3051TG5F2B31AB4M5\-101-68948kPa,0.04%,1/2-14NPT阴螺纹,24V,FF总线协议</t>
  </si>
  <si>
    <t>【罗斯蒙特】压力变送器\3051TG5W2B31AB4M4\-101-68948kPa,0.04%,1/2-14NPT阴螺纹,24V,PA总线协议</t>
  </si>
  <si>
    <t>【罗斯蒙特】压力变送器\3051CG1A22A1AB4DFM5\-6.22-6.22kPa,0.04%,1/2-14NPT阴螺纹,24V,4-20mA,HART协议</t>
  </si>
  <si>
    <t>【罗斯蒙特】压力变送器\3051CG1F22A1AB4DFM5\-6.22-6.22kPa,0.04%,1/2-14NPT阴螺纹,24V,FF总线协议</t>
  </si>
  <si>
    <t>【罗斯蒙特】压力变送器\3051CG1W22A1AB4DFM4\-6.22-6.22kPa,0.04%,1/2-14NPT阴螺纹,24V,PA总线协议</t>
  </si>
  <si>
    <t>【罗斯蒙特】压力变送器\3051CG1A23A1AB4DFM5\-6.22-6.22kPa,0.04%,1/2-14NPT阴螺纹,24V,4-20mA,HART协议</t>
  </si>
  <si>
    <t>【罗斯蒙特】压力变送器\3051CG1F23A1AB4DFM5\-6.22-6.22kPa,0.04%,1/2-14NPT阴螺纹,24V,FF总线协议</t>
  </si>
  <si>
    <t>【罗斯蒙特】压力变送器\3051CG1W23A1AB4DFM4\-6.22-6.22kPa,0.04%,1/2-14NPT阴螺纹,24V,PA总线协议</t>
  </si>
  <si>
    <t>【罗斯蒙特】压力变送器\3051CG2A22A1AB4DFM5\-62.2-62.2kPa,0.04%,1/2-14NPT阴螺纹,24V,4-20mA,HART协议</t>
  </si>
  <si>
    <t>【罗斯蒙特】压力变送器\3051CG2F22A1AB4DFM5\-62.2-62.2kPa,0.04%,1/2-14NPT阴螺纹,24V,FF总线协议</t>
  </si>
  <si>
    <t>【罗斯蒙特】压力变送器\3051CG2A23A1AB4DFM5\-62.2-62.2kPa,0.04%,1/2-14NPT阴螺纹,24V,PA总线协议</t>
  </si>
  <si>
    <t>【罗斯蒙特】压力变送器\3051CG2A23A1AB4DFM5\-62.2-62.2kPa,0.04%,1/2-14NPT阴螺纹,24V,4-20mA,HART协议</t>
  </si>
  <si>
    <t>【罗斯蒙特】压力变送器\3051CG2F23A1AB4DFM5\-62.2-62.2kPa,0.04%,1/2-14NPT阴螺纹,24V,FF总线协议</t>
  </si>
  <si>
    <t>【罗斯蒙特】压力变送器\3051CG2W23A1AB4DFM4\-62.2-62.2kPa,0.04%,1/2-14NPT阴螺纹,24V,PA总线协议</t>
  </si>
  <si>
    <t>【罗斯蒙特】压力变送器\3051CG3A22A1AB4DFM5\-97.9-248kPa,0.04%,1/2-14NPT阴螺纹,24V,4-20mA,HART协议</t>
  </si>
  <si>
    <t>【罗斯蒙特】压力变送器\3051CG3F22A1AB4DFM5\-97.9-248kPa,0.04%,1/2-14NPT阴螺纹,24V,FF总线协议</t>
  </si>
  <si>
    <t>【罗斯蒙特】压力变送器\3051CG3W22A1AB4DFM4\-97.9-248kPa,0.04%,1/2-14NPT阴螺纹,24V,PA总线协议</t>
  </si>
  <si>
    <t>【罗斯蒙特】压力变送器\3051CG3A23A1AB4DFM5\-97.9-248kPa,0.04%,1/2-14NPT阴螺纹,24V,4-20mA,HART协议</t>
  </si>
  <si>
    <t>【罗斯蒙特】压力变送器\3051CG3F23A1AB4DFM5\-97.9-248kPa,0.04%,1/2-14NPT阴螺纹,24V,FF总线协议</t>
  </si>
  <si>
    <t>【罗斯蒙特】压力变送器\3051CG3W23A1AB4DFM4\-97.9-248kPa,0.04%,1/2-14NPT阴螺纹,24V,PA总线协议</t>
  </si>
  <si>
    <t>【罗斯蒙特】压力变送器\3051CG4A22A1AB4DFM5\-97.9-2070kPa,0.04%,1/2-14NPT阴螺纹,24V,4-20mA,HART协议</t>
  </si>
  <si>
    <t>【罗斯蒙特】压力变送器\3051CG4F22A1AB4DFM5\-97.9-2070kPa,0.04%,1/2-14NPT阴螺纹,24V,FF总线协议</t>
  </si>
  <si>
    <t>【罗斯蒙特】压力变送器\3051CG4W22A1AB4DFM4\-97.9-2070kPa,0.04%,1/2-14NPT阴螺纹,24V,PA总线协议</t>
  </si>
  <si>
    <t>【罗斯蒙特】压力变送器\3051CG4A23A1AB4DFM5\-97.9-2070kPa,0.04%,1/2-14NPT阴螺纹,24V,4-20mA,HART协议</t>
  </si>
  <si>
    <t>【罗斯蒙特】压力变送器\3051CG4F23A1AB4DFM5\-97.9-2070kPa,0.04%,1/2-14NPT阴螺纹,24V,FF总线协议</t>
  </si>
  <si>
    <t>【罗斯蒙特】压力变送器\3051CG4W23A1AB4DFM4\-97.9-2070kPa,0.04%,1/2-14NPT阴螺纹,24V,PA总线协议</t>
  </si>
  <si>
    <t>【罗斯蒙特】压力变送器\3051CG5A22A1AB4DFM5\-97.9-13790kPa,0.04%,1/2-14NPT阴螺纹,24V,4-20mA,HART协议</t>
  </si>
  <si>
    <t>【罗斯蒙特】压力变送器\3051CG5F22A1AB4DFM5\-97.9-13790kPa,0.04%,1/2-14NPT阴螺纹,24V,FF总线协议</t>
  </si>
  <si>
    <t>【罗斯蒙特】压力变送器\3051CG5W22A1AB4DFM4\-97.9-13790kPa,0.04%,1/2-14NPT阴螺纹,24V,PA总线协议</t>
  </si>
  <si>
    <t>【罗斯蒙特】压力变送器\3051CG5A23A1AB4DFM5\-97.9-13790kPa,0.04%,1/2-14NPT阴螺纹,24V,4-20mA,HART协议</t>
  </si>
  <si>
    <t>【罗斯蒙特】压力变送器\3051CG5F23A1AB4DFM5\-97.9-13790kPa,0.04%,1/2-14NPT阴螺纹,24V,FF总线协议</t>
  </si>
  <si>
    <t>【罗斯蒙特】压力变送器\3051CG5W23A1AB4DFM4\-97.9-13790kPa,0.04%,1/2-14NPT阴螺纹,24V,PA总线协议</t>
  </si>
  <si>
    <t>【罗斯蒙特】压力变送器\3051DG1A22A1AB4DFM5\-6.2-6.2kPa,0.065%,1/2-14NPT阴螺纹,24V,4-20mA,HART协议</t>
  </si>
  <si>
    <t>【罗斯蒙特】压力变送器\3051DG1A23A1AB4DFM5\-6.2-6.2kPa,0.065%,1/2-14NPT阴螺纹,24V,4-20mA,HART协议</t>
  </si>
  <si>
    <t>【罗斯蒙特】压力变送器\3051DG2A22A1AB4DFM5\-62.2-62.2kPa,0.065%,1/2-14NPT阴螺纹,24V,4-20mA,HART协议</t>
  </si>
  <si>
    <t>【罗斯蒙特】压力变送器\3051DG2A23A1AB4DFM5\-62.2-62.2kPa,0.065%,1/2-14NPT阴螺纹,24V,4-20mA,HART协议</t>
  </si>
  <si>
    <t>【罗斯蒙特】压力变送器\3051DG3A22A1AB4DFM5\-97.7-248kPa,0.065%,1/2-14NPT阴螺纹,24V,4-20mA,HART协议</t>
  </si>
  <si>
    <t>【罗斯蒙特】压力变送器\3051DG3A23A1AB4DFM5\-97.7-248kPa,0.065%,1/2-14NPT阴螺纹,24V,4-20mA,HART协议</t>
  </si>
  <si>
    <t>【罗斯蒙特】压力变送器\3051DG4A22A1AB4DFM5\-97.7-2070kPa,0.065%,1/2-14NPT阴螺纹,24V,4-20mA,HART协议</t>
  </si>
  <si>
    <t>【罗斯蒙特】压力变送器\3051DG4A23A1AB4DFM5\-97.7-2070kPa,0.065%,1/2-14NPT阴螺纹,24V,4-20mA,HART协议</t>
  </si>
  <si>
    <t>【罗斯蒙特】压力变送器\3051DG5A22A1AB4DFM5\-97.7-13790kPa,0.065%,1/2-14NPT阴螺纹,24V,4-20mA,HART协议</t>
  </si>
  <si>
    <t>【罗斯蒙特】压力变送器\3051DG5A23A1AB4DFM5\-97.7-13790kPa,0.065%,1/2-14NPT阴螺纹,24V,4-20mA,HART协议</t>
  </si>
  <si>
    <t>【罗斯蒙特】压力变送器\3051GP1A2B21AB4M5\-101-207kPa,0.065%,1/2-14NPT阴螺纹,24V,4-20mA,HART协议</t>
  </si>
  <si>
    <t>【罗斯蒙特】压力变送器\3051GP1A2B31AB4M5\-101-207kPa,0.065%,1/2-14NPT阴螺纹,24V,4-20mA,HART协议</t>
  </si>
  <si>
    <t>【罗斯蒙特】压力变送器\3051GP2A2B21AB4M5\-101-1034kPa,0.065%,1/2-14NPT阴螺纹,24V,4-20mA,HART协议</t>
  </si>
  <si>
    <t>【罗斯蒙特】压力变送器\3051GP2A2B31AB4M5\-101-1034kPa,0.065%,1/2-14NPT阴螺纹,24V,4-20mA,HART协议</t>
  </si>
  <si>
    <t>【罗斯蒙特】压力变送器\3051GP3A2B21AB4M5\-101-5516kPa,0.065%,1/2-14NPT阴螺纹,24V,4-20mA,HART协议</t>
  </si>
  <si>
    <t>【罗斯蒙特】压力变送器\3051GP3A2B31AB4M5\-101-5516kPa,0.065%,1/2-14NPT阴螺纹,24V,4-20mA,HART协议</t>
  </si>
  <si>
    <t>【罗斯蒙特】压力变送器\3051GP4A2B21AB4M5\-101-27580kPa,0.065%,1/2-14NPT阴螺纹,24V,4-20mA,HART协议</t>
  </si>
  <si>
    <t>【罗斯蒙特】压力变送器\3051GP4A2B31AB4M5\-101-27580kPa,0.065%,1/2-14NPT阴螺纹,24V,4-20mA,HART协议</t>
  </si>
  <si>
    <t>【罗斯蒙特】压力变送器\3051S2CG1A2E12A1AB4D1D2M5\-6.2-6.2kPa,0.025%,1/2-14NPT阴螺纹,24V,4-20mA,HART协议</t>
  </si>
  <si>
    <t>【罗斯蒙特】压力变送器\3051S2CG2A2E12A1AB4D1D2M5\-62.2-62.2kPa,0.025%,1/2-14NPT阴螺纹,24V,4-20mA,HART协议</t>
  </si>
  <si>
    <t>【罗斯蒙特】压力变送器\3051S2CG3A2E12A1AB4D1D2M5\-97.7-248kPa,0.025%,1/2-14NPT阴螺纹,24V,4-20mA,HART协议</t>
  </si>
  <si>
    <t>【罗斯蒙特】压力变送器\3051S2CG4A2E12A1AB4D1D2M5\-97.7-2070kPa,0.025%,1/2-14NPT阴螺纹,24V,4-20mA,HART协议</t>
  </si>
  <si>
    <t>【罗斯蒙特】压力变送器\3051S2CG5A2E12A1AB4D1D2M5\-97.7-13580kPa,0.025%,1/2-14NPT阴螺纹,24V,4-20mA,HART协议</t>
  </si>
  <si>
    <t>【罗斯蒙特】压力变送器\3051S2TG1A2E11A1AB4D1M5\-101-207kPa,0.025%,1/2-14NPT阴螺纹,24V,4-20mA,HART协议</t>
  </si>
  <si>
    <t>【罗斯蒙特】压力变送器\3051S2TG2A2E11A1AB4D1M5\-101-1034kPa,0.025%,1/2-14NPT阴螺纹,24V,4-20mA,HART协议</t>
  </si>
  <si>
    <t>【罗斯蒙特】压力变送器\3051S2TG3A2E11A1AB4D1M5\-101-5516kPa,0.025%,1/2-14NPT阴螺纹,24V,4-20mA,HART协议</t>
  </si>
  <si>
    <t>【罗斯蒙特】压力变送器\3051S2TG4A2E11A1AB4D1M5\-101-27580kPa,0.025%,1/2-14NPT阴螺纹,24V,4-20mA,HART协议</t>
  </si>
  <si>
    <t>【罗斯蒙特】压力变送器\3051S2TG5A2E11A1AB4D1M5\-101-68948kPa,0.025%,1/2-14NPT阴螺纹,24V,4-20mA,HART协议</t>
  </si>
  <si>
    <t>【罗斯蒙特】压力变送器\3051S1CG1A2E12A1AB4D1D2M5\-6.2-6.2kPa,0.02%,1/2-14NPT阴螺纹,24V,4-20mA,HART协议</t>
  </si>
  <si>
    <t>【罗斯蒙特】压力变送器\3051S1CG2A2E12A1AB4D1D2M5\-62.2-62.2kPa,0.02%,1/2-14NPT阴螺纹,24V,4-20mA,HART协议</t>
  </si>
  <si>
    <t>【罗斯蒙特】压力变送器\3051S1CG3A2E12A1AB4D1D2M5\-97.7-248kPa,0.02%,1/2-14NPT阴螺纹,24V,4-20mA,HART协议</t>
  </si>
  <si>
    <t>【罗斯蒙特】压力变送器\3051S1CG4A2E12A1AB4D1D2M5\-97.7-2070kPa,0.02%,1/2-14NPT阴螺纹,24V,4-20mA,HART协议</t>
  </si>
  <si>
    <t>【罗斯蒙特】压力变送器\3051S1CG5A2E12A1AB4D1D2M5\-97.7-13580kPa,0.02%,1/2-14NPT阴螺纹,24V,4-20mA,HART协议</t>
  </si>
  <si>
    <t>【罗斯蒙特】压力变送器\3051S1TG1A2E11A1AB4D1M5\-101-207kPa,0.02%,1/2-14NPT阴螺纹,24V,4-20mA,HART协议</t>
  </si>
  <si>
    <t>【罗斯蒙特】压力变送器\3051S1TG2A2E11A1AB4D1M5\-101-1034kPa,0.02%,1/2-14NPT阴螺纹,24V,4-20mA,HART协议</t>
  </si>
  <si>
    <t>【罗斯蒙特】压力变送器\3051S1TG3A2E11A1AB4D1M5\-101-5516kPa,0.02%,1/2-14NPT阴螺纹,24V,4-20mA,HART协议</t>
  </si>
  <si>
    <t>【罗斯蒙特】压力变送器\3051S1TG4A2E11A1AB4D1M5\-101-27580kPa,0.02%,1/2-14NPT阴螺纹,24V,4-20mA,HART协议</t>
  </si>
  <si>
    <t>【罗斯蒙特】压力变送器\3051S1TG5A2E11A1AB4D1M5\-101-68948kPa,0.02%,1/2-14NPT阴螺纹,24V,4-20mA,HART协议</t>
  </si>
  <si>
    <t>【罗斯蒙特】压力变送器\3051S1TG1A2E11X\-101-207kPa,0.02%,1/2-14NPT阴螺纹,24V,4-20mA,无线HART协议</t>
  </si>
  <si>
    <t>【罗斯蒙特】压力变送器\3051S1TG2A2E11X\101-1034kPa,0.02%,1/2-14NPT阴螺纹,24V,4-20mA,无线HART协议</t>
  </si>
  <si>
    <t>【罗斯蒙特】压力变送器\3051S1TG3A2E11X\-101-5516kPa,0.02%,1/2-14NPT阴螺纹,24V,4-20mA,无线HART协议</t>
  </si>
  <si>
    <t>【罗斯蒙特】压力变送器\3051S1TG4A2E11X\-101-27580kPa,0.02%,1/2-14NPT阴螺纹,24V,4-20mA,无线HART协议</t>
  </si>
  <si>
    <t>【罗斯蒙特】压力变送器\3051S1TG5A2E11X\-101-68948kPa,0.02%,1/2-14NPT阴螺纹,24V,4-20mA,无线HART协议</t>
  </si>
  <si>
    <t>【罗斯蒙特】压力变送器\3051S1CG1A2E12X\-6.2-6.2kPa,0.02%,1/2-14NPT阴螺纹,24V,4-20mA,无线HART协议</t>
  </si>
  <si>
    <t>【罗斯蒙特】压力变送器\3051S1CG2A2E12X\-62.2-62.2kPa,0.02%,1/2-14NPT阴螺纹,24V,4-20mA,无线HART协议</t>
  </si>
  <si>
    <t>【罗斯蒙特】压力变送器\3051S1CG3A2E12X\-97.7-248kPa,0.02%,1/2-14NPT阴螺纹,24V,4-20mA,无线HART协议</t>
  </si>
  <si>
    <t>【罗斯蒙特】压力变送器\3051S1CG4A2E12X\-97.7-2070kPa,0.02%,1/2-14NPT阴螺纹,24V,4-20mA,无线HART协议</t>
  </si>
  <si>
    <t>【罗斯蒙特】压力变送器\3051S1CG5A2E12X\-97.7-13580kPa,0.02%,1/2-14NPT阴螺纹,24V,4-20mA,无线HART协议</t>
  </si>
  <si>
    <t>【罗斯蒙特】液位变送器\3051L2AH09D31ABM5RCND4S1HR5\-62.2-62.2kPa,0.04%,法兰连接,24V,4-20mA,HART协议</t>
  </si>
  <si>
    <t>【罗斯蒙特】液位变送器\3051L3AH09D31ABM5RCND4S1HR5\-248-248kPa,0.04%,法兰连接,24V,4-20mA,HART协议</t>
  </si>
  <si>
    <t>【罗斯蒙特】液位变送器\3051L4AH09D31ABM5RCND4S1HR5\-2070-2070kPa,0.04%,法兰连接,24V,4-20mA,HART协议</t>
  </si>
  <si>
    <t>【罗斯蒙特】液位变送器\3051L2AH09D31AKM5RCNS1HR5\-62.2-62.2kPa,0.04%,法兰连接,24V,4-20mA,HART协议</t>
  </si>
  <si>
    <t>【罗斯蒙特】液位变送器\3051L3AH09D31AKM5RCNS1HR5\-248-248kPa,0.04%,法兰连接,24V,4-20mA,HART协议</t>
  </si>
  <si>
    <t>【罗斯蒙特】液位变送器\3051L4AH09D31AKM5RCNS1HR5\-2070-2070kPa,0.04%,法兰连接,24V,4-20mA,HART协议</t>
  </si>
  <si>
    <t>【罗斯蒙特】绝对压力变送器\3051TA1A2B21AB4M5\0-207kPa,0.04%,1/2-14NPT阴螺纹,24V,4-20mA,HART协议</t>
  </si>
  <si>
    <t>【罗斯蒙特】绝对压力变送器\3051TA1F2B21AB4M5\0-207kPa,0.04%,1/2-14NPT阴螺纹,24V,FF总线协议</t>
  </si>
  <si>
    <t>【罗斯蒙特】绝对压力变送器\3051TA1W2B21AB4M4\0-207kPa,0.04%,1/2-14NPT阴螺纹,24V,PA总线协议</t>
  </si>
  <si>
    <t>【罗斯蒙特】绝对压力变送器\3051TA1A2B31AB4M5\0-207kPa,0.04%,1/2-14NPT阴螺纹,24V,4-20mA,HART协议</t>
  </si>
  <si>
    <t>【罗斯蒙特】绝对压力变送器\3051TA1F2B31AB4M5\0-207kPa,0.04%,1/2-14NPT阴螺纹,24V,FF总线协议</t>
  </si>
  <si>
    <t>【罗斯蒙特】绝对压力变送器\3051TA1W2B31AB4M4\0-207kPa,0.04%,1/2-14NPT阴螺纹,24V,PA总线协议</t>
  </si>
  <si>
    <t>【罗斯蒙特】绝对压力变送器\3051TA2A2B21AB4M5\0-1034kPa,0.04%,1/2-14NPT阴螺纹,24V,4-20mA,HART协议</t>
  </si>
  <si>
    <t>【罗斯蒙特】绝对压力变送器\3051TA2F2B21AB4M5\0-1034kPa,0.04%,1/2-14NPT阴螺纹,24V,FF总线协议</t>
  </si>
  <si>
    <t>【罗斯蒙特】绝对压力变送器\3051TA2W2B21AB4M4\0-1034kPa,0.04%,1/2-14NPT阴螺纹,24V,PA总线协议</t>
  </si>
  <si>
    <t>【罗斯蒙特】绝对压力变送器\3051TA2A2B31AB4M5\0-1034kPa,0.04%,1/2-14NPT阴螺纹,24V,4-20mA,HART协议</t>
  </si>
  <si>
    <t>【罗斯蒙特】绝对压力变送器\3051TA2F2B31AB4M5\0-1034kPa,0.04%,1/2-14NPT阴螺纹,24V,FF总线协议</t>
  </si>
  <si>
    <t>【罗斯蒙特】绝对压力变送器\3051TA2W2B31AB4M4\0-1034kPa,0.04%,1/2-14NPT阴螺纹,24V,PA总线协议</t>
  </si>
  <si>
    <t>【罗斯蒙特】绝对压力变送器\3051TA3A2B21AB4M5\0-5516kPa,0.04%,1/2-14NPT阴螺纹,24V,4-20mA,HART协议</t>
  </si>
  <si>
    <t>【罗斯蒙特】绝对压力变送器\3051TA3F2B21AB4M5\0-5516kPa,0.04%,1/2-14NPT阴螺纹,24V,FF总线协议</t>
  </si>
  <si>
    <t>【罗斯蒙特】绝对压力变送器\3051TA3W2B21AB4M4\0-5516kPa,0.04%,1/2-14NPT阴螺纹,24V,PA总线协议</t>
  </si>
  <si>
    <t>【罗斯蒙特】绝对压力变送器\3051TA3A2B31AB4M5\0-5516kPa,0.04%,1/2-14NPT阴螺纹,24V,4-20mA,HART协议</t>
  </si>
  <si>
    <t>【罗斯蒙特】绝对压力变送器\3051TA3F2B31AB4M5\0-5516kPa,0.04%,1/2-14NPT阴螺纹,24V,FF总线协议</t>
  </si>
  <si>
    <t>【罗斯蒙特】绝对压力变送器\3051TA3W2B31AB4M4\0-5516kPa,0.04%,1/2-14NPT阴螺纹,24V,PA总线协议</t>
  </si>
  <si>
    <t>【罗斯蒙特】绝对压力变送器\3051TA4A2B21AB4M5\0-27580kPa,0.04%,1/2-14NPT阴螺纹,24V,4-20mA,HART协议</t>
  </si>
  <si>
    <t>【罗斯蒙特】绝对压力变送器\3051TA4F2B21AB4M5\0-27580kPa,0.04%,1/2-14NPT阴螺纹,24V,FF总线协议</t>
  </si>
  <si>
    <t>【罗斯蒙特】绝对压力变送器\3051TA4W2B21AB4M4\0-27580kPa,0.04%,1/2-14NPT阴螺纹,24V,PA总线协议</t>
  </si>
  <si>
    <t>【罗斯蒙特】绝对压力变送器\3051TA4A2B31AB4M5\0-27580kPa,0.04%,1/2-14NPT阴螺纹,24V,4-20mA,HART协议</t>
  </si>
  <si>
    <t>【罗斯蒙特】绝对压力变送器\3051TA4F2B31AB4M5\0-27580kPa,0.04%,1/2-14NPT阴螺纹,24V,FF总线协议</t>
  </si>
  <si>
    <t>【罗斯蒙特】绝对压力变送器\3051TA4W2B31AB4M4\0-27580kPa,0.04%,1/2-14NPT阴螺纹,24V,PA总线协议</t>
  </si>
  <si>
    <t>【罗斯蒙特】绝对压力变送器\3051TA5A2B21AB4M5\0-68948kPa,0.04%,1/2-14NPT阴螺纹,24V,4-20mA,HART协议</t>
  </si>
  <si>
    <t>【罗斯蒙特】绝对压力变送器\3051TA5F2B21AB4M5\0-68948kPa,0.04%,1/2-14NPT阴螺纹,24V,FF总线协议</t>
  </si>
  <si>
    <t>【罗斯蒙特】绝对压力变送器\3051TA5W2B21AB4M4\0-68948kPa,0.04%,1/2-14NPT阴螺纹,24V,PA总线协议</t>
  </si>
  <si>
    <t>【罗斯蒙特】绝对压力变送器\3051TA5A2B31AB4M5\0-68948kPa,0.04%,1/2-14NPT阴螺纹,24V,4-20mA,HART协议</t>
  </si>
  <si>
    <t>【罗斯蒙特】绝对压力变送器\3051TA5F2B31AB4M5\0-68948kPa,0.04%,1/2-14NPT阴螺纹,24V,FF总线协议</t>
  </si>
  <si>
    <t>【罗斯蒙特】绝对压力变送器\3051TA5W2B31AB4M4\0-68948kPa,0.04%,1/2-14NPT阴螺纹,24V,PA总线协议</t>
  </si>
  <si>
    <t>【罗斯蒙特】绝对压力变送器\3051CA1A22A1AB4DFM5\0-207kPa,0.04%,1/2-14NPT阴螺纹,24V,4-20mA,HART协议</t>
  </si>
  <si>
    <t>【罗斯蒙特】绝对压力变送器\3051CA1F22A1AB4DFM5\0-207kPa,0.04%,1/2-14NPT阴螺纹,24V,FF总线协议</t>
  </si>
  <si>
    <t>【罗斯蒙特】绝对压力变送器\3051CA1W22A1AB4DFM4\0-207kPa,0.04%,1/2-14NPT阴螺纹,24V,PA总线协议</t>
  </si>
  <si>
    <t>【罗斯蒙特】绝对压力变送器\3051CA1A23A1AB4DFM5\0-207kPa,0.04%,1/2-14NPT阴螺纹,24V,4-20mA,HART协议</t>
  </si>
  <si>
    <t>【罗斯蒙特】绝对压力变送器\3051CA1F23A1AB4DFM5\0-207kPa,0.04%,1/2-14NPT阴螺纹,24V,FF总线协议</t>
  </si>
  <si>
    <t>【罗斯蒙特】绝对压力变送器\3051CA1W23A1AB4DFM4\0-207kPa,0.04%,1/2-14NPT阴螺纹,24V,PA总线协议</t>
  </si>
  <si>
    <t>【罗斯蒙特】绝对压力变送器\3051CA2A22A1AB4DFM5\0-1034kPa,0.04%,1/2-14NPT阴螺纹,24V,4-20mA,HART协议</t>
  </si>
  <si>
    <t>【罗斯蒙特】绝对压力变送器\3051CA2F22A1AB4DFM5\0-1034kPa,0.04%,1/2-14NPT阴螺纹,24V,FF总线协议</t>
  </si>
  <si>
    <t>【罗斯蒙特】绝对压力变送器\3051CA2W22A1AB4DFM4\0-1034kPa,0.04%,1/2-14NPT阴螺纹,24V,PA总线协议</t>
  </si>
  <si>
    <t>【罗斯蒙特】绝对压力变送器\3051CA2A23A1AB4DFM5\0-1034kPa,0.04%,1/2-14NPT阴螺纹,24V,4-20mA,HART协议</t>
  </si>
  <si>
    <t>【罗斯蒙特】绝对压力变送器\3051CA2F23A1AB4DFM5\0-1034kPa,0.04%,1/2-14NPT阴螺纹,24V,FF总线协议</t>
  </si>
  <si>
    <t>【罗斯蒙特】绝对压力变送器\3051CA2W23A1AB4DFM4\0-1034kPa,0.04%,1/2-14NPT阴螺纹,24V,PA总线协议</t>
  </si>
  <si>
    <t>【罗斯蒙特】绝对压力变送器\3051CA3A22A1AB4DFM5\0-5516kPa,0.04%,1/2-14NPT阴螺纹,24V,4-20mA,HART协议</t>
  </si>
  <si>
    <t>【罗斯蒙特】绝对压力变送器\3051CA3F22A1AB4DFM5\0-5516kPa,0.04%,1/2-14NPT阴螺纹,24V,FF总线协议</t>
  </si>
  <si>
    <t>【罗斯蒙特】绝对压力变送器\3051CA3W22A1AB4DFM4\0-5516kPa,0.04%,1/2-14NPT阴螺纹,24V,PA总线协议</t>
  </si>
  <si>
    <t>【罗斯蒙特】绝对压力变送器\3051CA3A23A1AB4DFM5\0-5516kPa,0.04%,1/2-14NPT阴螺纹,24V,4-20mA,HART协议</t>
  </si>
  <si>
    <t>【罗斯蒙特】绝对压力变送器\3051CA3F23A1AB4DFM5\0-5516kPa,0.04%,1/2-14NPT阴螺纹,24V,FF总线协议</t>
  </si>
  <si>
    <t>【罗斯蒙特】绝对压力变送器\3051CA3W23A1AB4DFM4\0-5516kPa,0.04%,1/2-14NPT阴螺纹,24V,PA总线协议</t>
  </si>
  <si>
    <t>【罗斯蒙特】绝对压力变送器\3051CA4A22A1AB4DFM5\0-27580kPa,0.04%,1/2-14NPT阴螺纹,24V,4-20mA,HART协议</t>
  </si>
  <si>
    <t>【罗斯蒙特】绝对压力变送器\3051CA4F22A1AB4DFM5\0-27580kPa,0.04%,1/2-14NPT阴螺纹,24V,FF总线协议</t>
  </si>
  <si>
    <t>【罗斯蒙特】绝对压力变送器\3051CA4W22A1AB4DFM4\0-27580kPa,0.04%,1/2-14NPT阴螺纹,24V,PA总线协议</t>
  </si>
  <si>
    <t>【罗斯蒙特】绝对压力变送器\3051CA4A23A1AB4DFM5\0-27580kPa,0.04%,1/2-14NPT阴螺纹,24V,4-20mA,HART协议</t>
  </si>
  <si>
    <t>【罗斯蒙特】绝对压力变送器\3051CA4F23A1AB4DFM5\0-27580kPa,0.04%,1/2-14NPT阴螺纹,24V,FF总线协议</t>
  </si>
  <si>
    <t>【罗斯蒙特】绝对压力变送器\3051CA4W23A1AB4DFM4\0-27580kPa,0.04%,1/2-14NPT阴螺纹,24V,PA总线协议</t>
  </si>
  <si>
    <t>【罗斯蒙特】绝对压力变送器\3051S2CA2A2E12A1AB4D1D2M5\3051S2CA1A2E12A1AB4D1D2M5\0-6.2kPa,0.025%,1/2-14NPT阴螺纹,24V,4-20mA,HART协议</t>
  </si>
  <si>
    <t>【罗斯蒙特】绝对压力变送器\3051S2CA2A2E12A1AB4D1D2M5\0-62.2kPa,0.025%,1/2-14NPT阴螺纹,24V,4-20mA,HART协议</t>
  </si>
  <si>
    <t>【罗斯蒙特】绝对压力变送器\3051S2CA3A2E12A1AB4D1D2M5\0-248kPa,0.025%,1/2-14NPT阴螺纹,24V,4-20mA,HART协议</t>
  </si>
  <si>
    <t>【罗斯蒙特】绝对压力变送器\3051S2CA4A2E12A1AB4D1D2M5\0-2070kPa,0.025%,1/2-14NPT阴螺纹,24V,4-20mA,HART协议</t>
  </si>
  <si>
    <t>【罗斯蒙特】绝对压力变送器\3051S2TA1A2E11A1AB4D1M5\0-207kPa,0.025%,1/2-14NPT阴螺纹,24V,4-20mA,HART协议</t>
  </si>
  <si>
    <t>【罗斯蒙特】绝对压力变送器\3051S2TA2A2E11A1AB4D1M5\0-1034kPa,0.025%,1/2-14NPT阴螺纹,24V,4-20mA,HART协议</t>
  </si>
  <si>
    <t>【罗斯蒙特】绝对压力变送器\3051S2TA3A2E11A1AB4D1M5\0-5516kPa,0.025%,1/2-14NPT阴螺纹,24V,4-20mA,HART协议</t>
  </si>
  <si>
    <t>【罗斯蒙特】绝对压力变送器\3051S2TA4A2E11A1AB4D1M5\0-27580kPa,0.025%,1/2-14NPT阴螺纹,24V,4-20mA,HART协议</t>
  </si>
  <si>
    <t>【罗斯蒙特】绝对压力变送器\3051S2TA5A2E11A1AB4D1M5\0-68948kPa,0.025%,1/2-14NPT阴螺纹,24V,4-20mA,HART协议</t>
  </si>
  <si>
    <t>【罗斯蒙特】绝对压力变送器\3051S1CA1A2E12A1AB4D1D2M5\0-6.2kPa,0.02%,1/2-14NPT阴螺纹,24V,4-20mA,HART协议</t>
  </si>
  <si>
    <t>【罗斯蒙特】绝对压力变送器\3051S1CA2A2E12A1AB4D1D2M5\0-62.2kPa,0.02%,1/2-14NPT阴螺纹,24V,4-20mA,HART协议</t>
  </si>
  <si>
    <t>【罗斯蒙特】绝对压力变送器\3051S1CA3A2E12A1AB4D1D2M5\0-248kPa,0.02%,1/2-14NPT阴螺纹,24V,4-20mA,HART协议</t>
  </si>
  <si>
    <t>【罗斯蒙特】绝对压力变送器\3051S1CA4A2E12A1AB4D1D2M5\0-2070kPa,0.02%,1/2-14NPT阴螺纹,24V,4-20mA,HART协议</t>
  </si>
  <si>
    <t>【罗斯蒙特】绝对压力变送器\3051S1TA1A2E11A1AB4D1M5\0-207kPa,0.02%,1/2-14NPT阴螺纹,24V,4-20mA,HART协议</t>
  </si>
  <si>
    <t>【罗斯蒙特】绝对压力变送器\3051S1TA2A2E11A1AB4D1M5\0-1034kPa,0.02%,1/2-14NPT阴螺纹,24V,4-20mA,HART协议</t>
  </si>
  <si>
    <t>【罗斯蒙特】绝对压力变送器\3051S1TA3A2E11A1AB4D1M5\0-5516kPa,0.02%,1/2-14NPT阴螺纹,24V,4-20mA,HART协议</t>
  </si>
  <si>
    <t>【罗斯蒙特】绝对压力变送器\3051S1TA4A2E11A1AB4D1M5\0-27580kPa,0.02%,1/2-14NPT阴螺纹,24V,4-20mA,HART协议</t>
  </si>
  <si>
    <t>【罗斯蒙特】绝对压力变送器\3051S1TA5A2E11A1AB4D1M5\0-68948kPa,0.02%,1/2-14NPT阴螺纹,24V,4-20mA,HART协议</t>
  </si>
  <si>
    <t>【罗斯蒙特】绝对压力变送器\3051S1CA1A2E12X\0-6.2kPa,0.02%,1/2-14NPT阴螺纹,24V,4-20mA,无线HART协议</t>
  </si>
  <si>
    <t>【罗斯蒙特】绝对压力变送器\3051S1CA2A2E12X\0-62.2kPa,0.02%,1/2-14NPT阴螺纹,24V,4-20mA,无线HART协议</t>
  </si>
  <si>
    <t>【罗斯蒙特】绝对压力变送器\3051S1CA3A2E12X\0-248kPa,0.02%,1/2-14NPT阴螺纹,24V,4-20mA,无线HART协议</t>
  </si>
  <si>
    <t>【罗斯蒙特】绝对压力变送器\3051S1CA4A2E12X\0-2070kPa,0.02%,1/2-14NPT阴螺纹,24V,4-20mA,无线HART协议</t>
  </si>
  <si>
    <t>【罗斯蒙特】差压流量计\差压变送器+孔板\3051SFP系列（150mm以下）\0.04%,法兰连接,24V,4-20mA,HART协议</t>
  </si>
  <si>
    <t>【罗斯蒙特】差压流量计\差压变送器+阿牛巴\3051CFADG140ZCHPS2T100031AB1RLE8M5HR5\0.065%,法兰连接,24V,4-20mA,HART协议</t>
  </si>
  <si>
    <t>【罗斯蒙特】差压流量计\差压变送器+阿牛巴\3051CFADG120ZCHPS2T100031AB1RLM5\0.065%,法兰连接,24V,4-20mA,HART协议</t>
  </si>
  <si>
    <t>【罗斯蒙特】差压流量计\差压变送器+孔板\3051SFA（小于350cm管径）\0.04%,法兰连接,24V,4-20mA,HART协议</t>
  </si>
  <si>
    <t>【罗斯蒙特】差压流量计\差压变送器+孔板\3051SFC系列（150mm以下）\0.04%,法兰连接,24V,4-20mA,HART协议</t>
  </si>
  <si>
    <t>【罗斯蒙特】差压流量计\差压变送器+孔板\3051CFC系列（150mm以下）\0.065%,法兰连接,24V,4-20mA,HART协议</t>
  </si>
  <si>
    <t>【罗斯蒙特】多参量变送器\3051SMV5M12G3R2A11A1AC13M5\0-13800kPa,0.04%,法兰连接,24V,4-20mA,HART协议</t>
  </si>
  <si>
    <t>【罗斯蒙特】电极点液位计\2462ADS\法兰连接</t>
  </si>
  <si>
    <t>【罗斯蒙特】电极点液位计\2468系列（16点）\法兰连接</t>
  </si>
  <si>
    <t>【罗斯蒙特】电子远传液位计\ERS 系统\0.04%,法兰连接,24V,4-20mA,HART协议</t>
  </si>
  <si>
    <t>【克莱德吹灰器】主轴\V04-2-1-0\V04</t>
  </si>
  <si>
    <t>上海克莱德贝尔格曼机械有限公司</t>
  </si>
  <si>
    <t>克莱德</t>
  </si>
  <si>
    <t>WZSCCG-2018-SH-004</t>
  </si>
  <si>
    <t>2018年度集团级上海克莱德吹灰器配件长协采购</t>
  </si>
  <si>
    <t>【克莱德吹灰器】内管组件\V04-5-0\V04</t>
  </si>
  <si>
    <t>【克莱德吹灰器】开阀机构\V04-6-0\V04</t>
  </si>
  <si>
    <t>【克莱德吹灰器】阀门组件\DN80\N1/36104</t>
  </si>
  <si>
    <t>【克莱德吹灰器】齿轮箱组件\V04-10-0\V04</t>
  </si>
  <si>
    <t>【克莱德吹灰器】运转螺母\V04-2-2\V04</t>
  </si>
  <si>
    <t>【克莱德吹灰器】导向销组件\O0000360\V04</t>
  </si>
  <si>
    <t>【克莱德吹灰器】运转螺母座\V04-3-1\V04</t>
  </si>
  <si>
    <t>【克莱德吹灰器】大链轮\V04-3-2\V04</t>
  </si>
  <si>
    <t>【克莱德吹灰器】垫片\V04-3-3\V04</t>
  </si>
  <si>
    <t>片</t>
  </si>
  <si>
    <t>【克莱德吹灰器】小链轮\N1/49185\V04</t>
  </si>
  <si>
    <t>【克莱德吹灰器】凸轮盘\V04-4-1\V04</t>
  </si>
  <si>
    <t>【克莱德吹灰器】填料\SCB6-15S\V04</t>
  </si>
  <si>
    <t>组</t>
  </si>
  <si>
    <t>【克莱德吹灰器】压盖\V04-4-4\V04</t>
  </si>
  <si>
    <t>【克莱德吹灰器】压环\V04-4-5\V04</t>
  </si>
  <si>
    <t>【克莱德吹灰器】衬套\V04-4-7\V04</t>
  </si>
  <si>
    <t>【克莱德吹灰器】轴承销组件\O0000361\V04</t>
  </si>
  <si>
    <t>【克莱德吹灰器】阀瓣\N1/47409C</t>
  </si>
  <si>
    <t>【克莱德吹灰器】阀杆\N1/47346D</t>
  </si>
  <si>
    <t>【克莱德吹灰器】连接螺母\N1/47343A</t>
  </si>
  <si>
    <t>【克莱德吹灰器】销紧垫片\N1/47348A</t>
  </si>
  <si>
    <t>【克莱德吹灰器】填料\N1/6181</t>
  </si>
  <si>
    <t>【克莱德吹灰器】弹簧\N1/43385</t>
  </si>
  <si>
    <t>【克莱德吹灰器】弹簧压盖\N1/43387</t>
  </si>
  <si>
    <t>【克莱德吹灰器】填料压盖\N1/43382A</t>
  </si>
  <si>
    <t>【克莱德吹灰器】空气阀\N1/47424B</t>
  </si>
  <si>
    <t>只</t>
  </si>
  <si>
    <t>【克莱德吹灰器】导向装置\V04-11-2\V04</t>
  </si>
  <si>
    <t>【克莱德吹灰器】喷嘴头\V04-9-1\V04</t>
  </si>
  <si>
    <t>【克莱德吹灰器】齿轮箱\D/V92GB/1</t>
  </si>
  <si>
    <t>个</t>
  </si>
  <si>
    <t>【克莱德吹灰器】带内环与定位环缠绕式垫片\GB4622-D2222-100-63</t>
  </si>
  <si>
    <t>【克莱德吹灰器】加长喷嘴头\V04-9-2\V04</t>
  </si>
  <si>
    <t>【克莱德吹灰器】开阀机构（左手型）\N1/0648E</t>
  </si>
  <si>
    <t>【克莱德吹灰器】开阀机构（右手型）\N1/0648E</t>
  </si>
  <si>
    <t>【克莱德吹灰器】行走箱(左手型)\N1/0673B\PSSL</t>
  </si>
  <si>
    <t>【克莱德吹灰器】行走箱(右手型)\N1/0673B\PSSL</t>
  </si>
  <si>
    <t>【克莱德吹灰器】前部托轮组(固定)\N1/22995\PSSL</t>
  </si>
  <si>
    <t>【克莱德吹灰器】内管托架\N1/0665C\PSSL</t>
  </si>
  <si>
    <t>【克莱德吹灰器】内外管托架\N1/0666B\PSSL</t>
  </si>
  <si>
    <t>【克莱德吹灰器】齿轮箱组件(左手型)\PSSLGB\PSSL</t>
  </si>
  <si>
    <t>【克莱德吹灰器】齿轮箱组件(右手型)\PSSLGB\PSSL</t>
  </si>
  <si>
    <t>【克莱德吹灰器】齿轮箱(左手型)\PSSL/LGB\PSSL</t>
  </si>
  <si>
    <t>【克莱德吹灰器】齿轮箱(右手型)\PSSL/RGB\PSSL</t>
  </si>
  <si>
    <t>【克莱德吹灰器】滚轮轴\N1/47334C\PSSL</t>
  </si>
  <si>
    <t>【克莱德吹灰器】链条接头\5/8链条接头\O0000075</t>
  </si>
  <si>
    <t>【克莱德吹灰器】链条张紧机构\N1/21588D\PSSL</t>
  </si>
  <si>
    <t>【克莱德吹灰器】铜衬\N1/44522D\PSSL</t>
  </si>
  <si>
    <t>【克莱德吹灰器】填料压盖\N1/32251B\PSSL</t>
  </si>
  <si>
    <t>【克莱德吹灰器】填料\SCB6-02SA</t>
  </si>
  <si>
    <t>【克莱德吹灰器】铜衬\N1/45094C\PSSL</t>
  </si>
  <si>
    <t>【克莱德吹灰器】衬套\N1/49474\PSSL</t>
  </si>
  <si>
    <t>【克莱德吹灰器】内管垫片\N1/0648C/15\PSSL</t>
  </si>
  <si>
    <t>【克莱德吹灰器】缠绕式垫片\84*96*3.2\O0000044\PSSL</t>
  </si>
  <si>
    <t>【克莱德吹灰器】拖链\E0000053\PSSL</t>
  </si>
  <si>
    <t>【克莱德吹灰器】拖链接头\I0000018\PSSL</t>
  </si>
  <si>
    <t>【克莱德吹灰器】对开环\N1/43617\PSSL</t>
  </si>
  <si>
    <t>【克莱德吹灰器】前部托轮组\N1/22723A\PSSL</t>
  </si>
  <si>
    <t>【克莱德吹灰器】滚轮组件\O0000354\PSSL</t>
  </si>
  <si>
    <t>【克莱德吹灰器】撞销组件\O0000355\PSSL</t>
  </si>
  <si>
    <t>【克莱德吹灰器】压轮组件\O0000356\PSSL</t>
  </si>
  <si>
    <t>【克莱德吹灰器】轴用挡圈\120*4\O0000166\PSSL</t>
  </si>
  <si>
    <t>【克莱德吹灰器】撞停\N1/0673/115\PSSL</t>
  </si>
  <si>
    <t>【克莱德吹灰器】开阀杠杆\N1/22600\PSSL</t>
  </si>
  <si>
    <t>【克莱德吹灰器】外管\Lw=5.5-8m\T91\T89II\PSSL</t>
  </si>
  <si>
    <t>【克莱德吹灰器】外管\Lw=5.5-8m\15CrMo\T89II\PSSL</t>
  </si>
  <si>
    <t>【克莱德吹灰器】行走箱(左手型)\PSLL/4L\PSLL</t>
  </si>
  <si>
    <t>【克莱德吹灰器】行走箱(右手型)\PSLL/4R\PSLL</t>
  </si>
  <si>
    <t>【克莱德吹灰器】齿轮箱组件(左手型)\PSLLGB\PSLL</t>
  </si>
  <si>
    <t>【克莱德吹灰器】齿轮箱组件(右手型)\PSLLGB\PSLL</t>
  </si>
  <si>
    <t>【克莱德吹灰器】齿轮箱(左手型)\PSLL/LGB\PSLL</t>
  </si>
  <si>
    <t>【克莱德吹灰器】齿轮箱(右手型)\PSLL/RGB\PSLL</t>
  </si>
  <si>
    <t>【克莱德吹灰器】齿轮\N1/47328G</t>
  </si>
  <si>
    <t>【克莱德吹灰器】填料\SCB6-02S</t>
  </si>
  <si>
    <t>【克莱德吹灰器】前部托轮组(活动)\PSLL/8\PSLL</t>
  </si>
  <si>
    <t>【克莱德吹灰器】缠绕式垫片\JB/T90-A90-138-3.2\SCB6-29S\PSLL</t>
  </si>
  <si>
    <t>【克莱德吹灰器】撞停\PSLL/4/9\PSLL</t>
  </si>
  <si>
    <t>【克莱德吹灰器】开阀杠杆\PSLL/4/12\PSLL</t>
  </si>
  <si>
    <t>【克莱德吹灰器】内外管托架\PSLL/10\PSLL</t>
  </si>
  <si>
    <t>【克莱德吹灰器】外管\Lw=10-11.5m\T91\T102III</t>
  </si>
  <si>
    <t>【克莱德吹灰器】外管喷嘴头\SCB11727PZG\PSSB</t>
  </si>
  <si>
    <t>【克莱德吹灰器】齿轮箱组件(左手型)\PSSBGB\PSSB</t>
  </si>
  <si>
    <t>【克莱德吹灰器】齿轮箱组件(右手型)\PSSBGB\PSSB</t>
  </si>
  <si>
    <t>【克莱德吹灰器】齿轮箱(左手型)\PSSB/LGB\PSSB</t>
  </si>
  <si>
    <t>【克莱德吹灰器】齿轮箱(右手型)\PSSB/RGB\PSSB</t>
  </si>
  <si>
    <t>【克莱德吹灰器】喷嘴管\15CrMo\PSSBPZG\PSSB</t>
  </si>
  <si>
    <t>【克莱德吹灰器】行走箱(左手型)\N1/0705A\PSAL</t>
  </si>
  <si>
    <t>【克莱德吹灰器】行走箱(右手型)\N1/0705A\PSAL</t>
  </si>
  <si>
    <t>【克莱德吹灰器】前部托轮组\N1/0779TL\PSAL</t>
  </si>
  <si>
    <t>【克莱德吹灰器】齿轮箱组件(左手型)\N1/0706/14\PSAL</t>
  </si>
  <si>
    <t>【克莱德吹灰器】齿轮箱组件(右手型)\N1/0706/14\PSAL</t>
  </si>
  <si>
    <t>【克莱德吹灰器】齿轮箱(左手型)\PSATGB/1</t>
  </si>
  <si>
    <t>【克莱德吹灰器】齿轮箱(右手型)\PSATGB/1</t>
  </si>
  <si>
    <t>【克莱德吹灰器】缠绕式垫片\JB/T90-A82-138-3.2\SCB6-29S</t>
  </si>
  <si>
    <t>【克莱德吹灰器】钢丝编织液压胶管\两端接头JB1885-M36*2\GB3683-22II\PSAL</t>
  </si>
  <si>
    <t>【克莱德吹灰器】高压水喷嘴\Φ2\K22588/6\PSAL</t>
  </si>
  <si>
    <t>【克莱德吹灰器】喷嘴管组件(单管)\PSALPZG\PSAL</t>
  </si>
  <si>
    <t>【克莱德吹灰器】喷嘴管组件(井字架)\PSALPZGJ\PSAL</t>
  </si>
  <si>
    <t>【克莱德吹灰器】水喷嘴管组件(单管)\316L\PSALPZGW\PSAL</t>
  </si>
  <si>
    <t>【克莱德吹灰器】水喷嘴管组件(井字架)\316L\PSALPZGWJ\PSAL</t>
  </si>
  <si>
    <t>【克莱德吹灰器】水管\N1/22916A\PSAL</t>
  </si>
  <si>
    <t>【克莱德吹灰器】齿轮箱组件(左手型)\PSATGB\PSAT</t>
  </si>
  <si>
    <t>【克莱德吹灰器】齿轮箱组件(右手型)\PSATGB\PSAT</t>
  </si>
  <si>
    <t>【克莱德吹灰器】前部托轮组\N1/22743B\PSAT</t>
  </si>
  <si>
    <t>【克莱德吹灰器】齿轮箱油封\PS-AT\PSAT</t>
  </si>
  <si>
    <t>【克莱德吹灰器】喷嘴管(单管)\15CrMo\PSATPZG\PSAT</t>
  </si>
  <si>
    <t>【克莱德吹灰器】喷嘴管(井字架)\15CrMo\PSATPZGJ\PSAT</t>
  </si>
  <si>
    <t>【克莱德吹灰器】行走箱(左手型)\N1/0767\PSAT</t>
  </si>
  <si>
    <t>【克莱德吹灰器】行走箱(右手型)\N1/0767\PSAT</t>
  </si>
  <si>
    <t>【克莱德吹灰器】前部托轮组\N1/22692\TSO</t>
  </si>
  <si>
    <t>【克莱德吹灰器】齿轮箱组件(左手型)\TSGB\TSO</t>
  </si>
  <si>
    <t>【克莱德吹灰器】齿轮箱组件(右手型)\TSGB\TSO</t>
  </si>
  <si>
    <t>【克莱德吹灰器】齿轮箱(左手型)\TSGB/L\TSO</t>
  </si>
  <si>
    <t>【克莱德吹灰器】T齿轮箱(右手型)\TSGB/R\TSO</t>
  </si>
  <si>
    <t>【克莱德吹灰器】带轮\m=1\N1/0773/1\TSO</t>
  </si>
  <si>
    <t>【克莱德吹灰器】同步带\1*96*6\E0000071\TSO</t>
  </si>
  <si>
    <t>【克莱德吹灰器】带轮\m=1,Z=20\N1/0786/6\TSO</t>
  </si>
  <si>
    <t>【克莱德吹灰器】拖链\I0000070\TSO</t>
  </si>
  <si>
    <t>米</t>
  </si>
  <si>
    <t>【克莱德吹灰器】拖链接头\I0000071\TSO</t>
  </si>
  <si>
    <t>【克莱德吹灰器】热电偶枪管\N1/0784A\TSO</t>
  </si>
  <si>
    <t>【克莱德吹灰器】供汽内管\AHLW/2\AHLW</t>
  </si>
  <si>
    <t>【克莱德吹灰器】供水内管\AHLW/3\AHLW</t>
  </si>
  <si>
    <t>【克莱德吹灰器】外管\15CrMo\AHLW/4\AHLW</t>
  </si>
  <si>
    <t>【克莱德吹灰器】开阀机构\AHLW/6\AHLW</t>
  </si>
  <si>
    <t>【克莱德吹灰器】行走箱\AHLW/8\AHLW</t>
  </si>
  <si>
    <t>【克莱德吹灰器】齿轮箱\带电机0.75kw\50Hz\380V\K/20695/5A\AHLW</t>
  </si>
  <si>
    <t>【克莱德吹灰器】齿轮箱\K20695/5A\AHLW</t>
  </si>
  <si>
    <t>【克莱德吹灰器】空预吹灰器喷嘴管\L=8000\15CrMo\PSATPZG\AHLW</t>
  </si>
  <si>
    <t>【克莱德吹灰器】主轴\AHLW/8/1\AHLW</t>
  </si>
  <si>
    <t>【克莱德吹灰器】压圈\AHLW/8/3\AHLW</t>
  </si>
  <si>
    <t>【克莱德吹灰器】对开环\AHLW/8/4\AHLW</t>
  </si>
  <si>
    <t>【克莱德吹灰器】填料压盖\AHLW/8/10\AHLW</t>
  </si>
  <si>
    <t>【克莱德吹灰器】滚轮\AHLW/8/12\AHLW</t>
  </si>
  <si>
    <t>【克莱德吹灰器】滚轮轴\AHLW/8/13\AHLW</t>
  </si>
  <si>
    <t>【克莱德吹灰器】端链轮组\AHLW/13/5\AHLW</t>
  </si>
  <si>
    <t>【克莱德吹灰器】缠绕式垫片\60*100*3.2\O0000038\AHLW</t>
  </si>
  <si>
    <t>【克莱德吹灰器】带法兰轴承\SAPF208\O0000013\AHLW</t>
  </si>
  <si>
    <t>【克莱德吹灰器】横轴组件\AHLW/13/35\AHLW</t>
  </si>
  <si>
    <t>【克莱德吹灰器】齿轮箱连接法兰\AHLW/13/37\AHLW</t>
  </si>
  <si>
    <t>【克莱德吹灰器】偏心轴承\K06UE208-YA\O0000012\AHLW</t>
  </si>
  <si>
    <t>【克莱德吹灰器】齿轮箱组件\D/V92GB\V92</t>
  </si>
  <si>
    <t>【克莱德吹灰器】阀杆\N1/473460</t>
  </si>
  <si>
    <t>【克莱德吹灰器】锁紧垫片\N1/47348B</t>
  </si>
  <si>
    <t>【克莱德吹灰器】填料座\N1/433818</t>
  </si>
  <si>
    <t>【克莱德吹灰器】调节圈\N1/47207A</t>
  </si>
  <si>
    <t>【克莱德吹灰器】垫片\N1/46140</t>
  </si>
  <si>
    <t>【克莱德吹灰器】调节器\N1/50580</t>
  </si>
  <si>
    <t>【克莱德吹灰器】弹簧座\N1/43379C</t>
  </si>
  <si>
    <t>【克莱德吹灰器】挡片\N1/43386</t>
  </si>
  <si>
    <t>【克莱德吹灰器】主轴组件\N1/22664A\V92</t>
  </si>
  <si>
    <t>【克莱德吹灰器】运转螺母\N1/35473A\V92</t>
  </si>
  <si>
    <t>【克莱德吹灰器】填料组\SCB6-18S\V92</t>
  </si>
  <si>
    <t>【克莱德吹灰器】内管\N1/35673\V92</t>
  </si>
  <si>
    <t>【克莱德吹灰器】开阀杠杆\N1/22552D\V92</t>
  </si>
  <si>
    <t>【克莱德吹灰器】阀门压杆\N1/49204A\V92</t>
  </si>
  <si>
    <t>【克莱德吹灰器】大链轮\N1/22533A\V92</t>
  </si>
  <si>
    <t>【克莱德吹灰器】凸轮盘\N1/11100A\V92</t>
  </si>
  <si>
    <t>【克莱德吹灰器】喷嘴管\V92T73\V92</t>
  </si>
  <si>
    <t>【克莱德吹灰器】喷嘴管\V92T63\V92</t>
  </si>
  <si>
    <t>【克莱德吹灰器】填料组\SCB6-17S\D92</t>
  </si>
  <si>
    <t>【克莱德吹灰器】开阀杠杆\N1/35544C\D92</t>
  </si>
  <si>
    <t>【克莱德吹灰器】大链轮\N1/35547B\D92</t>
  </si>
  <si>
    <t>【克莱德吹灰器】凸轮盘\N1/11105D\D92</t>
  </si>
  <si>
    <t>【克莱德吹灰器】链条接头\O0000076\D92</t>
  </si>
  <si>
    <t>【克莱德吹灰器】压盖法兰\N1/49279\D92</t>
  </si>
  <si>
    <t>【克莱德吹灰器】压盖填料\N1/49408\D92</t>
  </si>
  <si>
    <t>【克莱德吹灰器】衬圈\N1/49405A\D92</t>
  </si>
  <si>
    <t>【克莱德吹灰器】轴销\N1/49288A\D92</t>
  </si>
  <si>
    <t>【克莱德吹灰器】轴承\N1/49276\D92</t>
  </si>
  <si>
    <t>【克莱德吹灰器】垫片\N1/11170/31\D92</t>
  </si>
  <si>
    <t>【克莱德吹灰器】中管\N1/35661B\D92</t>
  </si>
  <si>
    <t>【克莱德吹灰器】吹灰管\L=4-6m\15CrMo\D92T60\D92</t>
  </si>
  <si>
    <t>【克莱德吹灰器】吹灰管\L=6-8m\15CrMo\D92T76\D92</t>
  </si>
  <si>
    <t>【克莱德吹灰器】阀门组件\DN100\N1/36104/4"(K)</t>
  </si>
  <si>
    <t>【克莱德吹灰器】阀瓣\N1/47446B</t>
  </si>
  <si>
    <t>【克莱德吹灰器】阀杆\N1/47403</t>
  </si>
  <si>
    <t>【克莱德吹灰器】齿轮箱\RLSL-2GB-2\RLSL</t>
  </si>
  <si>
    <t>【克莱德吹灰器】行走箱\RLSL-2GB-1\RLSL</t>
  </si>
  <si>
    <t>【克莱德吹灰器】填料圈(含油轴承)\N1/47042B\RLSL</t>
  </si>
  <si>
    <t>【克莱德吹灰器】压圈\N1/32674\RLSL</t>
  </si>
  <si>
    <t>【克莱德吹灰器】填料圈(含油轴承)\N1/47043B\RLSL</t>
  </si>
  <si>
    <t>【克莱德吹灰器】填料\70*90*10\SCB6-19S\RLSL</t>
  </si>
  <si>
    <t>【克莱德吹灰器】铜衬\N1/46434B\RLSL</t>
  </si>
  <si>
    <t>【克莱德吹灰器】铜衬\N1/45959C\RLSL</t>
  </si>
  <si>
    <t>【克莱德吹灰器】填料压紧装置\N1/35339\RLSL</t>
  </si>
  <si>
    <t>【克莱德吹灰器】链条张紧机构\N1/21674C\RLSL</t>
  </si>
  <si>
    <t>【克莱德吹灰器】前部托轮组\RLSL-4-0\RLSL</t>
  </si>
  <si>
    <t>【克莱德吹灰器】拨叉组件\RLSL-7-13-0\RLSL</t>
  </si>
  <si>
    <t>【克莱德吹灰器】内管垫片\RLSL-6-5\RLSL</t>
  </si>
  <si>
    <t>【克莱德吹灰器】外管垫片\T140-12\RLSL</t>
  </si>
  <si>
    <t>【克莱德吹灰器】内管托架组件\RLSL-7-0\RLSL</t>
  </si>
  <si>
    <t>【克莱德吹灰器】内外管托架组件\RLSL-8-0\RLSL</t>
  </si>
  <si>
    <t>【克莱德吹灰器】开阀机构\RLSL-15-0\RLSL</t>
  </si>
  <si>
    <t>【克莱德吹灰器】外管\Lw=17-19m\T91\T140T-0\RLSL</t>
  </si>
  <si>
    <t>【克莱德吹灰器】外管\Lw=17-19m\15CrMo\T140T-0\RLSL</t>
  </si>
  <si>
    <t>【克莱德吹灰器】内管\L=17-19m\0Cr19Ni9\RLSL-6-1\RLSL</t>
  </si>
  <si>
    <t>【克莱德吹灰器】外管\Lw=10-11.5m\15CrMo\T102III</t>
  </si>
  <si>
    <t>【克莱德吹灰器】开阀机构\DN80\N1/0679E\RKSB、RKSL</t>
  </si>
  <si>
    <t>【克莱德吹灰器】行走箱\N1/11219D\RKSB</t>
  </si>
  <si>
    <t>【克莱德吹灰器】齿轮箱组件\RKSB1100GB\RKSB</t>
  </si>
  <si>
    <t>【克莱德吹灰器】阀瓣\55\N1/47409C\RKSB</t>
  </si>
  <si>
    <t>【克莱德吹灰器】前部托轮组\N1/22721B\RKSL</t>
  </si>
  <si>
    <t>【克莱德吹灰器】内,外管托架组件\N1/11215B\RKSL</t>
  </si>
  <si>
    <t>【克莱德吹灰器】支撑\N1/32820B\RKSL</t>
  </si>
  <si>
    <t>【克莱德吹灰器】支座\N1/46768\RKSL</t>
  </si>
  <si>
    <t>【克莱德吹灰器】拉伸弹簧\O0000180</t>
  </si>
  <si>
    <t>【克莱德吹灰器】内管托架组件\N1/11216B\RKSL</t>
  </si>
  <si>
    <t>【克莱德吹灰器】齿轮箱\RKSL1100GB\RKSL</t>
  </si>
  <si>
    <t>【克莱德吹灰器】导环\铜\N1/46232B</t>
  </si>
  <si>
    <t>【克莱德吹灰器】导环\铜\N1/46231B</t>
  </si>
  <si>
    <t>【克莱德吹灰器】拉杆组件\N1/35614A</t>
  </si>
  <si>
    <t>【克莱德吹灰器】凸轮组件\N1/49846A</t>
  </si>
  <si>
    <t>【克莱德吹灰器】阀座\N1/44576C</t>
  </si>
  <si>
    <t>【克莱德吹灰器】齿轮箱组件\PSAT/D-GB\PSAT/D</t>
  </si>
  <si>
    <t>【克莱德吹灰器】齿轮箱\PSATR-L-0\PSAT/D</t>
  </si>
  <si>
    <t>【克莱德吹灰器】行走箱(左型)\PSAT/D-15-0L\PSAT/D</t>
  </si>
  <si>
    <t>【克莱德吹灰器】主轴组件\PSAT/D-15-26-0\PSAT/D</t>
  </si>
  <si>
    <t>【克莱德吹灰器】拖链\CD202\PSAT/D</t>
  </si>
  <si>
    <t>【克莱德吹灰器】拖链接头\CD202-1\PSAT/D</t>
  </si>
  <si>
    <t>【克莱德吹灰器】外管\15CrMo\PSAT/D-13-0\PSAT/D</t>
  </si>
  <si>
    <t>【克莱德吹灰器】耙管\SC12110T-1-0\PSAT/D</t>
  </si>
  <si>
    <t>【克莱德吹灰器】耙管\SC12110T-2-0\PSAT/D</t>
  </si>
  <si>
    <t>【克莱德吹灰器】耙管\SC12110T-3-0\PSAT/D</t>
  </si>
  <si>
    <t>【克莱德吹灰器】外管\20#\PSAT/D-13-0\PSAT/D</t>
  </si>
  <si>
    <t>【克莱德吹灰器】开阀机构\DN100\N1/0722B\RKAT</t>
  </si>
  <si>
    <t>【克莱德吹灰器】行走箱\RKAT-4-0\RKAT</t>
  </si>
  <si>
    <t>【克莱德吹灰器】耙式吹灰器齿轮箱组件\RKATGB\RKAT</t>
  </si>
  <si>
    <t>【克莱德吹灰器】耙式吹灰器齿轮箱\RK-AT-Z\RKAT</t>
  </si>
  <si>
    <t>【克莱德吹灰器】填料压盖\N1/33367A\RKAT</t>
  </si>
  <si>
    <t>【克莱德吹灰器】填料组\SCB6-02S\PSAT/D</t>
  </si>
  <si>
    <t>【克莱德吹灰器】填料组\70*90*10\SCB6-19S\RKAT</t>
  </si>
  <si>
    <t>【克莱德吹灰器】主轴组件\RKAT-4-42-0\RKAT</t>
  </si>
  <si>
    <t>【克莱德吹灰器】耙管\RAKE-2-0</t>
  </si>
  <si>
    <t>【克莱德吹灰器】外枪管\V92\V92旧</t>
  </si>
  <si>
    <t>【克莱德吹灰器】外枪管\IK-AH\IK</t>
  </si>
  <si>
    <t>【克莱德吹灰器】长吹外枪管\喷嘴口径22.5mm\RKS\RKS</t>
  </si>
  <si>
    <t>【克莱德吹灰器】外枪管\RKS\RKS</t>
  </si>
  <si>
    <t>【克莱德吹灰器】提升阀阀杆\TSFFG\IK</t>
  </si>
  <si>
    <t>【克莱德吹灰器】吹灰器导向轴承组件\V92型\V92旧型</t>
  </si>
  <si>
    <t>【克莱德吹灰器】离合器总成\D84.10-31\SDF</t>
  </si>
  <si>
    <t>【克莱德吹灰器】短吹铜套\D84.10-7\SDF</t>
  </si>
  <si>
    <t>【克莱德吹灰器】阀芯阀杆组件\N1/47409C等\V92旧</t>
  </si>
  <si>
    <t>【克莱德吹灰器】空气阀\1/2"[球形伐芯]\SDF</t>
  </si>
  <si>
    <t>【克莱德吹灰器】空气阀\3/4"[球形伐芯]\SDF</t>
  </si>
  <si>
    <t>【克莱德吹灰器】弹簧座\DM322030-0119\IK</t>
  </si>
  <si>
    <t>【克莱德吹灰器】弹簧压盖\DM301808-0113\IK</t>
  </si>
  <si>
    <t>【克莱德吹灰器】阀杆卡\DM301142-0118\IK</t>
  </si>
  <si>
    <t>【克莱德吹灰器】止退垫片\DM301551-0112\IK</t>
  </si>
  <si>
    <t>【克莱德吹灰器】阀杆阀瓣组件\309964-1023\SDF</t>
  </si>
  <si>
    <t>【克莱德吹灰器】阀杆阀瓣组件\344381-1033\IK</t>
  </si>
  <si>
    <t>【克莱德吹灰器】空气阀\SCB03213KQF-0\SDF</t>
  </si>
  <si>
    <t>【克莱德吹灰器】空气阀\DM341501-1026J\IK</t>
  </si>
  <si>
    <t>【克莱德吹灰器】离合器总成\D84.10-5等\SDF</t>
  </si>
  <si>
    <t>【克莱德吹灰器】传动链条\N1/35631-B-1\RKS</t>
  </si>
  <si>
    <t>【克莱德吹灰器】跑车组件\BE-3050\RKS</t>
  </si>
  <si>
    <t>【克莱德吹灰器】提升阀\B50580-010A\IK</t>
  </si>
  <si>
    <t>【克莱德吹灰器】拖链电缆\6.5M-8M\RKS</t>
  </si>
  <si>
    <t>【克莱德吹灰器】鹅颈阀\334143-1025\IR-3</t>
  </si>
  <si>
    <t>【克莱德吹灰器】喷头部件\301380-3030\SDF</t>
  </si>
  <si>
    <t>【克莱德吹灰器】炉膛吹灰器提升阀\L6-1型\D80.04\SDF</t>
  </si>
  <si>
    <t>【克莱德吹灰器】枪管喷嘴头\BEG-N1-33285(V92T73)\V92旧</t>
  </si>
  <si>
    <t>【克莱德吹灰器】齿轮减速箱\BE3360(D/V92GB/1)\V92旧</t>
  </si>
  <si>
    <t>【克莱德吹灰器】吹灰器拖链链条\P/N:BE-550\RKS</t>
  </si>
  <si>
    <t>【克莱德吹灰器】内管托架组件\RLSL-9-0\RLSL</t>
  </si>
  <si>
    <t>【克莱德吹灰器】吹灰器拖链\10.2038PS/RK/RLE0000053\RLSL</t>
  </si>
  <si>
    <t>【克莱德吹灰器】吹灰器拖链接头\102.12PZI0000018\RLSL</t>
  </si>
  <si>
    <t>【克莱德吹灰器】链条张紧滚轮\φ10.5*25*40\RLSL</t>
  </si>
  <si>
    <t>【克莱德吹灰器】前部托轮组滚轮架\RLSL-4-3-0\RLSL</t>
  </si>
  <si>
    <t>【克莱德吹灰器】外枪管\喷嘴口径32\T140T-0\RLSL</t>
  </si>
  <si>
    <t>【克莱德吹灰器】外枪管\喷嘴口径27\T140T-0\RLSL</t>
  </si>
  <si>
    <t>【克莱德吹灰器】行走齿轮箱主体\RLSL-2GB\RLSL</t>
  </si>
  <si>
    <t>【克莱德吹灰器】长吹填料箱内箱含油轴承\N1/47402B\RLSL</t>
  </si>
  <si>
    <t>【克莱德吹灰器】长吹填料箱内箱含油轴承\N1/47403B\RLSL</t>
  </si>
  <si>
    <t>【克莱德吹灰器】长吹提升阀组件\N1/36104/4(K)\RLSL</t>
  </si>
  <si>
    <t>【克莱德吹灰器】提升阀阀瓣\65/N1/47446B\RLSL</t>
  </si>
  <si>
    <t>【克莱德吹灰器】提升阀弹簧\N1/45957\RLSL</t>
  </si>
  <si>
    <t>【克莱德吹灰器】吹灰器导向销组件\N1/49184B\V04旧型</t>
  </si>
  <si>
    <t>【克莱德吹灰器】吹灰器开阀销组件\N1/49174B\V04旧型</t>
  </si>
  <si>
    <t>【克莱德吹灰器】短吹导向销组件\O0000360\V04旧型</t>
  </si>
  <si>
    <t>【克莱德吹灰器】喷嘴头\63.5/V04-9-1\V04旧</t>
  </si>
  <si>
    <t>【克莱德吹灰器】喷嘴管\RKSBPZG\RKSB旧</t>
  </si>
  <si>
    <t>【克莱德吹灰器】外管\89*4/N1/0701B/1\RKSB旧</t>
  </si>
  <si>
    <t>【克莱德吹灰器】喷嘴管\RKSBPZG/T91\RKSB旧</t>
  </si>
  <si>
    <t>【克莱德吹灰器】提升阀组件\DN80/N136104\RKSB旧</t>
  </si>
  <si>
    <t>【克莱德吹灰器】提升阀阀瓣\55/N1/47409C\RKSB旧</t>
  </si>
  <si>
    <t>【克莱德吹灰器】吹灰器限位开关曲柄滚轮\E0000150\RLSL</t>
  </si>
  <si>
    <t>【克莱德吹灰器】快速排气阀\3/8″/A1790\SDF</t>
  </si>
  <si>
    <t>【克莱德吹灰器】快速排气阀\1/4″/A1084\SDF</t>
  </si>
  <si>
    <t>【克莱德吹灰器】齿轮箱组件\V04-10-0\V04旧</t>
  </si>
  <si>
    <t>【克莱德吹灰器】内管\L=1-2.5m\N1/35631B/1</t>
  </si>
  <si>
    <t>【克莱德吹灰器】内管\L=2.6-4m\N1/35631B/1</t>
  </si>
  <si>
    <t>【克莱德吹灰器】内管\L=4.5-7m\N1/35631B/1\PSSL</t>
  </si>
  <si>
    <t>【克莱德吹灰器】内管\L=7.5-11m\N1/35631B/1</t>
  </si>
  <si>
    <t>【克莱德吹灰器】外管\L=1-2m\15CrMo\N1/0701B/1</t>
  </si>
  <si>
    <t>【克莱德吹灰器】外管\L=2-4m\15CrMo\N1/0701B/1</t>
  </si>
  <si>
    <t>【华和环保】轴承座\HHGP-2-4-1-6-8-9\LYMAC-14</t>
  </si>
  <si>
    <t>靖江华和环保设备制造有限公司</t>
  </si>
  <si>
    <t>华和环保</t>
  </si>
  <si>
    <t>WZSCCG-2018-NF-081</t>
  </si>
  <si>
    <t>2018年度除灰设备配件长协-广西区域</t>
  </si>
  <si>
    <t>区域集采协议</t>
  </si>
  <si>
    <t>【华和环保】轴承座\HHGP-2-4-9-2-10\LYMAC-14</t>
  </si>
  <si>
    <t>【华和环保】锁紧帽\HHGP-2-4-1-6-8-9-1\LYMAC-14</t>
  </si>
  <si>
    <t>【华和环保】涨紧套\HHGP-2-4-1-6-8-9-2\LYMAC-14</t>
  </si>
  <si>
    <t>【华和环保】垫片\HHGP-2-4-1-6-8-9-3\LYMAC-14</t>
  </si>
  <si>
    <t>【华和环保】气缸\ISO6431\LYMAC-14</t>
  </si>
  <si>
    <t>【华和环保】减速箱\HHGP-2-4-1-6K\LYMAC-14</t>
  </si>
  <si>
    <t>【华和环保】减速机\HHGP-2-4-9-2K\LYMAC-14</t>
  </si>
  <si>
    <t>【华和环保】锁紧帽\HHGP-2-4-9-2-9-2\LYMAC-14</t>
  </si>
  <si>
    <t>【华和环保】涨紧套\HHGP-2-4-9-2-9-1\LYMAC-14</t>
  </si>
  <si>
    <t>【华和环保】轴承座\HHGP-1-1-22\LYMAC-14</t>
  </si>
  <si>
    <t>【华和环保】轴承座\HHGP-2-4-9-2-9\LYMAC-14</t>
  </si>
  <si>
    <t>【华和环保】驱动辊\Φ605mm\HHGP-2-4-9-2\LYMAC-14</t>
  </si>
  <si>
    <t>【华和环保】转向辊\Φ605mm\HHGP-2-4-1-6\LYMAC-14</t>
  </si>
  <si>
    <t>【华和环保】导向辊\Φ90mm\HHGP-2-4-1-2\LYMAC-14</t>
  </si>
  <si>
    <t>【华和环保】链板\82mm\HHGP-2-4-19-1\LYMAC-14</t>
  </si>
  <si>
    <t>【华和环保】清扫链托辊\Φ146mm\HHGP-2-4-1-5\LYMAC-14</t>
  </si>
  <si>
    <t>【华和环保】回程托辊\Φ150mm\HHGP-2-4-1-4\LYMAC-14</t>
  </si>
  <si>
    <t>【华和环保】钢带托辊\Φ108mm\HHGP-2-4-1-3\LYMAC-14</t>
  </si>
  <si>
    <t>【华和环保】输送钢带\5mm\HHGP-2-4-19\LYMAC-14</t>
  </si>
  <si>
    <t>【华和环保】钢网\Φ4mm\HHGP-2-4-19-2\LYMAC-14</t>
  </si>
  <si>
    <t>【华和环保】钢丝\Φ5mm\HHGP-2-4-19-3\LYMAC-14</t>
  </si>
  <si>
    <t>【华和环保】托辊托架\HHGP-2-4-6-1-7\LYMAC-14</t>
  </si>
  <si>
    <t>【华和环保】轴\HHGP-2-4-9-2-5\LYMAC-14</t>
  </si>
  <si>
    <t>【华和环保】刮板\HHGP-2-4-20-1\LYMAC-14</t>
  </si>
  <si>
    <t>【华和环保】气缸\HHGP-1-6-23\LYMAC-14</t>
  </si>
  <si>
    <t>【华和环保】卡子\HHGP-2-4-20-4\LYMAC-14</t>
  </si>
  <si>
    <t>【华和环保】链条\HHGP-2-4-20-3\LYMAC-14</t>
  </si>
  <si>
    <t>【华和环保】驱动链轮\HHGP-1-6-4\LYMAC-14</t>
  </si>
  <si>
    <t>【华和环保】从动链轮\HHGP-1-1-6\LYMAC-14</t>
  </si>
  <si>
    <t>【华和环保】碎齿环\HHGP-2-4-20-4-1\LYMAC-14</t>
  </si>
  <si>
    <t>【华和环保】圆风门\LYMAC-14/DFM\Φ133*80mm</t>
  </si>
  <si>
    <t>【华和环保】密封组件\LYMAC-14\2008GD-3-1</t>
  </si>
  <si>
    <t>【华和环保】油缸\LYMAC-14\80-45-600A</t>
  </si>
  <si>
    <t>【华和环保】颚板\730*530mm\HHDGS550-CL-06\GDGS550-CL</t>
  </si>
  <si>
    <t>【华和环保】破碎板\480*200mm\HHDGS550-CL-07\GDGS550-CL</t>
  </si>
  <si>
    <t>【华和环保】颚板\730*530mm\HHDGS550-CL-18\GDGS550-CL</t>
  </si>
  <si>
    <t>【华和环保】减速机\18.5KW\HHDGS550-CL-00\GDGS550-CL</t>
  </si>
  <si>
    <t>【华和环保】联轴器\Φ410mm\HHDGS550-CL-17\GDGS550-CL</t>
  </si>
  <si>
    <t>【华和环保】轴\Φ140mm\HHDGS550-CL-14\GDGS550-CL</t>
  </si>
  <si>
    <t>【华和环保】迷宫套\Φ245mm\HHDGS550-CL-12\GDGS550-CL</t>
  </si>
  <si>
    <t>【华和环保】轴套\Φ180mm\HHDGS550-CL-13\GDGS550-CL</t>
  </si>
  <si>
    <t>【华和环保】轴承体\Φ550mm\HHDGS550-CL-11\GDGS550-CL</t>
  </si>
  <si>
    <t>【华和环保】链条\24A\HHDGS550-CL-24\GDGS550-CL</t>
  </si>
  <si>
    <t>【华和环保】链轮\Φ322mm\HHDGS550-CL-16\GDGS550-CL</t>
  </si>
  <si>
    <t>【华和环保】连接座\GDGS550-CL-29\L1440mm\HHDGS550-CL-29\GDGS550-CL</t>
  </si>
  <si>
    <t>【华和环保】护板\GDGS550-CL-20\Φ560mm\HHDGS550-CL-20\GDGS550-CL</t>
  </si>
  <si>
    <t>【华和环保】八角方\GDGS550-CL-05\355mm\HHDGS550-CL-05\GDGS550-CL</t>
  </si>
  <si>
    <t>【华和环保】螺栓\GDGS550-CL-22\Φ42*45mm\HHDGS550-CL-22\GDGS550-CL</t>
  </si>
  <si>
    <t>【华和环保】安全销\GDGS550-CL-23\Φ20mm\HHDGS550-CL-23\GDGS550-CL</t>
  </si>
  <si>
    <t>【华和环保】本体及支撑\GDGS550-CL-01\1716*620mm\HHDGS550-CL-01\GDGS550-CL</t>
  </si>
  <si>
    <t>【华和环保】固定螺栓\GDGS550-CL-22\Φ42*45mm\HHDGS550-CL-22\GDGS550-CL</t>
  </si>
  <si>
    <t>【SIPOS】电源板\2SY5010-1LB04/1.5KW</t>
  </si>
  <si>
    <t>德国西博思</t>
  </si>
  <si>
    <t>SIPOS</t>
  </si>
  <si>
    <t>WZSCCG-2018-NF-092</t>
  </si>
  <si>
    <t>2018年度南方区域扬电西博思执行器配件长协采购（广西）</t>
  </si>
  <si>
    <t>广州市扬电电力设备有限公司</t>
  </si>
  <si>
    <t>【SIPOS】电源板\2SY5010-1LB02/220V</t>
  </si>
  <si>
    <t>【SIPOS】信号齿轮外罩\2SY5225-0MD00</t>
  </si>
  <si>
    <t>【SIPOS】继电器板\2SX5420-0RK10</t>
  </si>
  <si>
    <t>【SIPOS】操作面板\2SY5041-4ED34</t>
  </si>
  <si>
    <t>【SIPOS】操作面板\2SY5041-4ED01</t>
  </si>
  <si>
    <t>【SIPOS】分体安装组件\2SY7300-4GA72</t>
  </si>
  <si>
    <t>条</t>
  </si>
  <si>
    <t>【SIPOS】手轮\2SY5250-4HU10</t>
  </si>
  <si>
    <t>【SIPOS】手轮\2SY5250-3HU10</t>
  </si>
  <si>
    <t>【SIPOS】手轮\2SY5250-1HU10</t>
  </si>
  <si>
    <t>【SIPOS】行程传感器\2SY5222-5LP10</t>
  </si>
  <si>
    <t>【SIPOS】行程传感器\2SY5222-0LP60</t>
  </si>
  <si>
    <t>【SIPOS】信号齿轮单元\2SY5220-0MG03</t>
  </si>
  <si>
    <t>【SIPOS】信号齿轮单元\2SY5220-5MG03</t>
  </si>
  <si>
    <t>【SIPOS】总线接口板\2SY5017-0PA00</t>
  </si>
  <si>
    <t>【SIPOS】双通道总线板\2SY5013-2PB10</t>
  </si>
  <si>
    <t>【SIPOS】单通道总线板\2SY5013-1PB10</t>
  </si>
  <si>
    <t>【SIPOS】控制板\2SY5016-2SB00</t>
  </si>
  <si>
    <t>【SIPOS】控制板\2SY5016-1SB00</t>
  </si>
  <si>
    <t>【SIPOS】电源板\2SY5010-1LB05/5.5KW</t>
  </si>
  <si>
    <t>【扬州恒春电子有限公司】手轮组件\yzhcdz1\CKDJ-SL-25-L-K</t>
  </si>
  <si>
    <t>扬州恒春电子有限公司</t>
  </si>
  <si>
    <t>WZSCCG-2018-NF-080</t>
  </si>
  <si>
    <t>2018年度南方区域恒春电动执行机构备件长协采购（广西）</t>
  </si>
  <si>
    <t>【扬州恒春电子有限公司】手轮组件\yzhcdz2\CKDJ-SL-10-L-K</t>
  </si>
  <si>
    <t>【扬州恒春电子有限公司】手轮组件\yzhcdz3\CKD-SL-60-L-K</t>
  </si>
  <si>
    <t>【扬州恒春电子有限公司】手轮组件\yzhcdz4\CKDJ-SL-25</t>
  </si>
  <si>
    <t>【扬州恒春电子有限公司】手轮组件\yzhcdz5\CKD-SL-40</t>
  </si>
  <si>
    <t>【扬州恒春电子有限公司】手轮组件\yzhcdz6\CKDJ-SL-10-H-K</t>
  </si>
  <si>
    <t>【扬州恒春电子有限公司】手轮组件\yzhcdz7\CKD-SL-25-L</t>
  </si>
  <si>
    <t>【扬州恒春电子有限公司】手轮组件\yzhcdz8\CKD-SL-10-L</t>
  </si>
  <si>
    <t>【扬州恒春电子有限公司】手轮组件\yzhcdz9\CKDJ-SL-60-L</t>
  </si>
  <si>
    <t>【扬州恒春电子有限公司】手轮组件\yzhcdz10\CKDJ-SL-25-L-M</t>
  </si>
  <si>
    <t>【扬州恒春电子有限公司】手轮组件\yzhcdz11\CKDJ-SL-10-L-M</t>
  </si>
  <si>
    <t>【扬州恒春电子有限公司】手轮组件\yzhcdz12\CKD-SL-60-L-M</t>
  </si>
  <si>
    <t>【扬州恒春电子有限公司】手轮组件\yzhcdz13\CKD-SL-120-L</t>
  </si>
  <si>
    <t>【扬州恒春电子有限公司】手轮组件\yzhcdz14\CKD-SL-100-L</t>
  </si>
  <si>
    <t>【扬州恒春电子有限公司】手轮组件\yzhcdz15\CKD-SL-25-K</t>
  </si>
  <si>
    <t>【扬州恒春电子有限公司】手轮组件\yzhcdz16\CKDJ-SL-60</t>
  </si>
  <si>
    <t>【扬州恒春电子有限公司】手轮组件\yzhcdz17\CKDJ-SL-25-H</t>
  </si>
  <si>
    <t>【扬州恒春电子有限公司】手轮组件\yzhcdz18\CKDJ-SL-10-H-M</t>
  </si>
  <si>
    <t>【扬州恒春电子有限公司】手轮组件\yzhcdz19\CKD-SL-120</t>
  </si>
  <si>
    <t>【扬州恒春电子有限公司】手轮组件\yzhcdz20\CKD-SL-100</t>
  </si>
  <si>
    <t>【扬州恒春电子有限公司】手轮组件\yzhcdz21\CKD-SL-60</t>
  </si>
  <si>
    <t>【扬州恒春电子有限公司】手轮组件\yzhcdz22\CKD-SL-25-M</t>
  </si>
  <si>
    <t>【扬州恒春电子有限公司】手轮组件\yzhcdz23\CKD-SL-10</t>
  </si>
  <si>
    <t>【扬州恒春电子有限公司】功能板\yzhcdz24\CKDJ-Y-FA-L</t>
  </si>
  <si>
    <t>【扬州恒春电子有限公司】功能板\yzhcdz25\CKD-Y-FA-L</t>
  </si>
  <si>
    <t>【扬州恒春电子有限公司】功能板\yzhcdz26\CKDJ-Y-FA-H</t>
  </si>
  <si>
    <t>【扬州恒春电子有限公司】功能板\yzhcdz27\CKD-Y-FA-H</t>
  </si>
  <si>
    <t>【扬州恒春电子有限公司】功能板\yzhcdz28\CKDJ-Y-FA-K</t>
  </si>
  <si>
    <t>【扬州恒春电子有限公司】功能板\yzhcdz29\CKD-Y-FA-K</t>
  </si>
  <si>
    <t>【扬州恒春电子有限公司】功能板\yzhcdz30\CKDJ-Y-FA-M</t>
  </si>
  <si>
    <t>【扬州恒春电子有限公司】功能板\yzhcdz31\CKD-Y-FA-M</t>
  </si>
  <si>
    <t>【扬州恒春电子有限公司】功能板\yzhcdz32\CKDJ-Y-FA</t>
  </si>
  <si>
    <t>【扬州恒春电子有限公司】功能板\yzhcdz33\CKD-Y-FA</t>
  </si>
  <si>
    <t>【扬州恒春电子有限公司】阀位板\yzhcdz34\CKD-Y-CN-L</t>
  </si>
  <si>
    <t>【扬州恒春电子有限公司】阀位板\yzhcdz35\CKD-Y-CN</t>
  </si>
  <si>
    <t>【扬州恒春电子有限公司】阀位板\yzhcdz36\CKD-Y-CN-K</t>
  </si>
  <si>
    <t>【扬州恒春电子有限公司】手轮组件\yzhcdz37\CKD-SL-10-L-1</t>
  </si>
  <si>
    <t>【扬州恒春电子有限公司】电源组件\yzhcdz38\CKDJ-Y-B-L</t>
  </si>
  <si>
    <t>【扬州恒春电子有限公司】电源组件\yzhcdz39\CKDJ-Y-B</t>
  </si>
  <si>
    <t>【扬州恒春电子有限公司】阀位板\yzhcdz40\CKD-Y-CN-M</t>
  </si>
  <si>
    <t>【指南】空气滤清器\QUQ1-20×1\QUQ1-20×1\不锈钢</t>
  </si>
  <si>
    <t>南通市南方润滑液压设备有限公司</t>
  </si>
  <si>
    <t>指南</t>
  </si>
  <si>
    <t>WZSCCG-2018-NF-085</t>
  </si>
  <si>
    <t>2018年度南方区域液压、料位系统设备配件长协-广西区域</t>
  </si>
  <si>
    <t>【指南】空气滤清器\QUQ2.5\QUQ2.5\不锈钢</t>
  </si>
  <si>
    <t>【指南】溢流阀\DBDS10P10/20</t>
  </si>
  <si>
    <t>【指南】单向阀\RVP10-10</t>
  </si>
  <si>
    <t>【指南】单向阀\DXF-40</t>
  </si>
  <si>
    <t>【指南】单向阀\S20G1.0</t>
  </si>
  <si>
    <t>【指南】单向阀\RVP16-10</t>
  </si>
  <si>
    <t>【指南】机柜显示设备(触摸屏)\YCCH 03.1.31\NRYZ1001</t>
  </si>
  <si>
    <t>【指南】油泵出口油过滤器\SPL-32  0.025mm\NRYZ1010</t>
  </si>
  <si>
    <t>【指南】柱塞泵\37.5m3/h,2m,,P=4,15kW,380KV,31.5\铸铁</t>
  </si>
  <si>
    <t>【指南】电磁阀\两位三通,1/4″BSPT,230V/AC    6.3W,304,是</t>
  </si>
  <si>
    <t>【指南】压力开关\ZNJC02020101\310-3800kPa,NPT 1/4,220V</t>
  </si>
  <si>
    <t>【指南】压力开关\ZNJC02020201\30-520kPa,NPT 1/4,220V</t>
  </si>
  <si>
    <t>【指南】压力开关\ZNJC02020501\1400-12000kPa,NPT 1/4,220V</t>
  </si>
  <si>
    <t>【指南】压力传感器\YCCH 04.1.04\-100-150kPa,0.2</t>
  </si>
  <si>
    <t>【指南】流量开关\CM2K-025HM\12-65cm/s220V,25,ip65</t>
  </si>
  <si>
    <t>【指南】流量开关\CM2K-025\12-65cm/s220V,25,ip65</t>
  </si>
  <si>
    <t>【指南】可编程控制器\YCCH 03.1.18\220V,18/10</t>
  </si>
  <si>
    <t>【指南】齿轮泵\LBZ-100\100m3/h,2m,否,P=2_4极,5.5kW,380VKV,0.6\铸铁</t>
  </si>
  <si>
    <t>【指南】齿轮泵\LBZ-40\40m3/h,2m,否,P=2_4极,3kW,380VKV,0.6\铸铁</t>
  </si>
  <si>
    <t>【桑尼核星】滤布\DZ-PET-35\48.6*3.4\YE111-06-12\DU-54m2/3000</t>
  </si>
  <si>
    <t>烟台桑尼核星环保设备有限公司</t>
  </si>
  <si>
    <t>桑尼核星</t>
  </si>
  <si>
    <t>WZSCCG-2018-NF-079</t>
  </si>
  <si>
    <t>2018年度南方区域桑尼核星真空皮带脱水机配件长协采购（广西）</t>
  </si>
  <si>
    <t>【桑尼核星】滤布\DZ-PET-35\64.5*4.3\YE111-10-12\DU-100m2/4000</t>
  </si>
  <si>
    <t>【桑尼核星】改向辊\SE-GZ-GX3000\φ150*3700\YE111-06-21\DU-54m2/3000</t>
  </si>
  <si>
    <t>【桑尼核星】改向辊\SE-GZ-GX4000\φ180*4700\YE111-10-21\DU-100m2/4000</t>
  </si>
  <si>
    <t>【桑尼核星】舒张辊\SE-GZ-LW3000\φ180*3700\YE111-06-22\DU-54m2/3000</t>
  </si>
  <si>
    <t>【桑尼核星】舒张辊\SE-GZ-LW4000\φ180*4700\YE111-10-22\DU-100m2/4000</t>
  </si>
  <si>
    <t>【桑尼核星】重力辊\SE-GZ-ZL3000\φ210*3780\YE111-06-23\DU-54m2/3000</t>
  </si>
  <si>
    <t>【桑尼核星】重力辊\SE-GZ-ZL4000\φ210*4780\YE111-10-23\DU-100m2/4000</t>
  </si>
  <si>
    <t>【桑尼核星】立辊\SE-GZ-LG110\φ110*120\YE111-10-25\DU-100m2/4000</t>
  </si>
  <si>
    <t>【桑尼核星】压布辊\SE-GZ-YG3000\φ325*3950\YE111-06-26\DU-54m2/3000</t>
  </si>
  <si>
    <t>【桑尼核星】压布辊\SE-GZ-YG4000\φ325*4950\YE111-10-26\DU-100m2/4000</t>
  </si>
  <si>
    <t>【桑尼核星】胶带\SE-TZ-JD4000/100M2\48000*3100\YE111-06-11\DU-54m2/3000</t>
  </si>
  <si>
    <t>【桑尼核星】胶带\SE-TZ-JD4000\59500*4100\YE111-10-11\DU-100m2/4000</t>
  </si>
  <si>
    <t>【桑尼核星】胶带托辊\SE-GZ-JDS3000\φ89*1360\YE111-06-12\DU-54m23000</t>
  </si>
  <si>
    <t>【桑尼核星】胶带托辊\SE-GZ-JDS4000\φ89*900\YE111-10-12\DU-100m2/4000</t>
  </si>
  <si>
    <t>【桑尼核星】胶带托辊\SE-GZ-JDX3000\φ325*3950\YE111-06-13\DU-54m2/3000</t>
  </si>
  <si>
    <t>【桑尼核星】胶带托辊\SE-GZ-JDX4000\φ325*4950\YE111-10-13\DU-100m2/4000</t>
  </si>
  <si>
    <t>【桑尼核星】裙边\SE-QB50/100\110*60500\YE111-10-15\DU-100m2/4000</t>
  </si>
  <si>
    <t>【桑尼核星】刮刀\SE-TZ-GD4000/DU100M2\150*3300\Y3111-06-01\DU-54m23000</t>
  </si>
  <si>
    <t>【桑尼核星】刮刀\SE-TZ-GD4000\150*4300\YE111-10-01\DU-100m2/4000</t>
  </si>
  <si>
    <t>【桑尼核星】滑台\HTPP-210\DU-100M²/4000</t>
  </si>
  <si>
    <t>【桑尼核星】真空盒\SE-TZ-ZKX3000/DU100M2\DU-100M²/4000</t>
  </si>
  <si>
    <t>【桑尼核星】摩擦带\SE-TZ-NMD50/DU100M2\DU-100M²/4000</t>
  </si>
  <si>
    <t>【桑尼核星】气囊\SE-160174-2\DU-100M²/4000</t>
  </si>
  <si>
    <t>【桑尼核星】滑台\HTPP-210\DU-54M²/3000</t>
  </si>
  <si>
    <t>【桑尼核星】真空盒\SE-TZ-ZKX3000/DU54M2\DU-54M²/3000</t>
  </si>
  <si>
    <t>【桑尼核星】摩擦带\SE-TZ-NMD50/DU54M2\DU-54M²/3000</t>
  </si>
  <si>
    <t>【桑尼核星】气囊\SE-160174-2\DU-54M²/3000</t>
  </si>
  <si>
    <t>【桑尼核星】接近开关\SE-XS230\,接近接触式,0.010m,开关信号,24V</t>
  </si>
  <si>
    <t>【桑尼核星】轴承\22226</t>
  </si>
  <si>
    <t>【桑尼核星】轴承\23038</t>
  </si>
  <si>
    <t>【桑尼核星】轴承\22232</t>
  </si>
  <si>
    <t>【桑尼核星】轴承\UCCP212</t>
  </si>
  <si>
    <t>【桑尼核星】轴承\UCCP210</t>
  </si>
  <si>
    <t>【桑尼核星】轴承\SE-3536</t>
  </si>
  <si>
    <t>【桑尼核星】轴承\SE-GZQ4-290</t>
  </si>
  <si>
    <t>【桑尼核星】轴承\SE-3526</t>
  </si>
  <si>
    <t>【桑尼核星】轴承\SE-SN232</t>
  </si>
  <si>
    <t>【桑尼核星】过滤器\SE-WX-YY100\G2"(304)mm,1.6Mpa,100um</t>
  </si>
  <si>
    <t>【桑尼核星】流量开关\SE-8032\0-20cm/s四线制DC24V,2″RF 300lb,IP65</t>
  </si>
  <si>
    <t>【桑尼核星】喷嘴\200-1000L/min,2″RF 300lb,1000pa</t>
  </si>
  <si>
    <t>【沈工泵】填料压盖\B2101-72-120\9LNB-5P</t>
  </si>
  <si>
    <t>沈阳工业泵制造有限公司</t>
  </si>
  <si>
    <t>沈工泵</t>
  </si>
  <si>
    <t>WZSCCG-2018-NF-077</t>
  </si>
  <si>
    <t>2018年度南方区域沈阳工业凝结水泵配件长协采购（广西）</t>
  </si>
  <si>
    <t>【沈工泵】填料环\B2102-88-120\9LNB-5P</t>
  </si>
  <si>
    <t>【沈工泵】固定套甲\9LDTN-4-0007\9LNB-5P</t>
  </si>
  <si>
    <t>【沈工泵】卡套甲\9LDTN-4-0015\9LNB-5P</t>
  </si>
  <si>
    <t>【沈工泵】固定键\9LDTN-7-0009\9LNB-5P</t>
  </si>
  <si>
    <t>【沈工泵】末级导流壳\9LDTNB-4-0005\9LNB-5P</t>
  </si>
  <si>
    <t>【沈工泵】轴承压盖B\9LDTNA-4U-007\9LNB-5P</t>
  </si>
  <si>
    <t>【沈工泵】密封环\9LDTNA-4U-006\9LNB-5P</t>
  </si>
  <si>
    <t>【沈工泵】导轴承B\9LDTNA-4-006\9LNB-5P</t>
  </si>
  <si>
    <t>【沈工泵】导流壳\9LDTNB-4-0004\9LNB-5P</t>
  </si>
  <si>
    <t>【沈工泵】导轴承A\9LDTNA-4-005\9LNB-5P</t>
  </si>
  <si>
    <t>【沈工泵】吸入喇叭管\9LDTNB-4-0001\9LNB-5P</t>
  </si>
  <si>
    <t>【沈工泵】弹性柱销\B1101-66-3-38\9LNB-5P</t>
  </si>
  <si>
    <t>【沈工泵】O型密封圈(整台套)\9LNB-5P</t>
  </si>
  <si>
    <t>【沈工泵】小圆螺母\B2211-88-24\9LNB-5P</t>
  </si>
  <si>
    <t>【沈工泵】轴承架\9LDTNB-5UP-205－02\9LNB-5P</t>
  </si>
  <si>
    <t>【沈工泵】衬套\9LDTNB-5UP-205－01\9LNB-5P</t>
  </si>
  <si>
    <t>【沈工泵】锁紧螺母\9LDTNB-5UP-206\9LNB-5P</t>
  </si>
  <si>
    <t>【沈工泵】轴承套\9LDTNB-5UP-204\9LNB-5P</t>
  </si>
  <si>
    <t>【沈工泵】轴承压盖\9LDTNB-5UP-203\9LNB-5P</t>
  </si>
  <si>
    <t>【沈工泵】轴承\28BECB\9LNB-5P</t>
  </si>
  <si>
    <t>【沈工泵】调整螺母\9LDTNB-5UP-202\9LNB-5P</t>
  </si>
  <si>
    <t>【沈工泵】防尘盘\9LNB-5P-007\9LNB-5P</t>
  </si>
  <si>
    <t>【沈工泵】泵轴\9LDTNB-5UP-101\9LNB-5P</t>
  </si>
  <si>
    <t>【沈工泵】卡环\9LDTN-2-0108\9LNB-5P</t>
  </si>
  <si>
    <t>【沈工泵】轴套B\9LNB-5P-003\9LNB-5P</t>
  </si>
  <si>
    <t>【沈工泵】键\GB1096\9LNB-5P</t>
  </si>
  <si>
    <t>【沈工泵】叶轮\9LDTNB-4-0003\9LNB-5P</t>
  </si>
  <si>
    <t>【沈工泵】键\GB1096-79\9LNB-5P</t>
  </si>
  <si>
    <t>【沈工泵】轴套A\9LDTNA-4U-101\9LNB-5P</t>
  </si>
  <si>
    <t>【沈工泵】小圆螺母\B2211-88-56\9LNB-5P</t>
  </si>
  <si>
    <t>【沈工泵】轴头螺母\9LDNB-2-0028\9LNB-5P</t>
  </si>
  <si>
    <t>【沈工泵】平衡鼓\9LDTNB-5UP-017\9LNB-5P</t>
  </si>
  <si>
    <t>【沈工泵】平衡套\9LDTNB-5UP-016\9LNB-5P</t>
  </si>
  <si>
    <t>【沈工泵】填料函\9LNB-5P-005\9LNB-5P</t>
  </si>
  <si>
    <t>【沈工泵】卡环\9LDTNB-5UP-012\9LNB-5P</t>
  </si>
  <si>
    <t>【沈工泵】固定键\9LDTNB-5UP-010\9LNB-5P</t>
  </si>
  <si>
    <t>【沈工泵】轴套C\9LDTNB-5UP-009\9LNB-5P</t>
  </si>
  <si>
    <t>【沈工泵】传动轴\9LNB-5P-009\9LNB-5P</t>
  </si>
  <si>
    <t>【沈工泵】填料套\9LDTNB-5UP-005\9LNB-5P</t>
  </si>
  <si>
    <t>【沈工泵】中间轴承体\9LDTNB-5UP-004\9LNB-5P</t>
  </si>
  <si>
    <t>【沈工泵】轴承压盖A\9LDTNB-5UP-002\9LNB-5P</t>
  </si>
  <si>
    <t>【菏泽百汇铸造】磨煤机衬瓦\KMTBCR26\BH002.001</t>
  </si>
  <si>
    <t>吨</t>
  </si>
  <si>
    <t>菏泽百汇铸造有限公司</t>
  </si>
  <si>
    <t>菏泽百汇铸造</t>
  </si>
  <si>
    <t>WZSCCG-2018-SD-013</t>
  </si>
  <si>
    <t>2018年度山东区域磨煤机衬瓦</t>
  </si>
  <si>
    <t>【海科】链条\Φ16*64\直径16mm,节距64mm\CrNi合金钢\HEKO-16-64</t>
  </si>
  <si>
    <t>德国HEKO链条公司</t>
  </si>
  <si>
    <t>海科</t>
  </si>
  <si>
    <t>WZSCCG-2018-JM-043</t>
  </si>
  <si>
    <t>2018-2020年度进口捞渣机链条 长协采购</t>
  </si>
  <si>
    <t>北京海科康威科技有限公司</t>
  </si>
  <si>
    <t>【海科】U型连接件\SP16*64\节距64mm\CrMo合金钢\HEKO-SP-1765-16-64</t>
  </si>
  <si>
    <t>【海科】链条\Φ18*64\直径18mm,节距64mm\CrNi合金钢\HEKO-18-64</t>
  </si>
  <si>
    <t>【海科】U型连接件\SP18*64\节距64mm\CrMo合金钢\HEKO-SP-1765-18-64</t>
  </si>
  <si>
    <t>【海科】链条\Φ20*70\直径20mm,节距70mm\CrNi合金钢\HEKO-20-70</t>
  </si>
  <si>
    <t>【海科】接链环\HF20*70\节距70mm\CrMo合金钢\HEKO-HF-Z-20-70</t>
  </si>
  <si>
    <t>【海科】链条\Φ22*86\直径22mm,节距86mm\CrNi合金钢\HEKO-22-86</t>
  </si>
  <si>
    <t>【海科】接链环\HF22*86\节距86mm\CrMo合金钢\HEKO-HF-Z-22-86</t>
  </si>
  <si>
    <t>【海科】链条\Φ26*92\直径26mm,节距92mm\CrNi合金钢\HEKO-26-92</t>
  </si>
  <si>
    <t>【海科】接链环\HF26*92\节距92mm\CrMo合金钢\HEKO-HF-Z-26-92</t>
  </si>
  <si>
    <t>【海科】链条\Φ26*100\直径26mm,节距100mm\CrNi合金钢\HEKO-26-100</t>
  </si>
  <si>
    <t>【海科】接链环\HF26*100\节距100mm\CrMo合金钢\HEKO-HF-Z-26-100</t>
  </si>
  <si>
    <t>【海科】链条\Φ30X108\直径30mm，节距108mm\CrNiMo合金钢\HEKO-30-108</t>
  </si>
  <si>
    <t>【海科】接链环\HF30X108\节距108mm\CrMo合金钢\HEKO-HF-Z-30-108</t>
  </si>
  <si>
    <t>【海科】链条\Φ30X120\直径30mm，节距120mm\CrNiMo合金钢\HEKO-30-120</t>
  </si>
  <si>
    <t>【海科】接链环\HF30*120\节距120mm\CrMo合金钢\HEKO-HF-Z-30-120</t>
  </si>
  <si>
    <t>【海科】链条\Φ34*126\直径34mm,节距126mm\CrNiMo合金钢\HEKO-34-126</t>
  </si>
  <si>
    <t>【海科】接链环\HF34*126\节距126mm\CrMo合金钢\HEKO-HF-Z-34-126</t>
  </si>
  <si>
    <t>【海科】链条\Φ34*136\直径34mm,节距136mm\CrNiMo合金钢\HEKO-34-136</t>
  </si>
  <si>
    <t>【海科】接链环\HF34*136\节距136mm\CrMo合金钢\HEKO-HF-Z-34-136</t>
  </si>
  <si>
    <t>【海科】链条\Φ36*126\直径36mm,节距126mm\CrNiMo合金钢\HEKO-36-126</t>
  </si>
  <si>
    <t>【海科】接链环\HF36*126\节距126mm\CrMo合金钢\HEKO-HF-Z-126</t>
  </si>
  <si>
    <t>【海科】连接器\TS36*126\节距126mm\CrMo合金钢\HEKO-TS-LA126</t>
  </si>
  <si>
    <t>【海力】无磷阻垢缓蚀剂HPMA20%</t>
  </si>
  <si>
    <t>武汉海力科技化工有限公司</t>
  </si>
  <si>
    <t>海力</t>
  </si>
  <si>
    <t>WZSCCG-2018-HZ-066</t>
  </si>
  <si>
    <t>2018年度华中区域（江西）武汉海力循环水药品长协采购</t>
  </si>
  <si>
    <t>【海力】非氧化型杀菌灭藻剂异噻1.5％密度(20℃)≥1.02 g/cm3</t>
  </si>
  <si>
    <t>【海力】氧化型杀菌灭藻剂(复合型)固体氯锭35%稳定度≥97%</t>
  </si>
  <si>
    <t>【远光瑞翔】控制板\定制\G600\WS6.672.020</t>
  </si>
  <si>
    <t>长沙远光瑞翔科技有限公司</t>
  </si>
  <si>
    <t>远光瑞翔</t>
  </si>
  <si>
    <t>WZSCCG-2019-HZ-004</t>
  </si>
  <si>
    <t>2019年度长沙远光瑞翔煤质分析仪器及备件集团级长协</t>
  </si>
  <si>
    <t>【远光瑞翔】控制板\定制\G400\WS6.672.008</t>
  </si>
  <si>
    <t>【远光瑞翔】工分仪控制板\WS6.672.076</t>
  </si>
  <si>
    <t>【远光瑞翔】炉芯上盖\G406\WXGWLX002</t>
  </si>
  <si>
    <t>【远光瑞翔】炉芯下座\G406\WXGWLX003</t>
  </si>
  <si>
    <t>【远光瑞翔】加热炉盖\G408\WXGWLX012</t>
  </si>
  <si>
    <t>【远光瑞翔】加热炉座\G408\WXGWLX013</t>
  </si>
  <si>
    <t>【远光瑞翔】炉膛\定制\G601\WXGWG60002</t>
  </si>
  <si>
    <t>【远光瑞翔】小炉膛\定制\G600\WXGWG60001</t>
  </si>
  <si>
    <t>【远光瑞翔】炉膛\定制\G606\WXGWLX007</t>
  </si>
  <si>
    <t>【远光瑞翔】步进转动电机\103H7126-0740\WGDJ013</t>
  </si>
  <si>
    <t>【远光瑞翔】步进电机驱动器\定制\YKA2404MA\WGDJ04002</t>
  </si>
  <si>
    <t>【远光瑞翔】步进电机驱动器\定制\SL2450E\WGDJ04004</t>
  </si>
  <si>
    <t>【远光瑞翔】带齿轮箱步进电机\定制\WGDJ04015</t>
  </si>
  <si>
    <t>【远光瑞翔】异步电机\定制\WGDJ02009</t>
  </si>
  <si>
    <t>【远光瑞翔】直流带刷减速电机\定制\WGDJ03003</t>
  </si>
  <si>
    <t>【远光瑞翔】测温探头\定制\G602\WGQT138</t>
  </si>
  <si>
    <t>支</t>
  </si>
  <si>
    <t>【远光瑞翔】热电偶\定制\WGRD008</t>
  </si>
  <si>
    <t>【远光瑞翔】热电偶\定制\WGRD004</t>
  </si>
  <si>
    <t>【远光瑞翔】热电偶\定制\WGRD006</t>
  </si>
  <si>
    <t>【远光瑞翔】热电偶\定制\WGRD014</t>
  </si>
  <si>
    <t>【远光瑞翔】热电偶保护套\定制\WXBL059</t>
  </si>
  <si>
    <t>【远光瑞翔】热电偶石英套管\定制\WGCJ035</t>
  </si>
  <si>
    <t>【远光瑞翔】热电偶石英套管\定制\WGCJ036</t>
  </si>
  <si>
    <t>【远光瑞翔】梅特勒电子天平\定制\WGYQTP024</t>
  </si>
  <si>
    <t>【远光瑞翔】称杆\定制\WXBJ023\铝</t>
  </si>
  <si>
    <t>【远光瑞翔】称杆\定制\WGCJ011\陶瓷</t>
  </si>
  <si>
    <t>【远光瑞翔】秤杆座、螺帽\定制\WXBJQT046</t>
  </si>
  <si>
    <t>【远光瑞翔】转盘\定制\WGCJ009\陶瓷</t>
  </si>
  <si>
    <t>【远光瑞翔】转盘\定制\G408\WGCJ054</t>
  </si>
  <si>
    <t>【远光瑞翔】转盘支杆\定制\G408\WGCJ055</t>
  </si>
  <si>
    <t>【远光瑞翔】转盘支杆\定制\WGCJ010\陶瓷</t>
  </si>
  <si>
    <t>【远光瑞翔】转盘定位柱\定制\WGCJ020\陶瓷</t>
  </si>
  <si>
    <t>【远光瑞翔】异形吹气管\定制\WXBL001</t>
  </si>
  <si>
    <t>【远光瑞翔】石英吹气管\定制\WXBL032</t>
  </si>
  <si>
    <t>【远光瑞翔】石英吹气管\定制\WXBL052</t>
  </si>
  <si>
    <t>【远光瑞翔】石英顶杆\定制\WXBL017</t>
  </si>
  <si>
    <t>【远光瑞翔】实芯石英送样杆\定制\WXBL055</t>
  </si>
  <si>
    <t>【远光瑞翔】加热棒\定制\WGQT088</t>
  </si>
  <si>
    <t>【远光瑞翔】恒温室加热器\定制\G606\ZZPJG001</t>
  </si>
  <si>
    <t>【远光瑞翔】电阻丝\800W定制\WGQT079</t>
  </si>
  <si>
    <t>【远光瑞翔】电磁气阀\MGPM25-15定制\WGQT073</t>
  </si>
  <si>
    <t>【远光瑞翔】电磁气阀\CM232-Z/R522-100Z定制\WGQT033</t>
  </si>
  <si>
    <t>【远光瑞翔】电磁气阀\CM2B32-150Z定制\WGQTQG002</t>
  </si>
  <si>
    <t>【远光瑞翔】电磁气阀\(4V210-08)定制\WGQT074</t>
  </si>
  <si>
    <t>【远光瑞翔】电磁气阀\TG22-08 AC220V定制\WGQT012</t>
  </si>
  <si>
    <t>【远光瑞翔】电磁气阀\TG2321-08 AC220V定制\WGQT078</t>
  </si>
  <si>
    <t>【远光瑞翔】蜗牛式换气风扇\WGQTFS009</t>
  </si>
  <si>
    <t>【远光瑞翔】灰分坩埚\高四孔\WGCJ044</t>
  </si>
  <si>
    <t>【远光瑞翔】灰分坩埚\WGCJ004</t>
  </si>
  <si>
    <t>【远光瑞翔】挥发分坩埚\WGCJ005</t>
  </si>
  <si>
    <t>【远光瑞翔】坩埚灼烧架\WXBJZJ047</t>
  </si>
  <si>
    <t>【远光瑞翔】升降齿轮\WXBJQT089</t>
  </si>
  <si>
    <t>【远光瑞翔】转动小齿轮\WXPJ003</t>
  </si>
  <si>
    <t>【远光瑞翔】水灰升降机构\WXBJJG003</t>
  </si>
  <si>
    <t>【远光瑞翔】挥发份升降机构\WXBJJG004</t>
  </si>
  <si>
    <t>【远光瑞翔】送样机构\WXBJJG005</t>
  </si>
  <si>
    <t>【远光瑞翔】隔热板\WS-G601-02-07a、b\WXBJQT098</t>
  </si>
  <si>
    <t>【远光瑞翔】按钮面板\WS-G408-01-02-008\WXBLBL005</t>
  </si>
  <si>
    <t>【远光瑞翔】空压机\OLF-2524定制\WGQT121</t>
  </si>
  <si>
    <t>【远光瑞翔】控制板\定制\C500\WS6.672.002</t>
  </si>
  <si>
    <t>【远光瑞翔】内桶控制板\C800\WS6.672.057</t>
  </si>
  <si>
    <t>【远光瑞翔】外桶控制板\C800\WS6.672.056</t>
  </si>
  <si>
    <t>【远光瑞翔】A/D模块\7012\WS6.672.044</t>
  </si>
  <si>
    <t>【远光瑞翔】温度处理板\7012BB\WS6.672.046</t>
  </si>
  <si>
    <t>【远光瑞翔】模块\7080_C800\WS6.672.054</t>
  </si>
  <si>
    <t>【远光瑞翔】四通道温度放大板\WS6.672.059</t>
  </si>
  <si>
    <t>【远光瑞翔】温度放大板\WS6.672.029</t>
  </si>
  <si>
    <t>【远光瑞翔】电标采集板\WS6.672.015</t>
  </si>
  <si>
    <t>【远光瑞翔】测温探头\WGQT040\金属</t>
  </si>
  <si>
    <t>【远光瑞翔】精密测温探头\定制\WGQT047\金属</t>
  </si>
  <si>
    <t>【远光瑞翔】精密测温探头\定制\ZZPJT002\金属</t>
  </si>
  <si>
    <t>【远光瑞翔】精密测温探头\定制\ZZPJ008\玻璃</t>
  </si>
  <si>
    <t>【远光瑞翔】搅拌电机\BL3540244900定制\WGDJ008</t>
  </si>
  <si>
    <t>【远光瑞翔】搅拌电机\55TYB 375转定制\WGDJ006</t>
  </si>
  <si>
    <t>【远光瑞翔】搅拌电机方形皮带\WGXJDA002</t>
  </si>
  <si>
    <t>【远光瑞翔】搅拌杆\WGQT022\铝</t>
  </si>
  <si>
    <t>【远光瑞翔】搅拌杆\WGQT124\铝</t>
  </si>
  <si>
    <t>【远光瑞翔】点火电极\WXBJ014</t>
  </si>
  <si>
    <t>【远光瑞翔】点火电极\WXBJ010/11</t>
  </si>
  <si>
    <t>【远光瑞翔】点火电极\WXBJG001</t>
  </si>
  <si>
    <t>【远光瑞翔】制冷组件\WGQTSR010</t>
  </si>
  <si>
    <t>【远光瑞翔】制冷片\WGQT045</t>
  </si>
  <si>
    <t>【远光瑞翔】制冷组件\ZZPJZ006</t>
  </si>
  <si>
    <t>【远光瑞翔】加热棒\ZZPJ009</t>
  </si>
  <si>
    <t>【远光瑞翔】加热棒\WGQT084</t>
  </si>
  <si>
    <t>【远光瑞翔】加热板\WGQT094</t>
  </si>
  <si>
    <t>【远光瑞翔】加热器\800W\WGQT096</t>
  </si>
  <si>
    <t>【远光瑞翔】加热器\1200W\WGQT097</t>
  </si>
  <si>
    <t>【远光瑞翔】过热保护器\KSD301-T\WGDZXS088</t>
  </si>
  <si>
    <t>【远光瑞翔】水位计\PI-25(A)\WGQT098</t>
  </si>
  <si>
    <t>【远光瑞翔】水箱水位开关\WGDZGD010</t>
  </si>
  <si>
    <t>【远光瑞翔】单向放水阀\KCE12-00定制\WGJT013</t>
  </si>
  <si>
    <t>【远光瑞翔】循环二通阀\定制\WXBJQT034</t>
  </si>
  <si>
    <t>【远光瑞翔】三通阀\定制\WGSF001</t>
  </si>
  <si>
    <t>【远光瑞翔】磁力驱动水泵\MP-15RN\WGQTBL001</t>
  </si>
  <si>
    <t>【远光瑞翔】磁力驱动水泵\MP-10R\WGQT007</t>
  </si>
  <si>
    <t>【远光瑞翔】坩埚\WXBJ004</t>
  </si>
  <si>
    <t>【远光瑞翔】点火丝\WGQT009</t>
  </si>
  <si>
    <t>盒</t>
  </si>
  <si>
    <t>【远光瑞翔】苯甲酸\片状\10g/瓶\ZZPJ007</t>
  </si>
  <si>
    <t>瓶</t>
  </si>
  <si>
    <t>【远光瑞翔】苯甲酸\片状\35g/瓶\WGBW009</t>
  </si>
  <si>
    <t>【远光瑞翔】减压器\WGQT020</t>
  </si>
  <si>
    <t>【远光瑞翔】变压器\WS4.702.001</t>
  </si>
  <si>
    <t>【远光瑞翔】充氧仪\WXBJ008</t>
  </si>
  <si>
    <t>【远光瑞翔】充氧导管\FLGCQ007</t>
  </si>
  <si>
    <t>【远光瑞翔】充氧仪压力表\WGQT041</t>
  </si>
  <si>
    <t>【远光瑞翔】充氧仪密封圈\ZZPJ032</t>
  </si>
  <si>
    <t>【远光瑞翔】氧弹\WXBJ001</t>
  </si>
  <si>
    <t>【远光瑞翔】氧弹坩埚架\氧弹电极\WXBJ007</t>
  </si>
  <si>
    <t>【远光瑞翔】氧弹支架\WXBJ003</t>
  </si>
  <si>
    <t>【远光瑞翔】放气阀\WGQT071</t>
  </si>
  <si>
    <t>【远光瑞翔】氧弹勾手\WGQT072</t>
  </si>
  <si>
    <t>【远光瑞翔】氧弹密封圈\ZZPJ031</t>
  </si>
  <si>
    <t>【远光瑞翔】氧弹白色塑料王垫\WGXJMF013</t>
  </si>
  <si>
    <t>【远光瑞翔】氧弹逆止阀\阀芯\WXBJ009</t>
  </si>
  <si>
    <t>【远光瑞翔】硅胶管\φ11×15\FLGCQ004</t>
  </si>
  <si>
    <t>【远光瑞翔】氧弹头\WXBJ013</t>
  </si>
  <si>
    <t>【远光瑞翔】氧弹水压测试仪\YDSYCSY001</t>
  </si>
  <si>
    <t>次</t>
  </si>
  <si>
    <t>【远光瑞翔】内桶\WXBJQT031</t>
  </si>
  <si>
    <t>【远光瑞翔】搅拌\5E-KCIV</t>
  </si>
  <si>
    <t>粒</t>
  </si>
  <si>
    <t>【远光瑞翔】控制板\S101\WS6.672.042</t>
  </si>
  <si>
    <t>【远光瑞翔】控制板\S206\WS6.672.010</t>
  </si>
  <si>
    <t>【远光瑞翔】控制板\S800\WS6.672.050</t>
  </si>
  <si>
    <t>【远光瑞翔】燃烧控制板\S808\WS6.672.068</t>
  </si>
  <si>
    <t>【远光瑞翔】分析控制板\S808\WS6.672.069</t>
  </si>
  <si>
    <t>【远光瑞翔】D/A模块\-7022\WS6.672.041</t>
  </si>
  <si>
    <t>【远光瑞翔】AC/DC模块\WS6.672.043</t>
  </si>
  <si>
    <t>【远光瑞翔】高温炉芯\WXGWLX009</t>
  </si>
  <si>
    <t>【远光瑞翔】高温炉芯\WXGWLX005</t>
  </si>
  <si>
    <t>【远光瑞翔】硅碳管\WGFRGT002</t>
  </si>
  <si>
    <t>【远光瑞翔】硅碳管\WGFRGT001</t>
  </si>
  <si>
    <t>【远光瑞翔】硅碳管夹\WXBJJZ003</t>
  </si>
  <si>
    <t>【远光瑞翔】硅碳管夹\WXBJJZ002</t>
  </si>
  <si>
    <t>【远光瑞翔】热电偶\定制\WGRD002\铂铑10-铂</t>
  </si>
  <si>
    <t>【远光瑞翔】热电偶\定制\WGRD010\铂铑10-铂</t>
  </si>
  <si>
    <t>【远光瑞翔】陶瓷管\Φ7*130\WGCJ038</t>
  </si>
  <si>
    <t>【远光瑞翔】燃烧室组件\单管燃烧室+石英座\WXBL027、WXBL006</t>
  </si>
  <si>
    <t>【远光瑞翔】燃烧室组件\燃烧室+石英座\WXBL029、WXBL006</t>
  </si>
  <si>
    <t>【远光瑞翔】石英管\燃烧室\WXBL037</t>
  </si>
  <si>
    <t>【远光瑞翔】石英管\燃烧室\WXBL008</t>
  </si>
  <si>
    <t>【远光瑞翔】石英弯管\WXBL016</t>
  </si>
  <si>
    <t>【远光瑞翔】石英舟\WXBL036</t>
  </si>
  <si>
    <t>【远光瑞翔】石英舟\WXBL046</t>
  </si>
  <si>
    <t>【远光瑞翔】玻璃干燥管\WXBL053</t>
  </si>
  <si>
    <t>【远光瑞翔】玻璃干燥管\WXBL028</t>
  </si>
  <si>
    <t>【远光瑞翔】玻璃干燥管\WS-S600-06-02\WXBL072</t>
  </si>
  <si>
    <t>【远光瑞翔】玻璃过滤管\WS-S808-07a\WXBL073</t>
  </si>
  <si>
    <t>【远光瑞翔】玻璃转接管\WXBL047</t>
  </si>
  <si>
    <t>【远光瑞翔】瓷舟\WGCJ001</t>
  </si>
  <si>
    <t>【远光瑞翔】坩埚\WGCJ003</t>
  </si>
  <si>
    <t>【远光瑞翔】石英送样杆\WXBL066</t>
  </si>
  <si>
    <t>【远光瑞翔】陶瓷送样杆\Φ12*228\WGCJ046</t>
  </si>
  <si>
    <t>【远光瑞翔】陶瓷送样杆\Φ12*280\WXGWTC002</t>
  </si>
  <si>
    <t>【远光瑞翔】不锈钢送样杆\WGCJ024</t>
  </si>
  <si>
    <t>【远光瑞翔】气泵组件\ZZPJ033</t>
  </si>
  <si>
    <t>【远光瑞翔】吹气泵\PM8001-12V\WGQTBL013</t>
  </si>
  <si>
    <t>【远光瑞翔】抽气泵\VAA6004-12V\WGQTBL012</t>
  </si>
  <si>
    <t>【远光瑞翔】抽气泵\PK5412-24V\WGQTBL014</t>
  </si>
  <si>
    <t>【远光瑞翔】微型真空泵VAK特制泵\24VDC\WGQTBL016</t>
  </si>
  <si>
    <t>【远光瑞翔】密封圈\36×3.55\定制\WGXJMF002</t>
  </si>
  <si>
    <t>【远光瑞翔】密封圈\12×2\定制\WGXJMF006</t>
  </si>
  <si>
    <t>【远光瑞翔】密封圈\30×3.66\定制\WGXJMF016</t>
  </si>
  <si>
    <t>【远光瑞翔】密封圈\5×1.2)\定制\WGXJMF012</t>
  </si>
  <si>
    <t>【远光瑞翔】电解池\含搅拌子，垫片\WGQT090</t>
  </si>
  <si>
    <t>【远光瑞翔】电解池\加厚\WGQT099</t>
  </si>
  <si>
    <t>【远光瑞翔】玻璃熔板\WGQT034</t>
  </si>
  <si>
    <t>【远光瑞翔】搅拌\5E-AC/PL</t>
  </si>
  <si>
    <t>【远光瑞翔】电解池塑料接头\WGJT032</t>
  </si>
  <si>
    <t>【远光瑞翔】砂芯片\WGQT036</t>
  </si>
  <si>
    <t>【远光瑞翔】混尘过滤器\WXBL056</t>
  </si>
  <si>
    <t>【远光瑞翔】坩埚托盘\WXBJQT091</t>
  </si>
  <si>
    <t>【远光瑞翔】转盘\WXBJQT012</t>
  </si>
  <si>
    <t>【远光瑞翔】升降机构螺杆螺套\WXBJ020</t>
  </si>
  <si>
    <t>【远光瑞翔】转盘升降机构\WXBJJG001</t>
  </si>
  <si>
    <t>【远光瑞翔】流量控制器\S49-32B/MT 5SLM\WGQTLL008</t>
  </si>
  <si>
    <t>【远光瑞翔】流量控制器\D07-19B\WGQTLL010</t>
  </si>
  <si>
    <t>【远光瑞翔】红外传感器\红外池\WGDZGD006</t>
  </si>
  <si>
    <t>【远光瑞翔】电解池自动清洗机\ZZCPSF01</t>
  </si>
  <si>
    <t>【远光瑞翔】带过滤器玻璃开关\WXBL015</t>
  </si>
  <si>
    <t>【远光瑞翔】控制板\F506\WS6.672.026</t>
  </si>
  <si>
    <t>【远光瑞翔】高温炉\WXGWLX008</t>
  </si>
  <si>
    <t>【远光瑞翔】热电偶\定制\WGRD005</t>
  </si>
  <si>
    <t>【远光瑞翔】热电偶刚玉套管\WGCJ019</t>
  </si>
  <si>
    <t>【远光瑞翔】一体摄像机\SC-430H\WGQT003</t>
  </si>
  <si>
    <t>【远光瑞翔】视频卡\定制\WGQTBK003</t>
  </si>
  <si>
    <t>【远光瑞翔】视频线\定制\ZZPJZ005</t>
  </si>
  <si>
    <t>【远光瑞翔】硅碳管\80×500\WGFRGT003</t>
  </si>
  <si>
    <t>【远光瑞翔】硅碳管\90×500\WGFRGT004</t>
  </si>
  <si>
    <t>【远光瑞翔】硅钼棒\4根\WGFRGT005</t>
  </si>
  <si>
    <t>【远光瑞翔】内刚玉管\60×548\WGCJ017</t>
  </si>
  <si>
    <t>【远光瑞翔】内刚玉管\70×548\WGCJ039</t>
  </si>
  <si>
    <t>【远光瑞翔】外刚玉管\外径φ100*380\WGCJ015</t>
  </si>
  <si>
    <t>【远光瑞翔】外刚玉管\WGCJ040</t>
  </si>
  <si>
    <t>【远光瑞翔】刚玉舟\WGCJ002</t>
  </si>
  <si>
    <t>【远光瑞翔】端板\WGCJ022</t>
  </si>
  <si>
    <t>【远光瑞翔】端板\WGCJ051</t>
  </si>
  <si>
    <t>【远光瑞翔】石英透镜\WXBL009</t>
  </si>
  <si>
    <t>【远光瑞翔】反射镜\WXBL030</t>
  </si>
  <si>
    <t>【远光瑞翔】灰锥模\WXPJ002</t>
  </si>
  <si>
    <t>【远光瑞翔】灰锥刀\WGGJ023</t>
  </si>
  <si>
    <t>把</t>
  </si>
  <si>
    <t>【远光瑞翔】灰锥托板\7孔\WGCJ014</t>
  </si>
  <si>
    <t>【远光瑞翔】灰锥托板\5孔\WGCJ042</t>
  </si>
  <si>
    <t>【远光瑞翔】灰锥托板\3孔\WGCJ041</t>
  </si>
  <si>
    <t>【远光瑞翔】灰锥托板\3孔 44*20\WGCJ050</t>
  </si>
  <si>
    <t>【远光瑞翔】标灰\0\WGBW006</t>
  </si>
  <si>
    <t>【远光瑞翔】专用活性炭\颗粒状，＜1mm\WGBW005</t>
  </si>
  <si>
    <t>包</t>
  </si>
  <si>
    <t>【远光瑞翔】石墨\500g\WGBW008</t>
  </si>
  <si>
    <t>【远光瑞翔】高温密封垫\ZZPJ012</t>
  </si>
  <si>
    <t>【远光瑞翔】高温密封垫\ZZPJ013</t>
  </si>
  <si>
    <t>【远光瑞翔】高温密封垫\ZZPJ016</t>
  </si>
  <si>
    <t>【远光瑞翔】控制板\M700\WS6.672.047</t>
  </si>
  <si>
    <t>【远光瑞翔】加热器\WGQT085</t>
  </si>
  <si>
    <t>【远光瑞翔】加热管\WGQTJR002</t>
  </si>
  <si>
    <t>【远光瑞翔】加热器\风扇RRL152\WGQTFS006</t>
  </si>
  <si>
    <t>【远光瑞翔】热电偶\定制\WGRD011</t>
  </si>
  <si>
    <t>【远光瑞翔】热电偶\定制\WGRD013</t>
  </si>
  <si>
    <t>【远光瑞翔】内水称量瓶\φ40\WXBL042</t>
  </si>
  <si>
    <t>【远光瑞翔】全水称量瓶\φ70\WXBL043</t>
  </si>
  <si>
    <t>【远光瑞翔】门把手\定制\WGQT123</t>
  </si>
  <si>
    <t>【远光瑞翔】主轴大齿轮\WXPJ004</t>
  </si>
  <si>
    <t>【远光瑞翔】上盖自动锁\车后备箱用锁\WGBX03010</t>
  </si>
  <si>
    <t>【远光瑞翔】气动弹簧\支撑杆\WGCJQT006</t>
  </si>
  <si>
    <t>【远光瑞翔】气动弹簧\支撑杆\WGCJQT008</t>
  </si>
  <si>
    <t>【远光瑞翔】氟橡胶圈\WGXJMF039</t>
  </si>
  <si>
    <t>【远光瑞翔】陶瓷坩埚\60*30\WGCJ048</t>
  </si>
  <si>
    <t>【远光瑞翔】过热保护器\165℃\WGDZXS083</t>
  </si>
  <si>
    <t>【远光瑞翔】硅胶管\FLGCQ012</t>
  </si>
  <si>
    <t>【远光瑞翔】升降机构\WXBJJG002</t>
  </si>
  <si>
    <t>【远光瑞翔】称杆\WXBJQT096</t>
  </si>
  <si>
    <t>【远光瑞翔】温度传感器\定制\WGDZGD005</t>
  </si>
  <si>
    <t>【远光瑞翔】数显温控仪\定制\WGPJ004</t>
  </si>
  <si>
    <t>【远光瑞翔】烘箱继电器\WGDZJ2006</t>
  </si>
  <si>
    <t>【远光瑞翔】鼓风电机\WGDJ004</t>
  </si>
  <si>
    <t>【远光瑞翔】控制板\M400\WS6.672.005</t>
  </si>
  <si>
    <t>【远光瑞翔】控制板\M406\WS6.672.048</t>
  </si>
  <si>
    <t>【远光瑞翔】转盘\WXBL021</t>
  </si>
  <si>
    <t>【远光瑞翔】转盘轴\WXBJ016</t>
  </si>
  <si>
    <t>【远光瑞翔】称杆\WXBJ017</t>
  </si>
  <si>
    <t>【远光瑞翔】试样勺\大号\WXBL010</t>
  </si>
  <si>
    <t>【远光瑞翔】陶瓷坩埚\50*25\WGCJ043</t>
  </si>
  <si>
    <t>【远光瑞翔】陶瓷坩埚盖\WXBL031</t>
  </si>
  <si>
    <t>【远光瑞翔】微波发射器\WGYQWB002</t>
  </si>
  <si>
    <t>【远光瑞翔】二极管\WGDZV2017</t>
  </si>
  <si>
    <t>【远光瑞翔】保险管\5KV 0.9A\定制\WGBX01012</t>
  </si>
  <si>
    <t>【远光瑞翔】保险管\10A定制\WGBX01006</t>
  </si>
  <si>
    <t>【远光瑞翔】控制板\G150\WS6.672.045</t>
  </si>
  <si>
    <t>【远光瑞翔】挥发份坩埚\WGCJ006</t>
  </si>
  <si>
    <t>【远光瑞翔】挥发份坩埚架\WXBJZJ001</t>
  </si>
  <si>
    <t>【远光瑞翔】灰皿\WGCJ025</t>
  </si>
  <si>
    <t>【远光瑞翔】灰皿架\WXBJZJ002</t>
  </si>
  <si>
    <t>【远光瑞翔】坩埚架叉子\WGCJ026</t>
  </si>
  <si>
    <t>【远光瑞翔】马弗炉热电偶\WGRD009</t>
  </si>
  <si>
    <t>【远光瑞翔】马弗炉热电偶\WGRD018</t>
  </si>
  <si>
    <t>【远光瑞翔】炉体组件\碳化硅\WXGWG15001</t>
  </si>
  <si>
    <t>【远光瑞翔】炉体组件\快速\WXGWG15101</t>
  </si>
  <si>
    <t>【远光瑞翔】加热炉底板\炉膛垫板\WXGWG15002</t>
  </si>
  <si>
    <t>【远光瑞翔】面板贴膜\FLHCQ004</t>
  </si>
  <si>
    <t>【远光瑞翔】弹簧\WXBJ024</t>
  </si>
  <si>
    <t>【远光瑞翔】观察孔石英玻璃\φ35*3\WXBL044</t>
  </si>
  <si>
    <t>【远光瑞翔】观察孔石英塞\WXBL045</t>
  </si>
  <si>
    <t>【远光瑞翔】门把手\ZZPJZ009</t>
  </si>
  <si>
    <t>【远光瑞翔】燃烧管\H100、CH100\PTTQD001</t>
  </si>
  <si>
    <t>【远光瑞翔】转换管\CH100\PTTQD002</t>
  </si>
  <si>
    <t>【远光瑞翔】净化管\H100、CH100\PTTQD003</t>
  </si>
  <si>
    <t>【远光瑞翔】气泡计\CH100\PTTQD004</t>
  </si>
  <si>
    <t>【远光瑞翔】定制硅胶管\￠5×8\H100、CH100\PTTQD009</t>
  </si>
  <si>
    <t>【远光瑞翔】定制硅胶管\￠6×12\H100、CH100\PTTQD010</t>
  </si>
  <si>
    <t>【远光瑞翔】塑料黄管\H100、CH100\PTTQD011</t>
  </si>
  <si>
    <t>【远光瑞翔】氢电解池\H100、CH100\PTTQD012</t>
  </si>
  <si>
    <t>【远光瑞翔】碳电解池\CH100\PTTQD013</t>
  </si>
  <si>
    <t>【远光瑞翔】碱石棉\300克/瓶\H100、CH100\PTTQD014</t>
  </si>
  <si>
    <t>【远光瑞翔】高锰酸银热解产物\H100、CH100\PTTQD015</t>
  </si>
  <si>
    <t>克</t>
  </si>
  <si>
    <t>【远光瑞翔】无水高氯酸镁\100克/瓶\H100、CH100\PTTQD016</t>
  </si>
  <si>
    <t>【远光瑞翔】碳氢炉膛\CH100\PTTQD017</t>
  </si>
  <si>
    <t>【远光瑞翔】碳氢炉膛\H100\PTTQD018</t>
  </si>
  <si>
    <t>【远光瑞翔】U型管\H100、CH100\PTTQD020</t>
  </si>
  <si>
    <t>【远光瑞翔】硅胶塞\H100、CH100\PTTQD021</t>
  </si>
  <si>
    <t>【远光瑞翔】翻胶帽\H100、CH100\PTTQD022</t>
  </si>
  <si>
    <t>【远光瑞翔】瓷舟\H100、CH100\PTTQD023</t>
  </si>
  <si>
    <t>【远光瑞翔】储气罐控制板\CH800\WS6.672.061</t>
  </si>
  <si>
    <t>【远光瑞翔】高温炉控制板\CH800\WS6.672.062</t>
  </si>
  <si>
    <t>【远光瑞翔】储气罐继电器板\CH800\WS6.672.063</t>
  </si>
  <si>
    <t>【远光瑞翔】高温炉继电器板\CH800\WS6.672.065</t>
  </si>
  <si>
    <t>【远光瑞翔】模块\7080_CH800\WS6.672.055</t>
  </si>
  <si>
    <t>【远光瑞翔】细管燃烧室\WXBL060</t>
  </si>
  <si>
    <t>【远光瑞翔】玻璃干燥管\WXBL061</t>
  </si>
  <si>
    <t>【远光瑞翔】玻璃过滤管\WXBL068</t>
  </si>
  <si>
    <t>【远光瑞翔】药剂压套\WXBL078</t>
  </si>
  <si>
    <t>【远光瑞翔】石英坩埚\WXBL074</t>
  </si>
  <si>
    <t>【远光瑞翔】石英坩埚托盘\WXBL079</t>
  </si>
  <si>
    <t>【远光瑞翔】石英顶管\WXBL062</t>
  </si>
  <si>
    <t>【远光瑞翔】陶瓷吹氧管\WGCJ052</t>
  </si>
  <si>
    <t>【远光瑞翔】高精密过滤器\进口\WGQT100</t>
  </si>
  <si>
    <t>【远光瑞翔】热电偶\WGRD016</t>
  </si>
  <si>
    <t>【远光瑞翔】炉芯\WS-CH800-03-02、03\WXGWLX010</t>
  </si>
  <si>
    <t>【远光瑞翔】进样电机\WGDJ03002</t>
  </si>
  <si>
    <t>【远光瑞翔】节流阀\进口\WGQTQF002</t>
  </si>
  <si>
    <t>【远光瑞翔】不锈钢芯节流阀\进口\WGQTQF003</t>
  </si>
  <si>
    <t>【远光瑞翔】夹管阀\进口\WGQTQF001</t>
  </si>
  <si>
    <t>【远光瑞翔】红外传感器\碳氢\WGDZGD011</t>
  </si>
  <si>
    <t>【远光瑞翔】电子流量传感器\WGQTLL011</t>
  </si>
  <si>
    <t>【远光瑞翔】进口气管\Φ4*2.5\FLGCQ015</t>
  </si>
  <si>
    <t>【远光瑞翔】样品托盘\WXBJQT103</t>
  </si>
  <si>
    <t>【远光瑞翔】锡箔杯\100个/瓶\FLBZP026</t>
  </si>
  <si>
    <t>【远光瑞翔】专用炉试剂\35g/瓶\16*3.55\WGSJGT035</t>
  </si>
  <si>
    <t>【远光瑞翔】专用炉试剂\100g/瓶\进口\WGSJGT025</t>
  </si>
  <si>
    <t>【远光瑞翔】超细石英棉\50g/包\进口\WGSJGT020</t>
  </si>
  <si>
    <t>【远光瑞翔】密封圈内径\16*3.55\WGXJMF045</t>
  </si>
  <si>
    <t>【远光瑞翔】氟橡胶密封圈内径\20*2.65\WGXJMF055</t>
  </si>
  <si>
    <t>【远光瑞翔】氟橡胶密封圈内径\30*2.65\WGXJMF056</t>
  </si>
  <si>
    <t>【远光瑞翔】氟橡胶密封圈内径\40*2.65\WGXJMF052</t>
  </si>
  <si>
    <t>【远光瑞翔】密封圈内径\136*7定制\WGXJMF043</t>
  </si>
  <si>
    <t>【远光瑞翔】密封圈内径\13.2*1.8定制\WGXJMF051</t>
  </si>
  <si>
    <t>【远光瑞翔】密封圈内径\47.5*2.65定制\WGXJMF053</t>
  </si>
  <si>
    <t>【远光瑞翔】氮催化剂\30g/瓶\WGSJGT028</t>
  </si>
  <si>
    <t>【远光瑞翔】线状铜\100g/瓶\WGSJGT027</t>
  </si>
  <si>
    <t>【远光瑞翔】铜线\200g/瓶\WGSJGT029</t>
  </si>
  <si>
    <t>【远光瑞翔】赛拉纸垫\(带孔)φ38*φ22\ZZPJ018</t>
  </si>
  <si>
    <t>【远光瑞翔】赛拉纸垫\(φ38/δ3)\ZZPJ017</t>
  </si>
  <si>
    <t>【远光瑞翔】烧碱石棉\250g/瓶\WGSJGT031</t>
  </si>
  <si>
    <t>【远光瑞翔】测氮燃烧室\WXBLSY003</t>
  </si>
  <si>
    <t>【远光瑞翔】玻璃净化管\WXBL071</t>
  </si>
  <si>
    <t>【远光瑞翔】测氮炉膛\WXGWLX011</t>
  </si>
  <si>
    <t>【远光瑞翔】量热仪\单控\WS-C806\WS-C806A</t>
  </si>
  <si>
    <t>【远光瑞翔】量热仪\双控\WS-C806\WS-C806B</t>
  </si>
  <si>
    <t>【远光瑞翔】量热仪\单控\WS-C800\WS-C800A</t>
  </si>
  <si>
    <t>【远光瑞翔】量热仪\双控\WS-C800\WS-C800B</t>
  </si>
  <si>
    <t>【远光瑞翔】量热仪\单控\WS-C600\WS-C600A</t>
  </si>
  <si>
    <t>【远光瑞翔】量热仪\双控\WS-C600\WS-C600B</t>
  </si>
  <si>
    <t>【远光瑞翔】量热仪\单控\WS-C502\WS-C502A</t>
  </si>
  <si>
    <t>【远光瑞翔】量热仪\双控\WS-C502\WS-C502B</t>
  </si>
  <si>
    <t>【远光瑞翔】自动工业分析仪\WS-G868\WS-G868</t>
  </si>
  <si>
    <t>【远光瑞翔】自动工业分析仪\WS-G818\WS-G818</t>
  </si>
  <si>
    <t>【远光瑞翔】自动工业分析仪\WS-G406\WS-G406</t>
  </si>
  <si>
    <t>【远光瑞翔】智能马弗炉\WS-G150\WS-G150</t>
  </si>
  <si>
    <t>【远光瑞翔】智能马弗炉\WS-G156\WS-G156</t>
  </si>
  <si>
    <t>【远光瑞翔】天平管理器\WS-G100\WS-G100</t>
  </si>
  <si>
    <t>【远光瑞翔】全自动水分测试仪\WS-M702\WS-M700</t>
  </si>
  <si>
    <t>【远光瑞翔】电热鼓风干燥箱\WS-M101\WS-M101</t>
  </si>
  <si>
    <t>【远光瑞翔】电热鼓风干燥箱\WS-M102\WS-M102</t>
  </si>
  <si>
    <t>【远光瑞翔】电热鼓风干燥箱\WS-M103\WS-M103</t>
  </si>
  <si>
    <t>【远光瑞翔】电热鼓风干燥箱\WS-M104\WS-M104</t>
  </si>
  <si>
    <t>【远光瑞翔】电热鼓风干燥箱\WS-M106\WS-M106</t>
  </si>
  <si>
    <t>【远光瑞翔】智能电热鼓风干燥箱\WS-M110L\WS-M110L</t>
  </si>
  <si>
    <t>【远光瑞翔】通氮干燥箱\WS-M200\WS-M200</t>
  </si>
  <si>
    <t>【远光瑞翔】红外碳硫仪\0\WS-CS800\WS-CS800</t>
  </si>
  <si>
    <t>【远光瑞翔】库仑测硫仪\WS-S600\WS-S600</t>
  </si>
  <si>
    <t>【远光瑞翔】库仑测硫仪\WS-S208\WS-S208</t>
  </si>
  <si>
    <t>【远光瑞翔】库仑测硫仪\WS-S206\WS-S206</t>
  </si>
  <si>
    <t>【远光瑞翔】红外测硫仪\WS-S808\WS-S808</t>
  </si>
  <si>
    <t>【远光瑞翔】红外测硫仪\WS-S800\WS-S800</t>
  </si>
  <si>
    <t>【远光瑞翔】碳氢氮元素分析仪\WS-CHN800\WS-CHN800</t>
  </si>
  <si>
    <t>【远光瑞翔】红外碳氢测试仪\WS-CH800\WS-CH800</t>
  </si>
  <si>
    <t>【远光瑞翔】红外测氢仪\WS-H800\WS-H800</t>
  </si>
  <si>
    <t>【远光瑞翔】激光盘点仪\WS-P406\WS-P406</t>
  </si>
  <si>
    <t>【远光瑞翔】灰熔融性测试仪\WS-F600\WS-F600</t>
  </si>
  <si>
    <t>【远光瑞翔】灰熔融性测试仪\WS-F506\WS-F506</t>
  </si>
  <si>
    <t>【南京宇光】煤火检镜组\DTJ-1</t>
  </si>
  <si>
    <t>南京宇光特种电器厂</t>
  </si>
  <si>
    <t>南京宇光</t>
  </si>
  <si>
    <t>WZSCCG-2019-HZ-006</t>
  </si>
  <si>
    <t>2019年度南京宇光点火火检备件华中区域级长协协议</t>
  </si>
  <si>
    <t>【南京宇光】高能点火器\GD20-3</t>
  </si>
  <si>
    <t>【南京宇光】高能点火器\JD20-3</t>
  </si>
  <si>
    <t>【南京宇光】点火器\GD20-3L</t>
  </si>
  <si>
    <t>【南京宇光】点火器\GD40-2</t>
  </si>
  <si>
    <t>【南京宇光】高压导电杆\DGR18-1/2800</t>
  </si>
  <si>
    <t>【南京宇光】点火枪\DGR18-1/3300</t>
  </si>
  <si>
    <t>【南京宇光】高能点火枪\DGR18-1/5200</t>
  </si>
  <si>
    <t>【南京宇光】点火杆\BDG18A-2900-760</t>
  </si>
  <si>
    <t>【南京宇光】点火杆\YKDGR18-1/2900</t>
  </si>
  <si>
    <t>【南京宇光】导电杆\DG18-1</t>
  </si>
  <si>
    <t>【南京宇光】微油点火杆\DG18-1W</t>
  </si>
  <si>
    <t>【南京宇光】微油点火杆\902033XSQ-3300g</t>
  </si>
  <si>
    <t>【南京宇光】微油点火枪\GD18-1/1300</t>
  </si>
  <si>
    <t>【南京宇光】点火嘴\Scp18-M16X1-15</t>
  </si>
  <si>
    <t>【南京宇光】半导体电嘴\BD18-1</t>
  </si>
  <si>
    <t>【南京宇光】电嘴\BD18-2</t>
  </si>
  <si>
    <t>【南京宇光】高压放电管\R-12</t>
  </si>
  <si>
    <t>【南京宇光】图像火检高温电缆\DT-NL-XX</t>
  </si>
  <si>
    <t>【南京宇光】高温电缆\DL-4</t>
  </si>
  <si>
    <t>【南京宇光】点火器高压电缆\DL-3000</t>
  </si>
  <si>
    <t>【南京宇光】阻燃高压高温电缆\DL-2</t>
  </si>
  <si>
    <t>【南京宇光】高温视频电缆配套弯头\DT-NL-XX含插头</t>
  </si>
  <si>
    <t>【南京宇光】点火枪气动推进装置\YKQT-3000D</t>
  </si>
  <si>
    <t>【南京宇光】油枪气动推进气缸\YKQT-220Y-QG</t>
  </si>
  <si>
    <t>【南京宇光】油枪气缸\YJAB-1</t>
  </si>
  <si>
    <t>【南京宇光】耐垫气缸\QGBQ40-400MS2</t>
  </si>
  <si>
    <t>【南京宇光】点火器推进装置\QTQ-300D-Z1</t>
  </si>
  <si>
    <t>【南京宇光】点火器推进气缸\QGA40*400-(M)</t>
  </si>
  <si>
    <t>【南京宇光】球形接头金属软管\L=90CM</t>
  </si>
  <si>
    <t>【南京宇光】球形接头金属软管\L=100CM</t>
  </si>
  <si>
    <t>【南京宇光】球形接头金属软管\L=110CM</t>
  </si>
  <si>
    <t>【南京宇光】球形接头金属软管\L=120CM</t>
  </si>
  <si>
    <t>【南京宇光】球形接头金属软管\L=130CM</t>
  </si>
  <si>
    <t>【南京宇光】点火器外套管\L=1950MM</t>
  </si>
  <si>
    <t>【南京宇光】火检外套管\EDR-2420W</t>
  </si>
  <si>
    <t>【南京宇光】火检内套管\EDR-2630L</t>
  </si>
  <si>
    <t>【南京宇光】图像火检外套管\NYHWDR-3</t>
  </si>
  <si>
    <t>【南京宇光】图像火检内套管\NYHWDR-4</t>
  </si>
  <si>
    <t>【南京宇光】电源卡\DK60-3</t>
  </si>
  <si>
    <t>【南京宇光】按键模片\RBL-3</t>
  </si>
  <si>
    <t>【南京宇光】图像火检探头\DTJ-1</t>
  </si>
  <si>
    <t>【南京宇光】火检探头\KN78195</t>
  </si>
  <si>
    <t>【南京宇光】DPD探头维修\45FS1</t>
  </si>
  <si>
    <t>【南京宇光】DPD探头\45FS1</t>
  </si>
  <si>
    <t>【南京宇光】微油火检光纤\XHT-T-61-0001</t>
  </si>
  <si>
    <t>【南京宇光】火检光纤\KF-F0-3179</t>
  </si>
  <si>
    <t>【南京宇光】电缆插座\L27-50KF</t>
  </si>
  <si>
    <t>【南京宇光】高压插件\50-KF</t>
  </si>
  <si>
    <t>【南京宇光】微油点火枪\LYDH-20</t>
  </si>
  <si>
    <t>【南京宇光】图像火检多层护套总成\DT-WH2-2900</t>
  </si>
  <si>
    <t>【南京宇光】图像火检\DTJ-1/LHJTT-III-2E01</t>
  </si>
  <si>
    <t>【南京宇光】油枪推进器\QT330-1F/Y</t>
  </si>
  <si>
    <t>【南京宇光】光纤\GL6-2420</t>
  </si>
  <si>
    <t>【南京宇光】高能点火装置\GD20-3</t>
  </si>
  <si>
    <t>【南京宇光】气动推进器\QT300-1F/D</t>
  </si>
  <si>
    <t>【南京宇光】弯接头\G1/4-Ф8</t>
  </si>
  <si>
    <t>【南京宇光】半导体电嘴\BD16-1</t>
  </si>
  <si>
    <t>【南京宇光】双控电磁阀\Ф8</t>
  </si>
  <si>
    <t>【南京宇光】弯接头\M16X1.5Ф8</t>
  </si>
  <si>
    <t>【南京宇光】直接头\G1/4</t>
  </si>
  <si>
    <t>【南京宇光】行程开关\LW-CA2</t>
  </si>
  <si>
    <t>【南京宇光】点火枪\DGR18-1</t>
  </si>
  <si>
    <t>【南京宇光】二位五通电磁阀\</t>
  </si>
  <si>
    <t>【南京宇光】双电控电磁阀\220V.AC</t>
  </si>
  <si>
    <t>【南京宇光】气动挠性油枪推进装置\QT300-3F/YD</t>
  </si>
  <si>
    <t>【南京宇光】就地点火控制柜\GK-3D</t>
  </si>
  <si>
    <t>【南京宇光】放电管\R-12</t>
  </si>
  <si>
    <t>【南京宇光】点火枪\BD16-1</t>
  </si>
  <si>
    <t>【南京宇光】点火杆\DGR18-1</t>
  </si>
  <si>
    <t>【南京宇光】半导体高能电嘴\BD型</t>
  </si>
  <si>
    <t>【南京宇光】导电杆\DG</t>
  </si>
  <si>
    <t>【南京宇光】点火枪\YDGR18/YBD16-1</t>
  </si>
  <si>
    <t>【南京宇光】电缆\DL-5</t>
  </si>
  <si>
    <t>【南京宇光】专用高压插座\L-27-50KF</t>
  </si>
  <si>
    <t>【南京宇光】高能点火装置\GD20-2</t>
  </si>
  <si>
    <t>【南京宇光】专用电缆线\DL</t>
  </si>
  <si>
    <t>【南京宇光】电嘴\BD18-1</t>
  </si>
  <si>
    <t>【南京宇光】电缆\DL-2/5m</t>
  </si>
  <si>
    <t>【南京宇光】点火器\JD20-3</t>
  </si>
  <si>
    <t>【南京宇光】火焰探头\FD-1</t>
  </si>
  <si>
    <t>【南京宇光】电动推进器\DT300-1D</t>
  </si>
  <si>
    <t>【南京宇光】福尼电嘴\BD15-3</t>
  </si>
  <si>
    <t>【南京宇光】导电杆\DG18-1/1M</t>
  </si>
  <si>
    <t>【南京宇光】导电杆\DG18-1/2.65</t>
  </si>
  <si>
    <t>【南京宇光】点火器\GD-20-3L</t>
  </si>
  <si>
    <t>【南京宇光】油火检探头\KTHR-T</t>
  </si>
  <si>
    <t>【南京宇光】点火枪\L=3.4米</t>
  </si>
  <si>
    <t>【南京宇光】图像可视探头\DTJ-1</t>
  </si>
  <si>
    <t>【南京宇光】机械雾化油枪\YQ-JX-1</t>
  </si>
  <si>
    <t>【南京宇光】机械油枪雾化头\YQ-JX-2</t>
  </si>
  <si>
    <t>【南京宇光】机械油枪雾化片\YQ-JX-3</t>
  </si>
  <si>
    <t>【南京宇光】气泡雾化油枪\YQ-QP-1</t>
  </si>
  <si>
    <t>【南京宇光】气泡油枪雾化头\YQ-2</t>
  </si>
  <si>
    <t>【南京宇光】气泡油枪雾化片\YQ-3</t>
  </si>
  <si>
    <t>【南京宇光】火检镜头组\YG-HJ-T</t>
  </si>
  <si>
    <t>【南京宇光】火检光纤总成\YG-HJ-ZC</t>
  </si>
  <si>
    <t>【南京宇光】炉管泄露探头\YKP-4E</t>
  </si>
  <si>
    <t>【南京宇光】炉膛工业电视系统\YG-EFFD</t>
  </si>
  <si>
    <t>【南京宇光】推进器\YG-EFFD-TJ</t>
  </si>
  <si>
    <t>【南京宇光】探头总成\YG-EFFD-1</t>
  </si>
  <si>
    <t>【南京宇光】耐高温镜头组\YG-EFFD-JZ</t>
  </si>
  <si>
    <t>【南京宇光】耐高温光学导管\YG-EFFD-DG</t>
  </si>
  <si>
    <t>【南京宇光】耐高温保护套筒\YG-EFFD-JBH</t>
  </si>
  <si>
    <t>【南京宇光】控制器\YG-EFFD-TK</t>
  </si>
  <si>
    <t>【南京宇光】电气控制箱\YG-EFFD-DK</t>
  </si>
  <si>
    <t>【南京宇光】气源控制箱\YG-EFFD-QK</t>
  </si>
  <si>
    <t>【南京宇光】炉膛工业电视附件\YG-EFFD-LB</t>
  </si>
  <si>
    <t>【南京宇光】涡流制冷器\YG-EFFD-OL</t>
  </si>
  <si>
    <t>【湖南三德】润滑脂\3003777\50g\SUNDY-TY</t>
  </si>
  <si>
    <t>湖南三德科技股份有限公司</t>
  </si>
  <si>
    <t>湖南三德</t>
  </si>
  <si>
    <t>WZSCCG-2019-HZ-002</t>
  </si>
  <si>
    <t>2019年度湖南三德煤质分析仪器及备件集团级长协</t>
  </si>
  <si>
    <t>【湖南三德】热电偶\3019349\S-L=200\SDS616\516</t>
  </si>
  <si>
    <t>【湖南三德】气体流量计\3003654\1.5L-SO2\SDSKL-TY</t>
  </si>
  <si>
    <t>【湖南三德】气管转接管\3002945\SDS-KL\SDSKL-TY</t>
  </si>
  <si>
    <t>【湖南三德】气泵\3013072\ACO-208-小\SDSKL-TY</t>
  </si>
  <si>
    <t>【湖南三德】煤灰过滤器密封圈\3002963\SDS-KL\SDSKL-TY</t>
  </si>
  <si>
    <t>【湖南三德】煤灰过滤器\4000901\SDS-KL\SDSKL-TY</t>
  </si>
  <si>
    <t>【湖南三德】炉口样舟定位卡\4001016\V2.70\SDSKL-TY</t>
  </si>
  <si>
    <t>【湖南三德】开关电源\3008604\GZM-H60S12-12V\SUNDY-TY</t>
  </si>
  <si>
    <t>【湖南三德】主控卡\4000858\V3.02\SDSKL-TY</t>
  </si>
  <si>
    <t>【湖南三德】硅胶袋\3020515\SDSKL-IVa\SDS-IVa</t>
  </si>
  <si>
    <t>【湖南三德】样舟\3020513\SDS-TY-77\SDS-IVa</t>
  </si>
  <si>
    <t>【湖南三德】进样组件\4001067\SDSIVa-SY\SDS-IVa</t>
  </si>
  <si>
    <t>【湖南三德】搅拌组件\4001070\SDSIVa-JB\SDS-IVa</t>
  </si>
  <si>
    <t>【湖南三德】高温炉组件\4000850\SDSKL-IVa\SDS-IVa</t>
  </si>
  <si>
    <t>【湖南三德】干燥管\4001117\SDSKL-IVa\SDS-IVa</t>
  </si>
  <si>
    <t>【湖南三德】石英舟\3003040\SDS-Ⅳa-022-A\SDS-IVa</t>
  </si>
  <si>
    <t>【湖南三德】热电偶\4000848\S-L=160\SDS-IVa</t>
  </si>
  <si>
    <t>【湖南三德】样舟盒\3003035\12孔\SDSKL-TY</t>
  </si>
  <si>
    <t>【湖南三德】样舟\3002912\SDS616-026-A1\SDSKL-TY</t>
  </si>
  <si>
    <t>【湖南三德】石英舟\3002913\SDS616-025-A2\SDSKL-TY</t>
  </si>
  <si>
    <t>【湖南三德】石英管\3003026\φ25*L532\SDSKL-TY</t>
  </si>
  <si>
    <t>【湖南三德】石英舟\3023283\SDS601-025-A2\SDS601</t>
  </si>
  <si>
    <t>【湖南三德】硅胶管\3001386\φ2.8*5\SDSKL-TY</t>
  </si>
  <si>
    <t>【湖南三德】硅胶管\3003553\φ6*12\SDSKL-TY</t>
  </si>
  <si>
    <t>【湖南三德】硅碳管\4000859\φ40*L400\SDSKL-TY</t>
  </si>
  <si>
    <t>【湖南三德】自动流量传感器\3020369\FS4003-2-O4-V-A-0-2L\min\SDS820\720</t>
  </si>
  <si>
    <t>【湖南三德】微型气泵\3019883\3201-24V-1L\min\SDS820\720</t>
  </si>
  <si>
    <t>【湖南三德】微动开关\3020088\D2VW-5L3-1M\SUNDY-TY</t>
  </si>
  <si>
    <t>【湖南三德】送样左定位卡\4000879\V2.80\SDS820\720</t>
  </si>
  <si>
    <t>【湖南三德】送样右定位卡\4000880\V2.80\SDS820\720</t>
  </si>
  <si>
    <t>【湖南三德】送样旋转定位卡\4000877\V1.01\SDS820\720</t>
  </si>
  <si>
    <t>【湖南三德】送样链条机构\SDS820-LT\SDS820\720</t>
  </si>
  <si>
    <t>【湖南三德】送样链条\4001075\SDS820-LT\SDS820\720</t>
  </si>
  <si>
    <t>【湖南三德】输入信号转接卡\4000432\V1.02\SDARM-M</t>
  </si>
  <si>
    <t>【湖南三德】旋转编码盘\3002986\SDS-KL\SDS820\720</t>
  </si>
  <si>
    <t>【湖南三德】交流风扇\3001054\110*110*25-220V\SUNDY-TY</t>
  </si>
  <si>
    <t>【湖南三德】热电偶\4000871\S-L=170\SDS820\720</t>
  </si>
  <si>
    <t>【湖南三德】气体流量计\3023340\701HB-5-2-SO2-0.1-1.5L\SDS820\720</t>
  </si>
  <si>
    <t>【湖南三德】煤灰过滤器\4000892\SDS820\SDS820\720</t>
  </si>
  <si>
    <t>【湖南三德】炉口定位卡\4000881\V2.80\SDS820\720</t>
  </si>
  <si>
    <t>【湖南三德】开关电源\PU-75-24\SDS820\720</t>
  </si>
  <si>
    <t>【湖南三德】进样组件\4001948\SDS820-SY\SDS820\720</t>
  </si>
  <si>
    <t>【湖南三德】搅拌平台\3002960\SDS820-ZZ\SDS820\720</t>
  </si>
  <si>
    <t>【湖南三德】搅拌进样驱动卡\4001579\V1.01\SDS820\720</t>
  </si>
  <si>
    <t>【湖南三德】中间继电器\3005861\58F-24-24V\SDS820\720</t>
  </si>
  <si>
    <t>【湖南三德】标准断路器\3004015\2P-C40\SUNDY-TY</t>
  </si>
  <si>
    <t>【湖南三德】PU管\3005637\φ8*5\SUNDY-TY</t>
  </si>
  <si>
    <t>【湖南三德】PU管\3001342\φ4*2.5\SUNDY-TY</t>
  </si>
  <si>
    <t>【湖南三德】直流驱动卡\4000433\V1.03\SDARM-M</t>
  </si>
  <si>
    <t>【湖南三德】直流扩展卡\4001574\V1.02\SDARM-M</t>
  </si>
  <si>
    <t>【湖南三德】交流驱动卡\4000436\V1.02\SDARM-M</t>
  </si>
  <si>
    <t>【湖南三德】保护卡盒\3003036\SDS-TY012\SUNDY-TY</t>
  </si>
  <si>
    <t>【湖南三德】气泵保护卡\4000434\SDS-TY011\SUNDY-TY</t>
  </si>
  <si>
    <t>【湖南三德】内桶\4001712\SDC608-NT\SDC608</t>
  </si>
  <si>
    <t>【湖南三德】冷水机\3001102\HC-130A\SDC608</t>
  </si>
  <si>
    <t>【湖南三德】快插接头\3009769\KQ2L10-12-两通弯头-SMC\SDC608</t>
  </si>
  <si>
    <t>【湖南三德】开关电源\3009983\SP-150-15V\SDC608</t>
  </si>
  <si>
    <t>【湖南三德】翻盖\4001722\SDC608-FG\SDC608</t>
  </si>
  <si>
    <t>【湖南三德】定容器加热棒\SDC311-φ20*128-500W\SDC-TY</t>
  </si>
  <si>
    <t>【湖南三德】定容器\4001713\SDC608-DRQ\SDC608\612</t>
  </si>
  <si>
    <t>【湖南三德】电源卡\4001558\V1.00\SDC608\612</t>
  </si>
  <si>
    <t>【湖南三德】逆变器\4001711\SDNB150\SDC608\612</t>
  </si>
  <si>
    <t>【湖南三德】快拧接头\3009762\φ10两通弯头\SDC-TY</t>
  </si>
  <si>
    <t>【湖南三德】开关电源\3001648\RS-15-5\SDC-TY</t>
  </si>
  <si>
    <t>【湖南三德】开关电源\3009981\RS-25-15\SDC-TY</t>
  </si>
  <si>
    <t>【湖南三德】开关电源\3010000\PH-150-15M\SDC-TY</t>
  </si>
  <si>
    <t>【湖南三德】聚乙烯软管\3001732\φ29mm*φ34.5mm\黑色\SDC-TY</t>
  </si>
  <si>
    <t>【湖南三德】搅拌过滤套\3019089\SDC311-LW\SDC-TY</t>
  </si>
  <si>
    <t>【湖南三德】搅拌过滤网\3019090\SDC311-LW\SDC-TY</t>
  </si>
  <si>
    <t>【湖南三德】翻盖锁组件\4001699\SDC311-FGS\SDC-TY</t>
  </si>
  <si>
    <t>【湖南三德】翻盖弹簧\3003400\SDC311.01.07-004\SDC-TY</t>
  </si>
  <si>
    <t>【湖南三德】测温探头\4001703\PT\SDACM-III</t>
  </si>
  <si>
    <t>【湖南三德】制冷器\5000251\SDACM5000</t>
  </si>
  <si>
    <t>【湖南三德】桶盖加热板\3022757\SDACM5000</t>
  </si>
  <si>
    <t>【湖南三德】内桶\4000373\SDACM-TY</t>
  </si>
  <si>
    <t>【湖南三德】外置控制线II\4001674\SDACM5000</t>
  </si>
  <si>
    <t>【湖南三德】外置控制线I\4001945\SDACM5000</t>
  </si>
  <si>
    <t>【湖南三德】控制卡\4001028\V2.10\SDACM5000</t>
  </si>
  <si>
    <t>【湖南三德】接口卡\4001029\V2.00\SDACM5000</t>
  </si>
  <si>
    <t>【湖南三德】加热管\3022496\SDACM5000</t>
  </si>
  <si>
    <t>【湖南三德】O型密封圈\3009703\7*1.8\SDAC6000</t>
  </si>
  <si>
    <t>【湖南三德】O型密封圈\3000952\52*1.8\SDAC6000\SDC715</t>
  </si>
  <si>
    <t>【湖南三德】O型密封圈\45*5\SDYDS6T\7T</t>
  </si>
  <si>
    <t>【湖南三德】氧弹\4001170\SDACM4000BY\SDACM4000</t>
  </si>
  <si>
    <t>【湖南三德】氧弹\4001062\SDYDS3T\SDC311</t>
  </si>
  <si>
    <t>【湖南三德】氧弹\4001173\SDYDS7T\SDC715</t>
  </si>
  <si>
    <t>【湖南三德】氧弹\4001172\SDYDS6T\SDAC6000</t>
  </si>
  <si>
    <t>【湖南三德】O型密封圈\3001330\11.8*1.8\SDCY-TY</t>
  </si>
  <si>
    <t>【湖南三德】O型密封圈\5.6*1.8\SDSCY12</t>
  </si>
  <si>
    <t>【湖南三德】O型密封圈\3001325\3.2*1.9\SDCY-TY</t>
  </si>
  <si>
    <t>【湖南三德】O型密封圈\3000950\13.2*2.4\SDCY-TY</t>
  </si>
  <si>
    <t>【湖南三德】O型密封圈\3009719\6.2*1.9\SDCY-TY</t>
  </si>
  <si>
    <t>【湖南三德】镊子\3020366\180mm\SUNDY-TY</t>
  </si>
  <si>
    <t>【湖南三德】脱脂棉\2000015\SA-I\SUNDY-TY</t>
  </si>
  <si>
    <t>【湖南三德】测温元件\3008513\AD590JRZ\SUNDY-TY</t>
  </si>
  <si>
    <t>【湖南三德】刷子\3020438\1寸\SUNDY-TY</t>
  </si>
  <si>
    <t>【湖南三德】匹配插头\4000420\RS232\SUNDY-TY</t>
  </si>
  <si>
    <t>【湖南三德】网卡\3020741\SD-TYPCI\SUNDY-TY</t>
  </si>
  <si>
    <t>【湖南三德】串口卡\3012694\PCIE-WCH382-2\SUNDY-TY</t>
  </si>
  <si>
    <t>【湖南三德】串口卡\3020609\CP-102E\SUNDY-TY</t>
  </si>
  <si>
    <t>【湖南三德】交换机\3010141\SF1005+\SUNDY-TY</t>
  </si>
  <si>
    <t>【湖南三德】保险管\3009906\30A\SUNDY-TY</t>
  </si>
  <si>
    <t>【湖南三德】扁网线\3020410\2m-CAT7-EFIMG24\SUNDY-TY</t>
  </si>
  <si>
    <t>【湖南三德】扁网线\3002796\1m-CAT7-EFIMG14\SUNDY-TY</t>
  </si>
  <si>
    <t>【湖南三德】扁网线\3020412\5m-CAT7-GFIMG54\SUNDY-TY</t>
  </si>
  <si>
    <t>【湖南三德】USB转串口线\3018370\USB-COM\SUNDY-TY</t>
  </si>
  <si>
    <t>【湖南三德】保险管\3009904\10A-6*30\SUNDY-TY</t>
  </si>
  <si>
    <t>【湖南三德】外置控制线\4001687\SDACM3000</t>
  </si>
  <si>
    <t>【湖南三德】测温探头\4001049\PT1000\SDACM3000</t>
  </si>
  <si>
    <t>【湖南三德】控制卡\4001021\V1.00\SDACM3000</t>
  </si>
  <si>
    <t>【湖南三德】测温卡\4001022\PCIV1.00\SDACM3000</t>
  </si>
  <si>
    <t>【湖南三德】变压器\3012547\TDA-60-76-18V\60W\SDACM4000</t>
  </si>
  <si>
    <t>【湖南三德】直线轴承\3001595\LMF8SUU-\SDAC6000</t>
  </si>
  <si>
    <t>【湖南三德】直线模组\3018137\HK85-10C-230A-FL\SDAC6000</t>
  </si>
  <si>
    <t>【湖南三德】直流风扇\3013220\120*120*25-DC24V\SDAC6000</t>
  </si>
  <si>
    <t>【湖南三德】搅拌组件\4001072\SDS820-JB\SDS820\720</t>
  </si>
  <si>
    <t>【湖南三德】高温炉组件\4000875\SDS820\SDS820\720</t>
  </si>
  <si>
    <t>【湖南三德】坩埚收集盒\3002906\SDS820\SDS820\720</t>
  </si>
  <si>
    <t>【湖南三德】直流风扇\3008899\50mm*50mm*15mm-DC24V\SDS820\720</t>
  </si>
  <si>
    <t>【湖南三德】棉线点火丝\3020396\0.5mm\SDAC6000</t>
  </si>
  <si>
    <t>【湖南三德】恒温水箱\SDT03\SDAC6000</t>
  </si>
  <si>
    <t>【湖南三德】恒温水箱\4000398\SDT04\SDC715</t>
  </si>
  <si>
    <t>【湖南三德】上盖铜板焊件\4000350\SDC715-TG001\SDC715</t>
  </si>
  <si>
    <t>【湖南三德】搅拌组件\4001081\SDAC6000-JB\SDAC6000\SDC715</t>
  </si>
  <si>
    <t>【湖南三德】电极压缩弹簧\SDAC6000.03.03-005-A1\SDAC6000</t>
  </si>
  <si>
    <t>【湖南三德】电极盖\SDAC6000.03.03-004-A1\SDAC6000</t>
  </si>
  <si>
    <t>【湖南三德】限位套\SDAC6000.03.03-003-A1\SDAC6000</t>
  </si>
  <si>
    <t>【湖南三德】棉线\2000163\1000-10*100\SDAC6000</t>
  </si>
  <si>
    <t>【湖南三德】电机保护卡\4000534\SDS-TY010\SUNDY-TY</t>
  </si>
  <si>
    <t>【湖南三德】电源卡\4000430\V1.01\SDARM-M</t>
  </si>
  <si>
    <t>【湖南三德】CPU卡\4001943\V1.03\SDS820\720</t>
  </si>
  <si>
    <t>【湖南三德】AD\DA卡\V1.02\SDS820\720</t>
  </si>
  <si>
    <t>【湖南三德】主板卡\V1.00\SDS820\720</t>
  </si>
  <si>
    <t>【湖南三德】主板卡\4001575\V2.00\SDC608\612</t>
  </si>
  <si>
    <t>【湖南三德】温度开关\3012886\JUC-6F-50℃\SDC-TY</t>
  </si>
  <si>
    <t>【湖南三德】外桶\4001719\SDC608-WT\SDC608\612</t>
  </si>
  <si>
    <t>【湖南三德】驱动卡\4001578\V1.06\SDC608\612</t>
  </si>
  <si>
    <t>【湖南三德】底部电极杆\SDAC6000.03.03-001-A1\SDAC6000</t>
  </si>
  <si>
    <t>【湖南三德】定容探针\SDAC6000.02.01-010-A1\SDAC6000</t>
  </si>
  <si>
    <t>【湖南三德】光轴\3019202\SDAC6000.02.01-007-A1\SDAC6000</t>
  </si>
  <si>
    <t>【湖南三德】光轴复位弹簧\3000858\SDAC6000.02.01-006-A1\SDAC6000</t>
  </si>
  <si>
    <t>【湖南三德】充氧气嘴\3000837\SDAC6000.02-003-A1\SDAC6000</t>
  </si>
  <si>
    <t>【湖南三德】底部电极导套\SDAC6000.03.03-002-A1\SDAC6000</t>
  </si>
  <si>
    <t>【湖南三德】O型密封圈\3001327\3*1.8\SDAC6000</t>
  </si>
  <si>
    <t>【湖南三德】O型密封圈\3001329\2.8*1.8\SDAC6000</t>
  </si>
  <si>
    <t>【湖南三德】O型密封圈\3001328\18*1.8\SDAC6000</t>
  </si>
  <si>
    <t>【湖南三德】O型密封圈\3009687\140*5\SDAC6000</t>
  </si>
  <si>
    <t>【湖南三德】O型密封圈\3009686\14*1.8\SDAC6000</t>
  </si>
  <si>
    <t>【湖南三德】坩埚托架\3021259\SDC-YD002\SDC-TY</t>
  </si>
  <si>
    <t>【湖南三德】放气阀\4001135\SDYD-SDC00\SDC-TY</t>
  </si>
  <si>
    <t>【湖南三德】放气阀\4001150\SDYD-SDAC00\SDC-TY</t>
  </si>
  <si>
    <t>【湖南三德】内桶搅拌磁力泵\4001047\SDC311-ZZ\SDC-TY</t>
  </si>
  <si>
    <t>【湖南三德】同步带\3003519\3M-1569-15\SDS350</t>
  </si>
  <si>
    <t>【湖南三德】两位两通电磁阀\3013113\FWB51-15-8-02C-3-24VDC\SDC608\612</t>
  </si>
  <si>
    <t>【湖南三德】两位两通电磁阀\3005707\FWB31-8-6-02C-3-24VDC\SDC608\612</t>
  </si>
  <si>
    <t>【湖南三德】单向阀\3005586\J-AKH10-00-J&amp;Y-SMC\SDC608\612</t>
  </si>
  <si>
    <t>【湖南三德】IO板直通接头\3003385\SDC608.01.12-004-A1\SDC608\612</t>
  </si>
  <si>
    <t>【湖南三德】IO板直通接头\3019201\SDC608-Y\SDC608\612</t>
  </si>
  <si>
    <t>【湖南三德】液位开关\3022596\SDC608.02.01-010\SDC-TY</t>
  </si>
  <si>
    <t>【湖南三德】主控卡\4001011\V3.1\SDC-TY</t>
  </si>
  <si>
    <t>【湖南三德】温度开关\3012884\JVC-6F-200℃\SUNDY-TY</t>
  </si>
  <si>
    <t>【湖南三德】电极杆\SDC608-DJG\SDC608\612</t>
  </si>
  <si>
    <t>【湖南三德】微动开关\3001755\D2VW-5L3-1m\SDAC6000</t>
  </si>
  <si>
    <t>【湖南三德】外桶\4000349\SDAC6000-WT\SDAC6000\SDC715</t>
  </si>
  <si>
    <t>【湖南三德】硅胶管\3001036\φ12*8\SUNDY-TY</t>
  </si>
  <si>
    <t>【湖南三德】硅胶管\3001037\φ16*12\SUNDY-TY</t>
  </si>
  <si>
    <t>【湖南三德】O型密封圈\3001324\3*1.8\SDAC6000</t>
  </si>
  <si>
    <t>【湖南三德】O型密封圈\3001326\7.5*1.8\SDAC6000</t>
  </si>
  <si>
    <t>【湖南三德】深沟球轴承\3001223\13*5*4\SDAC6000\SDC715</t>
  </si>
  <si>
    <t>【湖南三德】多孔过滤器\3001389\7*3\SDAC6000\SDC715</t>
  </si>
  <si>
    <t>【湖南三德】压力传感器\3009365\SCB3111\SDAC6000</t>
  </si>
  <si>
    <t>【湖南三德】两位两通电磁阀\3007746\V*222AZ1B*B\SUNDY-TY</t>
  </si>
  <si>
    <t>【湖南三德】充氧导管\3018093\φ4*1\SDC-TY</t>
  </si>
  <si>
    <t>【湖南三德】充氧导管\4001152\φ4*1\SDAC6000</t>
  </si>
  <si>
    <t>【湖南三德】充氧导管\4001918\φ8*2-台充\SDC-TY</t>
  </si>
  <si>
    <t>【湖南三德】充氧导管\4001136\φ4*1-微充\SDC-TY</t>
  </si>
  <si>
    <t>【湖南三德】微型充氧器\4001138\SDSCY12\SDC-TY</t>
  </si>
  <si>
    <t>【湖南三德】台式充氧器\3022775\SDUCY10\SDC-TY</t>
  </si>
  <si>
    <t>【湖南三德】独立型充氧器\5000252\SDACY09\SDC-TY</t>
  </si>
  <si>
    <t>【湖南三德】净化器\4001050\SDC-TY\SDC-TY</t>
  </si>
  <si>
    <t>【湖南三德】同步带\3005751\675-3M-15\SDTGA6000</t>
  </si>
  <si>
    <t>【湖南三德】同步带\3005752\285-3M-15\SDTGA6000</t>
  </si>
  <si>
    <t>【湖南三德】通气管\3007479\SDTGA6000A.04-005\SDTGA6000A.04-005</t>
  </si>
  <si>
    <t>【湖南三德】贴膜按键\3007531\SDTGA6000V.01-005-S2\SDTGA6000</t>
  </si>
  <si>
    <t>【湖南三德】贴膜按键\3007511\SDTGA6000A-005-S2\SDTGA6000</t>
  </si>
  <si>
    <t>【湖南三德】天平罩\3007482\SDTGA6000A.05-003-S2\SDTGA6000</t>
  </si>
  <si>
    <t>【湖南三德】外桶加热组件\4001079\SDC-06\SDC-TY</t>
  </si>
  <si>
    <t>【湖南三德】外桶加热棒\3020354\φ16*120-500W\SDC311</t>
  </si>
  <si>
    <t>【湖南三德】外桶\4001661\SDC311-WT\SDC311</t>
  </si>
  <si>
    <t>【湖南三德】驱动卡\4001012\V3.1\SDC-TY</t>
  </si>
  <si>
    <t>【湖南三德】排水腔组件\4001078\SDC-05\SDC-TY</t>
  </si>
  <si>
    <t>【湖南三德】排水腔\4001169\SDC-PSHQ\SDC-TY</t>
  </si>
  <si>
    <t>【湖南三德】隔膜泵快插接头组件\4001080\SDC-04\SDC-TY</t>
  </si>
  <si>
    <t>【湖南三德】逆变器\4001660\SDNB150\SDC-TY</t>
  </si>
  <si>
    <t>【湖南三德】内置控制线\3022275\50芯\SDC-TY</t>
  </si>
  <si>
    <t>【湖南三德】充氧气嘴密封垫\3000836\SDAC6000.02-005-A1\SDAC6000</t>
  </si>
  <si>
    <t>【湖南三德】充氧气嘴活塞\SDAC6000.02-004-A1\SDAC6000</t>
  </si>
  <si>
    <t>【湖南三德】搅拌桨\3001404\48mm\SDAC6000\SDC715</t>
  </si>
  <si>
    <t>【湖南三德】搅拌电机\3001306\FL36CBL40\SDAC6000\SDC715</t>
  </si>
  <si>
    <t>【湖南三德】光电感应开关\3003916\BJ100-DDT\SDAC6000</t>
  </si>
  <si>
    <t>【湖南三德】光电传感器\3009383\LU672-5NA\SDAC6000</t>
  </si>
  <si>
    <t>【湖南三德】O型密封圈\3000953\11.2*1.8\SDAC6000</t>
  </si>
  <si>
    <t>【湖南三德】隔膜泵接头密封垫\3000726\23.5*16.8*4.5\SDAC6000\SDC715</t>
  </si>
  <si>
    <t>【湖南三德】保险管\3002000\3A\SUNDY-TY</t>
  </si>
  <si>
    <t>【湖南三德】保险管\3009902\1.5A\SUNDY-TY</t>
  </si>
  <si>
    <t>【湖南三德】加密锁\3012643\Rockey5\SUNDY-TY</t>
  </si>
  <si>
    <t>【湖南三德】电源线\3020391\3GTJ1-3*0.75mm2-10A\220V\SUNDY-TY</t>
  </si>
  <si>
    <t>【湖南三德】样勺\3020451\SDYS-001\SUNDY-TY</t>
  </si>
  <si>
    <t>【湖南三德】标煤\1kg-粘结指数\SUNDY-TY</t>
  </si>
  <si>
    <t>公斤</t>
  </si>
  <si>
    <t>【湖南三德】标煤\GBW-50g-氯\SUNDY-TY</t>
  </si>
  <si>
    <t>【湖南三德】标煤\GBW-哈氏可磨仪\SUNDY-TY</t>
  </si>
  <si>
    <t>【湖南三德】标煤\GBW-50g-汞\SUNDY-TY</t>
  </si>
  <si>
    <t>【湖南三德】送样杆\3007523\SDTGA6000V.05-008\SDTGA6000</t>
  </si>
  <si>
    <t>【湖南三德】水灰样盘\3007496\SDTGA6000A.03-002\SDTGA6000</t>
  </si>
  <si>
    <t>【湖南三德】水灰旋转轴\3007495\SDTGA6000A.03-001\SDTGA6000</t>
  </si>
  <si>
    <t>【湖南三德】水灰炉体\3007513\SDTGA6000A.04-001-S1\SDTGA6000</t>
  </si>
  <si>
    <t>【湖南三德】水灰炉盖\3007514\SDTGA6000A.07-001-S2\SDTGA6000</t>
  </si>
  <si>
    <t>【湖南三德】深沟球轴承\3003532\GB\T-276-619\9\SDTGA6000</t>
  </si>
  <si>
    <t>【湖南三德】深沟球轴承\3005725\GB\T-276-6180\SDTGA6000</t>
  </si>
  <si>
    <t>【湖南三德】深沟球轴承\3005722\GB\T-276-6001-2Z\SDTGA6000</t>
  </si>
  <si>
    <t>【湖南三德】气体流量计\3007890\701HB-5-2-空气-15L\SDTGA6000</t>
  </si>
  <si>
    <t>【湖南三德】内桶\4001657\SDC311-NT\SDC311</t>
  </si>
  <si>
    <t>【湖南三德】漏电保护开关\3023366\2P\20A+1P\SDC-TY</t>
  </si>
  <si>
    <t>【湖南三德】快插接头\3001098\PUT10-T形三通\SDC-TY</t>
  </si>
  <si>
    <t>【湖南三德】快插接头\3005778\SKQ2E10-00\SDC-TY</t>
  </si>
  <si>
    <t>【湖南三德】快插接头\3022432\PG10-08\SDC-TY</t>
  </si>
  <si>
    <t>【湖南三德】快插接头\3009777\PG16-12两通直头\SDC-TY</t>
  </si>
  <si>
    <t>【湖南三德】快拧接头\3009761\10-1/4-两通直头\SDC-TY</t>
  </si>
  <si>
    <t>【湖南三德】水箱\4001668\SDC311.01.07-008\SDC-TY</t>
  </si>
  <si>
    <t>【湖南三德】翻盖\4001663\SDC312-FGD\SDC5015</t>
  </si>
  <si>
    <t>【湖南三德】翻盖\4001723\SDC311-FG*\SDC311</t>
  </si>
  <si>
    <t>【湖南三德】定容器\4001656\SDC311-ABS\SDC311</t>
  </si>
  <si>
    <t>【湖南三德】快插接头\3009784\PUC10-两通直头\SUNDY-TY</t>
  </si>
  <si>
    <t>【湖南三德】快插接头\3003574\PUL10-两通弯头\SUNDY-TY</t>
  </si>
  <si>
    <t>【湖南三德】快插接头\3009787\PUL16-两通弯头\SUNDY-TY</t>
  </si>
  <si>
    <t>【湖南三德】快插接头\3009774\PC16-04-两通直头\SUNDY-TY</t>
  </si>
  <si>
    <t>【湖南三德】液位开关\3002122\SDACM4000-002-u\SDC-TY</t>
  </si>
  <si>
    <t>【湖南三德】隔膜泵\DP-60-24V\SDC-TY</t>
  </si>
  <si>
    <t>【湖南三德】读卡器\3020452\RS232\SDC-TY</t>
  </si>
  <si>
    <t>【湖南三德】阀芯\3019480\SDACY09</t>
  </si>
  <si>
    <t>【湖南三德】氧弹支架\4001151\SDC-YD001\SDC-TY</t>
  </si>
  <si>
    <t>【湖南三德】氧弹提手\4001161\SDC-TSH\SDC-TY</t>
  </si>
  <si>
    <t>【湖南三德】氧弹毛巾\2000067\SDYD-002\SDC-TY</t>
  </si>
  <si>
    <t>【湖南三德】O型密封圈\2.2*1.9\SUNDY-TY</t>
  </si>
  <si>
    <t>【湖南三德】O型密封圈\3001323\51.6*5.7\SUNDY-TY</t>
  </si>
  <si>
    <t>【湖南三德】Y接头\3007883\F-MA40Y\SDTGA6000</t>
  </si>
  <si>
    <t>【湖南三德】耐高温风扇\3007784\3.5E-230HB-92*92*38-220V\SDTGA6000</t>
  </si>
  <si>
    <t>【湖南三德】梅特勒天平通讯线\3012893\WK\SDTGA6000</t>
  </si>
  <si>
    <t>【湖南三德】梅特勒天平\4001160\0.0001g\SDTGA6000</t>
  </si>
  <si>
    <t>【湖南三德】流量计照明卡\4000535\V1.00\SDTGA6000</t>
  </si>
  <si>
    <t>【湖南三德】节流阀\3007752\PSL602AD\SDTGA6000</t>
  </si>
  <si>
    <t>【湖南三德】节流阀\3007751\PSL601B\SDTGA6000</t>
  </si>
  <si>
    <t>【湖南三德】快插接头\3007742\PHW601-F型三通\SDTGA6000</t>
  </si>
  <si>
    <t>【湖南三德】快插接头\3007745\PM6-两通隔板直头\SDTGA6000</t>
  </si>
  <si>
    <t>【湖南三德】送样杆\4000821\SDS350</t>
  </si>
  <si>
    <t>【湖南三德】燃烧炉膛\3022773\SDS212</t>
  </si>
  <si>
    <t>【湖南三德】燃烧炉膛\4000826\SDS350</t>
  </si>
  <si>
    <t>【湖南三德】快插接头\3001093\PC10-02-两通直头\SUNDY-TY</t>
  </si>
  <si>
    <t>【湖南三德】快插接头\3009778\PL10-01-两通弯头\SUNDY-TY</t>
  </si>
  <si>
    <t>【湖南三德】定容器\4001662\SDC5015-DR\SDC5015</t>
  </si>
  <si>
    <t>【湖南三德】测温探头\4000372\PT1000\SDC-TY</t>
  </si>
  <si>
    <t>【湖南三德】测温探头\3020377\PT\SDC-TY</t>
  </si>
  <si>
    <t>【湖南三德】主板卡\4001504\V1.01\SDACM-III</t>
  </si>
  <si>
    <t>【湖南三德】主板卡\4001503\V1.01\SDACM-III</t>
  </si>
  <si>
    <t>【湖南三德】搅拌电机\3003627\50TRY\50KTYZ\SDACM-III</t>
  </si>
  <si>
    <t>【湖南三德】变压器\3012539\TDA-60-76-35V\SDACM5000\3000</t>
  </si>
  <si>
    <t>【湖南三德】PU管\3009825\φ16*11\SDACM-TY</t>
  </si>
  <si>
    <t>【湖南三德】主板卡\4000379\V2.00\SDACM4000a</t>
  </si>
  <si>
    <t>【湖南三德】三通接头\4000370\SDAC\SDACM-TY</t>
  </si>
  <si>
    <t>【湖南三德】排水腔组件\4001077\SDACM\SDACM-TY</t>
  </si>
  <si>
    <t>【湖南三德】排水腔\4000375\SDACM3100\SDACM-TY</t>
  </si>
  <si>
    <t>【湖南三德】开关电源\3002005\PH-20T5+15-15\SDACM4000a</t>
  </si>
  <si>
    <t>【湖南三德】开关电源\3002004\GZM-H40S15\SDACM4000a</t>
  </si>
  <si>
    <t>【湖南三德】测温探头\4001917\PT1000\SDACM5000</t>
  </si>
  <si>
    <t>【湖南三德】氧压表\3021052\6MP\SDC-TY</t>
  </si>
  <si>
    <t>【湖南三德】氧气减压阀\3020417\591*-750\SDC-TY</t>
  </si>
  <si>
    <t>【湖南三德】标准坩埚\3002087\17mm\SDC-TY</t>
  </si>
  <si>
    <t>【湖南三德】点火丝\4000374\φ0.12*100\SDC-TY</t>
  </si>
  <si>
    <t>【湖南三德】苯甲酸\3020900\35g\SDC-TY</t>
  </si>
  <si>
    <t>【湖南三德】硅橡胶管\3003554\φ6*9\SDTGA-TY</t>
  </si>
  <si>
    <t>【湖南三德】PU管\3000962\φ4*6\SUNDY-TY</t>
  </si>
  <si>
    <t>【湖南三德】PU管\3000959\φ16*12\SUNDY-TY</t>
  </si>
  <si>
    <t>【湖南三德】PU管\3009824\φ12*8\SUNDY-TY</t>
  </si>
  <si>
    <t>【湖南三德】快插接头\3021087\PCF601\SDTGA6000</t>
  </si>
  <si>
    <t>【湖南三德】开关电源\3005845\RS-150-24\SDTGA6000</t>
  </si>
  <si>
    <t>【湖南三德】交流电机\3005749\2RK6GN-CM\2GN150K\SDTGA6000</t>
  </si>
  <si>
    <t>【湖南三德】挥发炉盖\3007542\SDTGA6000V.02.01-002-S1\SDTGA6000</t>
  </si>
  <si>
    <t>【湖南三德】挥发炉\3007541\SDTGA6000V.02.01-001-S1\SDTGA6000</t>
  </si>
  <si>
    <t>【湖南三德】水灰坩埚\SDTGA6000A-007-S1\SDTGA6000</t>
  </si>
  <si>
    <t>【湖南三德】挥发分坩埚\3007525\SDTGA6000V-001-A1-带盖\SDTGA6000</t>
  </si>
  <si>
    <t>【湖南三德】热电偶\4000545\SDTGA6000V.02-014-S2\SDTGA6000V</t>
  </si>
  <si>
    <t>【湖南三德】热电偶\4000531\SDTGA6000A-009\SDTGA6000A</t>
  </si>
  <si>
    <t>【湖南三德】气体流量计\3003657\701HB-5-2-O2-6L\min\SDS350</t>
  </si>
  <si>
    <t>【湖南三德】流量计照明卡\4000494\V1.10\SDS350</t>
  </si>
  <si>
    <t>【湖南三德】快插接头\3001097\PUT06-T形三通\SUNDY-TY</t>
  </si>
  <si>
    <t>【湖南三德】开关电源\3009997\PH-40-15\SDACM4000</t>
  </si>
  <si>
    <t>【湖南三德】接头密封圈\3002065\φ28*φ19*3\SUNDY-TY</t>
  </si>
  <si>
    <t>【湖南三德】搅拌器\4000376\SUNDY-TY</t>
  </si>
  <si>
    <t>【湖南三德】隔膜泵接头\3000720\SDC311.07-014-A1\SUNDY-TY</t>
  </si>
  <si>
    <t>【湖南三德】隔膜泵管接头密封圈\3019149\φ12\SUNDY-TY</t>
  </si>
  <si>
    <t>【湖南三德】隔膜泵管接头密封圈\3019152\φ11.5\SUNDY-TY</t>
  </si>
  <si>
    <t>【湖南三德】隔膜泵管接头\3003383\SDC311.07-002\SUNDY-TY</t>
  </si>
  <si>
    <t>【湖南三德】磁力泵\MP-10RN\SUNDY-TY</t>
  </si>
  <si>
    <t>【湖南三德】深沟球轴承\3009639\SDAC6000</t>
  </si>
  <si>
    <t>【湖南三德】氧弹固定座\3000794\SDC715.03.01-004-A1\SDC715</t>
  </si>
  <si>
    <t>【湖南三德】氧弹固定座\3000788\SDC715.03.01-003-A1\SDC715</t>
  </si>
  <si>
    <t>【湖南三德】定容探针\SDC715.02-003-A1\SDC715</t>
  </si>
  <si>
    <t>【湖南三德】驱动器\3020386\SR4-PLUS\SDAC6000</t>
  </si>
  <si>
    <t>【湖南三德】开关电源\3001649\SP-200-24V\SDAC6000\SDC715</t>
  </si>
  <si>
    <t>【湖南三德】开关电源\3009992\NES-100-24\SDAC6000\SDC715</t>
  </si>
  <si>
    <t>【湖南三德】坩埚支架\3023298\SDYD6T-SDAC01\SDAC6000\SDC715</t>
  </si>
  <si>
    <t>【湖南三德】氧弹固定座\3000795\SDC715.03.01-005-A1\SDC715</t>
  </si>
  <si>
    <t>【湖南三德】标煤\GBW-50g-氟\SUNDY-TY</t>
  </si>
  <si>
    <t>【湖南三德】标煤\GBW-50g\SUNDY-TY</t>
  </si>
  <si>
    <t>【湖南三德】标焦\GBW-50g\SUNDY-TY</t>
  </si>
  <si>
    <t>【湖南三德】标灰\GBW-50g\SUNDY-TY</t>
  </si>
  <si>
    <t>【湖南三德】燃烧编码盘法兰\3005419\SDTGAFL\SUNDY-TY</t>
  </si>
  <si>
    <t>【湖南三德】燃烧编码盘\3019057\SDLA718\SDLA</t>
  </si>
  <si>
    <t>【湖南三德】开关电源\3010002\PD-35-12\SDLA</t>
  </si>
  <si>
    <t>【湖南三德】交流电机\3005748\YN60-6CZ\60JB3G0820-220V-6W-550r\SDTGA-TY</t>
  </si>
  <si>
    <t>【湖南三德】气体流量计\3013339\20L-O2\SUNDY-TY</t>
  </si>
  <si>
    <t>【湖南三德】气体流量计\3007889\22L-N2\SUNDY-TY</t>
  </si>
  <si>
    <t>【湖南三德】集烟口\3007198\SDLA618.05.02-001-A3\SDTGA-TY</t>
  </si>
  <si>
    <t>【湖南三德】光电传感器\3012873\KI3700\SUNDY-TY</t>
  </si>
  <si>
    <t>【湖南三德】固态继电器\3005856\MGR-1-D4840\SUNDY-TY</t>
  </si>
  <si>
    <t>【湖南三德】坩埚定位柱\3007497\SDTGA6000A.03-003\SDTGA6000</t>
  </si>
  <si>
    <t>【湖南三德】翻盖气缸\3007793\MI40*75CMSDB\SDTGA6000</t>
  </si>
  <si>
    <t>【湖南三德】两位三通电磁阀\3007747\3V2MNCB-CS1211A-24V\SDTGA6000</t>
  </si>
  <si>
    <t>【湖南三德】触点继电器\3005857\JQ*-52F-2Z-24V-30A\SDTGA6000</t>
  </si>
  <si>
    <t>【湖南三德】温湿度传感器\3012875\HTD25F-2m\SUNDY-TY</t>
  </si>
  <si>
    <t>【湖南三德】秤样杆\3007481\SDTGA6000A.05-002\SDTGA6000</t>
  </si>
  <si>
    <t>【湖南三德】步进电机驱动器\3012849\SMB2204M\SDTGA6000</t>
  </si>
  <si>
    <t>【湖南三德】内桶\3000763\SDC715.03.01-001-A1\SDC715</t>
  </si>
  <si>
    <t>【湖南三德】内桶过滤座\3000760\SDAC6000.03-007-A1\SDAC6000\SDC715</t>
  </si>
  <si>
    <t>【湖南三德】内桶过滤网\3000759\SDAC6000.03-006-A1\SDAC6000\SDC715</t>
  </si>
  <si>
    <t>【湖南三德】内桶\3019203\SDAC6000-NT\SDAC6000</t>
  </si>
  <si>
    <t>【湖南三德】长电极杆\SDC715.02.04-002-A1\SDC715</t>
  </si>
  <si>
    <t>【湖南三德】电极杆弹簧\3000798\SDC715.02.03-004-A1\SDC-TY</t>
  </si>
  <si>
    <t>【湖南三德】电极杆弹簧\3003076\SDC715.02.03-003-A1\SDC715</t>
  </si>
  <si>
    <t>【湖南三德】短电极杆\3000776\SDC715.02.03-002-A1\SDC715</t>
  </si>
  <si>
    <t>【湖南三德】短电极杆\3000775\SDC715.02.03-001-A1\SDC715</t>
  </si>
  <si>
    <t>【湖南三德】隔膜泵\DP-60-24V\SDAC6000\SDC715</t>
  </si>
  <si>
    <t>【湖南三德】两位两通电磁阀\3001430\AB41-02-1\SDAC6000</t>
  </si>
  <si>
    <t>【湖南三德】直流风扇\3001307\92*92*25-24V\SDAC6000</t>
  </si>
  <si>
    <t>【湖南三德】上盖铜板焊件\4000357\SDAC6000</t>
  </si>
  <si>
    <t>【湖南三德】放气导管\4001153\φ4*1\SDAC6000</t>
  </si>
  <si>
    <t>【湖南三德】两位两通电磁阀\3001106\GFWB31-6-0-O2C-3\SDAC6000\SDC715</t>
  </si>
  <si>
    <t>【湖南三德】点火电容\93000uF\SDAC6000\SDC715</t>
  </si>
  <si>
    <t>【湖南三德】磁力泵\3021057\MP-15R\SDAC6000\SDC715</t>
  </si>
  <si>
    <t>【湖南三德】机械手平台\3019051\SDLA718.03.01-008-A1\SDLA</t>
  </si>
  <si>
    <t>【湖南三德】恒温腔\3019455\SDLA718.01-001\SDLA</t>
  </si>
  <si>
    <t>【湖南三德】恒温盘\3019181\SDLA618.02.01-001\SDLA</t>
  </si>
  <si>
    <t>【湖南三德】恒温编码盘\3019046\SDLA718.02.01-018-A1\SDLA</t>
  </si>
  <si>
    <t>【湖南三德】坩埚压杆\3018999\S-SDS212.05-032\SDLA</t>
  </si>
  <si>
    <t>【湖南三德】坩埚检测卡\4001497\SDCH235.02-005\SDLA</t>
  </si>
  <si>
    <t>【湖南三德】机械手升降定位卡\4001492\SDCH235.03-004\SDLA</t>
  </si>
  <si>
    <t>【湖南三德】丢样升降定位卡\4001494\SDTGA200.01-001(a)\SDLA</t>
  </si>
  <si>
    <t>【湖南三德】丢样门开关定位卡\4001495\J01003A.02-002-A2\SDLA</t>
  </si>
  <si>
    <t>【湖南三德】步进电机\3018852\SDTGA520.02-008-A2\SDTGA6000</t>
  </si>
  <si>
    <t>【湖南三德】按键显示卡\4000533\SDPP2*100.01-013-A1\SDTGA6000</t>
  </si>
  <si>
    <t>【湖南三德】交流过零检测卡\4000400\SDPP1*100.01-004-A1\SUNDY-TY</t>
  </si>
  <si>
    <t>【湖南三德】主控卡\4000536\SDPP2*100.01-004-A1-\SDTGA6000</t>
  </si>
  <si>
    <t>【湖南三德】同步带\3013257\SDHC50.02-005-A1\SDS212</t>
  </si>
  <si>
    <t>【湖南三德】直流电机\3012963\SDJC100*60-018-A1\SDS212</t>
  </si>
  <si>
    <t>【湖南三德】直流电机\3012961\SDJC100*60-015\SDS212</t>
  </si>
  <si>
    <t>【湖南三德】压力传感器卡\4001426\SDCHN335.03-013\SDS212</t>
  </si>
  <si>
    <t>【湖南三德】推板定位卡\4001425\SDCH335.03-003\SDS212</t>
  </si>
  <si>
    <t>【湖南三德】快插接头\3003565\SDCHN435.04-012-A1\SDS350</t>
  </si>
  <si>
    <t>【湖南三德】开关电源\3001903\SDTGA201.01-008\SUNDY-TY</t>
  </si>
  <si>
    <t>【湖南三德】开关电源\3008601\AF105-250g\SDS350</t>
  </si>
  <si>
    <t>【湖南三德】开关电源\3008606\GZM-H20T5+12R-5R-±5V-12V\SUNDY-TY</t>
  </si>
  <si>
    <t>【湖南三德】开关电源\3003903\GZM-H40D15-15R\SDSKL-TY</t>
  </si>
  <si>
    <t>【湖南三德】步进电机\3005600\AM24HS5401-10N\SDAC6000</t>
  </si>
  <si>
    <t>【湖南三德】铂电阻\3020378\PT1000-3线制-铠装\SDC715</t>
  </si>
  <si>
    <t>【湖南三德】铂电阻\3022293\PT1000-3线制-铠装12cm\SDAC6000</t>
  </si>
  <si>
    <t>【湖南三德】铂电阻\3020379\PT1000-3线制-铠装\SDAC6000\SDC715</t>
  </si>
  <si>
    <t>【湖南三德】保险管\3001997\250V\5A-5*20mm\SDAC6000\SDC715</t>
  </si>
  <si>
    <t>【湖南三德】半导体制冷片\3020126\72008-199-100BS\SDAC6000\SDC715</t>
  </si>
  <si>
    <t>【湖南三德】电机驱动卡\4000347\V1.00\SDAC6000\SDC715</t>
  </si>
  <si>
    <t>【湖南三德】TEC驱动卡\4000348\V1.03\SDAC6000\SDC715</t>
  </si>
  <si>
    <t>【湖南三德】主板卡\V1.00\SDAC6000\SDC715</t>
  </si>
  <si>
    <t>【湖南三德】塑料王绝缘套\3021266\SDYD-SDACM03\SDYD-SDACM</t>
  </si>
  <si>
    <t>【湖南三德】塑料王绝缘套\3019150\SDYD-SDC03\SDYDS3T</t>
  </si>
  <si>
    <t>【湖南三德】陶瓷套\3019247\SDYDS6T-016\SDC715</t>
  </si>
  <si>
    <t>【湖南三德】陶瓷套\3019246\SDYDS6T-015-A1\SDYDS6T\7T</t>
  </si>
  <si>
    <t>【湖南三德】绝缘套\3019205\SDYD-SDAC06-1\3套\SDYDS6T</t>
  </si>
  <si>
    <t>【湖南三德】坩埚支架\3023266\SDYD-SDACM02\SDYD-SDACM</t>
  </si>
  <si>
    <t>【湖南三德】坩埚支架\3022693\SDYD-SDC01\SDYDS3T</t>
  </si>
  <si>
    <t>【湖南三德】氧弹芯阀座\3019175\SDYDS4000BY-005-A1\SDYD-SDACM4000</t>
  </si>
  <si>
    <t>【湖南三德】氧弹芯阀座\3019108\SDYDS3T-005-A1\SDYD-SDC311</t>
  </si>
  <si>
    <t>【湖南三德】气泵保护卡\4000456\V1.01\SDTGA-TY</t>
  </si>
  <si>
    <t>【湖南三德】低温炉门开关\4001935\V1.00\SDLA</t>
  </si>
  <si>
    <t>【湖南三德】单光电信号转接卡\4000505\V1.00\SDLA</t>
  </si>
  <si>
    <t>【湖南三德】样盘旋转信号转接卡\4001557\V1.00\SDLA</t>
  </si>
  <si>
    <t>【湖南三德】样盘升降信号转接卡\4001556\V1.00\SDLA</t>
  </si>
  <si>
    <t>【湖南三德】外丢样门关定位卡\4000412\V1.20\SDLA</t>
  </si>
  <si>
    <t>【湖南三德】升温保护卡\4001922\V1.10\SDTGA-TY</t>
  </si>
  <si>
    <t>【湖南三德】电源滤波器\3020364\HT481-2\SUNDY-TY</t>
  </si>
  <si>
    <t>【湖南三德】触点继电器\3008599\58F\12V\SUNDY-TY</t>
  </si>
  <si>
    <t>【湖南三德】推板初始位定位卡\4001424\V1.00\SDS212</t>
  </si>
  <si>
    <t>【湖南三德】送样助燃位定位卡\4001460\V1.00\SDS212</t>
  </si>
  <si>
    <t>【湖南三德】送样预备位定位卡\4001459\V1.00\SDS212</t>
  </si>
  <si>
    <t>【湖南三德】送样升降位定位卡\4001422\V1.00\SDS212</t>
  </si>
  <si>
    <t>【湖南三德】送样坩埚实验位定位卡\4001458\V1.00\SDS212</t>
  </si>
  <si>
    <t>【湖南三德】送样初始化位定位卡\4001457\V1.00\SDS212</t>
  </si>
  <si>
    <t>【湖南三德】过滤舟三双霍尔定位卡\4001467\V1.00\SDS212</t>
  </si>
  <si>
    <t>【湖南三德】坩埚收集器定位卡\4001461\V1.00\SDS212</t>
  </si>
  <si>
    <t>【湖南三德】放埚检测定位卡\4001423\V1.00\SDS212</t>
  </si>
  <si>
    <t>【湖南三德】交流调压模块\3018424\DTY-H220D75E\SDS350</t>
  </si>
  <si>
    <t>【湖南三德】含锆纤维棉\3003778\＞15%\SDAF-TY</t>
  </si>
  <si>
    <t>【湖南三德】过滤器\3019702\SAF20-02\SDS350</t>
  </si>
  <si>
    <t>【湖南三德】光电转接卡\4001116\V1.01\SDS350</t>
  </si>
  <si>
    <t>【湖南三德】光电转接卡\4000828\V1.01\SDS350</t>
  </si>
  <si>
    <t>【湖南三德】光电开关\3012874\OPB815WZ\SUNDY-TY</t>
  </si>
  <si>
    <t>【湖南三德】干燥管\3018892\SDS350</t>
  </si>
  <si>
    <t>【湖南三德】坩埚\3018896\AR9204\SDS350</t>
  </si>
  <si>
    <t>【湖南三德】开关电源\3003902\CMG-H20T5G±12R\SDSKL-TY</t>
  </si>
  <si>
    <t>【湖南三德】进样组件\4001068\SDS-KL003\SDSKL-TY</t>
  </si>
  <si>
    <t>【湖南三德】节流阀\3003581\SDS-KL\SDSKL-TY</t>
  </si>
  <si>
    <t>【湖南三德】搅拌子\3020161\SDS-DJC03\SDSKL-TY</t>
  </si>
  <si>
    <t>【湖南三德】搅拌调节电位器\3010257\2.2K\SDSKL-TY</t>
  </si>
  <si>
    <t>【湖南三德】搅拌组件\4001071\SDS-KL002\SDSKL-TY</t>
  </si>
  <si>
    <t>【湖南三德】耐高温风扇\3018142\80*80-220V\SUNDY-TY</t>
  </si>
  <si>
    <t>【湖南三德】链条旋转电机\3003630\YN70-15Z\70JB200G1032\SDSKL-TY</t>
  </si>
  <si>
    <t>【湖南三德】确认按钮\3009445\LAS2Y-11\24V-红色\SDS601</t>
  </si>
  <si>
    <t>【湖南三德】针形阀\3023395\SDYDS3T</t>
  </si>
  <si>
    <t>【湖南三德】氧弹阀芯\3019204\SDYD-SDAC03\SDYDS6T\7T</t>
  </si>
  <si>
    <t>【湖南三德】氧弹头\3019245\SDYDS6T-004-A1\SDYDS6T\7T</t>
  </si>
  <si>
    <t>【湖南三德】氧弹头\3019107\SDYDS3T-004-A1\SDYD-SDC311</t>
  </si>
  <si>
    <t>【湖南三德】氧弹头\3019173\SDYDS4000BY-004-A1\SDYD-SDACM4000</t>
  </si>
  <si>
    <t>【湖南三德】氧弹芯\4001179\SDYD-SDACM01\SDYD-SDACM4000</t>
  </si>
  <si>
    <t>【湖南三德】氧弹芯\4001182\SDYDS3T\SDYD-SDC311</t>
  </si>
  <si>
    <t>【湖南三德】氧弹\4001689\SDC5015S5\SDC5015</t>
  </si>
  <si>
    <t>【湖南三德】氧弹\4001051\SDYD-SDACM5000\SDACM5000</t>
  </si>
  <si>
    <t>【湖南三德】下载线\4000438\ARM\SDARM-M</t>
  </si>
  <si>
    <t>【湖南三德】下载线\3003875\RS232\SUNDY-TY</t>
  </si>
  <si>
    <t>【湖南三德】天平信号线\3008436\9针-2.5m-外置\SUNDY-TY</t>
  </si>
  <si>
    <t>【湖南三德】天平信号线\3005821\9-25针-2.0m-外置\SUNDY-TY</t>
  </si>
  <si>
    <t>【湖南三德】外置通讯线\3003861\9针-USBCAN\SUNDY-TY</t>
  </si>
  <si>
    <t>【湖南三德】双向可控硅\MTC-42-12\SUNDY-TY</t>
  </si>
  <si>
    <t>【湖南三德】快插接头\3001096\PG10-06-两通直头\SUNDY-TY</t>
  </si>
  <si>
    <t>【湖南三德】快速接头\3007754\NSS-0802\SUNDY-TY</t>
  </si>
  <si>
    <t>【湖南三德】PU管\3000960\φ10*6.5\SUNDY-TY</t>
  </si>
  <si>
    <t>【湖南三德】电缆拖链\3007800\10.15.R28-L=243-12节\SDLA</t>
  </si>
  <si>
    <t>【湖南三德】两位三通电磁阀\3001437\FAG31-8-4-12C-AC220V\SUNDY-TY</t>
  </si>
  <si>
    <t>【湖南三德】两位两通电磁阀\3005633\AB21-02-5-A-AC220V\SUNDY-TY</t>
  </si>
  <si>
    <t>【湖南三德】称样杆\3022755\φ12*185\SDLA</t>
  </si>
  <si>
    <t>【湖南三德】样品架\3007170\SDTGA-TY</t>
  </si>
  <si>
    <t>【湖南三德】纤维石棉\3022759\10g\SDTGA-TY</t>
  </si>
  <si>
    <t>袋</t>
  </si>
  <si>
    <t>【湖南三德】热电偶\4000449\K\SDTGA-TY</t>
  </si>
  <si>
    <t>【湖南三德】热电偶\4000466\K\SDTGA-TY</t>
  </si>
  <si>
    <t>【湖南三德】光波加热管\4000450\SDTGA8000.01.02-001\SDTGA-TY</t>
  </si>
  <si>
    <t>【湖南三德】丢埚检测定位卡\4001421\V1.00\SDS212</t>
  </si>
  <si>
    <t>【湖南三德】驱动卡\4001465\V1.15\SDS212</t>
  </si>
  <si>
    <t>【湖南三德】主板卡\4001588\V2.00\SDS212</t>
  </si>
  <si>
    <t>【湖南三德】气体流量计\3021083\701HB-5-2-O2-6L塔式\SDS212</t>
  </si>
  <si>
    <t>【湖南三德】流量计照明卡\4001464\V1.10\SDS212</t>
  </si>
  <si>
    <t>【湖南三德】快插接头\3003566\PL06-M5-两通弯头\SDS212</t>
  </si>
  <si>
    <t>【湖南三德】快插接头\3009788\PY06-Y型三通\SDS212</t>
  </si>
  <si>
    <t>【湖南三德】开关电源\3010006\GSM-H60S12\SDS212</t>
  </si>
  <si>
    <t>【湖南三德】精密调压阀\3001398\IR1000-01\SUNDY-TY</t>
  </si>
  <si>
    <t>【湖南三德】氟胶管\3003555\φ12*8\SDS350</t>
  </si>
  <si>
    <t>【湖南三德】两位两通电磁阀\3001431\VDW21-4G-2-01\SDS350</t>
  </si>
  <si>
    <t>【湖南三德】O型密封圈\3003587\11.2*2.65\SUNDY-TY</t>
  </si>
  <si>
    <t>【湖南三德】O型密封圈\3003590\3.2*1.9\SUNDY-TY</t>
  </si>
  <si>
    <t>【湖南三德】O型密封圈\3003589\28*3.55\SDS350</t>
  </si>
  <si>
    <t>【湖南三德】O型密封圈\3000957\9.5*1.8\SDS350</t>
  </si>
  <si>
    <t>【湖南三德】底板卡\4000832\V1.04\SDARM-L</t>
  </si>
  <si>
    <t>【湖南三德】电源卡\4000829\V1.02\SDS350</t>
  </si>
  <si>
    <t>【湖南三德】高温炉组件\4001911\SDS601-001-A2\SDS601</t>
  </si>
  <si>
    <t>【湖南三德】高温炉组件\4001910\SDS-KL000\SDSKL-TY</t>
  </si>
  <si>
    <t>【湖南三德】干燥管下接头\3002946\SDS-KL\SDSKL-TY</t>
  </si>
  <si>
    <t>【湖南三德】干燥管上接头\3002947\SDS-KL\SDSKL-TY</t>
  </si>
  <si>
    <t>【湖南三德】干燥管下隔架\3002910\SDS-KL\SDSKL-TY</t>
  </si>
  <si>
    <t>【湖南三德】干燥管上隔架\3002909\SDS-KL\SDSKL-TY</t>
  </si>
  <si>
    <t>【湖南三德】干燥管密封垫\3002911\SDS-KL\SDSKL-TY</t>
  </si>
  <si>
    <t>【湖南三德】干燥管\3002908\SDS-KL\SDSKL-TY</t>
  </si>
  <si>
    <t>【湖南三德】氟胶管\3001380\φ6*9\SDSKL-TY</t>
  </si>
  <si>
    <t>【湖南三德】加热电源线\3003860\3*4.5\SUNDY-TY</t>
  </si>
  <si>
    <t>【湖南三德】加热电源线\3008432\3*2.5\SUNDY-TY</t>
  </si>
  <si>
    <t>【湖南三德】电源开关\T25-372CPR\AC220V\SUNDY-TY</t>
  </si>
  <si>
    <t>【湖南三德】船形开关\3001898\RK1-01-16A-250VAC-\SUNDY-TY</t>
  </si>
  <si>
    <t>【湖南三德】补偿导线\3008618\KC-2*0.5mm2\SUNDY-TY</t>
  </si>
  <si>
    <t>【湖南三德】接口卡\USBCAN\SUNDY-TY</t>
  </si>
  <si>
    <t>【湖南三德】USBCAN连接线\3008435\USB-40cm\SUNDY-TY</t>
  </si>
  <si>
    <t>【湖南三德】大坩埚钳\240mm\SUNDY-TY</t>
  </si>
  <si>
    <t>【湖南三德】小坩埚钳\4000410\180mm\SUNDY-TY</t>
  </si>
  <si>
    <t>【湖南三德】炉门从动机构\SDTGA8000</t>
  </si>
  <si>
    <t>【湖南三德】炉门从动机构\SDLA718\SDLA</t>
  </si>
  <si>
    <t>【湖南三德】箱式耐高温直线轴承\3003387\SNA13SGA\SDTGA-TY</t>
  </si>
  <si>
    <t>【湖南三德】炉门导轨\3013012\BRH15A-196-1-N\SDTGA-TY</t>
  </si>
  <si>
    <t>【湖南三德】炉门组件\4001082\SDTGA-TY\SDTGA-TY</t>
  </si>
  <si>
    <t>【湖南三德】硅橡胶圈\3005416\φ33*25*13\SDTGA-TY</t>
  </si>
  <si>
    <t>【湖南三德】硅橡胶管\3013336\φ13*17\SDTGA-TY</t>
  </si>
  <si>
    <t>【湖南三德】高温炉膛\4001055\SDLA\SDTGA\SDTGA-TY</t>
  </si>
  <si>
    <t>【湖南三德】机械手托杆盖\3005478\J01003A\SDTGA-TY</t>
  </si>
  <si>
    <t>【湖南三德】交流风扇\3001053\120*120*25-220V\SUNDY-TY</t>
  </si>
  <si>
    <t>【湖南三德】硅碳管隔垫\3018969\SDS212.05-0SDS2125\SDS212</t>
  </si>
  <si>
    <t>【湖南三德】送样杆\3022774\SDS212</t>
  </si>
  <si>
    <t>【湖南三德】O型密封圈\3009700\30*2.65\SDS212</t>
  </si>
  <si>
    <t>【湖南三德】干燥管下密封塞\3018956\SDS212.03-008\SDS212</t>
  </si>
  <si>
    <t>【湖南三德】干燥管上密封塞\3019185\SDS212.03-003\SDS212</t>
  </si>
  <si>
    <t>【湖南三德】干燥管\3018966\SDS212.03-002\SDS212</t>
  </si>
  <si>
    <t>【湖南三德】过滤舟\3018972\48*16.5*φ29.5\SDS212</t>
  </si>
  <si>
    <t>【湖南三德】坩埚\3018967\55*22*15\SDS212</t>
  </si>
  <si>
    <t>【湖南三德】硅碳管\4000837\φ70*L430-进口\SDS350\212</t>
  </si>
  <si>
    <t>【湖南三德】交流电机\3003629\60YN06\JB-6W-60r\min-φ8*32\SDS350\212</t>
  </si>
  <si>
    <t>【湖南三德】红外池\5000245\SDIGS002\SDS350\212</t>
  </si>
  <si>
    <t>【湖南三德】硅碳管\4000836\φ70*L430\SDS350\212</t>
  </si>
  <si>
    <t>【湖南三德】耐高温风扇\3003640\4E-230B-120*120*38-220V\SUNDY-TY</t>
  </si>
  <si>
    <t>【湖南三德】高氯酸镁\3020433\AR171-454g\SUNDY-TY</t>
  </si>
  <si>
    <t>【湖南三德】两位三通电磁阀\3003578\VDW250-4G-2-01\SUNDY-TY</t>
  </si>
  <si>
    <t>【湖南三德】两位两通电磁阀\3003577\VDW20PZ1D\SUNDY-TY</t>
  </si>
  <si>
    <t>【湖南三德】直流驱动卡\4000834\V1.04\SDARM-L</t>
  </si>
  <si>
    <t>【湖南三德】交流驱动卡\4000827\V1.01\SDARM-L</t>
  </si>
  <si>
    <t>【湖南三德】AD\DA卡\4000831\V1.03\SDS350</t>
  </si>
  <si>
    <t>【湖南三德】主板卡\4000833\V2.00\SDS350</t>
  </si>
  <si>
    <t>【湖南三德】乳胶管\3003556\φ6*9\SDSKL-TY</t>
  </si>
  <si>
    <t>【湖南三德】样舟收集盒\4001670\SDSKL-TY\SDSKL-TY</t>
  </si>
  <si>
    <t>【湖南三德】同步带\3003516\375-5M-9\SDSKL-TY</t>
  </si>
  <si>
    <t>【湖南三德】通用抽气泵\4001069\SDS-KL004\SDSKL-TY</t>
  </si>
  <si>
    <t>【湖南三德】砂芯漏斗\3002965\SDS-KL002\SDSKL-TY</t>
  </si>
  <si>
    <t>【湖南三德】电解池连接线\4001073\SDS-KL001\SDSKL-TY</t>
  </si>
  <si>
    <t>【湖南三德】电解池\4000886\300ml\SDSKL-TY</t>
  </si>
  <si>
    <t>【湖南三德】弹性套\3003023\SDS-TT\SDSKL-TY</t>
  </si>
  <si>
    <t>【湖南三德】单向可控硅\MFC2-42-12\SDSKL-TY</t>
  </si>
  <si>
    <t>【湖南三德】变压器\3012540\TDA-15-57-15.5V15W\SDSKL-TY</t>
  </si>
  <si>
    <t>【湖南三德】变色硅胶\3020514\500g\SDSKL-TY</t>
  </si>
  <si>
    <t>【湖南三德】O型密封圈\3003588\19*2.65\SUNDY-TY</t>
  </si>
  <si>
    <t>【湖南三德】O型密封圈\3009713\18*2.65\SUNDY-TY</t>
  </si>
  <si>
    <t>【湖南三德】机械手托杆\3005477\φ6*L45\SDTGA-TY</t>
  </si>
  <si>
    <t>【湖南三德】坩埚托\4000451\SDTGA-TY\SDTGA-TY</t>
  </si>
  <si>
    <t>【湖南三德】挥发分坩埚盖\3022765\SDTGA6000V-002-加厚\SDTGA-TY</t>
  </si>
  <si>
    <t>【湖南三德】挥发分坩埚盖\3007524\SDTGA5000.01.03-006\SDTGA-TY</t>
  </si>
  <si>
    <t>【湖南三德】挥发分坩埚\3019016\SDTGA-8000加厚\SDTGA-TY</t>
  </si>
  <si>
    <t>【湖南三德】挥发分坩埚\3020744\95瓷\SDTGA-TY</t>
  </si>
  <si>
    <t>【湖南三德】水灰坩埚\3005394\SDTGA5000.01.03-008-A3\SDTGA-TY</t>
  </si>
  <si>
    <t>【湖南三德】内置控制线\3003876\40芯\SUNDY-TY</t>
  </si>
  <si>
    <t>【湖南三德】转接卡\4001414\V1.40\SDLA</t>
  </si>
  <si>
    <t>【湖南三德】驱动气缸\3009878\CJPB10-10\SDS212</t>
  </si>
  <si>
    <t>【湖南三德】两位两通电磁阀\3013108\VT307-4G-01\SDS212</t>
  </si>
  <si>
    <t>【湖南三德】传感器分析箱\5000344\SDIGS002\SDS212</t>
  </si>
  <si>
    <t>【湖南三德】氧气减压阀\3001397\152-40\SUNDY-TY</t>
  </si>
  <si>
    <t>【湖南三德】同步带\3003521\801-3M-9\SDS350\212</t>
  </si>
  <si>
    <t>【湖南三德】石英棉\3003615\3-5μm-50g\包\SUNDY-TY</t>
  </si>
  <si>
    <t>【湖南三德】热电偶\4000825\S-SDS212.05-032\SDS350\212</t>
  </si>
  <si>
    <t>【湖南三德】燃烧外管\SDCH235.02-005\SUNDY-TY</t>
  </si>
  <si>
    <t>【湖南三德】燃烧内管\SDCH235.03-004\SDS350\212</t>
  </si>
  <si>
    <t>【湖南三德】导向轴驱动环\3002169\SDTGA200.01-001(a)\SDS350</t>
  </si>
  <si>
    <t>【湖南三德】传感器主控卡\4001934\J01003A.02-002-A2\SDS350</t>
  </si>
  <si>
    <t>【湖南三德】传感器分析箱\4000847\SDTGA520.02-008-A2\SDS350</t>
  </si>
  <si>
    <t>【湖南三德】传感器电源卡\4000397\SDPP2*100.01-013-A1\SDS350</t>
  </si>
  <si>
    <t>【湖南三德】传感器测温卡\4000407\SDPP1*100.01-004-A1\SDS350</t>
  </si>
  <si>
    <t>【湖南三德】O型密封圈\3001331\SDPP2*100.01-004-A1-\SUNDY-TY</t>
  </si>
  <si>
    <t>【湖南三德】O型密封圈\3003586\SDHC50.02-005-A1\SUNDY-TY</t>
  </si>
  <si>
    <t>【湖南三德】O型密封圈\3003585\SDJC100*60-018-A1\SUNDY-TY</t>
  </si>
  <si>
    <t>【湖南三德】O型密封圈\3003591\SDJC100*60-015\SUNDY-TY</t>
  </si>
  <si>
    <t>【湖南三德】送样旋转定位卡\4001017\SDCHN335.03-013\SDSKL-TY</t>
  </si>
  <si>
    <t>【湖南三德】送样链条机构\SDCH335.03-003\SDS616\SDS516</t>
  </si>
  <si>
    <t>【湖南三德】送样链条\4001074\SDCHN435.04-012-A1\SDS616\516</t>
  </si>
  <si>
    <t>【湖南三德】送样杆橡胶座\3002941\SDTGA201.01-008\SDSKL-TY</t>
  </si>
  <si>
    <t>【湖南三德】送样杆\4000887\AF105-250g\SDSKL-TY</t>
  </si>
  <si>
    <t>【湖南三德】送样电机\3003626\ND-D-1:39\SDSKL-TY</t>
  </si>
  <si>
    <t>【湖南三德】数字流量计组件\4001076\SDS-KL005\SDS616</t>
  </si>
  <si>
    <t>【湖南三德】三氧化钨\3020512\500g\SDSKL-TY</t>
  </si>
  <si>
    <t>【湖南三德】三端稳压器\3005899\LM317\SDSKL-TY</t>
  </si>
  <si>
    <t>【湖南三德】O型密封圈\3003592\73*3.5\SUNDY-TY</t>
  </si>
  <si>
    <t>【湖南三德】样舟\3022479\SDS-TY-AR32001进口\SDSKL-TY</t>
  </si>
  <si>
    <t>【湖南三德】底板卡\4000431\V1.01\SDARM-M</t>
  </si>
  <si>
    <t>【湖南三德】升温保护卡\4000853\V1.00\SDSKL-TY</t>
  </si>
  <si>
    <t>【湖南三德】左右定位卡\4000855\V2.70\SDSKL-TY</t>
  </si>
  <si>
    <t>【湖南三德】内置控制线\3003884\40芯\SDSKL-TY</t>
  </si>
  <si>
    <t>【湖南三德】内置控制线\4000860\26芯\SDSKL-TY</t>
  </si>
  <si>
    <t>【湖南三德】转接卡\4000854\V2.80\SDSKL-TY</t>
  </si>
  <si>
    <t>【湖南三德】驱动卡\4000856\V3.32\SDSKL-TY</t>
  </si>
  <si>
    <t>【湖南三德】主控卡\4001018\V2.00\SDLA</t>
  </si>
  <si>
    <t>【湖南三德】驱动卡\4000507\V1.04\SDTGA-TY</t>
  </si>
  <si>
    <t>【湖南三德】挥发分编码盘\3007550\SDTGA6000V.04-004-S1\SDTGA6000</t>
  </si>
  <si>
    <t>【湖南三德】水灰编码盘\3007498\SDTGA6000A.03-004-S1\SDTGA6000</t>
  </si>
  <si>
    <t>【湖南三德】轴用弹性挡圈\3001318\GB\T\894.1-φ12-A型\SDTGA6000</t>
  </si>
  <si>
    <t>【湖南三德】轴用弹性挡圈-A型\3001322\GB\T-894.1-φ9-A型\SDTGA6000</t>
  </si>
  <si>
    <t>【湖南三德】直线滑轨\3022429\QEH20SA-1-R-290-HIWIN-\SDTGA6000V</t>
  </si>
  <si>
    <t>【湖南三德】直线滑轨\3007775\QEH20SA-1-R-90-HIWIN-\SDTGA6000A</t>
  </si>
  <si>
    <t>【湖南三德】旋转直角宝塔接头\3019676\YPB-L6-6-G1\8\SDTGA6000</t>
  </si>
  <si>
    <t>【湖南三德】气体流量计\3003658\701HB-5-2-SO2-3L\min\SDS350\212</t>
  </si>
  <si>
    <t>【湖南三德】气泵\3019882\N86KNDC-DC12V\SDS350\212</t>
  </si>
  <si>
    <t>【湖南三德】快插接头\3003573\PLM06-两通弯头\SUNDY-TY</t>
  </si>
  <si>
    <t>【湖南三德】快插接头\3003582\NSE06-01IN\SUNDY-TY</t>
  </si>
  <si>
    <t>【湖南三德】快插接头\3001092\PC06-01-两通直头\SUNDY-TY</t>
  </si>
  <si>
    <t>【湖南三德】快插接头\3001418\PL06-01-两通弯头\SUNDY-TY</t>
  </si>
  <si>
    <t>【湖南三德】节流阀\3003583\NSE0601-OUT\SUNDY-TY</t>
  </si>
  <si>
    <t>【湖南三德】快插接头\3003572\PG08-06-两通变径直头\SDS350\212</t>
  </si>
  <si>
    <t>【湖南三德】快插接头\3003575\PW08-06-Y形变径三通\SDS350\212</t>
  </si>
  <si>
    <t>【湖南三德】直流电机\3003638\GGM-12VDC-21.6R\SUNDY-TY</t>
  </si>
  <si>
    <t>【湖南三德】直流电机\3003637\GGM-12VDC-54.1R\SDS350</t>
  </si>
  <si>
    <t>【湖南三德】压力传感器卡\4000830\V1.01\SDS350</t>
  </si>
  <si>
    <t>【湖南三德】压力传感器\3012903\MP*2200AP\SDS350</t>
  </si>
  <si>
    <t>【湖南三德】压力传感器\3012902\MP*2200DP\SDS350</t>
  </si>
  <si>
    <t>【湖南三德】小光斑光电传感器\3009366\BJN100-NDT\SDS350</t>
  </si>
  <si>
    <t>【湖南三德】微型光电传感器\3001757\BS5-T2M\SUNDY-TY</t>
  </si>
  <si>
    <t>【湖南三德】同步带\3003520\240-3M-15\SUNDY-TY</t>
  </si>
  <si>
    <t>【湖南三德】助燃气管\4000820\SDS350</t>
  </si>
  <si>
    <t>【湖南三德】开放式二分器\13mm\SDRD40*16</t>
  </si>
  <si>
    <t>【湖南三德】开放式二分器\6mm\SDRD19*20</t>
  </si>
  <si>
    <t>【湖南三德】开放式二分器\3mm\SDRD11*32</t>
  </si>
  <si>
    <t>【湖南三德】惰轮轴承盖\3023396\SDRC250*125\SDRC250*150\SDRC250*125</t>
  </si>
  <si>
    <t>【湖南三德】深沟球轴承\3001227\6208/6208ZZ-NSK\SDRC250*150\SDRC250*125</t>
  </si>
  <si>
    <t>【湖南三德】深沟球轴承\3009654\6204-φ47*φ20*14-NSK\SDRC250*150\SDRC250*125</t>
  </si>
  <si>
    <t>【湖南三德】接料斗\3011828\SDRC250*125</t>
  </si>
  <si>
    <t>【湖南三德】滚子链条\3007829\GB1243.1-83-12A-1*62\SDRC250*150\SDRC250*125</t>
  </si>
  <si>
    <t>【湖南三德】动辊轮组件\3023398\SDRC250*125</t>
  </si>
  <si>
    <t>【湖南三德】定辊轮组件\3023397\SDRC250*125</t>
  </si>
  <si>
    <t>【湖南三德】接料斗\3023404\SDRC250*150</t>
  </si>
  <si>
    <t>【湖南三德】A型皮带\3013192\SDRC-A-1350\SDRC250*150\SDRC250*125</t>
  </si>
  <si>
    <t>【湖南三德】尼龙滚轮\3006460\SDUC3150.06-010\SDUC</t>
  </si>
  <si>
    <t>【湖南三德】缩分器导杆\3006456\SDUC3150.06-006\SDUC3150</t>
  </si>
  <si>
    <t>【湖南三德】缩分器组焊件\3011764\SDUC3150.06.01\SDUC3150</t>
  </si>
  <si>
    <t>【湖南三德】一级缩分器组件\SDUC3150.06\SDUC3150</t>
  </si>
  <si>
    <t>【湖南三德】A型皮带\3013198\SDUC2150-A-1950\SDUC2150</t>
  </si>
  <si>
    <t>【湖南三德】A型皮带\3013197\SDUC2150-A-1900\SDUC2150</t>
  </si>
  <si>
    <t>【湖南三德】铸造锤头\3011871\SDUC2150.04-004\SDUC2150</t>
  </si>
  <si>
    <t>【湖南三德】筛板\3011874\SDUC2150.03-003-6号\SDUC2150</t>
  </si>
  <si>
    <t>【湖南三德】筛板\3011873\SDUC2150.03-004-13号\SDUC2150</t>
  </si>
  <si>
    <t>【湖南三德】交流接触器\3008632\CJ*2-12/10/380V/12A\SUNDY-TY</t>
  </si>
  <si>
    <t>【湖南三德】电源开关\3008634\LASO-K-11EB-380V绿色\SUNDY-TY</t>
  </si>
  <si>
    <t>【湖南三德】电源开关\3008633\LASO-K-1EB-380V-红色\SUNDY-TY</t>
  </si>
  <si>
    <t>【湖南三德】天平改造件\SUNDY\SDTGA-TY</t>
  </si>
  <si>
    <t>【湖南三德】天平模块\3018402\0.0001g\SDTGA-TY</t>
  </si>
  <si>
    <t>【湖南三德】主板卡\4001447\V1.00\SDACY09</t>
  </si>
  <si>
    <t>【湖南三德】氧弹检测卡\4001450\V1.00\SDACY09</t>
  </si>
  <si>
    <t>【湖南三德】显示卡\4001448\V1.00\SDACY09</t>
  </si>
  <si>
    <t>【湖南三德】下定位卡\4001508\V1.00\SDACY09</t>
  </si>
  <si>
    <t>【湖南三德】直流电机\3012960\12v15r\minφ6*25\SDCHN</t>
  </si>
  <si>
    <t>【湖南三德】碳氢红外气体传感器\5000346\SDCH235-SDIGS001\SDCH235</t>
  </si>
  <si>
    <t>【湖南三德】燃烧位定位卡\4001932\V1.20\SDCH235</t>
  </si>
  <si>
    <t>【湖南三德】燃烧炉炉体\3019210\SDCH235.02-005\SDCH235</t>
  </si>
  <si>
    <t>【湖南三德】去硫炉炉体\3019208\SDCH235.03-004\SDCH235</t>
  </si>
  <si>
    <t>【湖南三德】快插接头\3018010\SKQ2TW06-00\SDCH235</t>
  </si>
  <si>
    <t>【湖南三德】活塞顶定位卡\4001931\V1.20\SDCH235</t>
  </si>
  <si>
    <t>【湖南三德】活塞底定位卡\4001930\V1.20\SDCH235</t>
  </si>
  <si>
    <t>【湖南三德】变压器\3012542\TDA-3-41-13.5V\SDAF2000\4000</t>
  </si>
  <si>
    <t>【湖南三德】高温炉体(带盖)\SDAF2000b\SDAF2000\4000</t>
  </si>
  <si>
    <t>【湖南三德】刚玉内胆(带盖)\SDAF2000b\SDAF2000\4000</t>
  </si>
  <si>
    <t>【湖南三德】99瓷管\3003430\SDAF2000b-03-022\SDAF2000\4000</t>
  </si>
  <si>
    <t>【湖南三德】硅钼棒\3003414\SDAF2000b-03-008-A\SDAF2000\4000</t>
  </si>
  <si>
    <t>【湖南三德】直线导轨\3007771\MGN9C-1-R55\SDTGA8000</t>
  </si>
  <si>
    <t>【湖南三德】直流电机\3005709\GGM-12VDC-16.2R\SDTGA8000</t>
  </si>
  <si>
    <t>【湖南三德】调压模块控制信号转接卡\4000460\V1.00\SDTGA8000</t>
  </si>
  <si>
    <t>【湖南三德】挥发分坩埚\GB\SUNDY-TY</t>
  </si>
  <si>
    <t>【湖南三德】灰皿\2000205\φ55*25\SUNDY-TY</t>
  </si>
  <si>
    <t>【湖南三德】刚玉垫板\3007380\SDTGA200.01-001(a)\SUNDY-TY</t>
  </si>
  <si>
    <t>【湖南三德】船形开关\3012847\KCD3-102N\SUNDY-TY</t>
  </si>
  <si>
    <t>【湖南三德】继电器卡\4001023\V1.01\SDTGA200</t>
  </si>
  <si>
    <t>【湖南三德】排烟风管\3007740\φ48-4m\SDTGA-TY</t>
  </si>
  <si>
    <t>【湖南三德】排烟风管\3023361\φ48-3.2m\SDTGA-TY</t>
  </si>
  <si>
    <t>【湖南三德】空气开关\3020383\DZ47-32-2P\SDTGA-TY</t>
  </si>
  <si>
    <t>【湖南三德】开关电源\3005846\ABL2REM24045H\SDTGA8000</t>
  </si>
  <si>
    <t>【湖南三德】高温炉膛\4001056\SDTGA8000</t>
  </si>
  <si>
    <t>【湖南三德】坩埚压杆\3007281\J01003A.02-002-A2\SDTGA8000</t>
  </si>
  <si>
    <t>【湖南三德】板卡成套改造件\V3.00\SDTGA8000</t>
  </si>
  <si>
    <t>【湖南三德】电源卡\4000459\V1.02\SDTGA8000</t>
  </si>
  <si>
    <t>【湖南三德】AD\DA卡\4001571\V1.02\SDTGA8000</t>
  </si>
  <si>
    <t>【湖南三德】主板卡\4001576\V2.00\SDTGA8000</t>
  </si>
  <si>
    <t>【湖南三德】耐高温风扇\3001399\120*120*38-220V\SUNDY-TY</t>
  </si>
  <si>
    <t>【湖南三德】驱动卡\4000778\V1.00\SDCHN435</t>
  </si>
  <si>
    <t>【湖南三德】主板卡\4000780\V1.01\SDCHN435</t>
  </si>
  <si>
    <t>【湖南三德】升降定位卡\4000415\V1.10\SUNDY-TY</t>
  </si>
  <si>
    <t>【湖南三德】直线轴承\3013091\LM5UU\SDTGA201</t>
  </si>
  <si>
    <t>【湖南三德】液晶显示屏带线\4001054\SDTGA\SDTGA100</t>
  </si>
  <si>
    <t>【湖南三德】主板卡\4001507\V1.01\SDTGA201</t>
  </si>
  <si>
    <t>【湖南三德】液晶显示屏\4000914\SDTGA\SDTGA200</t>
  </si>
  <si>
    <t>【湖南三德】烟囱组件\3023295\SDTGA200.10-005-A1\SDTGA200</t>
  </si>
  <si>
    <t>【湖南三德】燃烧样盘固定垫脚套筒\3005426\SDTGA5000.01.04-024-A2\SDTGA-TY</t>
  </si>
  <si>
    <t>【湖南三德】燃烧盘固定垫脚\3005421\SDTGA5000.01.04-007\SDTGA-TY</t>
  </si>
  <si>
    <t>【湖南三德】绝缘瓷垫片\3005439\SDLA718.05.02-009\SDTGA-TY</t>
  </si>
  <si>
    <t>【湖南三德】瓷垫套圈\3005438\SDLA718.05.02-008\SDTGA-TY</t>
  </si>
  <si>
    <t>【湖南三德】机械密封件静环\3013344\L5-10-02\SDTGA-TY</t>
  </si>
  <si>
    <t>【湖南三德】燃烧盘旋转组件\4001057\SDTGA5000a\SDTGA5000a</t>
  </si>
  <si>
    <t>【湖南三德】燃烧盘旋转组件\4001059\SDTGA8000\SDTGA8000</t>
  </si>
  <si>
    <t>【湖南三德】燃烧盘旋转组件\4001058\SDTGA5000a\SDTGA5000a</t>
  </si>
  <si>
    <t>【湖南三德】燃烧样盘\4000452\SDTGA-10mm\SDTGA-TY</t>
  </si>
  <si>
    <t>【湖南三德】全水旋转定位卡\4000414\18.5cm-25mm-35mm\SUNDY-TY</t>
  </si>
  <si>
    <t>【湖南三德】全水分坩埚\3007385\SDTGA520.02-011-A1\SDTGA520</t>
  </si>
  <si>
    <t>【湖南三德】分析水分坩埚\3007386\SDTGA520.05\SDTGA400</t>
  </si>
  <si>
    <t>【湖南三德】自复式电源开关\3009321\SDTGA520.03-003-A1\SUNDY-TY</t>
  </si>
  <si>
    <t>【湖南三德】直线滑轨\3007773\MGN15C-1-R100\SDTGA520</t>
  </si>
  <si>
    <t>【湖南三德】样勺\2000041\SDLA618.03.03-006\SDTGA520</t>
  </si>
  <si>
    <t>【湖南三德】样盘\3007687\SDPP3*10001-001-A1\SDTGA520</t>
  </si>
  <si>
    <t>【湖南三德】取样勺\2000040\SDCH235.03-019\SDTGA520</t>
  </si>
  <si>
    <t>【湖南三德】密封条\3007695\SDCHN435.02-016\SDTGA520</t>
  </si>
  <si>
    <t>【湖南三德】转接卡\4000919\SDAF105.05-010\SDAF2000\4000</t>
  </si>
  <si>
    <t>【湖南三德】主控卡\4000920\SDAF105.06.01-003-A1\SDAF2000\4000</t>
  </si>
  <si>
    <t>【湖南三德】O型密封圈\3005634\SDAF105.06.01-005-A1\SUNDY-TY</t>
  </si>
  <si>
    <t>【湖南三德】O型密封圈\3005636\SDAF105.06.01-006-A1\SUNDY-TY</t>
  </si>
  <si>
    <t>【湖南三德】O型密封圈\3009694\SDAF105.05.01-002\SUNDY-TY</t>
  </si>
  <si>
    <t>【湖南三德】烟囱组件\3023417\SDAF105.05.01-003\SDTGA100</t>
  </si>
  <si>
    <t>【湖南三德】同步电机\3022443\SDAF105.05.01-001\SDTGA201</t>
  </si>
  <si>
    <t>【湖南三德】贴膜按键\3022590\SDRD19*20-002-A1\SDTGA100</t>
  </si>
  <si>
    <t>【湖南三德】贴膜按键\3022594\SDRD11*32-002-A1\SDTGA200</t>
  </si>
  <si>
    <t>【湖南三德】手自切换定位卡\4001516\SDRD40*16a.03-001-A1\SDTGA201</t>
  </si>
  <si>
    <t>【湖南三德】门控定位卡\4001436\SDRD19*20a.04.01-A2\SDTGA200</t>
  </si>
  <si>
    <t>【湖南三德】炉门开定位卡\4001515\SDRD11*32a.03-001-A3\SDTGA201</t>
  </si>
  <si>
    <t>【湖南三德】炉门关定位卡\4001501\SDRD40*16-003-A1\SDTGA201</t>
  </si>
  <si>
    <t>【湖南三德】开关电源\3010003\SDRD19*20-003-A1\SDTGA200</t>
  </si>
  <si>
    <t>【湖南三德】称样杆\3007279\SDRD11*32-003-A2\SDTGA8000</t>
  </si>
  <si>
    <t>【湖南三德】机械手托杆\3007172\SDUC2150.03-007_A1\SDTGA-TY</t>
  </si>
  <si>
    <t>【湖南三德】丢样托杆\3007172\SDUC2150.03-006_A1\SDTGA-TY</t>
  </si>
  <si>
    <t>【湖南三德】直线轴承\3005678\SDAF105.05-038\SUNDY-TY</t>
  </si>
  <si>
    <t>【湖南三德】直线定位平台\3018149\SDAF105.05-025\SDLA</t>
  </si>
  <si>
    <t>【湖南三德】直流风扇\3005730\S-SDAF105.05-043\SUNDY-TY</t>
  </si>
  <si>
    <t>【湖南三德】直流电机\3012952\SDNS200-007-A1\SDTGA-TY</t>
  </si>
  <si>
    <t>【湖南三德】直流电机\3012953\SDNS200-001-A1\SDTGA-TY</t>
  </si>
  <si>
    <t>【湖南三德】直流电机\3003628\SDNS200-033-A1\SDTGA-TY</t>
  </si>
  <si>
    <t>【湖南三德】快插接头\3001419\SDNS200-005-A1\SDTGA520</t>
  </si>
  <si>
    <t>【湖南三德】接近开关\3003930\SDNS200-004-A1\SDTGA520</t>
  </si>
  <si>
    <t>【湖南三德】交流电机\3005750\SDNS200-003-A1\SDTGA520</t>
  </si>
  <si>
    <t>【湖南三德】恒温编码盘\3007684\SDTGA520.02-008-A2\SDTGA520</t>
  </si>
  <si>
    <t>【湖南三德】光波加热管\SDPP2*100.01-013-A1\SDTGA520</t>
  </si>
  <si>
    <t>【湖南三德】氮气弹簧\SDPP1*100.01-004-A1\SDTGA520</t>
  </si>
  <si>
    <t>【湖南三德】唇形密封圈\3023362\SDPP2*100.01-004-A1-\SDTGA520</t>
  </si>
  <si>
    <t>【湖南三德】称样杆\3007720\SDHC50.02-005-A1\SDTGA520</t>
  </si>
  <si>
    <t>【湖南三德】步进电机驱动器\3023373\SDJC100*60-018-A1\SDTGA520</t>
  </si>
  <si>
    <t>【湖南三德】O型密封圈\3005635\SDJC100*60-015\SDAF105</t>
  </si>
  <si>
    <t>【湖南三德】直线导轨\3005677\SDCHN335.03-013\SDAF105</t>
  </si>
  <si>
    <t>【湖南三德】直流电机\3005676\SDCH335.03-003\SDAF105</t>
  </si>
  <si>
    <t>【湖南三德】直流电机\3005675\SDCHN435.04-012-A1\SDAF105</t>
  </si>
  <si>
    <t>【湖南三德】限流阀\3003584\SDTGA201.01-008\SUNDY-TY</t>
  </si>
  <si>
    <t>【湖南三德】微型真空泵\3005746\12V-FAA8006\SDAF105</t>
  </si>
  <si>
    <t>【湖南三德】同步带\3005661\3M-474-9\SDAF105</t>
  </si>
  <si>
    <t>【湖南三德】同步带\3005660\3M-282-9\SDAF105</t>
  </si>
  <si>
    <t>【湖南三德】同步带\3005659\3M-264-9\SDAF105</t>
  </si>
  <si>
    <t>【湖南三德】接口转接卡\4001942\V1.00\SDARM-M</t>
  </si>
  <si>
    <t>【湖南三德】继电器卡\4001437\V1.00\SDARM-M</t>
  </si>
  <si>
    <t>【湖南三德】红外光电传感器\3022284\OPB811W55Z\SDTGA201</t>
  </si>
  <si>
    <t>【湖南三德】液晶显示屏\3020082\DMT80480C050-03WN-800*480\SDMF300\SDIMF200</t>
  </si>
  <si>
    <t>【湖南三德】CPU卡扩展卡\4000911\V1.03\SDARM-M</t>
  </si>
  <si>
    <t>【湖南三德】板卡成套\4001084\V1.00\SDTGA200</t>
  </si>
  <si>
    <t>【湖南三德】板卡成套\4001083\V1.00\SDTGA100</t>
  </si>
  <si>
    <t>【湖南三德】底板卡\V1.03\SDTGA200</t>
  </si>
  <si>
    <t>【湖南三德】CPU卡\4001190\V1.03\SDTGA200</t>
  </si>
  <si>
    <t>【湖南三德】直流电机\3012954\37JB6K500B\3530-1250-12v-10r\SDTGA-TY</t>
  </si>
  <si>
    <t>【湖南三德】直流电机\3005708\GGM-12VDC-30.9R\SDTGA-TY</t>
  </si>
  <si>
    <t>【湖南三德】直流电机\3005710\GGM-12VDC-10.8R\SDTGA-TY</t>
  </si>
  <si>
    <t>【湖南三德】烟管过圈\3005361\φ35\SDTGA-TY</t>
  </si>
  <si>
    <t>【湖南三德】微动开关\3009373\DZ-10G-1A\SDTGA-TY</t>
  </si>
  <si>
    <t>【湖南三德】同步带\3013256\129-3MSDLA618\SDLA</t>
  </si>
  <si>
    <t>【湖南三德】调压模块\3018423\DTY-H220D15E\SDTGA-TY</t>
  </si>
  <si>
    <t>【湖南三德】水平主动带轮\3018997\SDLA618.03.03-007\SDLA</t>
  </si>
  <si>
    <t>【湖南三德】水平从动带轮\3018996\SDLA618.03.03-006\SDLA</t>
  </si>
  <si>
    <t>【湖南三德】电子天平\100g-0.01g</t>
  </si>
  <si>
    <t>【湖南三德】电子天平\6000g-0.1g</t>
  </si>
  <si>
    <t>【湖南三德】电子台秤\100Kg-5g</t>
  </si>
  <si>
    <t>【湖南三德】电子台秤\200Kg-10g</t>
  </si>
  <si>
    <t>【湖南三德】标准筛底筛盖\3020499\SD-NS/T2</t>
  </si>
  <si>
    <t>【湖南三德】动辊轮组件\3023406\SDRC250*150</t>
  </si>
  <si>
    <t>【湖南三德】定辊轮组件\3023405\SDRC250*150</t>
  </si>
  <si>
    <t>【湖南三德】O型密封圈\3009710\140*5\SDPP</t>
  </si>
  <si>
    <t>【湖南三德】氮气弹簧\3019661\M8*1.25\SDPP\SDRC250*150\SDRC250*125</t>
  </si>
  <si>
    <t>【湖南三德】震荡腔\3011850\SDPP3*10001-001-A1\SDPP3*100</t>
  </si>
  <si>
    <t>【湖南三德】步进电机\3022242\SDCH235.03-019\SDTGA520</t>
  </si>
  <si>
    <t>【湖南三德】铂电阻\3020376\SDCHN435.02-016\SDTGA520</t>
  </si>
  <si>
    <t>【湖南三德】直流扩展卡\4000448\SDAF105.05-010\SDTGA520</t>
  </si>
  <si>
    <t>【湖南三德】CPU卡\V1.02\SDTGA520</t>
  </si>
  <si>
    <t>【湖南三德】AD\DA卡\4000447\V1.02\SDARM-M</t>
  </si>
  <si>
    <t>【湖南三德】全水分坩埚托\3023393\φ50\SDTGA308</t>
  </si>
  <si>
    <t>【湖南三德】分析水分坩埚托\3019379\φ40\SDTGA308</t>
  </si>
  <si>
    <t>【湖南三德】全水分坩埚\3022698\φ50\SDTGA408</t>
  </si>
  <si>
    <t>【湖南三德】分析水分坩埚\3022763\φ40\SDTGA408</t>
  </si>
  <si>
    <t>【湖南三德】调压模块\3018422\TY-190P-220\SDAF-TY</t>
  </si>
  <si>
    <t>【湖南三德】视频线\3023385\JVS-C960\SDAF105</t>
  </si>
  <si>
    <t>【湖南三德】视频线\3023384\JVS-C960\SDAF105</t>
  </si>
  <si>
    <t>【湖南三德】氢气减压阀\3008859\W21.8-14LH\SUNDY-TY</t>
  </si>
  <si>
    <t>【湖南三德】气体流量计\3005664\701HB-7-5-CO2-0.2-2L\SDAF105</t>
  </si>
  <si>
    <t>【湖南三德】气体流量计\3007891\701HB-7-5-0.1L-1.5L\SDAF105</t>
  </si>
  <si>
    <t>【湖南三德】气体流量计\3019743\701HB-7-5-0.02L-0.2L\SDAF105</t>
  </si>
  <si>
    <t>【湖南三德】铝箔带\3005224\SDAF105-单头\L=600\SDAF105</t>
  </si>
  <si>
    <t>【湖南三德】铝箔带\3005225\SDAF105-双头\L=600\SDAF105</t>
  </si>
  <si>
    <t>【湖南三德】主板卡\V1.00\SDMF300</t>
  </si>
  <si>
    <t>【湖南三德】热电偶\K-L=226\SDMF300\SDIMF200</t>
  </si>
  <si>
    <t>【湖南三德】漏电保护开关\3001667\DZ47LEN2C25-2P\SDMF300\SDIMF200</t>
  </si>
  <si>
    <t>【湖南三德】开关电源\3001769\LRS-50-12-50W\SDMF300\SDIMF200</t>
  </si>
  <si>
    <t>【湖南三德】接近开关\3003924\PRD18-7DN\SDMF300\SDIMF200</t>
  </si>
  <si>
    <t>【湖南三德】按键贴膜\3007340\SDIMF200.10-002-A1\SDMF300\SDIMF200</t>
  </si>
  <si>
    <t>【湖南三德】按键卡\4000401\V1.00\SDMF300\SDIMF200</t>
  </si>
  <si>
    <t>【湖南三德】主板卡\V1.00\SDIMF200</t>
  </si>
  <si>
    <t>【湖南三德】转接卡\4001397\V1.02\SDTGA5000</t>
  </si>
  <si>
    <t>【湖南三德】标准筛\3008854\φ200*50-mm\SD-NS/T1</t>
  </si>
  <si>
    <t>【湖南三德】制样筛\3009531\φ750*500*100-mm-木框筛\SD-WS/T1</t>
  </si>
  <si>
    <t>【湖南三德】煤样筛\3009467\φ450*100-mm\SD-CNS/T1</t>
  </si>
  <si>
    <t>【湖南三德】煤样箱\φ600*370*240-mm\SD-SCB/T1</t>
  </si>
  <si>
    <t>【湖南三德】盛样盘\3023419\φ500*350mm\SD-FT/T2</t>
  </si>
  <si>
    <t>【湖南三德】盛样盘\3023418\φ320*220mm\SD-FT/T1</t>
  </si>
  <si>
    <t>【湖南三德】制样铁锹\3020427\φ285*220-mm\SD-PPS/T1</t>
  </si>
  <si>
    <t>【湖南三德】采样铁锹\3020431\φ285*220-mm\SD-PGS/T1</t>
  </si>
  <si>
    <t>【湖南三德】清扫刷\3023392\φ3-mm\SD-BC/T3</t>
  </si>
  <si>
    <t>【湖南三德】震荡腔\3011837\SDPP2*100.01-013-A1\SDPP2*100</t>
  </si>
  <si>
    <t>【湖南三德】震荡腔\3011844\SDPP1*100.01-004-A1\SDPP1*100</t>
  </si>
  <si>
    <t>【湖南三德】震荡弹簧\3018081\SDPP2*100.01-004-A1-\SDPP</t>
  </si>
  <si>
    <t>【湖南三德】研料钵压爪\SDPP-SDPP2\3\SDPP</t>
  </si>
  <si>
    <t>【湖南三德】压紧机构\SDPP-SDPP3\SDPP3*100</t>
  </si>
  <si>
    <t>【湖南三德】压紧机构\SDPP-SDPP2\SDPP2*100</t>
  </si>
  <si>
    <t>【湖南三德】压紧机构\SDPP-SDPP1\SDPP1*100</t>
  </si>
  <si>
    <t>【湖南三德】研料钵\SDPP-TY\SDPP</t>
  </si>
  <si>
    <t>【湖南三德】三相异步电机\3013135\SM100L-6-1.5KW/380V-\SDPP</t>
  </si>
  <si>
    <t>【湖南三德】同步带\3013260\3M-312\SDACY09</t>
  </si>
  <si>
    <t>【湖南三德】上定位卡\4001449\V1.00\SDACY09</t>
  </si>
  <si>
    <t>【湖南三德】交流电机\60RY10-JB105r\min15Wφ8*18\SDACY09</t>
  </si>
  <si>
    <t>【湖南三德】两位两通电磁阀\3002347\S2W-08P\SDACY09</t>
  </si>
  <si>
    <t>【湖南三德】O型密封圈\3009709\13*3.5\SDACY09</t>
  </si>
  <si>
    <t>【湖南三德】快插接头\3009780\PL45-10-02-两通弯头\SDUCI100</t>
  </si>
  <si>
    <t>【湖南三德】热电偶\3022761\K\SDTGA408</t>
  </si>
  <si>
    <t>【湖南三德】光波加热管\3022585\SDTGA408.01.02-001\SDTGA408</t>
  </si>
  <si>
    <t>【湖南三德】交流电机\3013004\YN60-6Z/60JB400G0832-400H-3r/min-6W\SDTGA308</t>
  </si>
  <si>
    <t>【湖南三德】称样杆\3019025\φ12\SDTGA408</t>
  </si>
  <si>
    <t>【湖南三德】门控定位卡\4001509\V1.20\SDTGA408</t>
  </si>
  <si>
    <t>【湖南三德】分析水旋转定位卡\4001478\V1.10\SDTGA408</t>
  </si>
  <si>
    <t>【湖南三德】主板卡\4001027\V2.00\SDTGA408</t>
  </si>
  <si>
    <t>【湖南三德】热电偶\3022584\Q5*41.5\SDTGA400a</t>
  </si>
  <si>
    <t>【湖南三德】称样杆\3019198\φ12\SDTGA400a</t>
  </si>
  <si>
    <t>【湖南三德】快插接头\3005649\PL08-02-两通弯头\SDAF105</t>
  </si>
  <si>
    <t>【湖南三德】快插接头\3005648\PC06-02-两通直头\SDAF105</t>
  </si>
  <si>
    <t>【湖南三德】开关电源\3008605\PH-20T5+12-5-±5V-12V\SDAF105</t>
  </si>
  <si>
    <t>【湖南三德】交流电机\3001578\60YN06-2CJ\JB7.5H6W\SUNDY-TY</t>
  </si>
  <si>
    <t>【湖南三德】灰尘过滤管\3005114\SDCH235.03.01-002\SUNDY-TY</t>
  </si>
  <si>
    <t>【湖南三德】横流风机\3018855\ZLB3019ODC12G-Z504\SUNDY-TY</t>
  </si>
  <si>
    <t>【湖南三德】过滤器滤芯\3019701\SD-TY007\SUNDY-TY</t>
  </si>
  <si>
    <t>【湖南三德】风扇控制卡\4000938\V1.01\SUNDY-TY</t>
  </si>
  <si>
    <t>【湖南三德】直流风扇\3018143\80*80-12V\SDAF105</t>
  </si>
  <si>
    <t>【湖南三德】同步带\3018138\843-3M\SDTGA5000a</t>
  </si>
  <si>
    <t>【湖南三德】水平炉门定位卡\4001400\V1.00\SDTGA5000</t>
  </si>
  <si>
    <t>【湖南三德】升温保护卡\4001920\V2.20\SDTGA5000</t>
  </si>
  <si>
    <t>【湖南三德】燃烧样盘\3022771\SDTGA5000</t>
  </si>
  <si>
    <t>【湖南三德】燃烧盘旋转定位卡\4001399\V1.00\SDTGA5000</t>
  </si>
  <si>
    <t>【湖南三德】气体流量计\3007892\20L\SDTGA5000</t>
  </si>
  <si>
    <t>【湖南三德】气体流量计\3013337\10L-N2\SUNDY-TY</t>
  </si>
  <si>
    <t>【湖南三德】外置控制线\4001649\SDTGA5000</t>
  </si>
  <si>
    <t>【湖南三德】外置控制线\4001651\SDTGA5000</t>
  </si>
  <si>
    <t>【湖南三德】清扫刷\3023391\φ1.5-mm\SD-BC/T2</t>
  </si>
  <si>
    <t>【湖南三德】清扫刷\3023390\φ1-mm\SD-BC/T1</t>
  </si>
  <si>
    <t>【湖南三德】制样勺\3023380\φ120*65-mm\SD-PL/T1</t>
  </si>
  <si>
    <t>【湖南三德】制样勺\3023381\φ135*80-mm\SD-PL/T2</t>
  </si>
  <si>
    <t>【湖南三德】制样勺\3023382\φ150*100-mm\SD-PL/T3</t>
  </si>
  <si>
    <t>【湖南三德】制样勺\3023383\φ180*120-mm\SD-PL/T4</t>
  </si>
  <si>
    <t>【湖南三德】不锈钢密封盛样桶\3023358\φ200*200-mm-6L\SD-SSB/T1</t>
  </si>
  <si>
    <t>【湖南三德】不锈钢密封盛样桶\3023357\φ450*450-mm-70L\SD-SSB/T3</t>
  </si>
  <si>
    <t>【湖南三德】不锈钢密封盛样桶\3023356\φ350*350-mm-33L\SD-SSB/T2</t>
  </si>
  <si>
    <t>【湖南三德】时间继电器\3023372\JSS48A-P3-1min-999min\SDPP\SDNS200</t>
  </si>
  <si>
    <t>【湖南三德】热继电器\3008722\LRD-10C\SDPP\SDJC100*60</t>
  </si>
  <si>
    <t>【湖南三德】带立式座外球面轴承\3013080\UCP205\SDHC50</t>
  </si>
  <si>
    <t>【湖南三德】接料斗\3013645\SDHC50\SDHC50\SDHD50</t>
  </si>
  <si>
    <t>【湖南三德】A型皮带\3013190\SDHC50-A-1250\SDHC50\SDHD50</t>
  </si>
  <si>
    <t>【湖南三德】锤头销杆\3013635\SDHC50.02-005-A1\SDHC50\SDHD50</t>
  </si>
  <si>
    <t>【湖南三德】铸造锤头\3013653\SDJC100*60-018-A1\SDHC50\SDHD50</t>
  </si>
  <si>
    <t>【湖南三德】筛板\3013649\SDJC100*60-015\SDHC50\SDHD50</t>
  </si>
  <si>
    <t>【湖南三德】筛板\3013648\SDCHN335.03-013\SDHC50\SDHD50</t>
  </si>
  <si>
    <t>【湖南三德】快插接头\3001094\PL10-02-两通弯头\SUNDY-TY</t>
  </si>
  <si>
    <t>【湖南三德】快插接头\3009790\SPLF10-02-两通弯头\SDUCI100</t>
  </si>
  <si>
    <t>【湖南三德】样品盘\3008873\200*50-0.02mm\SDVD3MM</t>
  </si>
  <si>
    <t>【湖南三德】密封条\3020473\25度\SDVD3MM</t>
  </si>
  <si>
    <t>【湖南三德】键盘卡\4000912\V1.01\SDVD3MM</t>
  </si>
  <si>
    <t>【湖南三德】CPU卡\4001120\V1.03\SDVD3MM</t>
  </si>
  <si>
    <t>【湖南三德】研磨球\3005638\φ25.4\SDHG60</t>
  </si>
  <si>
    <t>【湖南三德】研磨环\3005264\SDHG60-031\SDHG60</t>
  </si>
  <si>
    <t>【湖南三德】研磨碗\3005263\SDHG60-038\SDHG60</t>
  </si>
  <si>
    <t>【湖南三德】不锈钢阀\3003069\SV*21-01S\SDCHN435</t>
  </si>
  <si>
    <t>【湖南三德】两位三通电磁阀\3001435\30211133-P-DC24V\SDCHN435</t>
  </si>
  <si>
    <t>【湖南三德】称样杆\3019212\φ12\SDTGA400a</t>
  </si>
  <si>
    <t>【湖南三德】热电偶\4000409\K\SDTGA400</t>
  </si>
  <si>
    <t>【湖南三德】驱动卡\4000417\V1.03\SDTGA400b\SDTGA408</t>
  </si>
  <si>
    <t>【湖南三德】主板卡\4000419\V2.00\SDTGA400</t>
  </si>
  <si>
    <t>【湖南三德】电源开关\3009317\LAS1GQ-11E\R\12\SDTGA400</t>
  </si>
  <si>
    <t>【湖南三德】触点继电器\3005854\52F\12V\SDTGA400</t>
  </si>
  <si>
    <t>【湖南三德】称样杆VI\3007448\φ12\SDTGA400</t>
  </si>
  <si>
    <t>【湖南三德】光波加热管\3007441\SDTGA400.01.02-001\SDTGA400</t>
  </si>
  <si>
    <t>【湖南三德】全水分坩埚\3022694\φ78.5\SDTGA400</t>
  </si>
  <si>
    <t>【湖南三德】放样中位定位卡\4000939\V1.10\SDAF105</t>
  </si>
  <si>
    <t>【湖南三德】放样位定位卡\4000936\V1.10\SDAF105</t>
  </si>
  <si>
    <t>【湖南三德】放样门开定位卡\4000933\V1.20\SDAF105</t>
  </si>
  <si>
    <t>【湖南三德】放样门关定位卡\4000934\V1.20\SDAF105</t>
  </si>
  <si>
    <t>【湖南三德】放样高位定位卡\4000937\V1.10\SDAF105</t>
  </si>
  <si>
    <t>【湖南三德】放样低位定位卡\4000940\V1.10\SDAF105</t>
  </si>
  <si>
    <t>【湖南三德】气体检测卡\4000961\V1.00\SDAF105</t>
  </si>
  <si>
    <t>【湖南三德】旋转定位卡\4000941\V2.00\SDAF105</t>
  </si>
  <si>
    <t>【湖南三德】燃烧位定位卡\4000935\V1.10\SDAF105</t>
  </si>
  <si>
    <t>【湖南三德】控制卡\4001030\V2.00\SDTGA5000</t>
  </si>
  <si>
    <t>【湖南三德】接口卡\4001031\V3.20\SDTGA5000</t>
  </si>
  <si>
    <t>【湖南三德】变压器\3012535\R-30\SDTGA5000</t>
  </si>
  <si>
    <t>【湖南三德】抽风机组件\4001946\SDTGA\SUNDY-TY</t>
  </si>
  <si>
    <t>【湖南三德】鼓风机组件\4001947\SDTGA\SDTGA5000</t>
  </si>
  <si>
    <t>【湖南三德】交流电机\3021097\60TY10-JB30H-6W-Q8*21\SDTGA5000</t>
  </si>
  <si>
    <t>【湖南三德】交流电机\3023368\15r\min-Q8*25\SDTGA5000</t>
  </si>
  <si>
    <t>【湖南三德】交流电机\3021096\60YN06-2CJ\60H6W\SDTGA5000</t>
  </si>
  <si>
    <t>【湖南三德】交流电机\3023369\60TRY10-JB15H-4W-Q8*35\SDTGA5000</t>
  </si>
  <si>
    <t>【湖南三德】碾样锤\3020425\φ180*60-mm\SD-GH/T1</t>
  </si>
  <si>
    <t>【湖南三德】碾样锤\3011830\φ280*150-mm\SD-GH/T2</t>
  </si>
  <si>
    <t>【湖南三德】碾样辊\3011829\φ300*100-mm\SD-GR/T1</t>
  </si>
  <si>
    <t>【湖南三德】清样铲\3020424\φ110*90*50-mm\SD-CS/T1</t>
  </si>
  <si>
    <t>【湖南三德】清样刮板\3011849\φ300*180-mm\SD-CB/T1</t>
  </si>
  <si>
    <t>【湖南三德】取样挡板\3018002\φ140*100-mm\SD-SB/T1</t>
  </si>
  <si>
    <t>【湖南三德】取样铲\3020423\φ120*90*50-mm\SD-SS/T1</t>
  </si>
  <si>
    <t>【湖南三德】采样铲\3011836\φ100/300\SD-GS/T3</t>
  </si>
  <si>
    <t>【湖南三德】采样铲\3011833\φ50/150\SD-GS/T2</t>
  </si>
  <si>
    <t>【湖南三德】三相异步电机\3013130\SM290L-4-1.5KW/380V-B3/1390r/min\SDHC50\SDHD50</t>
  </si>
  <si>
    <t>【湖南三德】热继电器\3008717\LRD-08C\SDHC50</t>
  </si>
  <si>
    <t>【湖南三德】接料斗\3011881\SDHC150.10-001\SDHC150a</t>
  </si>
  <si>
    <t>【湖南三德】A型皮带\3013195\SDHD150-A-1600\SDHC150a</t>
  </si>
  <si>
    <t>【湖南三德】二级缩分器\3023401\SDHD150.06\SDHD150</t>
  </si>
  <si>
    <t>【湖南三德】一级缩分器主体\3023399\SDHD150.05\SDHD150</t>
  </si>
  <si>
    <t>【湖南三德】缩分器导轨\3023400\SDHD150.05-003\SDHD150</t>
  </si>
  <si>
    <t>【湖南三德】弃样斗\3023403\SDHD150.09.01\SDHD150</t>
  </si>
  <si>
    <t>【湖南三德】留样斗\3023402\SDHD150.10-001\SDHD150</t>
  </si>
  <si>
    <t>【湖南三德】主板卡\4001193\V1.01\SDHG60</t>
  </si>
  <si>
    <t>【湖南三德】蛇形冷凝管\3003356\SDFC11000.02.05-002-A1\SDFC11000</t>
  </si>
  <si>
    <t>【湖南三德】石英管\3003355\SDFC11000.02.05-001-A1\SDFC11000</t>
  </si>
  <si>
    <t>【湖南三德】温度传感器\3022290\PT100型7*50*2m-SDDH-a-\SDDH(a)</t>
  </si>
  <si>
    <t>【湖南三德】密封硅胶条\3023446\SDDH323-3m\SDDH323</t>
  </si>
  <si>
    <t>【湖南三德】密封硅胶条\3023445\125B-2.5m\SDDH313</t>
  </si>
  <si>
    <t>【湖南三德】密封硅胶条\3023444\65B-2m\SDDH306</t>
  </si>
  <si>
    <t>【湖南三德】门轴\3023442\SDDH323</t>
  </si>
  <si>
    <t>【湖南三德】门轴\3023443\φ6\SDDH306\313</t>
  </si>
  <si>
    <t>【湖南三德】两位三通电磁阀\3001433\DC24V通1.5MM\SDCHN435</t>
  </si>
  <si>
    <t>【湖南三德】两位三通电磁阀\3001432\DC24V-1.5MM\SDCHN435</t>
  </si>
  <si>
    <t>【湖南三德】O型密封圈\3009716\21.2*2.65\SDCHN435</t>
  </si>
  <si>
    <t>【湖南三德】O型密封圈\3009711\142.27*3.55\SDCHN435</t>
  </si>
  <si>
    <t>【湖南三德】O型密封圈\3009693\50*3.55\SDCHN435</t>
  </si>
  <si>
    <t>【湖南三德】O型密封圈\3009706\48*3.55\SDCHN435</t>
  </si>
  <si>
    <t>【湖南三德】O型密封圈\3009691\46.2*1.8\SDCHN435</t>
  </si>
  <si>
    <t>【湖南三德】O型密封圈\3009690\26*2.65\SDCHN435</t>
  </si>
  <si>
    <t>【湖南三德】O型密封圈\3009698\24.5*3.55\SDCHN435</t>
  </si>
  <si>
    <t>【湖南三德】分析水分坩埚\3007388\φ40\SDTGA400</t>
  </si>
  <si>
    <t>【湖南三德】全水分坩埚\3007389\φ50\SDTGA400</t>
  </si>
  <si>
    <t>【湖南三德】温度开关\3012885\JVC-6F-250℃\SDTGA318</t>
  </si>
  <si>
    <t>【湖南三德】热电偶\3019517\K\SDTGA318</t>
  </si>
  <si>
    <t>【湖南三德】全水坩埚\3019196\φ13\SDTGA318</t>
  </si>
  <si>
    <t>【湖南三德】称样杆\3019194\φ12\SDTGA318</t>
  </si>
  <si>
    <t>【湖南三德】旋转定位卡\4001419\V1.00\SDTGA308</t>
  </si>
  <si>
    <t>【湖南三德】同步带\3013259\3M-288-15\SDTGA308</t>
  </si>
  <si>
    <t>【湖南三德】开关电源\3010008\GZT-H50T5±12R\SDTGA308</t>
  </si>
  <si>
    <t>【湖南三德】二氧化碳减压阀\3005646\194C-25L-220V\SUNDY-TY</t>
  </si>
  <si>
    <t>【湖南三德】电源滤波器\3023365\FLEB05-50A\SDAF-TY</t>
  </si>
  <si>
    <t>【湖南三德】单向阀\3005585\AKH06-00\SDAF105</t>
  </si>
  <si>
    <t>【湖南三德】单相变压器\3012541\TDF-5K-60T-220V\32V\SDAF105</t>
  </si>
  <si>
    <t>【湖南三德】唇形密封圈\3003594\φ10*22*8\SUNDY-TY</t>
  </si>
  <si>
    <t>【湖南三德】传感器\3018429\H2\CT-10000\SDAF105b</t>
  </si>
  <si>
    <t>【湖南三德】传感器\3018431\H2\CA-1000\SDAF105b</t>
  </si>
  <si>
    <t>【湖南三德】擦镜纸\2000018\SDAF\SDAF-TY</t>
  </si>
  <si>
    <t>本</t>
  </si>
  <si>
    <t>【湖南三德】变压器\3012545\TDA-8-48-13.5v8w\SUNDY-TY</t>
  </si>
  <si>
    <t>【湖南三德】交流电机\3013010\60KTYZ-15转\分-φ8轴\SDTGA5000</t>
  </si>
  <si>
    <t>【湖南三德】交流电机\3013003\60YN06-2CJ\JB120H6W\SDTGA5000</t>
  </si>
  <si>
    <t>【湖南三德】交流电机\3022454\60TRY10-JB20H-4W-Q8*35\SDTGA5000</t>
  </si>
  <si>
    <t>【湖南三德】集烟口\3005357\SDTGA5000.03.03-001\SDTGA5000</t>
  </si>
  <si>
    <t>【湖南三德】机械手左定位卡\4001391\V1.00\SDTGA5000</t>
  </si>
  <si>
    <t>【湖南三德】机械手右定位卡\4001395\V1.00\SDTGA5000</t>
  </si>
  <si>
    <t>【湖南三德】机械手升降定位卡\4001394\V1.00\SDTGA5000</t>
  </si>
  <si>
    <t>【湖南三德】风扇调速卡\4001933\V1.00\SDTGA5000</t>
  </si>
  <si>
    <t>【湖南三德】丢样门控定位卡\4001396\V1.00\SDTGA5000</t>
  </si>
  <si>
    <t>【湖南三德】采样铲\3011835\φ25/100\SD-GS/T1</t>
  </si>
  <si>
    <t>【湖南三德】煤样压板\3009838\φ500mm-立式\SD-PB/T2</t>
  </si>
  <si>
    <t>【湖南三德】煤样压板\3009835\φ400mm-立式\SD-PB/T1</t>
  </si>
  <si>
    <t>【湖南三德】煤样压板\3011831\φ600mm-立式\SD-PB/T4</t>
  </si>
  <si>
    <t>【湖南三德】煤样压板\3011832\φ600mm-卧式\SD-PB/T3</t>
  </si>
  <si>
    <t>【湖南三德】十字分样板\3023379\φ900mm\SD-DB/T3</t>
  </si>
  <si>
    <t>【湖南三德】十字分样板\3023378\φ500mm\SD-DB/T2</t>
  </si>
  <si>
    <t>【湖南三德】十字分样板\3023377\φ400mm\SD-DB/T1</t>
  </si>
  <si>
    <t>【湖南三德】样铲\3006304\大\SDRD40*16</t>
  </si>
  <si>
    <t>【湖南三德】A型皮带\3013191\SDHD150-1300\SDHD150</t>
  </si>
  <si>
    <t>【湖南三德】锤头转销\3023410\L=259mm\SDHD150</t>
  </si>
  <si>
    <t>【湖南三德】铸造锤头\3011905\SDHD150</t>
  </si>
  <si>
    <t>【湖南三德】筛板\3023409\L=302mm-3号\SDHD150</t>
  </si>
  <si>
    <t>【湖南三德】筛板\3010369\L=302mm-6号\SDHD150</t>
  </si>
  <si>
    <t>【湖南三德】筛板\3010370\L=302mm-13号\SDHD150</t>
  </si>
  <si>
    <t>【湖南三德】缩分器导轨\3011929\SDHD150a.05-003新\SDHD150a</t>
  </si>
  <si>
    <t>【湖南三德】一级缩分器\3011938\SDHD150a.05新\SDHD150a</t>
  </si>
  <si>
    <t>【湖南三德】二级缩分器\3011939\SDHD150a.06新\SDHD150a</t>
  </si>
  <si>
    <t>【湖南三德】门钩簧\3023440\SDDH(a)</t>
  </si>
  <si>
    <t>【湖南三德】门把手\3021009\SDDH(a)</t>
  </si>
  <si>
    <t>【湖南三德】漏电保护器\3009434\NL18-20\SDDH(a)</t>
  </si>
  <si>
    <t>【湖南三德】控温仪\3021011\FCH-3003\SDDH323</t>
  </si>
  <si>
    <t>【湖南三德】控温仪\3022520\FCD-3018\SDDH306\313</t>
  </si>
  <si>
    <t>【湖南三德】可调温控开关\3023436\TS-320SR\SDDH(a)</t>
  </si>
  <si>
    <t>【湖南三德】可控硅\3012848\41A\SDDH(a)</t>
  </si>
  <si>
    <t>【湖南三德】加热丝\3021013\3KW\SDDH323</t>
  </si>
  <si>
    <t>【湖南三德】加热管\3020998\101-2\WGL-125\SDDH313</t>
  </si>
  <si>
    <t>【湖南三德】换埚位定位卡\4001929\V1.20\SDCH235</t>
  </si>
  <si>
    <t>【湖南三德】换埚门开定位卡\4001928\V1.20\SDCH235</t>
  </si>
  <si>
    <t>【湖南三德】O型密封圈\3009695\18*2.65\SDCHN435</t>
  </si>
  <si>
    <t>【湖南三德】O型密封圈\3001335\16*2.65\SDCHN435</t>
  </si>
  <si>
    <t>【湖南三德】O型密封圈\3009689\13.2*2.65\SDCHN435</t>
  </si>
  <si>
    <t>【湖南三德】O型密封圈\3000954\4*1.8\SUNDY-TY</t>
  </si>
  <si>
    <t>【湖南三德】O型密封圈\3009702\7.1*2.65\SUNDY-TY</t>
  </si>
  <si>
    <t>【湖南三德】石英滤网\3003086\SDCH235.03-019\SDCHN435</t>
  </si>
  <si>
    <t>【湖南三德】热电偶\4000763\K-L=85\SDCHN435</t>
  </si>
  <si>
    <t>【湖南三德】送样杆\3003089\SDCHN435.02-016\SDCHN435</t>
  </si>
  <si>
    <t>【湖南三德】燃烧炉石英管\3003088\SDCHN435.02-004\SDCHN435</t>
  </si>
  <si>
    <t>【湖南三德】门控卡\4001418\V1.00\SDTGA308</t>
  </si>
  <si>
    <t>【湖南三德】转接卡\4001417\V2.10\SDTGA308</t>
  </si>
  <si>
    <t>【湖南三德】控制卡\4001416\V2.10\SDTGA308</t>
  </si>
  <si>
    <t>【湖南三德】主控卡\4001415\V2.10\SDTGA308</t>
  </si>
  <si>
    <t>【湖南三德】保险管\3009907\RL160T60-380VAC-60A\SDAF2000\4000</t>
  </si>
  <si>
    <t>【湖南三德】滤光片\3005131\SDAF105.05-010\SDAF105</t>
  </si>
  <si>
    <t>【湖南三德】外置控制线\4000923\SDAF105.06.01-003-A1\SDAF2000\4000</t>
  </si>
  <si>
    <t>【湖南三德】通孔塞砖\3003505\SDAF105.06.01-005-A1\SDAF2000\4000</t>
  </si>
  <si>
    <t>【湖南三德】密封石棉圈\3003423\SDAF105.06.01-006-A1\SDAF2000\4000</t>
  </si>
  <si>
    <t>【湖南三德】灰锥模子\3003421\SDAF105.05.01-002\SDAF105</t>
  </si>
  <si>
    <t>【湖南三德】灰锥模子\3020556\SDAF105.05.01-003\SDAF105</t>
  </si>
  <si>
    <t>【湖南三德】灰锥托架\3005206\SDAF105.05.01-001\SDAF105</t>
  </si>
  <si>
    <t>【湖南三德】送样刚玉管\3005204\SDRD19*20-002-A1\SDAF105</t>
  </si>
  <si>
    <t>【湖南三德】下灰锥托板\3005207\SDRD11*32-002-A1\SDAF105</t>
  </si>
  <si>
    <t>【湖南三德】上灰锥托板\3005208\SDRD40*16a.03-001-A1\SDAF105</t>
  </si>
  <si>
    <t>【湖南三德】取像管\4002367\SDRD19*20a.04.01-A2\SDAF105</t>
  </si>
  <si>
    <t>【湖南三德】背景管\4002368\SDRD11*32a.03-001-A3\SDAF105</t>
  </si>
  <si>
    <t>【湖南三德】燃烧内管\4002366\SDRD40*16-003-A1\SDAF105</t>
  </si>
  <si>
    <t>【湖南三德】丢样定位卡\4001390\SDRD19*20-003-A1\SDTGA5000</t>
  </si>
  <si>
    <t>【湖南三德】称样盘旋转定位卡\4001398\SDRD11*32-003-A2\SDTGA5000</t>
  </si>
  <si>
    <t>【湖南三德】称样盘升降定位卡\4001389\SDUC2150.03-007_A1\SDTGA5000</t>
  </si>
  <si>
    <t>【湖南三德】天平信号线\4000511\SDUC2150.03-006_A1\SDTGA-TY</t>
  </si>
  <si>
    <t>【湖南三德】串口信号控制卡\4000501\SDAF105.05-038\SDTGA5000a</t>
  </si>
  <si>
    <t>【湖南三德】称样杆\3005481\SDAF105.05-025\SDTGA5000a</t>
  </si>
  <si>
    <t>【湖南三德】转接卡\4000499\S-SDAF105.05-043\SDTGA5000a</t>
  </si>
  <si>
    <t>【湖南三德】主控卡\4000508\SDNS200-007-A1\SDTGA5000a</t>
  </si>
  <si>
    <t>【湖南三德】指示灯\3022056\SDNS200-001-A1\SDTGA5000a</t>
  </si>
  <si>
    <t>【湖南三德】样铲\3006292\SDNS200-033-A1\SDRD19*20</t>
  </si>
  <si>
    <t>【湖南三德】样铲\3006286\SDNS200-005-A1\SDRD11*32</t>
  </si>
  <si>
    <t>【湖南三德】接样盒\3006303\SDNS200-004-A1\SDRD40*16a</t>
  </si>
  <si>
    <t>【湖南三德】接样盒\3006314\SDNS200-003-A1\SDRD19*20a</t>
  </si>
  <si>
    <t>【湖南三德】接样盒\3006298\SDNS200-021-A1\SDRD11*32a</t>
  </si>
  <si>
    <t>【湖南三德】接样盒\3006310\SDNS200-010-A1\SDRD40*16</t>
  </si>
  <si>
    <t>【湖南三德】接样盒\3006293\SDNS200-027-A1\SDRD19*20</t>
  </si>
  <si>
    <t>【湖南三德】接样盒\3006285\SDRD11*32-003-A2\SDRD11*32</t>
  </si>
  <si>
    <t>【湖南三德】敲击缓冲垫\3023412\SDUC2150.03-007_A1\SDNS200</t>
  </si>
  <si>
    <t>【湖南三德】弃样斗脚轮\3011944\SDUC2150.03-006_A1\SDHD150a</t>
  </si>
  <si>
    <t>【湖南三德】弃样斗\3011945\SDAF105.05-038\SDHD150a</t>
  </si>
  <si>
    <t>【湖南三德】留样斗\3011946\SDAF105.05-025\SDHD150a</t>
  </si>
  <si>
    <t>【湖南三德】轴承座端盖\3006350\S-SDAF105.05-043\SDHD150\SDHC150</t>
  </si>
  <si>
    <t>【湖南三德】轴承座\3006349\SDNS200-007-A1\SDHD150\SDHC150</t>
  </si>
  <si>
    <t>【湖南三德】调心滚子轴承\3008865\SDNS200-001-A1\SDHD150\SDHC150</t>
  </si>
  <si>
    <t>【湖南三德】A型皮带\3013193\SDNS200-033-A1\SDHD150a</t>
  </si>
  <si>
    <t>【湖南三德】锤头转销(新)\3011921\SDNS200-005-A1\SDHD150a</t>
  </si>
  <si>
    <t>【湖南三德】铸造锤头\3011905\SDNS200-004-A1\SDHD150a</t>
  </si>
  <si>
    <t>【湖南三德】B型皮带\3007886\SDNS200-003-A1\SDUC3150</t>
  </si>
  <si>
    <t>【湖南三德】A型皮带\3007885\SDNS200-021-A1\SDUC3150</t>
  </si>
  <si>
    <t>【湖南三德】加热管\3021012\SDNS200-010-A1\SDDH306</t>
  </si>
  <si>
    <t>【湖南三德】加热底盘\3023437\SDNS200-027-A1\SDDH(a)</t>
  </si>
  <si>
    <t>【湖南三德】合页盖\3023441\SDDH(a)</t>
  </si>
  <si>
    <t>【湖南三德】鼓风机风叶\3021016\φ130\SDDH323</t>
  </si>
  <si>
    <t>【湖南三德】鼓风机风叶\3021015\φ155\SDDH306\313</t>
  </si>
  <si>
    <t>【湖南三德】鼓风机电容\3023438\SDDH(a)</t>
  </si>
  <si>
    <t>【湖南三德】鼓风机\3021014\YY-15-2P-F2-a\SDDH(a)</t>
  </si>
  <si>
    <t>【湖南三德】隔板\3020982\SDDH313\SDDH(a)</t>
  </si>
  <si>
    <t>【湖南三德】隔板\3022713\SDDH306\SDDH(a)</t>
  </si>
  <si>
    <t>【湖南三德】顶杆中定位卡\4001926\V1.20\SDCH235</t>
  </si>
  <si>
    <t>【湖南三德】顶杆顶定位卡\4001925\V1.20\SDCH235</t>
  </si>
  <si>
    <t>【湖南三德】顶杆底定位卡\4001924\V1.20\SDCH235</t>
  </si>
  <si>
    <t>【湖南三德】船形开关\3023367\SDCH235</t>
  </si>
  <si>
    <t>【湖南三德】O型密封圈\3009699\40*3.55\SDCH235</t>
  </si>
  <si>
    <t>【湖南三德】O型密封圈\3009697\24.5*3.55\SDCH235</t>
  </si>
  <si>
    <t>【湖南三德】过滤管\3019411\SDCH235</t>
  </si>
  <si>
    <t>【湖南三德】换埚门关定位卡\4001927\V1.20\SDCH235</t>
  </si>
  <si>
    <t>【湖南三德】二通手动阀\3001429\VHK2-06F-06F\SDCHN435</t>
  </si>
  <si>
    <t>【湖南三德】气缸\3003648\CJ2B10-15R\SDCHN435</t>
  </si>
  <si>
    <t>【湖南三德】齿形同步带轮\3003515\513-3M-9\SDCHN435</t>
  </si>
  <si>
    <t>【湖南三德】齿形同步带轮\3003514\240-3M-9mm\SDCHN435</t>
  </si>
  <si>
    <t>【湖南三德】氮气减压阀\3001396\152IN-40\SDCHN435</t>
  </si>
  <si>
    <t>【湖南三德】气体流量计\3003656\701HB-5-2-He-300mL\min\SDCHN435</t>
  </si>
  <si>
    <t>【湖南三德】气体流量计\3003660\7-5型-O2-7L\SDCHN435</t>
  </si>
  <si>
    <t>【湖南三德】气体流量计\3003655\701HB-5-2-He-2L\min\SDCHN435</t>
  </si>
  <si>
    <t>【湖南三德】去硫炉石英管\3003085\SDCH235.03-005\SDCHN435</t>
  </si>
  <si>
    <t>【湖南三德】坩埚\3003087\SDCHN435.02-015\SDCHN435</t>
  </si>
  <si>
    <t>【湖南三德】锡箔杯\4000789\100pcs\SDCHN435</t>
  </si>
  <si>
    <t>【湖南三德】铜线\4000785\10g\SDCHN435</t>
  </si>
  <si>
    <t>【湖南三德】炉试剂\4000783\35g\SDCHN435</t>
  </si>
  <si>
    <t>【湖南三德】碱石棉\4000787\100g\SDCHN435</t>
  </si>
  <si>
    <t>【湖南三德】氮催化剂\4000786\10g\SDCHN435</t>
  </si>
  <si>
    <t>【湖南三德】进口线状铜\3020363\130g\SDCHN435</t>
  </si>
  <si>
    <t>【湖南三德】热导风扇电源卡\4000766\V1.20\SDCHN435</t>
  </si>
  <si>
    <t>【湖南三德】密封石棉圈\3003422\SDAF2000b-03-028-A2\SDAF2000\4000</t>
  </si>
  <si>
    <t>【湖南三德】高温螺钉\3003471\SDAF4000.02-004-A1\SDAF2000\4000</t>
  </si>
  <si>
    <t>【湖南三德】送样端螺盖\3003454\SDAF2000b-03-02-002\SDAF2000\4000</t>
  </si>
  <si>
    <t>【湖南三德】送样端固定座\3003453\SDAF2000b-03-02-001-A1\SDAF2000\4000</t>
  </si>
  <si>
    <t>【湖南三德】视频线\3022277\JVS-C960\SDAF2000\4000</t>
  </si>
  <si>
    <t>【湖南三德】视频线\3022276\JVS-C960\SDAF2000\4000</t>
  </si>
  <si>
    <t>【湖南三德】石英片\3003428\100*24*3\SDAF2000\4000</t>
  </si>
  <si>
    <t>【湖南三德】热电偶\4002124\SDAF2000b-03-010-S\SDAF2000\4000</t>
  </si>
  <si>
    <t>【湖南三德】莫来石罩\3003504\SDAF2000b-03-004\SDAF2000\4000</t>
  </si>
  <si>
    <t>【湖南三德】高温炉体炉盖\SDAF105</t>
  </si>
  <si>
    <t>【湖南三德】硅钼棒\3005155\SDAF105.05-038\SDAF105</t>
  </si>
  <si>
    <t>【湖南三德】石英片\3005142\SDAF105.05-025\SDAF105</t>
  </si>
  <si>
    <t>【湖南三德】热电偶\4002125\S-SDAF105.05-043\SDAF105</t>
  </si>
  <si>
    <t>【湖南三德】转接卡\4000413\SDNS200-007-A1\SUNDY-TY</t>
  </si>
  <si>
    <t>【湖南三德】主板卡\4000944\SDNS200-001-A1\SDAF105</t>
  </si>
  <si>
    <t>【湖南三德】驱动卡\4000943\SDNS200-033-A1\SDAF105</t>
  </si>
  <si>
    <t>【湖南三德】摄像机电源\3012717\SDNS200-005-A1\SDAF-TY</t>
  </si>
  <si>
    <t>【湖南三德】镜头\3020393\SDNS200-004-A1\SDAF-TY</t>
  </si>
  <si>
    <t>【湖南三德】直线轴承\3007735\SDNS200-003-A1\SDTGA5000a</t>
  </si>
  <si>
    <t>【湖南三德】直线导轨\3007770\SDNS200-021-A1\SDTGA5000a</t>
  </si>
  <si>
    <t>【湖南三德】直流电机\3012951\SDNS200-010-A1\SDTGA5000a</t>
  </si>
  <si>
    <t>【湖南三德】烟管组件\3023394\SDNS200-027-A1\SDTGA5000a</t>
  </si>
  <si>
    <t>【湖南三德】开关电源\3005844\LPC-H20S12\SUNDY-TY</t>
  </si>
  <si>
    <t>【湖南三德】交流电机\3005627\YN60-6CZ\60JB50G0832-220V-6W-30r\SDTGA5000a</t>
  </si>
  <si>
    <t>【湖南三德】外丢样门关定位卡\4000497\V1.00\SDTGA5000a</t>
  </si>
  <si>
    <t>【湖南三德】升温保护卡\V1.10\SDTGA5000a</t>
  </si>
  <si>
    <t>【湖南三德】燃烧盘旋转定位卡\4001114\V1.00\SDTGA5000a</t>
  </si>
  <si>
    <t>【湖南三德】螺纹升角楔块\3014016\SDNS200-007-A1\SDNS200</t>
  </si>
  <si>
    <t>【湖南三德】滑套固定座\3014010\SDNS200-001-A1\SDNS200</t>
  </si>
  <si>
    <t>【湖南三德】滑杆固定板\3014037\SDNS200-033-A1\SDNS200</t>
  </si>
  <si>
    <t>【湖南三德】滑套\3014014\SDNS200-005-A1\SDNS200</t>
  </si>
  <si>
    <t>【湖南三德】滑套\3014013\SDNS200-004-A1\SDNS200</t>
  </si>
  <si>
    <t>【湖南三德】滑杆\3014012\SDNS200-003-A1\SDNS200</t>
  </si>
  <si>
    <t>【湖南三德】从动曲轴\3014027\SDNS200-021-A1\SDNS200</t>
  </si>
  <si>
    <t>【湖南三德】敲击升降顶杆\3014019\SDNS200-010-A1\SDNS200</t>
  </si>
  <si>
    <t>【湖南三德】主动曲轴\3014032\SDNS200-027-A1\SDNS200</t>
  </si>
  <si>
    <t>【湖南三德】筛板\3010371\L=302mm-3号\SDHD150a</t>
  </si>
  <si>
    <t>【湖南三德】筛板\3010372\L=302mm-6号\SDHD150a</t>
  </si>
  <si>
    <t>【湖南三德】筛板\3010373\L=302mm-13号\SDHD150a</t>
  </si>
  <si>
    <t>【湖南三德】齿轮减速电机\3019722\CV-200-10-S-G4-DB\SDHD150(a)</t>
  </si>
  <si>
    <t>【湖南三德】行程开关\3018294\*2/380V/50HZ\SUNDY-TY</t>
  </si>
  <si>
    <t>【湖南三德】热继电器\3008716\LRD-14C\SUNDY-TY</t>
  </si>
  <si>
    <t>【湖南三德】弃样箱滚轮\3006500\SDUC3150-010\SDUC</t>
  </si>
  <si>
    <t>【湖南三德】弃样箱\3006501\SDUC3150-015\SDUC</t>
  </si>
  <si>
    <t>【湖南三德】全水收集盒\3006356\SDUC3150-007\SDUC</t>
  </si>
  <si>
    <t>【湖南三德】旋转刮板\3006483\SDUC3150.03.03-003\SDUC3150.03.03-003</t>
  </si>
  <si>
    <t>【湖南三德】伞旋轴套\3006482\SDUC3150.03.03-002\SDUC3150</t>
  </si>
  <si>
    <t>【湖南三德】旋转刮板\3011756\SDUC3150.03-007\SDUC3150.03-007</t>
  </si>
  <si>
    <t>【湖南三德】旋转把手\3011755\SDUC3150.03-006\SDUC3150</t>
  </si>
  <si>
    <t>【湖南三德】铸造锤头\3006351\SDUC3150.04-004\SDUC3150</t>
  </si>
  <si>
    <t>【湖南三德】薄筛板\3006409\SDUC3150.03-003-6号\SDUC3150</t>
  </si>
  <si>
    <t>【湖南三德】薄筛板\3006410\SDUC3150.03-004-13号\SDUC3150</t>
  </si>
  <si>
    <t>【湖南三德】法兰型减速电机\3018205\WJ63-Y0.55/4P-50-F2B-W1-90\SDUC</t>
  </si>
  <si>
    <t>【湖南三德】齿轮减速电机\3019724\CH-200-15-S-G3-TL-380V\SDUC</t>
  </si>
  <si>
    <t>【湖南三德】搁板\3020981\SDDH323\SDDH(a)</t>
  </si>
  <si>
    <t>【湖南三德】观察窗\3023439\220*330*5a\SDDH(a)</t>
  </si>
  <si>
    <t>【湖南三德】船形开关\3023435\SDDH-a-2*1-绿色\SDDH(a)</t>
  </si>
  <si>
    <t>【湖南三德】船形开关\3023434\SDDH-a-1*1-黑色\SDDH(a)</t>
  </si>
  <si>
    <t>【湖南三德】电源开关\3009440\LASO-B1Y-20Z\SDDH315</t>
  </si>
  <si>
    <t>【湖南三德】两位两通电磁阀\3013094\S2W025-08\SUNDY-TY</t>
  </si>
  <si>
    <t>【湖南三德】快插接头\3007743\PL08-01-两通弯头\SDDH315</t>
  </si>
  <si>
    <t>【湖南三德】密封硅胶条\SDDH315</t>
  </si>
  <si>
    <t>【湖南三德】观察窗\SDDH315</t>
  </si>
  <si>
    <t>【湖南三德】热电偶\3023289\K-L=112\SDCH235</t>
  </si>
  <si>
    <t>【湖南三德】燃烧炉石英管\3019364\SDCH235</t>
  </si>
  <si>
    <t>【湖南三德】坩埚\3019412\SDCHN235.02-015\SDCH235</t>
  </si>
  <si>
    <t>【湖南三德】灰尘过滤管\3019207\SDCH235</t>
  </si>
  <si>
    <t>【湖南三德】转接卡\4001420\V1.14\SDCH235</t>
  </si>
  <si>
    <t>【湖南三德】驱动卡\4001474\V1.20\SDCH235</t>
  </si>
  <si>
    <t>【湖南三德】主控卡\4001923\V1.13\SDCH235</t>
  </si>
  <si>
    <t>【湖南三德】固态继电器\3008591\SSR-H220D15\SDCHN435</t>
  </si>
  <si>
    <t>【湖南三德】抽气管刷\3003617\SDCHN\SDCHN435</t>
  </si>
  <si>
    <t>【湖南三德】气缸\3003649\CJ2B10-30R\SDCHN435</t>
  </si>
  <si>
    <t>【湖南三德】快插接头\3001422\PMM06-两通直头\SDCHN435</t>
  </si>
  <si>
    <t>【湖南三德】快拧接头\3009791\TL0601-两通弯头\SDCHN435</t>
  </si>
  <si>
    <t>【湖南三德】快拧接头\3001424\TC06-01-两通直头\SDCHN435</t>
  </si>
  <si>
    <t>【湖南三德】快拧接头\3001425\THL0601-D2-三通\SDCHN435</t>
  </si>
  <si>
    <t>【湖南三德】快拧接头\3001423\SP19-08-1\8两通弯头\SDCHN435</t>
  </si>
  <si>
    <t>【湖南三德】开关电源\3003904\GZM-H45T5+12-5R-±5-12V\SDCHN435</t>
  </si>
  <si>
    <t>【湖南三德】开关电源\3008600\PU-60T5+15-15R-±15V\SDCHN435</t>
  </si>
  <si>
    <t>【湖南三德】交流电机\3001577\70YN15-2CJ\G-速比12.5-100R\SDCHN435</t>
  </si>
  <si>
    <t>【湖南三德】顶杆中定位卡\4000772\V1.20\SDCHN435</t>
  </si>
  <si>
    <t>【湖南三德】顶杆顶定位卡\4000773\V1.20\SDCHN435</t>
  </si>
  <si>
    <t>【湖南三德】顶杆底定位卡\4000771\V1.20\SDCHN435</t>
  </si>
  <si>
    <t>【湖南三德】AD590安装卡\4000765\V1.10\SDCHN435</t>
  </si>
  <si>
    <t>【湖南三德】活塞顶定位卡\4000768\V1.20\SDCHN435</t>
  </si>
  <si>
    <t>【湖南三德】活塞底定位卡\4000767\V1.20\SDCHN435</t>
  </si>
  <si>
    <t>【湖南三德】换埚位定位卡\4000774\V1.20\SDCHN435</t>
  </si>
  <si>
    <t>【湖南三德】换埚门开定位卡\4000770\V1.20\SDCHN435</t>
  </si>
  <si>
    <t>【湖南三德】换埚门关定位卡\4000769\V1.20\SDCHN435</t>
  </si>
  <si>
    <t>【湖南三德】滤光片\3003416\SDAF2000b-04-003-c\SDAF2000\4000</t>
  </si>
  <si>
    <t>【湖南三德】离心风机\3005679\DE75\SDAF2000\4000</t>
  </si>
  <si>
    <t>【湖南三德】开关电源\3008607\GZM-U25S12-12V\SDAF2000\4000</t>
  </si>
  <si>
    <t>【湖南三德】接触带\3003413\SDAF2000b-03-026\SDAF2000\4000</t>
  </si>
  <si>
    <t>【湖南三德】接触带\3003412\SDAF2000b-03-025\SDAF2000\4000</t>
  </si>
  <si>
    <t>【湖南三德】接触带\3003411\SDAF2000b-03-02\SDAF2000\4000</t>
  </si>
  <si>
    <t>【湖南三德】夹持器\3003415\SDAF2000b-03-006\SDAF2000\4000</t>
  </si>
  <si>
    <t>【湖南三德】灰锥托板样舟\3003425\SDAF2000b-004-c\SDAF2000\4000</t>
  </si>
  <si>
    <t>【湖南三德】灰锥托板\3003426\SDAF2000b-001-c\SDAF2000\4000</t>
  </si>
  <si>
    <t>【湖南三德】摄像机\3010177\DS-2CD4012F\SDAF-TY</t>
  </si>
  <si>
    <t>【湖南三德】糊精粉\4000924\30g\SDAF-TY</t>
  </si>
  <si>
    <t>【湖南三德】灰锥制作垫板\4000917\SDAF\SDAF-TY</t>
  </si>
  <si>
    <t>【湖南三德】玛瑙研钵\2000246\100mm\SDAF-TY</t>
  </si>
  <si>
    <t>【湖南三德】软铜线\4001052\SDAF2000b\SDAF2000\4000</t>
  </si>
  <si>
    <t>【湖南三德】活性炭\4000946\250g\SDAF-TY</t>
  </si>
  <si>
    <t>【湖南三德】片状石墨粒\4000945\AF105-250g\SDAF-TY</t>
  </si>
  <si>
    <t>【湖南三德】石墨粉\4001776\≤φ1mm-500g\SDAF-TY</t>
  </si>
  <si>
    <t>【湖南三德】送样铲\SDMF300.10-003-A1\SUNDY-TY</t>
  </si>
  <si>
    <t>【湖南三德】炉门开关定位卡\4001502\V1.00\SDTGA5000a</t>
  </si>
  <si>
    <t>【湖南三德】机械手中间定位卡\4000496\V1.00\SDTGA5000a</t>
  </si>
  <si>
    <t>【湖南三德】机械手旋转左定位卡\4001463\V1.00\SDTGA5000a</t>
  </si>
  <si>
    <t>【湖南三德】机械手旋转右定位卡\4001462\V1.00\SDTGA5000a</t>
  </si>
  <si>
    <t>【湖南三德】机械手升降定位卡\4000506\V1.01\SDTGA5000a</t>
  </si>
  <si>
    <t>【湖南三德】机械手进定位卡\4000498\V1.00\SDTGA5000a</t>
  </si>
  <si>
    <t>【湖南三德】机械手出定位卡\4001113\V1.00\SDTGA5000a</t>
  </si>
  <si>
    <t>【湖南三德】放样门控定位卡\4000495\V1.00\SDTGA5000a</t>
  </si>
  <si>
    <t>【湖南三德】丢样升降定位卡\4000504\V1.00\SDTGA5000a</t>
  </si>
  <si>
    <t>【湖南三德】密封式二分器\13mm\SDRD40*16a</t>
  </si>
  <si>
    <t>【湖南三德】密封式二分器\6mm\SDRD19*20a</t>
  </si>
  <si>
    <t>【湖南三德】密封式二分器\3mm\SDRD11*32a</t>
  </si>
  <si>
    <t>【湖南三德】涡轮减速电机\3012979\WJ40-Y0.55-4P-7.5\SDNS200</t>
  </si>
  <si>
    <t>【湖南三德】锥滚动轴承\3013218\32014/2007114-LRZ\SDJC100*60</t>
  </si>
  <si>
    <t>【湖南三德】压板\3011866\SDJC100*60-018-A1\SDJC100*60</t>
  </si>
  <si>
    <t>【湖南三德】颚板\3011865\SDJC100*60-015\SDJC100*60</t>
  </si>
  <si>
    <t>【湖南三德】锥滚动轴承\3013219\32016/2007116-LRZ\SDJC150*125</t>
  </si>
  <si>
    <t>【湖南三德】压板\3023408\SDJC150*125</t>
  </si>
  <si>
    <t>【湖南三德】颚板\3023407\SDJC150*125</t>
  </si>
  <si>
    <t>【湖南三德】接料斗\3023411\SDJC150*125</t>
  </si>
  <si>
    <t>【湖南三德】A型皮带\3013196\SDJC-A-1850\SDJC150*125\SDJC100*60</t>
  </si>
  <si>
    <t>【湖南三德】二分器接样盒\3006361\SDUC3150-014\SDUC</t>
  </si>
  <si>
    <t>【湖南三德】弃样环形平皮带\3021080\SDUC2150-PVC\SDUC2150</t>
  </si>
  <si>
    <t>【湖南三德】进样环形平皮带\3013360\GB/T-7984-5000-250-8\SDUC2150</t>
  </si>
  <si>
    <t>【湖南三德】弃样环形平皮带\3021079\5080-250-3\SDUC3150</t>
  </si>
  <si>
    <t>【湖南三德】进样环形平皮带\3021078\5000-250-3\SDUC3150</t>
  </si>
  <si>
    <t>【湖南三德】二级缩分器组件\SDUC2150</t>
  </si>
  <si>
    <t>【湖南三德】一级缩分器组件\SDUC2150</t>
  </si>
  <si>
    <t>【湖南三德】二分器滑杆\3006468\SDUC3150.07-004\SDUC3150</t>
  </si>
  <si>
    <t>【湖南三德】二级缩分器组件\SDUC3150.07\SDUC3150</t>
  </si>
  <si>
    <t>【湖南三德】三相异步电机\3009466\Y112M-4-4KW/380V-1440r/min\SUNDY-TY</t>
  </si>
  <si>
    <t>【湖南三德】三相异步电机\3009465\6P-SDUC3150-Y132M-6P-4KW/380V\SDUC</t>
  </si>
  <si>
    <t>【湖南三德】急停按钮\3001922\UC2-B5-45-UC2-B2-45\SDUC</t>
  </si>
  <si>
    <t>【湖南三德】中间继电器\3008637\JQ-13F/AC380V\SDUC</t>
  </si>
  <si>
    <t>【湖南三德】时间继电器\3023374\JSZ3-A/380VAC/0-5S\SDUC</t>
  </si>
  <si>
    <t>【湖南三德】时间继电器\3008642\JSZ3F/10-120S-AC380V\SDUC</t>
  </si>
  <si>
    <t>【湖南三德】热磁断路器\3001610\GV2-ME14C\SDUC</t>
  </si>
  <si>
    <t>【湖南三德】热磁断路器\3001611\GV2-ME16C\SDUC</t>
  </si>
  <si>
    <t>【湖南三德】交流接触器\3008641\CJ*2-18-10/380V/18A\SUNDY-TY</t>
  </si>
  <si>
    <t>【湖南三德】隔板\3019230\540*410mm\SDDH315</t>
  </si>
  <si>
    <t>【湖南三德】鼓风风机\3007783\RRL152-0020A72-3020LH-503amn\SDTGA520\SDDH315</t>
  </si>
  <si>
    <t>【湖南三德】通氮盒\3021239\SDDH315</t>
  </si>
  <si>
    <t>【湖南三德】热电偶\4000522\SDDH315-013\SDDH315</t>
  </si>
  <si>
    <t>【湖南三德】门把手\3023268\153*38mm\SDDH315</t>
  </si>
  <si>
    <t>【湖南三德】加热器\3020752\SDDH315</t>
  </si>
  <si>
    <t>【湖南三德】贴膜按健\3007616\SDDH315-021\SDDH315</t>
  </si>
  <si>
    <t>【湖南三德】主板卡\4001119\V2.00\SDDH315</t>
  </si>
  <si>
    <t>【湖南三德】液晶显示屏\4000525\SDDH315</t>
  </si>
  <si>
    <t>【湖南三德】复位挡块\3003335\SDCH235.01-023-A2\SDCHN435</t>
  </si>
  <si>
    <t>【湖南三德】巴斯通过滤器\3001390\9900-05-BK\SUNDY-TY</t>
  </si>
  <si>
    <t>【湖南三德】组合炉炉体\3003220\SDCHN435.02-017-A1\SDCHN435</t>
  </si>
  <si>
    <t>【湖南三德】滚珠直线导轨\3003623\HGH15CA-1-L375\SDCHN435</t>
  </si>
  <si>
    <t>【湖南三德】滚珠直线导轨\3003622\HGH15CA-1-L228\SDCHN435</t>
  </si>
  <si>
    <t>【湖南三德】样盘组件\SDCHN435</t>
  </si>
  <si>
    <t>【湖南三德】压力传感器卡\4000764\V1.00\SDCHN435</t>
  </si>
  <si>
    <t>【湖南三德】压力传感器卡\4000777\V1.00\SDCHN435</t>
  </si>
  <si>
    <t>【湖南三德】温度开关\3012883\JUC-6F-130℃\SDCHN435</t>
  </si>
  <si>
    <t>【湖南三德】集气瓶组件\4001064\SDCHN\SDCHN435</t>
  </si>
  <si>
    <t>【湖南三德】还原炉专用工具\3003077\SDCHN335.03-013\SDCHN435</t>
  </si>
  <si>
    <t>【湖南三德】还原炉石英管\3003083\SDCH335.03-003\SDCHN435</t>
  </si>
  <si>
    <t>【湖南三德】还原炉炉体\3003221\SDCHN435.04-012-A1\SDCHN435</t>
  </si>
  <si>
    <t>【湖南三德】过滤架\3003084\SDTGA201.01-008\SDCHN435</t>
  </si>
  <si>
    <t>【湖南三德】干燥管\3003272\AF105-250g\SDCHN435</t>
  </si>
  <si>
    <t>【湖南三德】干燥管\3003271\SDITGS008-013粗\SDCHN435</t>
  </si>
  <si>
    <t>【湖南三德】灰尘过滤管\3003187\SDCH235.03.01-002-A1\SDCHN435</t>
  </si>
  <si>
    <t>【湖南三德】直流风扇\3001593\120*120*25-12V\SDCHN435</t>
  </si>
  <si>
    <t>【湖南三德】燃烧位定位卡\4000775\V1.20\SDCHN435</t>
  </si>
  <si>
    <t>【湖南三德】积分卡\4000781\V2.00\SDCHN435</t>
  </si>
  <si>
    <t>【湖南三德】热导测氮传感器\5000243\TCD\SDCHN435</t>
  </si>
  <si>
    <t>【湖南三德】测碳红外池\SDIGS001\SDCHN435</t>
  </si>
  <si>
    <t>【湖南三德】测氢红外池\5000244\SDIGS000\SDCHN435</t>
  </si>
  <si>
    <t>【湖南三德】测氢传感器\4000819\SDIGS002\SDCHN435</t>
  </si>
  <si>
    <t>【湖南三德】碳氢传感器\4000817\SDIGS003\SDCHN435</t>
  </si>
  <si>
    <t>【湖南三德】碳氢氮传感器\4000761\SDIGS004\SDCHN435</t>
  </si>
  <si>
    <t>【湖南三德】转接卡\4000779\V1.01\SDCHN435</t>
  </si>
  <si>
    <t>【湖南三德】灰锥托板\3003431\SDAF2000b-002-c\SDAF2000\4000</t>
  </si>
  <si>
    <t>【湖南三德】灰锥取像框\3003498\SDAF2000b-03-001-c\SDAF2000\4000</t>
  </si>
  <si>
    <t>【湖南三德】灰锥模子\3022677\SDAF2000a\SDAF2000\4000</t>
  </si>
  <si>
    <t>【湖南三德】灰熔融性电源\4000927\5KVA-TDB-5K-60T\SDAF2000\4000</t>
  </si>
  <si>
    <t>【湖南三德】观测孔石英片\3003501\SDAF2000b-03-02-003\SDAF2000\4000</t>
  </si>
  <si>
    <t>【湖南三德】风机控制卡\4000918\V1.10\SDAF2000\4000</t>
  </si>
  <si>
    <t>【湖南三德】背景左门状态卡\V1.00\SDAF2000\4000</t>
  </si>
  <si>
    <t>【湖南三德】电源开关\3009441\LA42PSD-20\AC220VGS\SDAF2000\4000</t>
  </si>
  <si>
    <t>【湖南三德】变压器\3012543\TDA-3-41-2.5V\SDAF2000\4000</t>
  </si>
  <si>
    <t>【湖南三德】高温炉膛\4001053\SDMF300.11-005-A1\SUNDY-TY</t>
  </si>
  <si>
    <t>【湖南三德】热电偶\3022762\K-L=265\SDTGA201</t>
  </si>
  <si>
    <t>【湖南三德】热电偶\K-L=300\SDTGA100</t>
  </si>
  <si>
    <t>【湖南三德】热电偶\3023285\K-L=236\SDTGA200</t>
  </si>
  <si>
    <t>【湖南三德】碰珠锁\3021034\SDTGA\SDTGA200</t>
  </si>
  <si>
    <t>【湖南三德】炉膛坩埚托板\3019214\SDTGA201.01-008\SDTGA201</t>
  </si>
  <si>
    <t>【湖南三德】挥发分坩埚架\3007379\AF105-250g\SUNDY-TY</t>
  </si>
  <si>
    <t>【湖南三德】灰分坩埚架\3007378\SDTGA100-SDTGA100-HF\SUNDY-TY</t>
  </si>
  <si>
    <t>【湖南三德】挥发分坩埚盖\2000206\GB\SUNDY-TY</t>
  </si>
  <si>
    <t>【湖南三德】低温盘旋转卡\4000503\V1.00\SDTGA5000a</t>
  </si>
  <si>
    <t>【湖南三德】低温盘升降卡\4000502\V1.00\SDTGA5000a</t>
  </si>
  <si>
    <t>【湖南三德】机械手升降定位卡\4000458\V1.00\SDTGA8000</t>
  </si>
  <si>
    <t>【湖南三德】机械手初始定位卡\4000457\V1.00\SDTGA8000</t>
  </si>
  <si>
    <t>【湖南三德】电机保护卡\4001936\V1.00\SDTGA-TY</t>
  </si>
  <si>
    <t>【湖南三德】风机气泵组件\4000467\SDTGA8000</t>
  </si>
  <si>
    <t>【湖南三德】风机气泵控制线\4000468\SDTGA8000</t>
  </si>
  <si>
    <t>【湖南三德】氟橡胶圈\3007137\φ33*25*13\SUNDY-TY</t>
  </si>
  <si>
    <t>【湖南三德】直线轴承\3003546\LMF8LUU-N\SDTGA8000</t>
  </si>
  <si>
    <t>【湖南三德】量热仪\单控\SDAC6000</t>
  </si>
  <si>
    <t>【湖南三德】量热仪\双控\SDAC6000</t>
  </si>
  <si>
    <t>【湖南三德】量热仪\单控\SDAC6000u</t>
  </si>
  <si>
    <t>【湖南三德】量热仪\双控\SDAC6000u</t>
  </si>
  <si>
    <t>【湖南三德】量热仪\单控/台式\SDC712</t>
  </si>
  <si>
    <t>【湖南三德】量热仪\单控/立式\SDC712a</t>
  </si>
  <si>
    <t>【湖南三德】量热仪\双控/台式\SDC712</t>
  </si>
  <si>
    <t>【湖南三德】量热仪\双控/台式\SDC712a</t>
  </si>
  <si>
    <t>【湖南三德】量热仪\单控/台式\SDC715</t>
  </si>
  <si>
    <t>【湖南三德】量热仪\单控/立式\SDC715a</t>
  </si>
  <si>
    <t>【湖南三德】量热仪\双控/台式\SDC715</t>
  </si>
  <si>
    <t>【湖南三德】量热仪\双控/立式\SDC715a</t>
  </si>
  <si>
    <t>【湖南三德】量热仪\双控\SDACM4000</t>
  </si>
  <si>
    <t>【湖南三德】量热仪\单控\SDACM4000</t>
  </si>
  <si>
    <t>【湖南三德】量热仪\双控\SDACM3100</t>
  </si>
  <si>
    <t>【湖南三德】量热仪\单控\SDACM3100</t>
  </si>
  <si>
    <t>【湖南三德】碳氢氮元素分析仪\SDCHN435</t>
  </si>
  <si>
    <t>【湖南三德】红外碳氢仪\SDCH425</t>
  </si>
  <si>
    <t>【湖南三德】红外测氢仪\SDH425</t>
  </si>
  <si>
    <t>【湖南三德】红外定硫仪\SDS350</t>
  </si>
  <si>
    <t>【湖南三德】自动定硫仪\SDS820</t>
  </si>
  <si>
    <t>【湖南三德】自动定硫仪\SDS720</t>
  </si>
  <si>
    <t>【湖南三德】定硫仪\SDS-Ⅳa</t>
  </si>
  <si>
    <t>【湖南三德】定硫仪\SDS-V</t>
  </si>
  <si>
    <t>【湖南三德】自动氟氯分析仪\SDFCl3000</t>
  </si>
  <si>
    <t>【湖南三德】自动氟分析仪\SDF3000</t>
  </si>
  <si>
    <t>【湖南三德】自动氯分析仪\SDCl3000</t>
  </si>
  <si>
    <t>【湖南三德】工业分析仪\SDTGA8000a</t>
  </si>
  <si>
    <t>【湖南三德】工业分析仪\SDTGA8000</t>
  </si>
  <si>
    <t>【湖南三德】工业分析仪\SDTGA6000</t>
  </si>
  <si>
    <t>【湖南三德】工业分析仪\SDTGA6000A</t>
  </si>
  <si>
    <t>【湖南三德】工业分析仪\SDTGA6000V</t>
  </si>
  <si>
    <t>【湖南三德】热灼减率分析仪\SDLOI1000</t>
  </si>
  <si>
    <t>【湖南三德】工业分析仪\SDTGA5000a</t>
  </si>
  <si>
    <t>【湖南三德】智能鼓风干燥箱\SDIDB413</t>
  </si>
  <si>
    <t>【湖南三德】通氮鼓风干燥箱\SDDH315</t>
  </si>
  <si>
    <t>【湖南三德】鼓风干燥箱\SDDH306</t>
  </si>
  <si>
    <t>【湖南三德】鼓风干燥箱\SDDH313</t>
  </si>
  <si>
    <t>【湖南三德】鼓风干燥箱\SDDH323</t>
  </si>
  <si>
    <t>【湖南三德】马弗炉\SDMF300</t>
  </si>
  <si>
    <t>【湖南三德】智能马弗炉\SDIMF200</t>
  </si>
  <si>
    <t>【湖南三德】水分测试仪\双控\SDTGA520</t>
  </si>
  <si>
    <t>【湖南三德】水分测试仪\单控\SDTGA520</t>
  </si>
  <si>
    <t>【湖南三德】水分测试仪\双控\SDTGA520a</t>
  </si>
  <si>
    <t>【湖南三德】水分测试仪\单控\SDTGA520a</t>
  </si>
  <si>
    <t>【湖南三德】水分测试仪\单控\SDTGA500</t>
  </si>
  <si>
    <t>【湖南三德】水分测试仪\双控\SDTGA500</t>
  </si>
  <si>
    <t>【湖南三德】光波水分测试仪\光波双控\SDTGA400b</t>
  </si>
  <si>
    <t>【湖南三德】光波水分测试仪\单控\SDTGA400b</t>
  </si>
  <si>
    <t>【湖南三德】灰熔融性测试仪\SDAF105a</t>
  </si>
  <si>
    <t>【湖南三德】灰熔融性测试仪\SDAF105b</t>
  </si>
  <si>
    <t>【湖南三德】灰熔融性测试仪\SDAF4000</t>
  </si>
  <si>
    <t>【湖南三德】哈氏可磨性指数测定仪\SDHG60a</t>
  </si>
  <si>
    <t>【湖南三德】固定式激光盘料仪\SDLM1250</t>
  </si>
  <si>
    <t>【湖南三德】氟氯分析仪\SDFCl1000</t>
  </si>
  <si>
    <t>【湖南三德】氟氯分析仪\SDFCl1000a</t>
  </si>
  <si>
    <t>【湖南三德】氟分析仪\SDF1000</t>
  </si>
  <si>
    <t>【湖南三德】氟分析仪\SDF1000a</t>
  </si>
  <si>
    <t>【湖南三德】氯分析仪\SDCl1000</t>
  </si>
  <si>
    <t>【湖南三德】氯分析仪\SDCl1000a</t>
  </si>
  <si>
    <t>【湖南三德】高温水解收集仪\SDFCl-1000</t>
  </si>
  <si>
    <t>【湖南三德】风透式快速除湿干燥机\单控\SDVD25</t>
  </si>
  <si>
    <t>【湖南三德】风透式快速除湿干燥机\双控\SDVD25</t>
  </si>
  <si>
    <t>【湖南三德】风透干燥机\SDVD3mm</t>
  </si>
  <si>
    <t>【湖南三德】破碎缩分联合制样机\SDUC3150</t>
  </si>
  <si>
    <t>【湖南三德】破碎缩分联合制样机\SDUC3150D</t>
  </si>
  <si>
    <t>【湖南三德】湿煤破碎机\SDHCW400*260</t>
  </si>
  <si>
    <t>【湖南三德】锤式破碎缩分机\SDHD150</t>
  </si>
  <si>
    <t>【湖南三德】锤式破碎缩分机\SDLA618.03.03-007\SDHD150t</t>
  </si>
  <si>
    <t>【湖南三德】锤式破碎缩分机\SDHD50t</t>
  </si>
  <si>
    <t>【湖南三德】锤式破碎机\SDHC50t</t>
  </si>
  <si>
    <t>【湖南三德】锤式破碎机\SDHC150t</t>
  </si>
  <si>
    <t>【湖南三德】锤式破碎机\SDHC50b</t>
  </si>
  <si>
    <t>【湖南三德】锤式破碎机\SDHC150b</t>
  </si>
  <si>
    <t>【湖南三德】颚式破碎机\SDJC100*60a</t>
  </si>
  <si>
    <t>【湖南三德】颚式破碎机\SDJC150*125a</t>
  </si>
  <si>
    <t>【湖南三德】对辊破碎机\SDRC250*75a</t>
  </si>
  <si>
    <t>【湖南三德】对辊破碎机\SDRC250*150a</t>
  </si>
  <si>
    <t>【湖南三德】制样粉碎机\SDPP1*100a</t>
  </si>
  <si>
    <t>【湖南三德】制样粉碎机\SDPP2*100a</t>
  </si>
  <si>
    <t>【湖南三德】制样粉碎机\SDPP3*100a</t>
  </si>
  <si>
    <t>【湖南三德】自动机械缩分器\SDMD16</t>
  </si>
  <si>
    <t>【湖南三德】标准振筛机\SDNS200a</t>
  </si>
  <si>
    <t>【湖南三德】环保振筛机\SDNS300</t>
  </si>
  <si>
    <t>【克莱德吹灰器】外管\Lw=11.5-12m\T91\T102III</t>
  </si>
  <si>
    <t>上海克莱德</t>
  </si>
  <si>
    <t>【克莱德吹灰器】外管\Lw=11.5-12m\15CrMo\T102III</t>
  </si>
  <si>
    <t>【克莱德吹灰器】耐腐性提升阀\N1/36104/PS-HB</t>
  </si>
  <si>
    <t>【克莱德吹灰器】链条\链条/5/8/54节/GB1243.1-10A-1*96/PS-HB</t>
  </si>
  <si>
    <t>【克莱德吹灰器】空气阀\SCH1517KQF-0/PS-HB</t>
  </si>
  <si>
    <t>【克莱德吹灰器】内管\2205\SCH1517NG-0/PS-HB</t>
  </si>
  <si>
    <t>【克莱德吹灰器】不锈钢缠绕垫片(600)\50256-010A/525/PS-HB</t>
  </si>
  <si>
    <t>【克莱德吹灰器】内管垫片\304634-0117/525/PS-HB</t>
  </si>
  <si>
    <t>【克莱德吹灰器】外管垫片\305656-0117/525/PS-HB</t>
  </si>
  <si>
    <t>【克莱德吹灰器】球形空气阀3/4"组件\343503-3034/525/PS-HB</t>
  </si>
  <si>
    <t>【克莱德吹灰器】吹灰枪\316L\347284-0044G/525/PS-HB</t>
  </si>
  <si>
    <t>【克莱德吹灰器】内管\2205\310635-1137/525/PS-HB</t>
  </si>
  <si>
    <t>【克莱德吹灰器】弹性电缆(左)\332825-1024/525/PS-HB</t>
  </si>
  <si>
    <t>【克莱德吹灰器】行程开关\E10301-0001/525/PS-HB</t>
  </si>
  <si>
    <t>【克莱德吹灰器】前支撑滚轮部件\341370-1008/525/PS-HB</t>
  </si>
  <si>
    <t>【克莱德吹灰器】提升阀\350654-000A/525/PS-HB</t>
  </si>
  <si>
    <t>【克莱德吹灰器】阀门密封填料\347691-010A/525/PS-HB</t>
  </si>
  <si>
    <t>【克莱德吹灰器】内管填料\346160-1134/525/PS-HB</t>
  </si>
  <si>
    <t>【克莱德吹灰器】开阀机构\N1/0648E/PS-HB/304</t>
  </si>
  <si>
    <t>【克莱德吹灰器】正压墙箱\N1/0467D/PS-HB/304</t>
  </si>
  <si>
    <t>【克莱德吹灰器】行走箱\N1/0673B/PS-HB</t>
  </si>
  <si>
    <t>【克莱德吹灰器】齿轮箱\PSSBGB</t>
  </si>
  <si>
    <t>【克莱德吹灰器】齿轮箱组件(含电机)\PSSBGB/PS-HB</t>
  </si>
  <si>
    <t>【克莱德吹灰器】滚轮轴\N147334C/PS-HB</t>
  </si>
  <si>
    <t>【克莱德吹灰器】行走箱撞停\N1/0673/115/PS-HB</t>
  </si>
  <si>
    <t>【克莱德吹灰器】链轮26\N1/47378/PS-HB</t>
  </si>
  <si>
    <t>【克莱德吹灰器】枪管卡托\PS-HB</t>
  </si>
  <si>
    <t>【克莱德吹灰器】外管\L=2998mm\2205\N1/0701B/PS-HB</t>
  </si>
  <si>
    <t>【克莱德吹灰器】喷嘴管\L=10851mm\2205\PSSBPZG/PS-HB</t>
  </si>
  <si>
    <t>【克莱德吹灰器】外管\L=2858mm\2205\N1/0701B/PS-HB</t>
  </si>
  <si>
    <t>【克莱德吹灰器】喷嘴管\L=10921mm\2205\PSSBPZG/PS-HB</t>
  </si>
  <si>
    <t>【克莱德吹灰器】行程开关\LSA1A/Honeywell/PS-HB</t>
  </si>
  <si>
    <t>【克莱德吹灰器】提升阀阀瓣\N1/47409C/PS-HB</t>
  </si>
  <si>
    <t>【克莱德吹灰器】提升阀阀杆\N1/47346D/PS-HB</t>
  </si>
  <si>
    <t>【克莱德吹灰器】提升阀弹簧\N1/43385/PS-HB</t>
  </si>
  <si>
    <t>【克莱德吹灰器】提升阀阀座\N1/44576C/PS-HB</t>
  </si>
  <si>
    <t>【克莱德吹灰器】提升阀调节器\N1/50580/PS-HB</t>
  </si>
  <si>
    <t>【克莱德吹灰器】链条张紧机构\N1/21588DL/PS-HB</t>
  </si>
  <si>
    <t>【克莱德吹灰器】内管垫片\N1/0648C/15L/PS-HB</t>
  </si>
  <si>
    <t>【克莱德吹灰器】限位开关\Z4V10H336-11Z-1593-6/E0000093L/PS-HB</t>
  </si>
  <si>
    <t>【克莱德吹灰器】缠绕式垫片\84×96×3.2\O0000044L/PS-HB</t>
  </si>
  <si>
    <t>【克莱德吹灰器】带内环和定位环型缠绕式垫片\GB4622-D2222-80-63/PS-HB</t>
  </si>
  <si>
    <t>【克莱德吹灰器】传动链条5/8\链条5/8/GB1243.1-10A-1*96/PS-HB</t>
  </si>
  <si>
    <t>【克莱德吹灰器】前部托轮组(固定)\N1/22995L/PS-HB</t>
  </si>
  <si>
    <t>【克莱德吹灰器】阀门填料\N1/6181L/PS-HB</t>
  </si>
  <si>
    <t>【克莱德吹灰器】填料60\SCB6-02SAL/PS-HB</t>
  </si>
  <si>
    <t>【克莱德吹灰器】填料压盖\N1/32251BL/PS-HB</t>
  </si>
  <si>
    <t>【克莱德吹灰器】齿条\N1/33035CL/PS-HB</t>
  </si>
  <si>
    <t>【克莱德吹灰器】滚轮轴组件\O0000354L/PS-HB</t>
  </si>
  <si>
    <t>【克莱德吹灰器】撞销组件\O0000355L/PS-HB</t>
  </si>
  <si>
    <t>【克莱德吹灰器】压轮组件\O0000356L/PS-HB</t>
  </si>
  <si>
    <t>【克莱德吹灰器】电动机\E0000079L/PS-HB</t>
  </si>
  <si>
    <t>【克莱德吹灰器】内管\L=3325mm\2205\N1/35631BL/PS-HB</t>
  </si>
  <si>
    <t>【克莱德吹灰器】内管\L=3185mm\2205\N1/35631BL/PS-HB</t>
  </si>
  <si>
    <t>【克莱德吹灰器】耐腐蚀型空气阀\N1/47424BL/PS-HB</t>
  </si>
  <si>
    <t>【克莱德吹灰器】接线盒\SS304/IP66/N1/0712C/1/PS-HB蒸汽吹灰器/304</t>
  </si>
  <si>
    <t>【克莱德吹灰器】交流接触器及辅助接点\交流接触器及辅助接点/接触器：LC1E0601M5N/辅助触点：LAEN20N/PS-HB</t>
  </si>
  <si>
    <t>【克莱德吹灰器】热继电器\GV2ME07C/PS-HB</t>
  </si>
  <si>
    <t>【克莱德吹灰器】电流变送器\UFPA-A3,10A/4-20MA/PS-HB</t>
  </si>
  <si>
    <t>【克莱德吹灰器】中间继电器\RJ2S-CL-A220/PS-HB</t>
  </si>
  <si>
    <t>【克莱德吹灰器】电压继电器\K8AK-PH/PS-HB</t>
  </si>
  <si>
    <t>【克莱德吹灰器】压力表\0-1.6MPa/不锈钢耐震/PS-HB</t>
  </si>
  <si>
    <t>【克莱德吹灰器】SOR压力开关\6NN-K3-N4-F1A/PS-HB</t>
  </si>
  <si>
    <t>【克莱德吹灰器】SOR压力开关\6NN-K5-M4-C1A/PS-HB</t>
  </si>
  <si>
    <t>【克莱德吹灰器】限位开关\LSA1A/Honeywell/PS-HB</t>
  </si>
  <si>
    <t>【克莱德吹灰器】限位开关摆臂\LSZ52D/PS-HB</t>
  </si>
  <si>
    <t>【克莱德吹灰器】弹性电缆(右)\332825-1024/525/PS-HB</t>
  </si>
  <si>
    <t>【克莱德吹灰器】正压墙箱部件\326499-1039/525/PS-HB</t>
  </si>
  <si>
    <t>【克莱德吹灰器】提升阀阀杆\344086-1122/525/PS-HB</t>
  </si>
  <si>
    <t>【克莱德吹灰器】提升阀弹簧\302051-0115/525/PS-HB</t>
  </si>
  <si>
    <t>【克莱德吹灰器】提升阀阀座\309786-1128/525/PS-HB</t>
  </si>
  <si>
    <t>【克莱德吹灰器】提升阀阀瓣\309785-1129/525/PS-HB</t>
  </si>
  <si>
    <t>【克莱德吹灰器】提升阀调压盘\302028-0115/525/PS-HB</t>
  </si>
  <si>
    <t>【克莱德吹灰器】空气阀\343503-1038/525/PS-HB</t>
  </si>
  <si>
    <t>【克莱德吹灰器】吹灰器专用电动扳手\405243-0024/525/PS-HB</t>
  </si>
  <si>
    <t>【克莱德吹灰器】跑车齿轮组\525/PS-HB</t>
  </si>
  <si>
    <t>【克莱德吹灰器】吹灰器提升阀阀芯\N1/47409C等辅件</t>
  </si>
  <si>
    <t>【克莱德吹灰器】吹灰器空气阀阀芯附螺母\N1/45623C,N1/47407A等</t>
  </si>
  <si>
    <t>【克莱德吹灰器】吹灰器空气阀弹簧\N1/47407AL</t>
  </si>
  <si>
    <t>【克莱德吹灰器】吹灰器空气阀(锥螺纹接口)\N1/47424BL2</t>
  </si>
  <si>
    <t>【克莱德吹灰器】RKS吹灰器提升阀阀芯阀杆组件\N1/47409C等</t>
  </si>
  <si>
    <t>【克莱德吹灰器】RKS型吹灰器开阀撞杆\SCB0557GG,SCB0557ZX</t>
  </si>
  <si>
    <t>【克莱德吹灰器】吹灰器颈爪组件\DM321493-1036</t>
  </si>
  <si>
    <t>【克莱德吹灰器】RKS型吹灰器空气阀\SCB0355KQF-0</t>
  </si>
  <si>
    <t>【克莱德吹灰器】L6-1吹灰器主轴\D84.10-7</t>
  </si>
  <si>
    <t>【克莱德吹灰器】V92型吹灰器铜套(运转螺母)\BEG-N1-35473</t>
  </si>
  <si>
    <t>【克莱德吹灰器】V92型吹灰器内枪管\N1/35673L</t>
  </si>
  <si>
    <t>【克莱德吹灰器】RKS型吹灰器内枪管\SCB10902NG</t>
  </si>
  <si>
    <t>【克莱德吹灰器】PA-ST型空预器吹灰器内枪管\N1/35631-BL</t>
  </si>
  <si>
    <t>【克莱德吹灰器】RKS型吹灰器提升阀\SCB03234-N1/36104</t>
  </si>
  <si>
    <t>【克莱德吹灰器】V92型吹灰器提升阀\SCB03234-N1/36104</t>
  </si>
  <si>
    <t>【克莱德吹灰器】L6-1吹灰器提升阀阀芯阀杆组件\D11.05等</t>
  </si>
  <si>
    <t>【克莱德吹灰器】导管与填料室(外管)部件\DM334143-1025</t>
  </si>
  <si>
    <t>【克莱德吹灰器】二期长吹中间托架\N1/11215BL</t>
  </si>
  <si>
    <t>【克莱德吹灰器】PS-AT型空预器吹灰器填料压盖\N1/32251BL</t>
  </si>
  <si>
    <t>【克莱德吹灰器】L6-1型炉膛吹灰器空气阀\D82.03-0A</t>
  </si>
  <si>
    <t>【克莱德吹灰器】喷嘴管(井字架用)\PSATZDJ</t>
  </si>
  <si>
    <t>【克莱德吹灰器】凸轮组件\N1/47368A</t>
  </si>
  <si>
    <t>【克莱德吹灰器】拉杆组件\N1/22603C</t>
  </si>
  <si>
    <t>【克莱德吹灰器】销轴\N1/47454C</t>
  </si>
  <si>
    <t>【克莱德吹灰器】压轮\N1/47333B</t>
  </si>
  <si>
    <t>【克莱德吹灰器】炉墙接口箱(负压)\N1/0266D</t>
  </si>
  <si>
    <t>【克莱德吹灰器】黑色电缆\TRVV4×1.5\E0000034</t>
  </si>
  <si>
    <t>【克莱德吹灰器】橙色电缆\TRVV4×1.5\E0000049</t>
  </si>
  <si>
    <t>【克莱德吹灰器】凸轮\N1/33612A</t>
  </si>
  <si>
    <t>【克莱德吹灰器】外管\L=12－13.5m\T91\PSLLT102III</t>
  </si>
  <si>
    <t>【克莱德吹灰器】外管\L=12－13.5m\15CrMo\T102II</t>
  </si>
  <si>
    <t>【克莱德吹灰器】内管\L=12－13.5m\N1/35631B/1</t>
  </si>
  <si>
    <t>【克莱德吹灰器】外管\L=12148\T91\PSLLT102III(4喷嘴)</t>
  </si>
  <si>
    <t>【克莱德吹灰器】外管\L=12148\13CrMo44\PSLLT102III(4喷嘴)</t>
  </si>
  <si>
    <t>【克莱德吹灰器】外管\L=12－13.5m\13CrMo44\T102II</t>
  </si>
  <si>
    <t>【克莱德吹灰器】炉墙接口箱(负压)\PSLL/0266D</t>
  </si>
  <si>
    <t>【克莱德吹灰器】对开环\N1/43617</t>
  </si>
  <si>
    <t>【克莱德吹灰器】缠绕式垫片\84×96×3.2\O0000044</t>
  </si>
  <si>
    <t>【克莱德吹灰器】滚轮\110X45\N1/32952B</t>
  </si>
  <si>
    <t>【克莱德吹灰器】拖链接头\I0000018</t>
  </si>
  <si>
    <t>【克莱德吹灰器】滚轮\N1/49314</t>
  </si>
  <si>
    <t>【克莱德吹灰器】链条3/4\GB1243.1-12A-1*80</t>
  </si>
  <si>
    <t>【克莱德吹灰器】链条接头3/4\O0000077</t>
  </si>
  <si>
    <t>【克莱德吹灰器】接线盒体\SCB6-14S</t>
  </si>
  <si>
    <t>【克莱德吹灰器】按钮(绿)\CP1-10G-11\E0000025</t>
  </si>
  <si>
    <t>【克莱德吹灰器】按钮(黄)\CP1-10Y-11\E0000026</t>
  </si>
  <si>
    <t>【克莱德吹灰器】外管\L=4-6.5m\13CrMo44\N1/0701B</t>
  </si>
  <si>
    <t>【克莱德吹灰器】外管\L=4158\T76SB</t>
  </si>
  <si>
    <t>【克莱德吹灰器】内管\L=4627\PSSL/B-5-0</t>
  </si>
  <si>
    <t>【克莱德吹灰器】外管\L=3958\15CrMo\T76I</t>
  </si>
  <si>
    <t>【克莱德吹灰器】外管\L=4358\15CrMo\T76I</t>
  </si>
  <si>
    <t>【克莱德吹灰器】内管\L=4872\PSSL/B-5-0</t>
  </si>
  <si>
    <t>【克莱德吹灰器】销\N1/47359</t>
  </si>
  <si>
    <t>【克莱德吹灰器】节杆组件\N1/47844C</t>
  </si>
  <si>
    <t>【克莱德吹灰器】销\N1/43361D</t>
  </si>
  <si>
    <t>【克莱德吹灰器】接线盒\N1/0712C/1</t>
  </si>
  <si>
    <t>【克莱德吹灰器】行走箱\N1/0767</t>
  </si>
  <si>
    <t>【克莱德吹灰器】K分度热电偶\WRNK-372-Φ6\E0000117</t>
  </si>
  <si>
    <t>【克莱德吹灰器】E分度热电偶\WREK-372-φ6\E0000118</t>
  </si>
  <si>
    <t>【克莱德吹灰器】齿轮箱组件\V92GB</t>
  </si>
  <si>
    <t>【克莱德吹灰器】垫片\N1/11172A/5</t>
  </si>
  <si>
    <t>【克莱德吹灰器】压盖\N1/35471</t>
  </si>
  <si>
    <t>【克莱德吹灰器】导向装置\N1/35472A</t>
  </si>
  <si>
    <t>【克莱德吹灰器】衬套\N1/49175B</t>
  </si>
  <si>
    <t>【克莱德吹灰器】垫圈\N1/49182A</t>
  </si>
  <si>
    <t>【克莱德吹灰器】压环\N1/49183</t>
  </si>
  <si>
    <t>【克莱德吹灰器】衬套\N1/49471</t>
  </si>
  <si>
    <t>【克莱德吹灰器】轴承\GB/T276-608-2RS</t>
  </si>
  <si>
    <t>【克莱德吹灰器】轴承\GB/T276-6204-2RS</t>
  </si>
  <si>
    <t>【克莱德吹灰器】接线盒(V92)\N1/A0635B/5/1</t>
  </si>
  <si>
    <t>【克莱德吹灰器】限位开关曲柄组件\SCB6-12S-0\E0000150</t>
  </si>
  <si>
    <t>【克莱德吹灰器】刮灰板\N1/45615</t>
  </si>
  <si>
    <t>【克莱德吹灰器】喷嘴头27\N1/33141B</t>
  </si>
  <si>
    <t>【克莱德吹灰器】喷嘴头22.5\N1/33285</t>
  </si>
  <si>
    <t>【克莱德吹灰器】链条5/8\GB1243.1-10A-1*96</t>
  </si>
  <si>
    <t>【克莱德吹灰器】接线盒\V04-11-3</t>
  </si>
  <si>
    <t>【克莱德吹灰器】行程开关\Z4V.336-11Z-1593-6(-1183)\E0000093</t>
  </si>
  <si>
    <t>【克莱德吹灰器】行程开关\Z4V.336-11Z-1593-4\E0000267</t>
  </si>
  <si>
    <t>【克莱德吹灰器】行程开关\Z4V.336-11Z-1593-7\E0000266</t>
  </si>
  <si>
    <t>【克莱德吹灰器】电动机\M2QA80M4B-J4-TH-750W\E0000077</t>
  </si>
  <si>
    <t>【克莱德吹灰器】电动机\M2QA80M4A-J4-TH-550W\E0000042</t>
  </si>
  <si>
    <t>【克莱德吹灰器】电动机\M2QA71M4A-J4-TH-250W\E0000050</t>
  </si>
  <si>
    <t>【克莱德吹灰器】电动机\M2QA80M6B-J4-TH-550W\E0000079</t>
  </si>
  <si>
    <t>【克莱德吹灰器】电动机\M2QA90L4A-J1-1500W\E0000225</t>
  </si>
  <si>
    <t>【克莱德吹灰器】电动机\M2QA71M4B-J4-TH-370W\E0000046</t>
  </si>
  <si>
    <t>【克莱德吹灰器】电动机\M2QA90L8A-J4-TH-550W\E0000682</t>
  </si>
  <si>
    <t>【克莱德吹灰器】电动机\M2QA90S4A-J4-TH-1100W\E0000058</t>
  </si>
  <si>
    <t>【克莱德吹灰器】电动机\M2QA90L6A-J1-TH-1100W\E0000080</t>
  </si>
  <si>
    <t>【克莱德吹灰器】高温油脂\18kg/桶\O0000331</t>
  </si>
  <si>
    <t>桶</t>
  </si>
  <si>
    <t>【克莱德吹灰器】蜗轮蜗杆合成极压油\OOOOO317</t>
  </si>
  <si>
    <t>千克</t>
  </si>
  <si>
    <t>【克莱德吹灰器】炉墙防火密封装置\QXMFZZ-102-0\配φ101.6外管\O0000643</t>
  </si>
  <si>
    <t>【克莱德吹灰器】炉墙防火密封装置\QXMFZZ-76-0\配φ76外管\O0000644</t>
  </si>
  <si>
    <t>【克莱德吹灰器】炉墙防火密封装置\QXMFZZ-89-0\配φ89外管\O0000555</t>
  </si>
  <si>
    <t>【克莱德吹灰器】炉墙防火密封装置\QXMFZZ-140-0\配φ140外管\O0000645</t>
  </si>
  <si>
    <t>【烟台龙源】直流炉等离子体煤粉燃烧器本体\ZR-400-YM/HM(YR-H-400N-PM,ZR-Z-400),一次风送粉管外径D≤450mm</t>
  </si>
  <si>
    <t>烟台龙源</t>
  </si>
  <si>
    <t>龙源技术</t>
  </si>
  <si>
    <t>WZSCCG-2019-WL-001</t>
  </si>
  <si>
    <t>烟台龙源等离子、微油、低氮燃烧器及火检设备备件集团级长协采购框架协议</t>
  </si>
  <si>
    <t>烟台龙源电力技术股份有限公司</t>
  </si>
  <si>
    <t>【烟台龙源】直流炉等离子体煤粉燃烧器本体\ZR-500-YM/HM(YR-H-500N-PM,ZR-Z-500),450mm＜一次风送粉管外径D≤550mm</t>
  </si>
  <si>
    <t>【烟台龙源】直流炉等离子体煤粉燃烧器本体\ZR-600-YM/HM(YR-H-600N-PM,ZR-Z-600),550mm＜一次风送粉管外径D≤650mm</t>
  </si>
  <si>
    <t>【烟台龙源】直流炉等离子体煤粉燃烧器本体\ZR-700-YM/HM(YR-H-700N-PM,ZR-Z-700),一次风送粉管外径D＞650mm</t>
  </si>
  <si>
    <t>【烟台龙源】旋流炉等离子体煤粉燃烧器本体\ZR-400-YM/HM(YR-H-400N-PM,ZR-X-400),一次风送粉管外径D≤450mm</t>
  </si>
  <si>
    <t>【烟台龙源】旋流炉等离子体煤粉燃烧器本体\ZR-500-YM/HM(YR-H-500N-PM,ZR-X-500),450mm＜一次风送粉管外径D≤550mm</t>
  </si>
  <si>
    <t>【烟台龙源】旋流炉等离子体煤粉燃烧器本体\ZR-600-YM/HM(YR-H-600N-PM,ZR-X-600),550mm＜一次风送粉管外径D≤650mm</t>
  </si>
  <si>
    <t>【烟台龙源】旋流炉等离子体煤粉燃烧器本体\ZR-700-YM/HM(YR-H-700N-PM,ZR-X-700),一次风送粉管外径D＞650mm</t>
  </si>
  <si>
    <t>【烟台龙源】W炉有氧系列等离子体煤粉燃烧器本体(包含一次风组件、二次风组件)\YR-H-500-PM-W</t>
  </si>
  <si>
    <t>【烟台龙源】W炉有氧系列一次风组件\YR-YCFZJ-W</t>
  </si>
  <si>
    <t>【烟台龙源】W炉有氧系列二次风组件\YR-ECFZJ-W</t>
  </si>
  <si>
    <t>【烟台龙源】等离子体(微油)90°系列煤粉弯头\ZR-WT-D(YR-WT,ZR-WY-WT)</t>
  </si>
  <si>
    <t>【烟台龙源】等离子体(微油)S型煤粉弯头\ZR-WT-D-S(YR-WT-S,ZR-WT-D-S)</t>
  </si>
  <si>
    <t>【烟台龙源】等离子体(微油)加长型煤粉弯头\ZR-WT-D-S(YR-WT-S,ZR-WT-D-S)</t>
  </si>
  <si>
    <t>【烟台龙源】等离子体(微油)变径型煤粉弯头\ZR-WT-D-S(YR-WT-S,ZR-WT-D-S)</t>
  </si>
  <si>
    <t>【烟台龙源】微油煤粉燃烧器\ZR-WY-RSQ-D</t>
  </si>
  <si>
    <t>【烟台龙源】耐磨护套\ZR-NMHT-O-L,(ZR-S-O)</t>
  </si>
  <si>
    <t>【烟台龙源】耐磨护套\ZR-NMHT-V-L(YR-NMHT-L,ZR-S-V)</t>
  </si>
  <si>
    <t>【烟台龙源】耐磨护套\ZR-NMHT-Z-L</t>
  </si>
  <si>
    <t>【烟台龙源】耐磨护套\ZR-WY-NMHT-L</t>
  </si>
  <si>
    <t>【烟台龙源】耐磨护套\YR-NMHT-Y-L(有氧系列)</t>
  </si>
  <si>
    <t>【烟台龙源】中心筒\ZR-ZXT-D(ZR-WY-ZXT-L)</t>
  </si>
  <si>
    <t>【烟台龙源】中心筒\YR-ZXT-LxD(有氧系列)</t>
  </si>
  <si>
    <t>【烟台龙源】中心筒\YR-ZXT-Y-LxD(有氧系列)</t>
  </si>
  <si>
    <t>【烟台龙源】二级筒\ZR-EJT(YR-EJT,ZR-WY-EJT-L)</t>
  </si>
  <si>
    <t>【烟台龙源】三级筒\ZR-SJT(YR-SJT,ZR-WY-SJT-L)</t>
  </si>
  <si>
    <t>【烟台龙源】喷口\ZR-PK-400(ZR-WY-PK-400),一次风送粉管外径D≤450mm</t>
  </si>
  <si>
    <t>【烟台龙源】喷口\ZR-PK-500(ZR-WY-PK-500),450mm＜一次风送粉管外径D≤550mm</t>
  </si>
  <si>
    <t>【烟台龙源】喷口\ZR-PK-600(ZR-WY-PK-500),550mm＜一次风送粉管外径D≤650mm</t>
  </si>
  <si>
    <t>【烟台龙源】喷口\ZR-PK-700(ZR-WY-PK-700),一次风送粉管外径D＞650mm</t>
  </si>
  <si>
    <t>【烟台龙源】周界风喷口\ZR-ZJFPK(ZR-WY-ZJFPK)</t>
  </si>
  <si>
    <t>【烟台龙源】摆动喷口\ZR-PK-BD-D(ZR-WY-PK-BD-D)</t>
  </si>
  <si>
    <t>【烟台龙源】导流筒\ZR-WY-DLT-L</t>
  </si>
  <si>
    <t>【烟台龙源】微油配风器\TY-PFK-146-C(TY-PFQ-177-Z,TY-PFJ-176-I,TY-PFJ-177-Z,TY-PFJ-177-C,TY-PFK-177-Z,TY-PFK-177-C)</t>
  </si>
  <si>
    <t>【烟台龙源】风道加热配风器\LY-FDPFQ-L</t>
  </si>
  <si>
    <t>【烟台龙源】等离子体发生器\DLZ-200-I</t>
  </si>
  <si>
    <t>【烟台龙源】等离子体发生器\DLZ-200-Ⅱ</t>
  </si>
  <si>
    <t>【烟台龙源】等离子体发生器\DLZ-200-Ⅲ</t>
  </si>
  <si>
    <t>【烟台龙源】等离子体发生器\DLZ-200-Ⅳ</t>
  </si>
  <si>
    <t>【烟台龙源】等离子体发生器\DLZ-200-V</t>
  </si>
  <si>
    <t>【烟台龙源】等离子体发生器\DLZ-MA-300B-1000S</t>
  </si>
  <si>
    <t>【烟台龙源】等离子体发生器\DLZ-MA-300B-1000L</t>
  </si>
  <si>
    <t>【烟台龙源】等离子体发生器\DLZ-MA-300B-1070S</t>
  </si>
  <si>
    <t>【烟台龙源】等离子体发生器\DLZ-MA-300B-1070L</t>
  </si>
  <si>
    <t>【烟台龙源】等离子体发生器\DLZ-MA-300B-1200S</t>
  </si>
  <si>
    <t>【烟台龙源】等离子体发生器\DLZ-MA-300B-1200L</t>
  </si>
  <si>
    <t>【烟台龙源】等离子体发生器\DLZ-MA-300B-1400S</t>
  </si>
  <si>
    <t>【烟台龙源】等离子体发生器\DLZ-MA-300B-1400L</t>
  </si>
  <si>
    <t>【烟台龙源】等离子体发生器\DLZ-MA-300B-1600S</t>
  </si>
  <si>
    <t>【烟台龙源】等离子体发生器\DLZ-MA-300B-1600L</t>
  </si>
  <si>
    <t>【烟台龙源】等离子体发生器\DLZ-MA-300B-2000S</t>
  </si>
  <si>
    <t>【烟台龙源】等离子体发生器\DLZ-MA-300B-2000L</t>
  </si>
  <si>
    <t>【烟台龙源】等离子体发生器\DLZ-MA-300D-1000</t>
  </si>
  <si>
    <t>【烟台龙源】等离子体发生器\DLZ-MA-300D-1070</t>
  </si>
  <si>
    <t>【烟台龙源】等离子体发生器\DLZ-MA-300D-1200</t>
  </si>
  <si>
    <t>【烟台龙源】等离子体发生器\DLZ-MA-300D-1400</t>
  </si>
  <si>
    <t>【烟台龙源】等离子体发生器\DLZ-MA-300D-1600</t>
  </si>
  <si>
    <t>【烟台龙源】等离子体发生器\DLZ-MA-300D-2000</t>
  </si>
  <si>
    <t>【烟台龙源】等离子体发生器\DLZ-MA-300D-2100</t>
  </si>
  <si>
    <t>【烟台龙源】等离子体发生器\DLZ-DA-300-800</t>
  </si>
  <si>
    <t>【烟台龙源】等离子体发生器\DLZ-DA-300-1000</t>
  </si>
  <si>
    <t>【烟台龙源】等离子体发生器\DLZ-DA-300-1200</t>
  </si>
  <si>
    <t>【烟台龙源】等离子体发生器\DLZ-DA-300-1400</t>
  </si>
  <si>
    <t>【烟台龙源】等离子体发生器\DLZ-DA-300-1600</t>
  </si>
  <si>
    <t>【烟台龙源】等离子体发生器\DLZ-DA-300-1800</t>
  </si>
  <si>
    <t>【烟台龙源】等离子体发生器\DLZ-DA-300-2000</t>
  </si>
  <si>
    <t>【烟台龙源】等离子体发生器\DLZ-DA-300-2200</t>
  </si>
  <si>
    <t>【烟台龙源】等离子体发生器\DLZ-80-800</t>
  </si>
  <si>
    <t>【烟台龙源】等离子体发生器\DLZ-80-1000</t>
  </si>
  <si>
    <t>【烟台龙源】等离子体发生器\DLZ-80-1200</t>
  </si>
  <si>
    <t>【烟台龙源】等离子体发生器\DLZ-80-1400</t>
  </si>
  <si>
    <t>【烟台龙源】等离子体发生器\DLZ-80-1600</t>
  </si>
  <si>
    <t>【烟台龙源】等离子体发生器\DLZ-80-1800</t>
  </si>
  <si>
    <t>【烟台龙源】等离子体发生器\DLZ-80-2000</t>
  </si>
  <si>
    <t>【烟台龙源】等离子体发生器\DLZ-80-2200</t>
  </si>
  <si>
    <t>【烟台龙源】发生器托架\TJ-200Ⅰ-870</t>
  </si>
  <si>
    <t>【烟台龙源】发生器托架\TJ-200Ⅱ-1300</t>
  </si>
  <si>
    <t>【烟台龙源】发生器托架\TJ-200Ⅲ-1300</t>
  </si>
  <si>
    <t>【烟台龙源】发生器托架\TJ-200Ⅳ-1730</t>
  </si>
  <si>
    <t>【烟台龙源】发生器托架\TJ-200Ⅴ-2030</t>
  </si>
  <si>
    <t>【烟台龙源】发生器托架\TJ-300-900</t>
  </si>
  <si>
    <t>【烟台龙源】发生器托架\TJ-300-1500</t>
  </si>
  <si>
    <t>【烟台龙源】阴极枪(电子发射枪)\DZFSQ-200-I(DLZ-200-I-YJQ, DLZ-200-Ⅰ-13A-00)</t>
  </si>
  <si>
    <t>【烟台龙源】阴极枪(电子发射枪)\DZFSQ-200-Ⅱ(DLZ-200-Ⅱ-YJQ,DLZ-200-TY-13D-00-Ⅱ)</t>
  </si>
  <si>
    <t>【烟台龙源】阴极枪(电子发射枪)\DZFSQ-200-Ⅲ(DLZ-200-Ⅲ-YJQ,DLZ-200-TY-13D-00-Ⅲ)</t>
  </si>
  <si>
    <t>【烟台龙源】阴极枪(电子发射枪)\DZFSQ-200-Ⅳ(DLZ-200-Ⅳ-YJQ,DLZ-200-TY-13D-00-Ⅳ)</t>
  </si>
  <si>
    <t>【烟台龙源】阴极枪(电子发射枪)\DZFSQ-200-V(DLZ-200-V-YJQ,DLZ-200-TY-13D-00-V)</t>
  </si>
  <si>
    <t>【烟台龙源】阴极枪(电子发射枪)\YJQ-300B-812L(DLZ-MA-300B-1000L)</t>
  </si>
  <si>
    <t>【烟台龙源】阴极枪(电子发射枪)\YJQ-300B-782S(DLZ-MA-300B-1000S)</t>
  </si>
  <si>
    <t>【烟台龙源】阴极枪(电子发射枪)\YJQ-300B-882L(DLZ-MA-300B-1070L)</t>
  </si>
  <si>
    <t>【烟台龙源】阴极枪(电子发射枪)\YJQ-300B-852S(DLZ-MA-300B-1070S)</t>
  </si>
  <si>
    <t>【烟台龙源】阴极枪(电子发射枪)\YJQ-300B-1012L(DLZ-MA-300B-1200L)</t>
  </si>
  <si>
    <t>【烟台龙源】阴极枪(电子发射枪)\YJQ-300B-982S(DLZ-MA-300B-1200S)</t>
  </si>
  <si>
    <t>【烟台龙源】阴极枪(电子发射枪)\YJQ-300B-1212L(DLZ-MA-300B-1400L)</t>
  </si>
  <si>
    <t>【烟台龙源】阴极枪(电子发射枪)\YJQ-300B-1182S(DLZ-MA-300B-1400S)</t>
  </si>
  <si>
    <t>【烟台龙源】阴极枪(电子发射枪)\YJQ-300B-1412L(DLZ-MA-300B-1600L)</t>
  </si>
  <si>
    <t>【烟台龙源】阴极枪(电子发射枪)\YJQ-300B-1382S(DLZ-MA-300B-1600S)</t>
  </si>
  <si>
    <t>【烟台龙源】阴极枪(电子发射枪)\YJQ-300B-1812L(DLZ-MA-300B-2000L)</t>
  </si>
  <si>
    <t>【烟台龙源】阴极枪(电子发射枪)\YJQ-300B-1782S(DLZ-MA-300B-2000S)</t>
  </si>
  <si>
    <t>【烟台龙源】阴极枪(电子发射枪)\YJQ-300D-782(DLZ-MA-300D-1000)</t>
  </si>
  <si>
    <t>【烟台龙源】阴极枪(电子发射枪)\YJQ-300D-852(DLZ-MA-300D-1070)</t>
  </si>
  <si>
    <t>【烟台龙源】阴极枪(电子发射枪)\YJQ-300D-982(DLZ-MA-300D-1200)</t>
  </si>
  <si>
    <t>【烟台龙源】阴极枪(电子发射枪)\YJQ-300D-1182(DLZ-MA-300D-1400)</t>
  </si>
  <si>
    <t>【烟台龙源】阴极枪(电子发射枪)\YJQ-300D-1382(DLZ-MA-300D-1600)</t>
  </si>
  <si>
    <t>【烟台龙源】阴极枪(电子发射枪)\YJQ-300D-1782(DLZ-MA-300D-2000)</t>
  </si>
  <si>
    <t>【烟台龙源】阴极枪(电子发射枪)\YJQ-300D-1882(DLZ-MA-300D-2100)</t>
  </si>
  <si>
    <t>【烟台龙源】阴极枪(电子发射枪)\YJQ-DA300-677(DLZ-DA300-YJQ-800)</t>
  </si>
  <si>
    <t>【烟台龙源】阴极枪(电子发射枪)\YJQ-DA300-877(DLZ-DA300-YJQ-1000)</t>
  </si>
  <si>
    <t>【烟台龙源】阴极枪(电子发射枪)\YJQ-DA300-1077(DLZ-DA300-YJQ-1200)</t>
  </si>
  <si>
    <t>【烟台龙源】阴极枪(电子发射枪)\YJQ-DA300-1277(DLZ-DA300-YJQ-1400)</t>
  </si>
  <si>
    <t>【烟台龙源】阴极枪(电子发射枪)\YJQ-DA300-1477(DLZ-DA300-YJQ-1600)</t>
  </si>
  <si>
    <t>【烟台龙源】阴极枪(电子发射枪)\YJQ-DA300-1677(DLZ-DA300-YJQ-1800)</t>
  </si>
  <si>
    <t>【烟台龙源】阴极枪(电子发射枪)\YJQ-DA300-1877(DLZ-DA300-YJQ-2000)</t>
  </si>
  <si>
    <t>【烟台龙源】阴极枪(电子发射枪)\YJQ-DA300-2077(DLZ-DA300-YJQ-2200)</t>
  </si>
  <si>
    <t>【烟台龙源】阴极枪(电子发射枪)\YJQ-80-800(DLZ-80-800)</t>
  </si>
  <si>
    <t>【烟台龙源】阴极枪(电子发射枪)\YJQ-80-1000(DLZ-80-1000)</t>
  </si>
  <si>
    <t>【烟台龙源】阴极枪(电子发射枪)\YJQ-80-1200(DLZ-80-1200)</t>
  </si>
  <si>
    <t>【烟台龙源】阴极枪(电子发射枪)\YJQ-80-1400(DLZ-80-1400)</t>
  </si>
  <si>
    <t>【烟台龙源】阴极枪(电子发射枪)\YJQ-80-1600(DLZ-80-1600)</t>
  </si>
  <si>
    <t>【烟台龙源】阴极枪(电子发射枪)\YJQ-80-1800(DLZ-80-1800)</t>
  </si>
  <si>
    <t>【烟台龙源】阴极枪(电子发射枪)\YJQ-80-2000(DLZ-80-2000)</t>
  </si>
  <si>
    <t>【烟台龙源】阴极枪(电子发射枪)\YJQ-80-2200(DLZ-80-2200)</t>
  </si>
  <si>
    <t>【烟台龙源】阴极头(电子发射头)\13-01A</t>
  </si>
  <si>
    <t>【烟台龙源】阴极头(电子发射头)\13-01D</t>
  </si>
  <si>
    <t>【烟台龙源】阴极头(电子发射头)\L1D1H</t>
  </si>
  <si>
    <t>【烟台龙源】阴极头(电子发射头)\L1H1</t>
  </si>
  <si>
    <t>【烟台龙源】水喷头\SPT-200Ⅰ-A(DLZ-200-SPT-A,A型)</t>
  </si>
  <si>
    <t>【烟台龙源】水喷头\SPT-200II-D(DLZ-200-SPT-D,D型)</t>
  </si>
  <si>
    <t>【烟台龙源】水喷头\SPT-200III-D(DLZ-200-SPT-D,D型)</t>
  </si>
  <si>
    <t>【烟台龙源】水喷头\SPT-200IV-D(DLZ-200-SPT-D,D型)</t>
  </si>
  <si>
    <t>【烟台龙源】水喷头\SPT-200V-D(DLZ-200-SPT-D,D型)</t>
  </si>
  <si>
    <t>【烟台龙源】水喷头\SPT-300(DLZ-300-SPT)</t>
  </si>
  <si>
    <t>【烟台龙源】水喷头\SPT-80(DLZ-80-SPT)</t>
  </si>
  <si>
    <t>【烟台龙源】分流尾座水接头包(含转向接头、压紧螺钉、氟胶圈)\FLWZSJT-200(DLZ-200-TY-13-06)</t>
  </si>
  <si>
    <t>【烟台龙源】分流尾座\FLWZ-200( DLZ-200-TY-13-10)</t>
  </si>
  <si>
    <t>【烟台龙源】分流尾座\FLWZ-300</t>
  </si>
  <si>
    <t>【烟台龙源】尾座\FLWZ-80</t>
  </si>
  <si>
    <t>【烟台龙源】前支撑环\QZCH-200(DLZ-200-TY-06-04)</t>
  </si>
  <si>
    <t>【烟台龙源】风环\FH-300B(DLZ-MA-300B-FH)</t>
  </si>
  <si>
    <t>【烟台龙源】风环\FH-300D (DLZ-MA-300D-FH)</t>
  </si>
  <si>
    <t>【烟台龙源】一级风环\FH-DA300(DLZ-DA-300-FH-1)</t>
  </si>
  <si>
    <t>【烟台龙源】二级风环\EJFH-DA300(DLZ-DA-300-FH-2)</t>
  </si>
  <si>
    <t>【烟台龙源】一级风环\FH-80(DLZ-80-FH-1)</t>
  </si>
  <si>
    <t>【烟台龙源】二级风环\EJFH-80(DLZ-80-FH-2)</t>
  </si>
  <si>
    <t>【烟台龙源】衬套\CT-200-80 (DLZ-200-TY-06-05-80)</t>
  </si>
  <si>
    <t>【烟台龙源】衬套\CT-200-84 (DLZ-200-TY-06-05-84)</t>
  </si>
  <si>
    <t>【烟台龙源】后支撑环\HZCH-200(DLZ-200-TY-06-01)</t>
  </si>
  <si>
    <t>【烟台龙源】后支撑环(含后支撑压环)\HZCH-300(DLZ-300-HZCH)</t>
  </si>
  <si>
    <t>【烟台龙源】后支撑(含后支撑压环)\HZC-80(DLZ-80-HZC)</t>
  </si>
  <si>
    <t>【烟台龙源】阳极支架\YJZJ-200I(DLZ-200-I-YJZJ)</t>
  </si>
  <si>
    <t>【烟台龙源】阳极支架\YJZJ-200Ⅱ(DLZ-200-Ⅱ-YJZJ)</t>
  </si>
  <si>
    <t>【烟台龙源】阳极支架\YJZJ-200Ⅲ(DLZ-200-Ⅲ-YJZJ)</t>
  </si>
  <si>
    <t>【烟台龙源】阳极支架\YJZJ-200Ⅳ(DLZ-200-Ⅳ-YJZJ)</t>
  </si>
  <si>
    <t>【烟台龙源】阳极支架\YJZJ-200V(DLZ-200-V-YJZJ)</t>
  </si>
  <si>
    <t>【烟台龙源】阳极支架\YJZJ-300B-500L(DLZ-MA-300B-1000L)</t>
  </si>
  <si>
    <t>【烟台龙源】阳极支架\YJZJ-300B-470S(DLZ-MA-300B-1000S)</t>
  </si>
  <si>
    <t>【烟台龙源】阳极支架\YJZJ-300B-570L(DLZ-MA-300B-1070L)</t>
  </si>
  <si>
    <t>【烟台龙源】阳极支架\YJZJ-300B-540S(DLZ-MA-300B-1070S)</t>
  </si>
  <si>
    <t>【烟台龙源】阳极支架\YJZJ-300B-700L(DLZ-MA-300B-1200L)</t>
  </si>
  <si>
    <t>【烟台龙源】阳极支架\YJZJ-300B-670S(DLZ-MA-300B-1200S)</t>
  </si>
  <si>
    <t>【烟台龙源】阳极支架\YJZJ-300B-900L(DLZ-MA-300B-1400L)</t>
  </si>
  <si>
    <t>【烟台龙源】阳极支架\YJZJ-300B-870S(DLZ-MA-300B-1400S)</t>
  </si>
  <si>
    <t>【烟台龙源】阳极支架\YJZJ-300B-1100L(DLZ-MA-300B-1600L)</t>
  </si>
  <si>
    <t>【烟台龙源】阳极支架\YJZJ-300B-1070S(DLZ-MA-300B-1600S)</t>
  </si>
  <si>
    <t>【烟台龙源】阳极支架\YJZJ-300B-1500L(DLZ-MA-300B-2000L)</t>
  </si>
  <si>
    <t>【烟台龙源】阳极支架\YJZJ-300B-1470S(DLZ-MA-300B-2000S)</t>
  </si>
  <si>
    <t>【烟台龙源】阳极支架\YJZJ-300D-470(DLZ-MA-300D-1000)</t>
  </si>
  <si>
    <t>【烟台龙源】阳极支架\YJZJ-300D-540(DLZ-MA-300D-1070)</t>
  </si>
  <si>
    <t>【烟台龙源】阳极支架\YJZJ-300D-670(DLZ-MA-300D-1200)</t>
  </si>
  <si>
    <t>【烟台龙源】阳极支架\YJZJ-300D-870(DLZ-MA-300D-1400)</t>
  </si>
  <si>
    <t>【烟台龙源】阳极支架\YJZJ-300D-1070(DLZ-MA-300D-1600)</t>
  </si>
  <si>
    <t>【烟台龙源】阳极支架\YJZJ-300D-1470(DLZ-MA-300D-2000)</t>
  </si>
  <si>
    <t>【烟台龙源】阳极支架\YJZJ-300D-1500(DLZ-MA-300D-2100)</t>
  </si>
  <si>
    <t>【烟台龙源】阳极支架\YJZJ-DA300-375(DLZ-DA300-800)</t>
  </si>
  <si>
    <t>【烟台龙源】阳极支架\YJZJ-DA300-575(DLZ-DA300-1000)</t>
  </si>
  <si>
    <t>【烟台龙源】阳极支架\YJZJ-DA300-775(DLZ-DA300-1200)</t>
  </si>
  <si>
    <t>【烟台龙源】阳极支架\YJZJ-DA300-975(DLZ-DA300-1400)</t>
  </si>
  <si>
    <t>【烟台龙源】阳极支架\YJZJ-DA300-1175(DLZ-DA300-1600)</t>
  </si>
  <si>
    <t>【烟台龙源】阳极支架\YJZJ-DA300-1375(DLZ-DA300-1800)</t>
  </si>
  <si>
    <t>【烟台龙源】阳极支架\YJZJ-DA300-1575(DLZ-DA300-2000)</t>
  </si>
  <si>
    <t>【烟台龙源】阳极支架\YJZJ-DA300-1775(DLZ-DA300J-2200)</t>
  </si>
  <si>
    <t>【烟台龙源】前支架体\QZJT-80-551(DLZ-80-800)</t>
  </si>
  <si>
    <t>【烟台龙源】前支架体\QZJT-80-751(DLZ-80-1000)</t>
  </si>
  <si>
    <t>【烟台龙源】前支架体\QZJT-80-951(DLZ-80-1200)</t>
  </si>
  <si>
    <t>【烟台龙源】前支架体\QZJT-80-1151(DLZ-80-1400)</t>
  </si>
  <si>
    <t>【烟台龙源】前支架体\QZJT-80-1351(DLZ-80-1600)</t>
  </si>
  <si>
    <t>【烟台龙源】前支架体\QZJT-80-1551(DLZ-80-1800)</t>
  </si>
  <si>
    <t>【烟台龙源】前支架体\QZJT-80-1751(DLZ-80-2000)</t>
  </si>
  <si>
    <t>【烟台龙源】前支架体\QZJT-80-1951(DLZ-80-2200)</t>
  </si>
  <si>
    <t>【烟台龙源】后支架体\HZJT-80(DLZ-80-HZJT)</t>
  </si>
  <si>
    <t>【烟台龙源】阳极\L2D0-S(L2D0,DLZ-200-Ⅰ)</t>
  </si>
  <si>
    <t>【烟台龙源】阳极\L2C4(DLZ-200-Ⅳ)</t>
  </si>
  <si>
    <t>【烟台龙源】主阳极\L2D1-1(DLZ-MA-300D)</t>
  </si>
  <si>
    <t>【烟台龙源】主阳极\L2E3-1(DLZ-MA-300B)</t>
  </si>
  <si>
    <t>【烟台龙源】主阳极\L2F1-1(DLZ-DA-300)</t>
  </si>
  <si>
    <t>【烟台龙源】主阳极\L2H2-1(DLZ-DA-80)</t>
  </si>
  <si>
    <t>【烟台龙源】起弧阳极组件\L2E3-3(DLZ-MA-300B)</t>
  </si>
  <si>
    <t>【烟台龙源】起弧阳极组件\L2E4-3(DLZ-MA-300B,DLZ-MA-300D)</t>
  </si>
  <si>
    <t>【烟台龙源】过渡阳极组件\L2E3-2(DLZ-MA-300B,DLZ-MA-300D,L2E3-2(B),L2E3-2(D))</t>
  </si>
  <si>
    <t>【烟台龙源】过渡阳极组件\L2F1-2(DLZ-DA-300)</t>
  </si>
  <si>
    <t>【烟台龙源】过渡阳极组件\L2H2-2(DLZ-80)</t>
  </si>
  <si>
    <t>【烟台龙源】电磁线圈\DCXQ-200Ⅰ(DLZ-200-TY-07-Ⅰ)</t>
  </si>
  <si>
    <t>【烟台龙源】电磁线圈\DCXQ-200-Ⅱ(DLZ-200-TY-07)</t>
  </si>
  <si>
    <t>【烟台龙源】电磁线圈\DCXQ-200-Ⅲ(DLZ-200-TY-07)</t>
  </si>
  <si>
    <t>【烟台龙源】电磁线圈\DCXQ-200-Ⅳ(DLZ-200-TY-07)</t>
  </si>
  <si>
    <t>【烟台龙源】电磁线圈\DCXQ-200-V(DLZ-200-TY-07)</t>
  </si>
  <si>
    <t>【烟台龙源】卡套式直通管接头\JKY-Z8</t>
  </si>
  <si>
    <t>【烟台龙源】锁母式直通管接头\JSM-Z8</t>
  </si>
  <si>
    <t>【烟台龙源】卡套式直角管接头\JKY-J-8</t>
  </si>
  <si>
    <t>【烟台龙源】锁母式直角管接头\JSM-J-8</t>
  </si>
  <si>
    <t>【烟台龙源】卡套锁母式直通管接头\KTSMSZTGJT-200</t>
  </si>
  <si>
    <t>【烟台龙源】PU管\PUG-200-300</t>
  </si>
  <si>
    <t>【烟台龙源】紫铜管\ZTG-200-200</t>
  </si>
  <si>
    <t>【烟台龙源】阴极输水胶管\YJSSJG-200-340</t>
  </si>
  <si>
    <t>【烟台龙源】阴极输水胶管\YJSSJG-200-410</t>
  </si>
  <si>
    <t>【烟台龙源】阴极输水胶管\YJSSJG-300-340</t>
  </si>
  <si>
    <t>【烟台龙源】阴极输水胶管\YJSSJG-300-400</t>
  </si>
  <si>
    <t>【烟台龙源】阴极输水胶管\YJSSJG-80-270</t>
  </si>
  <si>
    <t>【烟台龙源】拉弧机构\LHJG-200(ZD-Ⅲ)</t>
  </si>
  <si>
    <t>【烟台龙源】拉弧机构\LHJG-300(ZD-IV)</t>
  </si>
  <si>
    <t>【烟台龙源】微型电动推杆\TG-300B</t>
  </si>
  <si>
    <t>【烟台龙源】发生器壳体\FSQKT-200(DLZ-200-TY-11-0203)</t>
  </si>
  <si>
    <t>【烟台龙源】发生器壳体\FSQKT-300(DLZ-MA-300)</t>
  </si>
  <si>
    <t>【烟台龙源】发生器壳体\FSQKT-80(DLZ-80)</t>
  </si>
  <si>
    <t>【烟台龙源】阳极调节密封垫\YJTJMFQ-200(TY-NHY.00-04)</t>
  </si>
  <si>
    <t>【烟台龙源】防磨环\FMH-200(DLZ-200-FMH)</t>
  </si>
  <si>
    <t>【烟台龙源】密封圈\11.2*2.65,11.8*1.8,17*2.65,19×1.8,26.5*2.65,30*2.65,31.5*3.55,40*2.65,45*2.65,47.5*2.65,56*2.65,58*2.65,60*2.65,63*2.65,63*3.55,67*2.65,69*2.65,71*3.55,73*2.65,73*3.55,75*2.65,80*3.55,85*2.65</t>
  </si>
  <si>
    <t>【烟台龙源】绝缘套管\JYTG-200(JYTG-300)</t>
  </si>
  <si>
    <t>【烟台龙源】绝缘套管\JYTG-80</t>
  </si>
  <si>
    <t>【烟台龙源】电极电缆\DJDL-200-3.5(DLZ-200-TY-10-05/3.5)</t>
  </si>
  <si>
    <t>【烟台龙源】电极电缆\DJDL-200-5(DLZ-200-TY-10-05/5)</t>
  </si>
  <si>
    <t>【烟台龙源】电极电缆\DJDL-200-7(DLZ-200-TY-10-05/7)</t>
  </si>
  <si>
    <t>【烟台龙源】电极电缆\DJDL-200-9(DLZ-200-TY-10-05/9)</t>
  </si>
  <si>
    <t>【烟台龙源】水冷电缆\SD15Z-3500</t>
  </si>
  <si>
    <t>【烟台龙源】水冷电缆\SD15F-3500</t>
  </si>
  <si>
    <t>【烟台龙源】金属软管\DLZ-JSRG-DN25-2000</t>
  </si>
  <si>
    <t>【烟台龙源】金属软管\DLZ-JSRG-DN38-2000</t>
  </si>
  <si>
    <t>【烟台龙源】金属软管\DLZ-JSRG-DN50-2000</t>
  </si>
  <si>
    <t>【烟台龙源】金属软管(无弯头)\DLZ-JSRG-JR20-2000</t>
  </si>
  <si>
    <t>【烟台龙源】金属软管(一端弯头)\DLZ-JSRG-JR20W-2000</t>
  </si>
  <si>
    <t>【烟台龙源】阴极专用工具(含专用扳手)\ZYGJI-200(ZYBS-200,14-01,14-02)</t>
  </si>
  <si>
    <t>【烟台龙源】阳极专用工具\NLFBS-200-φ6</t>
  </si>
  <si>
    <t>【烟台龙源】电源柜\LYKG-4-80</t>
  </si>
  <si>
    <t>【烟台龙源】电源柜\LYKG-4-120</t>
  </si>
  <si>
    <t>【烟台龙源】电源柜\LYKG-6-180</t>
  </si>
  <si>
    <t>【烟台龙源】电源柜\LYZKG-250</t>
  </si>
  <si>
    <t>【烟台龙源】电源柜\LYZKG-500</t>
  </si>
  <si>
    <t>【烟台龙源】电源柜\LYZKG-500D</t>
  </si>
  <si>
    <t>【烟台龙源】整流模块\LYKG2-20A</t>
  </si>
  <si>
    <t>【烟台龙源】整流模块\LYKG2-20C</t>
  </si>
  <si>
    <t>【烟台龙源】整流模块\ZLMK1-400</t>
  </si>
  <si>
    <t>【烟台龙源】整流模块\ZLMK1-650</t>
  </si>
  <si>
    <t>【烟台龙源】控制模块\LYKG2-20A-C</t>
  </si>
  <si>
    <t>【烟台龙源】功率模块\GLMK1-400</t>
  </si>
  <si>
    <t>【烟台龙源】功率模块\GLMK1-650</t>
  </si>
  <si>
    <t>【烟台龙源】控制单元模块\LYKG1-C</t>
  </si>
  <si>
    <t>【烟台龙源】电源模块\LYKG1-P</t>
  </si>
  <si>
    <t>【烟台龙源】可控硅控制单元\SCR-760PL</t>
  </si>
  <si>
    <t>【烟台龙源】可控硅功率单元\LYZKG-500(SCR)</t>
  </si>
  <si>
    <t>【烟台龙源】高压可控硅\MTC500G 2800V</t>
  </si>
  <si>
    <t>【烟台龙源】直流调速器\ETD(791 400A)</t>
  </si>
  <si>
    <t>【烟台龙源】PLC控制器\S7-300CPU</t>
  </si>
  <si>
    <t>【烟台龙源】PLC控制器(含程序及调试)\S7-300CPU</t>
  </si>
  <si>
    <t>【烟台龙源】PLC控制器\S7-200CPU</t>
  </si>
  <si>
    <t>【烟台龙源】PLC控制器(含程序及调试)\S7-200CPU</t>
  </si>
  <si>
    <t>【烟台龙源】PLC控制器\S7-200CPU(SMART)</t>
  </si>
  <si>
    <t>【烟台龙源】PLC控制器(含程序及调试)\S7-200CPU(SMART)</t>
  </si>
  <si>
    <t>【烟台龙源】PLC通讯模块\CP341</t>
  </si>
  <si>
    <t>【烟台龙源】通讯模块\EM277</t>
  </si>
  <si>
    <t>【烟台龙源】通讯模块\EMDP01</t>
  </si>
  <si>
    <t>【烟台龙源】触摸屏\ProFace</t>
  </si>
  <si>
    <t>【烟台龙源】触摸屏\ProFace含程序及调试</t>
  </si>
  <si>
    <t>【烟台龙源】触摸屏\700EL</t>
  </si>
  <si>
    <t>【烟台龙源】触摸屏\700EL含程序调试</t>
  </si>
  <si>
    <t>【烟台龙源】数字直流电压表\CP-D96-1000V(10V) 红色LED</t>
  </si>
  <si>
    <t>【烟台龙源】数字直流电流表\CP-D96-500A(75mV) 红色LED</t>
  </si>
  <si>
    <t>【烟台龙源】直流数字表\L5135M</t>
  </si>
  <si>
    <t>【烟台龙源】隔离变压器\SGC10-0.38/0.38-200</t>
  </si>
  <si>
    <t>【烟台龙源】隔离变压器\SGC10-0.38/0.575-300</t>
  </si>
  <si>
    <t>【烟台龙源】干式变压器\SCB10-6(6.3/10/10.5)KV/0.4KV-500碳钢柜体</t>
  </si>
  <si>
    <t>【烟台龙源】干式变压器\SCB10-6(6.3/10/10.5)KV/0.4KV-630碳钢柜体</t>
  </si>
  <si>
    <t>【烟台龙源】干式变压器\SCB10-6(6.3/10/10.5)KV/0.4KV-800碳钢柜体</t>
  </si>
  <si>
    <t>【烟台龙源】干式变压器\SCB10-6(6.3/10/10.5)KV/0.4KV-1000碳钢柜体</t>
  </si>
  <si>
    <t>【烟台龙源】干式变压器\SCB10-6(6.3/10/10.5)KV/0.4KV-1250碳钢柜体</t>
  </si>
  <si>
    <t>【烟台龙源】干式变压器\SCB10-6(6.3/10/10.5)KV/0.4KV-1600碳钢柜体</t>
  </si>
  <si>
    <t>【烟台龙源】干式变压器\SCB10-6(6.3/10/10.5)KV/0.4KV-2000碳钢柜体</t>
  </si>
  <si>
    <t>【烟台龙源】多脉波变压器\ZSCB10-800/(6(6.3/10/10.5)/0.4KV)*4碳钢柜体</t>
  </si>
  <si>
    <t>【烟台龙源】多脉波变压器\ZSCB10-1000/(6(6.3/10/10.5)/0.4KV)*5碳钢柜体</t>
  </si>
  <si>
    <t>【烟台龙源】多脉波变压器\ZSCB10-1250/(6(6.3/10/10.5)/0.575KV)*4碳钢柜体</t>
  </si>
  <si>
    <t>【烟台龙源】多脉波变压器\ZSCB10-1600/(6(6.3/10/10.5)/0.575KV)*5碳钢柜体</t>
  </si>
  <si>
    <t>【烟台龙源】空气雾化油枪\TY-YQK-38(28)-Ⅰ(Ⅱ)</t>
  </si>
  <si>
    <t>【烟台龙源】机械雾化油枪\TY-YQJ-38(28)-Ⅰ(Ⅱ)</t>
  </si>
  <si>
    <t>【烟台龙源】空气雾化油枪头\YQK.38(28)</t>
  </si>
  <si>
    <t>【烟台龙源】混合盘\WYK-HHP-38(28)</t>
  </si>
  <si>
    <t>【烟台龙源】雾化腔\WYK-WHQ-38(28)</t>
  </si>
  <si>
    <t>【烟台龙源】密封垫\WYK-MFD-38(28)</t>
  </si>
  <si>
    <t>【烟台龙源】机械雾化油枪头\YQJ.38(28)</t>
  </si>
  <si>
    <t>【烟台龙源】压帽\WYJ-YM-38(28)</t>
  </si>
  <si>
    <t>【烟台龙源】喷嘴\WYJ-PZ-38(28)</t>
  </si>
  <si>
    <t>【烟台龙源】旋流盘\WYJ-XLP-38(28)</t>
  </si>
  <si>
    <t>【烟台龙源】分油环\WYJ-FYH-38(28)</t>
  </si>
  <si>
    <t>【烟台龙源】接头\WYJ-JT-38(28)</t>
  </si>
  <si>
    <t>【烟台龙源】机械雾化大油枪\LYDYQJ-I(Ⅱ)</t>
  </si>
  <si>
    <t>【烟台龙源】空气雾化大油枪\LYDYQk-I(Ⅱ)</t>
  </si>
  <si>
    <t>【烟台龙源】蒸汽雾化大油枪\LYDYQZ-I(Ⅱ)</t>
  </si>
  <si>
    <t>【烟台龙源】机械雾化回油式大油枪\LYYQH-I(Ⅱ)</t>
  </si>
  <si>
    <t>【烟台龙源】喷嘴\DYK-PZ</t>
  </si>
  <si>
    <t>【烟台龙源】回油油枪压帽\HYYQ-YM</t>
  </si>
  <si>
    <t>【烟台龙源】回油油枪喷嘴\HYYQ-PZ</t>
  </si>
  <si>
    <t>【烟台龙源】回油油枪旋流盘\HYYQ-XLP</t>
  </si>
  <si>
    <t>【烟台龙源】回油油枪分油环\HYYQ-FYH</t>
  </si>
  <si>
    <t>【烟台龙源】精密油过滤器\ZU-H160</t>
  </si>
  <si>
    <t>【烟台龙源】精密油过滤器滤芯\HX-160</t>
  </si>
  <si>
    <t>【烟台龙源】精密油过滤器\ZU-H25</t>
  </si>
  <si>
    <t>【烟台龙源】精密油过滤器滤芯\HX-25</t>
  </si>
  <si>
    <t>【烟台龙源】精密过滤器接头\160*3</t>
  </si>
  <si>
    <t>【烟台龙源】精密过滤器接头\25*3</t>
  </si>
  <si>
    <t>【烟台龙源】油枪过滤器(Y型过滤器)\YGLQ8-100</t>
  </si>
  <si>
    <t>【烟台龙源】油枪过滤器滤芯(Y型过滤器滤芯)\YGLQ8-100-LX</t>
  </si>
  <si>
    <t>【烟台龙源】减压稳压阀(含减压稳压阀接头)\Y12H-40，DN25</t>
  </si>
  <si>
    <t>【烟台龙源】金属软管\JSRG-DN15-6.4-2000</t>
  </si>
  <si>
    <t>【烟台龙源】金属软管\JSRG-DN8-6.4-2000</t>
  </si>
  <si>
    <t>【烟台龙源】金属软管\JSRG-DN8-6.4-1000</t>
  </si>
  <si>
    <t>【烟台龙源】金属软管\JSRG-DN150-2000</t>
  </si>
  <si>
    <t>【烟台龙源】高能点火器\LYDHg-20</t>
  </si>
  <si>
    <t>【烟台龙源】防爆高能点火器\LYDHFB-20燃油用</t>
  </si>
  <si>
    <t>【烟台龙源】防爆高能点火器\LYDH-12燃气用</t>
  </si>
  <si>
    <t>【烟台龙源】高压接触电缆\LYJZ-2/6000</t>
  </si>
  <si>
    <t>【烟台龙源】高压接触电缆\LYJZ-2/10000</t>
  </si>
  <si>
    <t>【烟台龙源】点火枪\LYDZ-I(II)/18*L，L≤4000</t>
  </si>
  <si>
    <t>【烟台龙源】点火枪\LYDZ-I(II)/18*L，L&gt;4000</t>
  </si>
  <si>
    <t>【烟台龙源】耐热气缸组件\LYQG-I-300-AIRTAC</t>
  </si>
  <si>
    <t>【烟台龙源】耐热气缸组件\LYQG-I-300-ASCO</t>
  </si>
  <si>
    <t>【烟台龙源】组合式油燃烧装置\LRSZ—I(Ⅱ)/300(400)(500)</t>
  </si>
  <si>
    <t>【烟台龙源】组合式油燃烧装置\LRSZD—I(Ⅱ)/400</t>
  </si>
  <si>
    <t>【烟台龙源】推进器\LY-TJQ</t>
  </si>
  <si>
    <t>【烟台龙源】推进器\LTJD－400FB</t>
  </si>
  <si>
    <t>【烟台龙源】稳燃罩\LYYQ-WRZ-I(Ⅱ)</t>
  </si>
  <si>
    <t>【烟台龙源】油枪耐热气缸\QGBⅡ-R ￠80*400</t>
  </si>
  <si>
    <t>【烟台龙源】空气过滤器\BFR-2000</t>
  </si>
  <si>
    <t>【烟台龙源】金属软管\JSRG-DN25(20)-6.4-2000</t>
  </si>
  <si>
    <t>【烟台龙源】可见光火检探头(外窥式)\LHJTK-Ⅰ-1Cg</t>
  </si>
  <si>
    <t>【烟台龙源】可见光火检变送器\LHJTK-BSQ</t>
  </si>
  <si>
    <t>【烟台龙源】可见光火检探头(内窥式)\LHJTK-I(II)-1Rgd</t>
  </si>
  <si>
    <t>【烟台龙源】一体化可见光探头\LHJTK-I(II)-1Rg/YTH</t>
  </si>
  <si>
    <t>【烟台龙源】一体化可见光处理器\LHJTK-Y1-24V-10P</t>
  </si>
  <si>
    <t>【烟台龙源】可见光火检探头光纤\LHJTK-GX-L</t>
  </si>
  <si>
    <t>【烟台龙源】密封座\LHJTK-MFZ-01</t>
  </si>
  <si>
    <t>【烟台龙源】三脚架及光纤紧固座\LHJTK-SJJ-01</t>
  </si>
  <si>
    <t>【烟台龙源】图像火检探头\LHJTT-Ⅰ(Ⅱ)-2Eg(LHJTT-Tt-Ⅰ/Ⅱ)</t>
  </si>
  <si>
    <t>【烟台龙源】图像火检探头\LHJTT-Ⅰ(Ⅱ)-2Bg03 双保护</t>
  </si>
  <si>
    <t>【烟台龙源】镜组线\YK-DT-NL-1000</t>
  </si>
  <si>
    <t>【烟台龙源】高清晰图像火检镜组\LHJTT-Ⅲ</t>
  </si>
  <si>
    <t>【烟台龙源】三脚架\LHJTT-SJJ-01</t>
  </si>
  <si>
    <t>【烟台龙源】压紧帽\LHJTT-YJM-01</t>
  </si>
  <si>
    <t>【烟台龙源】接插件(芯弯)\YD28-4</t>
  </si>
  <si>
    <t>【烟台龙源】接插件(芯直)\YD28-4</t>
  </si>
  <si>
    <t>【烟台龙源】可见光火检处理器\LHJTK-Q3-5V-8PM</t>
  </si>
  <si>
    <t>【烟台龙源】可见光火检处理器\FAU810</t>
  </si>
  <si>
    <t>【烟台龙源】画面分割器\XM-MV04</t>
  </si>
  <si>
    <t>【烟台龙源】画面分割器\FGQ-24</t>
  </si>
  <si>
    <t>【烟台龙源】复合视频电缆\ZR-SYV75-5-2C+RVVP-2*0.5</t>
  </si>
  <si>
    <t>【烟台龙源】测速管\LYFF-CST</t>
  </si>
  <si>
    <t>【烟台龙源】上位机(工控机)\LHJTT-SWJ</t>
  </si>
  <si>
    <t>【烟台龙源】上位机(工控机含程序及调试)\LHJTT-SWJ</t>
  </si>
  <si>
    <t>【烟台龙源】下位机(图像火检处理器)\LHJTT-XWJ-II-E</t>
  </si>
  <si>
    <t>【烟台龙源】图像采集卡\OK30</t>
  </si>
  <si>
    <t>【烟台龙源】通讯模块\C32080T(C32081T、C32010T)</t>
  </si>
  <si>
    <t>【烟台龙源】视频分配器\LHJTT-FPQ-III</t>
  </si>
  <si>
    <t>【烟台龙源】电源模块\320-12</t>
  </si>
  <si>
    <t>【烟台龙源】电源模块\320-7.5(350-7.5)</t>
  </si>
  <si>
    <t>【烟台龙源】煤粉风室组件(一次风组件)\ZR-Z-YCFZ-400系列，一次风送粉管外径D≤450mm</t>
  </si>
  <si>
    <t>【烟台龙源】煤粉风室组件(一次风组件)\ZR-Z-YCFZ-500系列，450mm＜一次风送粉管外径D≤550mm</t>
  </si>
  <si>
    <t>【烟台龙源】煤粉风室组件(一次风组件)\ZR-Z-YCFZ-600系列，550mm＜一次风送粉管外径D≤650mm</t>
  </si>
  <si>
    <t>【烟台龙源】煤粉风室组件(一次风组件)\ZR-Z-YCFZ-700系列，一次风送粉管外径D＞650mm</t>
  </si>
  <si>
    <t>【烟台龙源】喷嘴体组件(一次风管)\ZR-Z-YCFG-400系列，一次风送粉管外径D≤450mm</t>
  </si>
  <si>
    <t>【烟台龙源】喷嘴体组件(一次风管)\ZR-Z-YCFG-500系列，450mm＜一次风送粉管外径D≤550mm</t>
  </si>
  <si>
    <t>【烟台龙源】喷嘴体组件(一次风管)\ZR-Z-YCFG-600系列，550mm＜一次风送粉管外径D≤650mm</t>
  </si>
  <si>
    <t>【烟台龙源】喷嘴体组件(一次风管)\ZR-Z-YCFG-700系列，一次风送粉管外径D＞650mm</t>
  </si>
  <si>
    <t>【烟台龙源】一次风喷口(含扩散器)\ZR-Z-YPK-400系列，一次风送粉管外径D≤450mm</t>
  </si>
  <si>
    <t>【烟台龙源】一次风喷口(含扩散器)\ZR-Z-YPK-500系列，450mm＜一次风送粉管外径D≤550mm</t>
  </si>
  <si>
    <t>【烟台龙源】一次风喷口(含扩散器)\ZR-Z-YPK-600系列，550mm＜一次风送粉管外径D≤650mm</t>
  </si>
  <si>
    <t>【烟台龙源】一次风喷口(含扩散器)\ZR-Z-YPK-700系列，一次风送粉管外径D＞650mm</t>
  </si>
  <si>
    <t>【烟台龙源】一次风扩散器\ZR-Z-YPK-K替换型</t>
  </si>
  <si>
    <t>【烟台龙源】弯头\Z-WT-P/T-400系列，一次风送粉管外径D≤450mm</t>
  </si>
  <si>
    <t>【烟台龙源】弯头\Z-WT-P/T-500系列，450mm＜一次风送粉管外径D≤550mm</t>
  </si>
  <si>
    <t>【烟台龙源】弯头\Z-WT-P/T-600系列，550mm＜一次风送粉管外径D≤650mm</t>
  </si>
  <si>
    <t>【烟台龙源】弯头\Z-WT-P/T-700系列，一次风送粉管外径D＞650mm</t>
  </si>
  <si>
    <t>【烟台龙源】水平拉杆\Z-LG-L</t>
  </si>
  <si>
    <t>【烟台龙源】贴壁风喷口\Z-TBFPK</t>
  </si>
  <si>
    <t>【烟台龙源】贴壁风喷口组件\Z-TBFPKZJ</t>
  </si>
  <si>
    <t>【烟台龙源】三次风风室组件\Z-SCFZ-D</t>
  </si>
  <si>
    <t>【烟台龙源】三次风喷口\Z-SPK-D</t>
  </si>
  <si>
    <t>【烟台龙源】三次风风管组件\Z-SCFG</t>
  </si>
  <si>
    <t>【烟台龙源】WA风室组件\Z-WAZ</t>
  </si>
  <si>
    <t>【烟台龙源】二次风喷口\Z-EPK</t>
  </si>
  <si>
    <t>【烟台龙源】SOFA喷口\RJ-PK-TY</t>
  </si>
  <si>
    <t>【烟台龙源】旋流燃烧器本体(含一次风组件、二次风组件)\ZR-X-Ⅳ(ZR-X-Ⅱ,ZR-X-Ⅲ)</t>
  </si>
  <si>
    <t>【烟台龙源】弯头\ZR-X-Ⅳ-WT(ZR-X-Ⅱ-WT,ZR-X-Ⅲ-WT,)</t>
  </si>
  <si>
    <t>【烟台龙源】中心风组件\ZR-X-Ⅳ-ZXFT,(ZR-X-Ⅱ-ZXFT,ZR-X-Ⅲ-ZXFT,)</t>
  </si>
  <si>
    <t>【烟台龙源】一次风装置(组件)\ZR-X-Ⅳ-YCF(ZR-X-Ⅱ-YCF,ZR-X-Ⅲ-YCF)</t>
  </si>
  <si>
    <t>【烟台龙源】二次风组件\ZR-X-Ⅳ-ECF(ZR-X-I-ECF,ZR-X-Ⅱ-ECF,ZR-X-Ⅲ-ECF)</t>
  </si>
  <si>
    <t>【烟台龙源】外(内)二次风喷口\ZR-X-Ⅳ-WEPK(ZR-X-I-WEPK,ZR-X-I-NENPK,ZR-X-I-NEWPK,ZR-X-Ⅱ-WEPK,ZR-X-Ⅱ-NEZJ-WPK,ZR-X-Ⅱ-NEZJ-NPK,ZR-X-Ⅲ-WEPK,ZR-X-Ⅲ-NEWPK)</t>
  </si>
  <si>
    <t>【烟台龙源】新型一次风导流环(含稳燃齿)\ZR-X-Ⅲ-DLH(ZR-X-Ⅳ-DLH)</t>
  </si>
  <si>
    <t>【烟台龙源】OFA燃烧器(不含执行器)\RJ-X-OFA-BD(RJ-X-OFA-BBD)</t>
  </si>
  <si>
    <t>【烟台龙源】OFA燃烧器(摆动)的内喷口\RJ-X-OFA-BD-NPK</t>
  </si>
  <si>
    <t>【烟台龙源】OFA燃烧器(摆动)的外喷口\RJ-X-OFA-BD-WPK</t>
  </si>
  <si>
    <t>【烟台龙源】陶瓷块修复\TCK,400块起订</t>
  </si>
  <si>
    <t>【烟台龙源】双芯可调缩孔\ZR-X-KTSK</t>
  </si>
  <si>
    <t>【烟台龙源】炉膛风帽\LTFM</t>
  </si>
  <si>
    <t>【烟台龙源】炉膛风帽\LTFM-限于哈锅流化床炉</t>
  </si>
  <si>
    <t>【烟台龙源】返料风帽\FLFM</t>
  </si>
  <si>
    <t>【烟台龙源】返料风帽\FLFM-限于哈锅流化床炉</t>
  </si>
  <si>
    <t>【烟台龙源】芯管\XG</t>
  </si>
  <si>
    <t>【烟台龙源】电源\4NIC-Q150</t>
  </si>
  <si>
    <t>【烟台龙源】电源\4NIC-Q305</t>
  </si>
  <si>
    <t>【烟台龙源】电源柜\LYKG2</t>
  </si>
  <si>
    <t>【烟台龙源】HVDRIVE板\RKG5908LY09013</t>
  </si>
  <si>
    <t>【烟台龙源】滤波均压板\RKG5908LY10100</t>
  </si>
  <si>
    <t>【烟台龙源】SIGNGENERATOR板\RKG5908LY09005</t>
  </si>
  <si>
    <t>【烟台龙源】MODULEMONITOR板\RKG5908LY09006</t>
  </si>
  <si>
    <t>【烟台龙源】SIGNISOLATOR板\RKG5908LY09007</t>
  </si>
  <si>
    <t>【烟台龙源】SENSOR板\RKG5908LY10001</t>
  </si>
  <si>
    <t>【烟台龙源】RELAY板\RKG5908LY09008</t>
  </si>
  <si>
    <t>【烟台龙源】EMI板\RKG5908LY09012</t>
  </si>
  <si>
    <t>【烟台龙源】GATE板\RKG5908LY09004</t>
  </si>
  <si>
    <t>【烟台龙源】CONTROL板\RKG5908LY09003</t>
  </si>
  <si>
    <t>【烟台龙源】DRIVE板\RKG5908LY09002</t>
  </si>
  <si>
    <t>【烟台龙源】POWER板\RKG5908LY09001</t>
  </si>
  <si>
    <t>【烟台龙源】冷却风机模块\FJ22083MAB+LP2222(黑380V)</t>
  </si>
  <si>
    <t>【烟台龙源】冷却风机模块\FJ28083MAB+LP22225(黑380V)</t>
  </si>
  <si>
    <t>【烟台龙源】整流桥\MDS200-16-FIG25</t>
  </si>
  <si>
    <t>【烟台龙源】电抗器\3mH,400A</t>
  </si>
  <si>
    <t>【烟台龙源】电抗器\4mH,400A</t>
  </si>
  <si>
    <t>【烟台龙源】机柜轴流风扇\FP108-S1-B</t>
  </si>
  <si>
    <t>【烟台龙源】可控硅散热风扇\NMB 4715MS-23T-B5A-D00</t>
  </si>
  <si>
    <t>【烟台龙源】可控硅散热风扇\NMB 4715MS-23T-B50-A00</t>
  </si>
  <si>
    <t>【烟台龙源】EM223模块\6ES7 223-1PH22-0XA8</t>
  </si>
  <si>
    <t>【烟台龙源】EM223模块\6ES7 223-1BF22-0XA0</t>
  </si>
  <si>
    <t>【烟台龙源】存储卡\128K</t>
  </si>
  <si>
    <t>【烟台龙源】等离子调速器\ETD(790 400A)</t>
  </si>
  <si>
    <t>【烟台龙源】IGBT控制单元\2MBI200U4H-170</t>
  </si>
  <si>
    <t>【烟台龙源】IGBT控制单元\2MBI150U4H-1200(IGBT)</t>
  </si>
  <si>
    <t>【东珍】导向滚轮\\XWC(C)-2000型\FWD-105-03-01A-01</t>
  </si>
  <si>
    <t>无锡市华东电力设备有限公司</t>
  </si>
  <si>
    <t>东珍</t>
  </si>
  <si>
    <t>WZSCCG-2019-HZ-005</t>
  </si>
  <si>
    <t>2019年度无锡华东电力旋转滤网干渣机备件华中区域长协</t>
  </si>
  <si>
    <t>【东珍】旋转滤网喷嘴\\XWC(C)-2000型\FWD-105-06b</t>
  </si>
  <si>
    <t>【东珍】外链板\\XWC(C)-2000型\FWD-105-03-02</t>
  </si>
  <si>
    <t>【东珍】内链板\\XWC(C)-2000型\FWD-105-03-03</t>
  </si>
  <si>
    <t>【东珍】网板总成\\XWC(C)-2000型\XWC(C)-2.0-04</t>
  </si>
  <si>
    <t>【东珍】P型橡胶密封条\2390*60*5\2390*60*5\</t>
  </si>
  <si>
    <t>【东珍】内链板定位套\\XWC(C)-2000型\FWD-105-03-09</t>
  </si>
  <si>
    <t>【东珍】外链板定位套\\XWC(C)-2000型\FWD-105-03-05</t>
  </si>
  <si>
    <t>【东珍】橡胶压条\\XWC(C)-2000型\XWC(C)-2.0-04-01</t>
  </si>
  <si>
    <t>【东珍】导向滚轮轴套\\XWC(C)-2000型\FWD-105-03-11</t>
  </si>
  <si>
    <t>【东珍】导向滚轮无油润滑轴套\\XWC(C)-2000型\FWD-105-03-1A-01</t>
  </si>
  <si>
    <t>【东珍】端面密封板\\XWC(C)-2000型\FWD-105-03-04</t>
  </si>
  <si>
    <t>【东珍】内外链板垫圈\\XWC(C)-2000型\FWD-105-03-10</t>
  </si>
  <si>
    <t>【东珍】内外链板接轴\\XWC(C)-2000型\FWD-105-03-07</t>
  </si>
  <si>
    <t>【东珍】套筒滚子链\\\20A-2*168</t>
  </si>
  <si>
    <t>【东珍】旋转滤网喷嘴\\XKC-2500型\FWD-105-06b</t>
  </si>
  <si>
    <t>【东珍】外链板\内侧80*600*10\XKC-2500型\FWD-105-03-02</t>
  </si>
  <si>
    <t>【东珍】内链板\\XKC-2500型\FWD-105-03-03</t>
  </si>
  <si>
    <t>【东珍】滚轮轴\Φ29.6*109\XKC-2500型\FWD-105-03-07</t>
  </si>
  <si>
    <t>【东珍】滚轮轴承\\XKC-2500型\FWD-105-03-1A-01</t>
  </si>
  <si>
    <t>【东珍】导向滚轮\Φ111XΦ30\XKC-2500型\FWD-105-03-01A-01</t>
  </si>
  <si>
    <t>【东珍】无油润滑轴承\φ34.4*φ30.3*10轴向有1mm开口。\XKC-2500旋转滤网滚轮用\FWD-105-03-1A-01</t>
  </si>
  <si>
    <t>【东珍】网板总成\长度：2310\\XWC(C)-2.0-04</t>
  </si>
  <si>
    <t>【东珍】超负荷保险装置总成\\XWC(C)-2000型\XWC(C)-2.0-09</t>
  </si>
  <si>
    <t>【东珍】P型橡胶密封条\\XWC(C)-2000型\XWC(C)-2.0-04-06</t>
  </si>
  <si>
    <t>【东珍】导向滚轮无油润滑轴套\\SF-1-55-53\FWD-105-03-1A-01</t>
  </si>
  <si>
    <t>【东珍】旋转滤网喷嘴\\XWC(C)-2000型\FWD-105-03</t>
  </si>
  <si>
    <t>【东珍】旋转滤网内链板\\XWC(C)-2000型\FWD-105-03-03</t>
  </si>
  <si>
    <t>【东珍】滚轮轴\\XWC(C)-2000型\FWD-105-03-07</t>
  </si>
  <si>
    <t>【东珍】滚轮轴承\\SF-1-55-53\FWD-105-03-1A-01</t>
  </si>
  <si>
    <t>【东珍】清扫链驱动链轮\七齿\\2008GD-1-6-4</t>
  </si>
  <si>
    <t>【东珍】轴承座\SN522\JB2558-79\2010GD-2-4-1-6</t>
  </si>
  <si>
    <t>【东珍】清扫链从动轴承座\\\2008GD-1-1-22</t>
  </si>
  <si>
    <t>【东珍】清扫链从动轴紧进套\Φ65*70\∅75的轴承配套的紧定套H315\2010GD-2-4-1-6</t>
  </si>
  <si>
    <t>【东珍】清扫链尾部从动链轮\两个链轮\\2005GD-1-1-6</t>
  </si>
  <si>
    <t>【东珍】清扫链刮板\\\2005GD-2-4-20-1</t>
  </si>
  <si>
    <t>【东珍】二级清扫链刮板胶条\1200mm\\2005GD-1-9-2-1</t>
  </si>
  <si>
    <t>【东珍】一级清扫链刮板胶条\1600mm\\2008GD-2-4-20-1k-1</t>
  </si>
  <si>
    <t>【大唐南京环保】脱硝催化剂\平板式</t>
  </si>
  <si>
    <t>立方米</t>
  </si>
  <si>
    <t>大唐南京环保科技有限责任公司</t>
  </si>
  <si>
    <t>大唐南京环保</t>
  </si>
  <si>
    <t>WZSCCG-2019-BJ-003</t>
  </si>
  <si>
    <t>SCR脱硝平板式催化剂年度采购</t>
  </si>
  <si>
    <t>【大唐南京环保】脱硝催化剂\平板式废旧催化剂处置费</t>
  </si>
  <si>
    <t>【大唐南京环保】催化剂供货抽检及质量性能检测服务</t>
  </si>
  <si>
    <t>项</t>
  </si>
  <si>
    <t>【五二五】轴承后盖\GDLC1208-88-250-03\GDLCF200/300I</t>
  </si>
  <si>
    <t>襄阳五二五泵业有限公司</t>
  </si>
  <si>
    <t>五二五</t>
  </si>
  <si>
    <t>WZSCCG-2019-HZ-001</t>
  </si>
  <si>
    <t>2019年度襄阳五二五脱硫循环泵及备件集团级长协采购框架协议</t>
  </si>
  <si>
    <t>【五二五】轴承前盖\GDLC65/310T-015\GDLCF200/300I</t>
  </si>
  <si>
    <t>【五二五】轴承压环\GDLC1208-88-250-09\GDLCF200/300I</t>
  </si>
  <si>
    <t>【五二五】轴承箱\GDLC1208-88-250-04\GDLCF200/300I</t>
  </si>
  <si>
    <t>【五二五】联轴器\GDLT9-YA60*142/45*112\GDLCF200/300I</t>
  </si>
  <si>
    <t>【五二五】甩液环\GDLC65/310T-017\GDLCF200/300I</t>
  </si>
  <si>
    <t>【五二五】耐磨板\GDLCF200/300-003E1\GDLCF200/300I</t>
  </si>
  <si>
    <t>【五二五】泵壳\GDLCF200/300-001E1\GDLCF200/300I</t>
  </si>
  <si>
    <t>【五二五】叶轮螺母\GDLC-YLLM-001-01\GDLCF200/300I</t>
  </si>
  <si>
    <t>【五二五】叶轮螺栓\GDLC-YLLS-001-01\GDLCF200/300I</t>
  </si>
  <si>
    <t>【五二五】托架\GDLC-250-F-003\GDLCF200/300I</t>
  </si>
  <si>
    <t>【五二五】泵壳\GDLC900/1150-001\LC900/1150II\2605N</t>
  </si>
  <si>
    <t>【五二五】机封短套\GDLC900/1150-010\LC900/1150II\2605N</t>
  </si>
  <si>
    <t>【五二五】叶轮封盖\GDLC900/1150II-006E1\LC900/1150II\2605N</t>
  </si>
  <si>
    <t>【五二五】销钉\GDLC-XD-M12\LC900/1150II\304</t>
  </si>
  <si>
    <t>【五二五】螺母\GDLC900/1150II-007E1\LC900/1150II\304</t>
  </si>
  <si>
    <t>【五二五】轴\GDLC900/1150II-005E1\LC900/1150II\45</t>
  </si>
  <si>
    <t>【五二五】螺柱\GDLC900/1150-022\LC900/1150II\A3</t>
  </si>
  <si>
    <t>【五二五】压盖\GDLC900/1150Ⅱ-003\LC900/1150II\ZG230(A3)</t>
  </si>
  <si>
    <t>【五二五】调整杆\GDLC700/900-020\LC900/1150II\A3</t>
  </si>
  <si>
    <t>【五二五】进出油管\GDLC700/900-017\LC900/1150II\A3</t>
  </si>
  <si>
    <t>【五二五】支架\GDLC900/1150-019\LC900/1150II\A3</t>
  </si>
  <si>
    <t>【五二五】轴承挡套\GDLC900/1150-018\LC900/1150II\A3</t>
  </si>
  <si>
    <t>【五二五】托架\GDLC1000/1300II-011A\LC1000/1300II\HT200</t>
  </si>
  <si>
    <t>【五二五】前轴承压盖\GDLC900/1150-013\LC1000/1300II\HT200</t>
  </si>
  <si>
    <t>【五二五】轴承箱\GDLC900/1150-012\LC1000/1300II\HT200</t>
  </si>
  <si>
    <t>【五二五】前防尘盘\GDLC900/1150-015\LC1000/1300II\HT200</t>
  </si>
  <si>
    <t>【五二五】后轴承压盖\GDLC1000/1200II-014\LC1000/1300II\HT200</t>
  </si>
  <si>
    <t>【五二五】后防尘盘\GDLC1000/1200II-016\LC1000/1300II\HT200</t>
  </si>
  <si>
    <t>【五二五】后泵盖\GDLC1000/1200II-009\LC1000/1300II\Cr30</t>
  </si>
  <si>
    <t>【五二五】耐磨板\GDLC1000/1200II-004\LC1000/1300II\Cr30</t>
  </si>
  <si>
    <t>【五二五】叶轮\GDLC1000/1300II-B5-002\LC1000/1300II\Cr30A</t>
  </si>
  <si>
    <t>【五二五】机封短套\GDLC900/1150-010\LC1000/1300II\2605N</t>
  </si>
  <si>
    <t>【五二五】特殊法兰\GDLC700/900-021\LC1000/1300II\2605N</t>
  </si>
  <si>
    <t>【五二五】泵壳\GDLC1000/1300II-001\LC1000/1300II\2605N</t>
  </si>
  <si>
    <t>【五二五】叶轮封盖\GDLC900/1150II-006E1\LC1000/1300II\2605N</t>
  </si>
  <si>
    <t>【五二五】轴\GDLC1000/1200II-005E2\LC1000/1300II\45</t>
  </si>
  <si>
    <t>【五二五】销钉\GDLC-XD-M12\LC1000/1300II\304</t>
  </si>
  <si>
    <t>【五二五】螺母\GDLC900/1150II-007E1\LC1000/1300II\304</t>
  </si>
  <si>
    <t>【五二五】调整杆\GDLC700/900-020\LC1000/1300II\40Cr</t>
  </si>
  <si>
    <t>【五二五】压盖\GDLC1000/1200II-003\LC1000/1300II\ZG230-450</t>
  </si>
  <si>
    <t>【五二五】进出油管\GDLC700/900-017\LC1000/1300II\A3</t>
  </si>
  <si>
    <t>【五二五】轴承挡套\GDLC900/1150-018\LC1000/1300II\A3</t>
  </si>
  <si>
    <t>【五二五】油封盖\GDLC1208-88-250-06\LC50/350N2\氯丁橡胶</t>
  </si>
  <si>
    <t>【五二五】联轴器\GDLT7-YA42*112/45*112\LC50/350N2\HT200</t>
  </si>
  <si>
    <t>【五二五】托架\GDLC1208-88-250-01\LC50/350N2\HT200</t>
  </si>
  <si>
    <t>【五二五】前轴承压盖\GDLC1208-88-250-02\LC50/350N2\HT200</t>
  </si>
  <si>
    <t>【五二五】轴承箱\GDLC1208-88-250-04\LC50/350N2\HT200</t>
  </si>
  <si>
    <t>【五二五】轴承压环\GDLC1208-88-250-09\LC50/350N2\HT200</t>
  </si>
  <si>
    <t>【五二五】挡油环\GDLC1208-88-250-05\LC50/350N2\HT200</t>
  </si>
  <si>
    <t>【五二五】后轴承压盖\GDLC1208-88-250-03\LC50/350N2\HT200</t>
  </si>
  <si>
    <t>【五二五】锥形帽\GDLC65/310-005\LC50/350N2\316L</t>
  </si>
  <si>
    <t>【五二五】叶轮螺栓\GDLC2206-88-250\LC50/350N2\316L</t>
  </si>
  <si>
    <t>【五二五】泵盖\GDLC50/350N2-004D1\LC50/350N2\Cr30</t>
  </si>
  <si>
    <t>【五二五】泵壳\GDLC50/350N2-001\LC50/350N2\Cr30</t>
  </si>
  <si>
    <t>【五二五】叶轮\GDLC50/350N2-B4-002A-φ315\LC50/350N2\Cr30</t>
  </si>
  <si>
    <t>【五二五】轴\GDLC6104-88-250\LC50/350N2\2205</t>
  </si>
  <si>
    <t>【五二五】甩液环\GDLC65/310T-17\LC50/350N2T\氯丁橡胶</t>
  </si>
  <si>
    <t>【五二五】联轴器\GDLT7-YA42*112/45*112\LC50/350N2T\HT200</t>
  </si>
  <si>
    <t>【五二五】轴承箱\GDLC1208-88-250-04\LC50/350N2T\HT200</t>
  </si>
  <si>
    <t>【五二五】前轴承压盖\GDLC65/310T-15\LC50/350N2T\HT200</t>
  </si>
  <si>
    <t>【五二五】后轴承压盖\GDLC1208-88-250-03\LC50/350N2T\HT200</t>
  </si>
  <si>
    <t>【五二五】托架\GDLC250A-001\LC50/350N2T\HT200</t>
  </si>
  <si>
    <t>【五二五】轴承压环\GDLC250A-002\LC50/350N2T\HT200</t>
  </si>
  <si>
    <t>【五二五】泵盖\GDLC50/350N2T-D25-B4-003\LC50/350N2T\HT200</t>
  </si>
  <si>
    <t>【五二五】泵壳\GDLC50/350TN2-1\LC50/350N2T\DF2</t>
  </si>
  <si>
    <t>【五二五】耐磨板\GDLC50/350N2T-D25-003\LC50/350N2T\DF2</t>
  </si>
  <si>
    <t>【五二五】叶轮\GDLCF50/350N2-S11-B4-002-φ325\LC50/350N2T\DF2</t>
  </si>
  <si>
    <t>【五二五】叶轮螺栓\GDLC2206-88-250\LC50/350N2T\45</t>
  </si>
  <si>
    <t>【五二五】锥形帽\GDLC65/310-005\LC50/350N2T\45</t>
  </si>
  <si>
    <t>【五二五】接合板螺栓\GDLC250A-003\LC50/350N2T\45#发蓝</t>
  </si>
  <si>
    <t>【五二五】轴\GDLCF-250-004\LC50/350N2T\45</t>
  </si>
  <si>
    <t>【五二五】衬环\GDLC65/310T-013\LC50/350N2T\45</t>
  </si>
  <si>
    <t>【五二五】压环\GDLC50/350TN2-012\LC50/350N2T\A3</t>
  </si>
  <si>
    <t>【五二五】接合板\GDLC50/400T-006A\LC50/350N2T\A3</t>
  </si>
  <si>
    <t>【五二五】进口活套法兰\GDLC50/350N1T-7\LC50/350N2T\A3</t>
  </si>
  <si>
    <t>【五二五】出口活套法兰\GDLC50/350N1T-8\LC50/350N2T\A3</t>
  </si>
  <si>
    <t>【五二五】挡油环\GDLC1208-88-250-05\LC50/350N2T\ZG230-450</t>
  </si>
  <si>
    <t>【五二五】甩液环\GDLC1208-90-355T-06\LC50/460T\氯丁橡胶</t>
  </si>
  <si>
    <t>【五二五】联轴器\GDLT9-YA65*142/YA70*152\LC50/460T\HT200</t>
  </si>
  <si>
    <t>【五二五】托架\GDLC1208-88-355-01\LC50/460T\HT200</t>
  </si>
  <si>
    <t>【五二五】前轴承压盖\GDLC1208-90-355-02\LC50/460T\HT200</t>
  </si>
  <si>
    <t>【五二五】后轴承压盖\GDLC1208-90-355-03\LC50/460T\HT200</t>
  </si>
  <si>
    <t>【五二五】轴承箱\GDLC1208-88-355-04\LC50/460T\HT200</t>
  </si>
  <si>
    <t>【五二五】挡油环\GDLC1208-88-355-05\LC50/460T\HT200</t>
  </si>
  <si>
    <t>【五二五】轴承压环\GDLC1208-88-355-09\LC50/460T\HT200</t>
  </si>
  <si>
    <t>【五二五】泵盖\GDLC50/460T-005\LC50/460T\HT200</t>
  </si>
  <si>
    <t>【五二五】泵壳\GDLC50/460T-001\LC50/460T\Cr26</t>
  </si>
  <si>
    <t>【五二五】耐磨板\GDLC50/460T-003\LC50/460T\Cr26</t>
  </si>
  <si>
    <t>【五二五】叶轮\GDLC50/460-B5-002\LC50/460T\Cr26</t>
  </si>
  <si>
    <t>【五二五】叶轮螺栓\GDLC2206-90-315\LC50/460T\40Cr</t>
  </si>
  <si>
    <t>【五二五】锥形帽\GDLC125/405-6\LC50/460T\40Cr</t>
  </si>
  <si>
    <t>【五二五】轴\GDLC-355TA-010\LC50/460T\45</t>
  </si>
  <si>
    <t>【五二五】六方接头\GDLC250T-ZSG-002\LC50/460T\A3</t>
  </si>
  <si>
    <t>【五二五】压环\GDLC100/500T-12\LC50/460T\A3</t>
  </si>
  <si>
    <t>【五二五】接管\GDLC250T-ZSG-001\LC50/460T\A3</t>
  </si>
  <si>
    <t>【五二五】进口活套法兰\GDLC65/400T-7\LC50/460T\A3</t>
  </si>
  <si>
    <t>【五二五】出口活套法兰\GDLC50/460T-8\LC50/460T\A3</t>
  </si>
  <si>
    <t>【五二五】甩液环\GDLC65/310T-017\LC65/310T\氯丁橡胶</t>
  </si>
  <si>
    <t>【五二五】联轴器\GDLT8-YA48*112/45*112\LC65/310T\HT200</t>
  </si>
  <si>
    <t>【五二五】托架\GDLC1208-88-250-01\LC65/310T\HT200</t>
  </si>
  <si>
    <t>【五二五】轴承箱\GDLC1208-88-250-04\LC65/310T\HT200</t>
  </si>
  <si>
    <t>【五二五】轴承压环\GDLC1208-88-250-09\LC65/310T\HT200</t>
  </si>
  <si>
    <t>【五二五】前轴承压盖\GDLC65/310T-015\LC65/310T\HT200</t>
  </si>
  <si>
    <t>【五二五】后轴承压盖\GDLC1208-90-250-03\LC65/310T\HT200</t>
  </si>
  <si>
    <t>【五二五】轴套\GDLC-250-GPA50-002\LC65/310T\316L</t>
  </si>
  <si>
    <t>【五二五】泵盖\GDLC65/310T-004\LC65/310T\2605</t>
  </si>
  <si>
    <t>【五二五】轴\GDLC-250T-004E4\LC65/310T\2205</t>
  </si>
  <si>
    <t>【五二五】泵壳\GDLC65/310T-001\LC65/310T\Cr26</t>
  </si>
  <si>
    <t>【五二五】叶轮\GDLC65/310I-W6-002-φ275\LC65/310T\Cr26</t>
  </si>
  <si>
    <t>【五二五】耐磨板\GDLC65/310T-003\LC65/310T\Cr26</t>
  </si>
  <si>
    <t>【五二五】锁紧螺母\GDLC-250-F-001\LC65/310T\304</t>
  </si>
  <si>
    <t>【五二五】叶轮螺母\GDLC-YLLM-002-02\LC65/310T\45#</t>
  </si>
  <si>
    <t>【五二五】衬环\GDLC65/310T-013\LC65/310T\45#</t>
  </si>
  <si>
    <t>【五二五】出口活套法兰\GDLC65/310T-008\LC65/310T\A3</t>
  </si>
  <si>
    <t>【五二五】进口活套法兰\GDLC65/310T-007\LC65/310T\A3</t>
  </si>
  <si>
    <t>【五二五】压环\GDLC65/310T-012A\LC65/310T\A3</t>
  </si>
  <si>
    <t>【五二五】挡油环\GDLC1208-88-250-05\LC65/310T\ZG230-450</t>
  </si>
  <si>
    <t>【五二五】甩液环\GDLC65/310T(由250加工)\LC65/350T\聚四氟乙烯</t>
  </si>
  <si>
    <t>【五二五】联轴器\GDLT8-YA55*112/45*112\LC65/350T\HT200</t>
  </si>
  <si>
    <t>【五二五】轴承箱\GDLC65/310T-010\LC65/350T\HT200</t>
  </si>
  <si>
    <t>【五二五】托架\GDLC50/350N2T-020\LC65/350T\HT200</t>
  </si>
  <si>
    <t>【五二五】前轴承压盖\GDLC65/310T-015\LC65/350T\HT200</t>
  </si>
  <si>
    <t>【五二五】后轴承压盖\GDLC1208-88-250-03\LC65/350T\HT200</t>
  </si>
  <si>
    <t>【五二五】泵盖\GDLC50/350TN2-4\LC65/350T\HT200</t>
  </si>
  <si>
    <t>【五二五】泵壳\GDLC65/350T-1\LC65/350T\DF2</t>
  </si>
  <si>
    <t>【五二五】耐磨板\GDLC50/350TN2-3\LC65/350T\DF2</t>
  </si>
  <si>
    <t>【五二五】叶轮\GDLC65/350-B5-002-Φ330\LC65/350T\DF2</t>
  </si>
  <si>
    <t>【五二五】叶轮螺栓\GDLC65/310T-005\LC65/350T\45</t>
  </si>
  <si>
    <t>【五二五】轴\GDLC65/310T-009\LC65/350T\45</t>
  </si>
  <si>
    <t>【五二五】衬环\GDLC65/310T-013\LC65/350T\45</t>
  </si>
  <si>
    <t>【五二五】压环\GDLC50/350TN2-012\LC65/350T\A3</t>
  </si>
  <si>
    <t>【五二五】出口活套法兰\GDLC65/310T-008\LC65/350T\A3</t>
  </si>
  <si>
    <t>【五二五】进口活套法兰\GDLC65/310T-007\LC65/350T\A3</t>
  </si>
  <si>
    <t>【五二五】挡油环\GDLC1208-88-250-05\LC65/350T\ZG230-450</t>
  </si>
  <si>
    <t>【五二五】甩液环\GDLC125/405T-017\LC65/400T\氯丁橡胶</t>
  </si>
  <si>
    <t>【五二五】联轴器\GDLT9-YA65*142/48*135\LC65/400T\HT200</t>
  </si>
  <si>
    <t>【五二五】托架\GDLC1208-90-315-01\LC65/400T\HT200</t>
  </si>
  <si>
    <t>【五二五】后轴承压盖\GDLC1208-90-315-03\LC65/400T\HT200</t>
  </si>
  <si>
    <t>【五二五】轴承箱\GDLC1208-90-315-04\LC65/400T\HT200</t>
  </si>
  <si>
    <t>【五二五】轴承压环\GDLC1208-90-315-09\LC65/400T\HT200</t>
  </si>
  <si>
    <t>【五二五】前轴承压盖\GDLC125/405T-015\LC65/400T\HT200</t>
  </si>
  <si>
    <t>【五二五】泵盖\GDLC125/405T-004\LC65/400T\HT200</t>
  </si>
  <si>
    <t>【五二五】泵壳\GDLC65/400T-001\LC65/400T\DF2</t>
  </si>
  <si>
    <t>【五二五】叶轮\GDLC65/400T-B5-002\LC65/400T\DF2</t>
  </si>
  <si>
    <t>【五二五】耐磨板\GDLC65/400T-003\LC65/400T\DF2</t>
  </si>
  <si>
    <t>【五二五】轴\GDLC-315T-004E4\LC65/400T\40Cr</t>
  </si>
  <si>
    <t>【五二五】叶轮螺母\GDLC-YLLM-001-03\LC65/400T\45</t>
  </si>
  <si>
    <t>【五二五】叶轮螺栓\GDLC-YLLS-001-02\LC65/400T\45</t>
  </si>
  <si>
    <t>【五二五】衬套\GDLC125/405T-013\LC65/400T\45#</t>
  </si>
  <si>
    <t>【五二五】挡油环\GDLC1208-90-315-05\LC65/400T\ZG230-450</t>
  </si>
  <si>
    <t>【五二五】联轴器支架\GDLC-Z002(LC315-Z002E2)\LC65/400T\A3</t>
  </si>
  <si>
    <t>【五二五】压环\GDLC65/400T-12\LC65/400T\A3</t>
  </si>
  <si>
    <t>【五二五】进口活套法兰\GDLC65/400T-007\LC65/400T\A3</t>
  </si>
  <si>
    <t>【五二五】出口活套法兰\GDLC65/400T-008\LC65/400T\A3</t>
  </si>
  <si>
    <t>【五二五】甩液环\GDLC65/310T-017\LC100/320T\氯丁橡胶</t>
  </si>
  <si>
    <t>【五二五】联轴器\GDLT8-YA55*112/45*112\LC100/320T\HT200</t>
  </si>
  <si>
    <t>【五二五】托架\GDLC1208-88-250-01\LC100/320T\HT200</t>
  </si>
  <si>
    <t>【五二五】轴承箱\GDLC1208-88-250-04\LC100/320T\HT200</t>
  </si>
  <si>
    <t>【五二五】轴承压环\GDLC1208-88-250-09\LC100/320T\HT200</t>
  </si>
  <si>
    <t>【五二五】前轴承压盖\GDLC65/310T-015\LC100/320T\HT200</t>
  </si>
  <si>
    <t>【五二五】后轴承压盖\GDLC1208-88-250-03\LC100/320T\HT200</t>
  </si>
  <si>
    <t>【五二五】泵盖\GDLC100/320T-004\LC100/320T\HT200</t>
  </si>
  <si>
    <t>【五二五】泵壳\GDLC100/320T-001\LC100/320T\DF2</t>
  </si>
  <si>
    <t>【五二五】叶轮\GDLC100/320-B4-002\LC100/320T\DF2</t>
  </si>
  <si>
    <t>【五二五】耐磨板\GDLC65/310T-003\LC100/320T\DF2</t>
  </si>
  <si>
    <t>【五二五】轴\GDLC-250T-004E4\LC100/320T\45</t>
  </si>
  <si>
    <t>【五二五】叶轮螺母\GDLC-YLLM-001-02\LC100/320T\45</t>
  </si>
  <si>
    <t>【五二五】叶轮螺栓\GDLC-YLLS-001-01\LC100/320T\45</t>
  </si>
  <si>
    <t>【五二五】衬环\GDLC65/310T-013\LC100/320T\45</t>
  </si>
  <si>
    <t>【五二五】压环\GDLC100/320T-012\LC100/320T\A3</t>
  </si>
  <si>
    <t>【五二五】出口活套法兰\GDLC100/300T-008\LC100/320T\A3</t>
  </si>
  <si>
    <t>【五二五】进口活套法兰\GDLC100/320T-007\LC100/320T\A3</t>
  </si>
  <si>
    <t>【五二五】挡油环\GDLC1208-88-250-05\LC100/320T\A3</t>
  </si>
  <si>
    <t>【五二五】甩液环\GDLC65/310T-017\LC100/350T\氯丁橡胶</t>
  </si>
  <si>
    <t>【五二五】联轴器\GDLT8-YA55*112/45*112\LC100/350T\HT200</t>
  </si>
  <si>
    <t>【五二五】轴承箱\GDLC65/310T-10\LC100/350T\HT200</t>
  </si>
  <si>
    <t>【五二五】托架\GDLC50/350N2T-020\LC100/350T\HT200</t>
  </si>
  <si>
    <t>【五二五】前轴承压盖\GDLC65/310T-015\LC100/350T\HT200</t>
  </si>
  <si>
    <t>【五二五】后轴承压盖\GDLC1208-88-250-03\LC100/350T\HT200</t>
  </si>
  <si>
    <t>【五二五】泵盖\GDLC50/350TN2-4\LC100/350T\HT200</t>
  </si>
  <si>
    <t>【五二五】轴套\GDLC-250-GPA50-002\LC100/350T\316L</t>
  </si>
  <si>
    <t>【五二五】叶轮螺母\GDLC-YLLM-001-07\LC100/350T\2205</t>
  </si>
  <si>
    <t>【五二五】叶轮螺栓\GDLC-YLLS-001-01\LC100/350T\2205</t>
  </si>
  <si>
    <t>【五二五】泵壳\GDLC100/350T-001\LC100/350T\Cr26</t>
  </si>
  <si>
    <t>【五二五】耐磨板\GDLC100/350T-3\LC100/350T\Cr26</t>
  </si>
  <si>
    <t>【五二五】叶轮\GDLCF100/350I-S25-W6-002E2-Φ340\LC100/350T\Cr26</t>
  </si>
  <si>
    <t>【五二五】锁紧螺母\GDLC-250-F-001\LC100/350T\304</t>
  </si>
  <si>
    <t>【五二五】轴\GDLC-250T-004E4\LC100/350T\45</t>
  </si>
  <si>
    <t>【五二五】衬环\GDLC65/310T-013\LC100/350T\45</t>
  </si>
  <si>
    <t>【五二五】压环\GDLC50/350N2T-012\LC100/350T\A3</t>
  </si>
  <si>
    <t>【五二五】出口活套法兰\GDLC100/300T-008\LC100/350T\A3</t>
  </si>
  <si>
    <t>【五二五】进口活套法兰\GDLC100/320T-007\LC100/350T\A3</t>
  </si>
  <si>
    <t>【五二五】挡油环\GDLC1208-88-250-05\LC100/350T\A3</t>
  </si>
  <si>
    <t>【五二五】甩液环\GDLC125/405T-017\LC125/405T\氯丁橡胶</t>
  </si>
  <si>
    <t>【五二五】联轴器\GDLT9-YA60*142/48*135\LC125/405T\HT200</t>
  </si>
  <si>
    <t>【五二五】托架\GDLC1208-90-315-01\LC125/405T\HT200</t>
  </si>
  <si>
    <t>【五二五】后轴承压盖\GDLC1208-90-315-03\LC125/405T\HT200</t>
  </si>
  <si>
    <t>【五二五】轴承箱\GDLC1208-90-315-04\LC125/405T\HT200</t>
  </si>
  <si>
    <t>【五二五】轴承压环\GDLC1208-90-315-09\LC125/405T\HT200</t>
  </si>
  <si>
    <t>【五二五】前轴承压盖\GDLC125/405T-015\LC125/405T\HT200</t>
  </si>
  <si>
    <t>【五二五】泵盖\GDLC125/405T-004\LC125/405T\HT200</t>
  </si>
  <si>
    <t>【五二五】泵壳\GDLC125/405T-001\LC125/405T\DF2</t>
  </si>
  <si>
    <t>【五二五】耐磨板\GDLC125/405T-003\LC125/405T\DF2</t>
  </si>
  <si>
    <t>【五二五】叶轮\GDLC125/405-B3-002-Φ375\LC125/405T\DF2</t>
  </si>
  <si>
    <t>【五二五】叶轮螺母\GDLC-YLLM-001-03\LC125/405T\45</t>
  </si>
  <si>
    <t>【五二五】叶轮螺栓\GDLC-YLLS-001-02\LC125/405T\45</t>
  </si>
  <si>
    <t>【五二五】衬套\GDLC125/405T-013\LC125/405T\45</t>
  </si>
  <si>
    <t>【五二五】轴\GDLC-315T-D-004E4\LC125/405T\45</t>
  </si>
  <si>
    <t>【五二五】挡油环\GDLC1208-90-315-05\LC125/405T\ZG230-450</t>
  </si>
  <si>
    <t>【五二五】出口活套法兰\GDLC125/405T-008\LC125/405T\A3</t>
  </si>
  <si>
    <t>【五二五】进口活套法兰\GDLC125/405T-007\LC125/405T\A3</t>
  </si>
  <si>
    <t>【五二五】压环\GDLC65/400T-012\LC125/405T\A3</t>
  </si>
  <si>
    <t>【五二五】支架\GDLC700/900-019\LC700/900II\HT200</t>
  </si>
  <si>
    <t>【五二五】前防尘盘\GDLC600/825-015A\LC550/750II\HT200</t>
  </si>
  <si>
    <t>【五二五】特殊法兰\GDLC700/900-021\LC700/898II\2605</t>
  </si>
  <si>
    <t>【五二五】特殊法兰\GDLC700/900-021\LC550/750II\2605</t>
  </si>
  <si>
    <t>【五二五】压盖\GDLC700/900Ⅱ-003\LC700/900II\ZG230(A3)</t>
  </si>
  <si>
    <t>【五二五】叶轮\GDLC700/898II-B5-002\LC700/898II\CR30A</t>
  </si>
  <si>
    <t>【五二五】联轴器\GDLT8-YA48*112/60*142\PLC100/300\HT200</t>
  </si>
  <si>
    <t>【五二五】轴承压盖\GDPLC550-005\PLC100/300\HT200</t>
  </si>
  <si>
    <t>【五二五】锥形帽\GDLC100/300-005\PLC100/300\316L</t>
  </si>
  <si>
    <t>【五二五】特殊法兰\GDLC1208-88-250-14\PLC100/300\316L</t>
  </si>
  <si>
    <t>【五二五】叶轮\GDLC100/300-B3-002-Φ290\PLC100/300\Cr30</t>
  </si>
  <si>
    <t>【五二五】轴\GDPLC550-003C-03\PLC100/300\2205</t>
  </si>
  <si>
    <t>【五二五】轴承衬套\GDPLC550-007\PLC100/300\45</t>
  </si>
  <si>
    <t>【五二五】橡胶保护套\GDPLC550-001-01\PLC100/300\氟橡胶</t>
  </si>
  <si>
    <t>【五二五】吸液管\GDXYG-001E1(XYG-DN150-01)\PLC100/300\FRPP</t>
  </si>
  <si>
    <t>【五二五】出口分半法兰\GDPLC100/300-004\PLC100/300\HT200</t>
  </si>
  <si>
    <t>【五二五】轴承座\GDPLC550-004A\PLC100/300\HT200</t>
  </si>
  <si>
    <t>【五二五】电机支架\GDPLC550-H000-Y225\PLC100/300\A3</t>
  </si>
  <si>
    <t>【五二五】固定法兰\GDPLC100/300-003\PLC100/300\HT200</t>
  </si>
  <si>
    <t>【五二五】叶轮螺栓\GDLC100/320-007\PLC100/300\316L</t>
  </si>
  <si>
    <t>【五二五】出液管\GDPLC100/300-002-02\PLC100/300\316L</t>
  </si>
  <si>
    <t>【五二五】支撑管\GDPLC550-A2-002-02E2\PLC100/300\316L</t>
  </si>
  <si>
    <t>【五二五】泵壳\GDLC100/320-001E1\PLC100/300\Cr30</t>
  </si>
  <si>
    <t>【五二五】泵盖\GDPLC100/320-006\PLC100/300\Cr30</t>
  </si>
  <si>
    <t>【五二五】静环\GDPLC550-011\PLC100/300\2605</t>
  </si>
  <si>
    <t>【五二五】弯管\GDPLC100/300-001\PLC100/300\2605</t>
  </si>
  <si>
    <t>【五二五】调整螺母\GDPLC550-006\PLC100/300\45</t>
  </si>
  <si>
    <t>【五二五】轴承挡套\GDPLC550-010\PLC100/300\A3</t>
  </si>
  <si>
    <t>【五二五】上挡油环\GDPLC550-008\PLC100/300\ZG230-450</t>
  </si>
  <si>
    <t>【五二五】下挡油环\GDPLC550-009\PLC100/300\ZG230-450</t>
  </si>
  <si>
    <t>【五二五】橡胶保护套\GDPLC550-001-01\PLC100/320T\氟橡胶</t>
  </si>
  <si>
    <t>【五二五】联轴器\GDLT8-YA48*112/60*142\PLC100/320T\HT200</t>
  </si>
  <si>
    <t>【五二五】出口分半法兰\GDPLC100/300-004\PLC100/320T\HT200</t>
  </si>
  <si>
    <t>【五二五】轴承座\GDPLC550-004A\PLC100/320T\HT200</t>
  </si>
  <si>
    <t>【五二五】电机支架\GDPLC550-H000Y160Y180\PLC100/320T\A3</t>
  </si>
  <si>
    <t>【五二五】轴承压盖\GDPLC550-005\PLC100/320T\HT200</t>
  </si>
  <si>
    <t>【五二五】泵盖\GDPLC100/320T-006\PLC100/320T\HT200</t>
  </si>
  <si>
    <t>【五二五】固定法兰\GDPLC100/300-003\PLC100/320T\HT200</t>
  </si>
  <si>
    <t>【五二五】弯管\GDPLC100/300-001\PLC100/320T\HT200</t>
  </si>
  <si>
    <t>【五二五】静环\GDPLC550-011\PLC100/320T\2605</t>
  </si>
  <si>
    <t>【五二五】泵壳\GDLC100/320T-001\PLC100/320T\DF2</t>
  </si>
  <si>
    <t>【五二五】耐磨板\GDLC65/310T-003\PLC100/320T\DF2</t>
  </si>
  <si>
    <t>【五二五】叶轮\GDLC100/320-B4-002-Φ280\PLC100/320T\DF2</t>
  </si>
  <si>
    <t>【五二五】轴\GDPLC550-003C-03\PLC100/320T\3Cr13</t>
  </si>
  <si>
    <t>【五二五】锥形帽\GDLC100/320-005\PLC100/320T\316L</t>
  </si>
  <si>
    <t>【五二五】叶轮螺栓\GDLC100/320-007\PLC100/320T\316L</t>
  </si>
  <si>
    <t>【五二五】轴承衬套\GDPLC550-007\PLC100/320T\45</t>
  </si>
  <si>
    <t>【五二五】调整螺母\GDPLC550-006\PLC100/320T\45</t>
  </si>
  <si>
    <t>【五二五】压环\GDLC100/320T-012\PLC100/320T\45</t>
  </si>
  <si>
    <t>【五二五】出口活套法兰\GDLC100/300T-008\PLC100/320T\A3</t>
  </si>
  <si>
    <t>【五二五】进口活套法兰\GDLC100/320T-007\PLC100/320T\A3</t>
  </si>
  <si>
    <t>【五二五】吸液管\GDPLC-XYG-Φ150\PLC100/320T\A3</t>
  </si>
  <si>
    <t>【五二五】出液管\GDPLC100/300-002-03\PLC100/320T\A3</t>
  </si>
  <si>
    <t>【五二五】轴承挡套\GDPLC550-010\PLC100/320T\A3</t>
  </si>
  <si>
    <t>【五二五】上挡油环\GDPLC550-008\PLC100/320T\ZG230-450</t>
  </si>
  <si>
    <t>【五二五】下挡油环\GDPLC550-009\PLC100/320T\ZG230-450</t>
  </si>
  <si>
    <t>【五二五】支撑管\GDPLC550T-002-03E2\PLC100/320T\A3</t>
  </si>
  <si>
    <t>【五二五】橡胶保护套\GDPLC550-001-01\PLC100/350\氟橡胶</t>
  </si>
  <si>
    <t>【五二五】吸液管\GDXYG-001E1(XYG-DN150-01)\PLC100/350\FRPP</t>
  </si>
  <si>
    <t>【五二五】联轴器\GDLT9-YA60*142/60*142\PLC100/350\HT200</t>
  </si>
  <si>
    <t>【五二五】出口分半法兰\GDPLC100/300-004\PLC100/350\HT200</t>
  </si>
  <si>
    <t>【五二五】轴承座\GDPLC550-004A\PLC100/350\HT200</t>
  </si>
  <si>
    <t>【五二五】电机支架\GDPLC550-H000-Y225\PLC100/350\A3</t>
  </si>
  <si>
    <t>【五二五】轴承压盖\GDPLC550-005\PLC100/350\HT200</t>
  </si>
  <si>
    <t>【五二五】固定法兰\GDPLC100/300-003\PLC100/350\HT200</t>
  </si>
  <si>
    <t>【五二五】锥形帽\GDLC65/310-005\PLC100/350\316L</t>
  </si>
  <si>
    <t>【五二五】叶轮螺栓\GDLC2206-88-250\PLC100/350\316L</t>
  </si>
  <si>
    <t>【五二五】出液管\GDPLC100/300-002-02\PLC100/350\316L</t>
  </si>
  <si>
    <t>【五二五】支撑管\GDPLC550-A2-002-02E2\PLC100/350\316L</t>
  </si>
  <si>
    <t>【五二五】泵壳\GDLC100/350-001E1\PLC100/350\Cr30</t>
  </si>
  <si>
    <t>【五二五】叶轮\GDLC100/350-B5-002-φ330\PLC100/350\Cr30</t>
  </si>
  <si>
    <t>【五二五】泵盖\GDPLC100/350-006\PLC100/350\Cr30</t>
  </si>
  <si>
    <t>【五二五】静环\GDPLC550-011\PLC100/350\2605</t>
  </si>
  <si>
    <t>【五二五】弯管\GDPLC100/300-001\PLC100/350\2605</t>
  </si>
  <si>
    <t>【五二五】轴\GDPLC550-003C-02\PLC100/350\2205</t>
  </si>
  <si>
    <t>【五二五】轴承衬套\GDPLC550-007\PLC100/350\45</t>
  </si>
  <si>
    <t>【五二五】调整螺母\GDPLC550-006\PLC100/350\45</t>
  </si>
  <si>
    <t>【五二五】轴承挡套\GDPLC550-010\PLC100/350\A3</t>
  </si>
  <si>
    <t>【五二五】上挡油环\GDPLC550-008\PLC100/350\ZG230-450</t>
  </si>
  <si>
    <t>【五二五】下挡油环\GDPLC550-009\PLC100/350\ZG230-450</t>
  </si>
  <si>
    <t>【五二五】橡胶保护套\GDPLC550-001-02\PLC150/300\氟橡胶</t>
  </si>
  <si>
    <t>【五二五】联轴器\GDLT9-YA60*142/60*142\PLC150/300\HT200</t>
  </si>
  <si>
    <t>【五二五】轴承座\GDPLC550-004A\PLC150/300\HT200</t>
  </si>
  <si>
    <t>【五二五】电机支架\GDPLC550-H000-Y225\PLC150/300\A3</t>
  </si>
  <si>
    <t>【五二五】轴承压盖\GDPLC550-005\PLC150/300\HT200</t>
  </si>
  <si>
    <t>【五二五】出口分半法兰\GDPLC150/400-004\PLC150/300\HT200</t>
  </si>
  <si>
    <t>【五二五】固定法兰\GDPLC150/400-008\PLC150/300\HT200</t>
  </si>
  <si>
    <t>【五二五】出液管\GDPLC150/400-002-03\PLC150/300\316L</t>
  </si>
  <si>
    <t>【五二五】轴\GDPLC125/405-005C-03\PLC150/300\316L</t>
  </si>
  <si>
    <t>【五二五】叶轮螺栓\GDPLC150/300-003\PLC150/300\316L</t>
  </si>
  <si>
    <t>【五二五】锥形帽\GDPLC150/300-001\PLC150/300\316L</t>
  </si>
  <si>
    <t>【五二五】吸液管\GDPLC-XYG-Φ150\PLC150/300\316L</t>
  </si>
  <si>
    <t>【五二五】泵壳\GDLCF150/300-001E1\PLC150/300\Cr30</t>
  </si>
  <si>
    <t>【五二五】耐磨板\GDLCF150/300-003\PLC150/300\Cr30</t>
  </si>
  <si>
    <t>【五二五】入口管\GDLCF150/300-005\PLC150/300\Cr30</t>
  </si>
  <si>
    <t>【五二五】泵盖\GDPLC150/300-004\PLC150/300\Cr30</t>
  </si>
  <si>
    <t>【五二五】叶轮\GDPLC150/300-B4-002\PLC150/300\Cr30</t>
  </si>
  <si>
    <t>【五二五】静环\GDPLC550-011\PLC150/300\2605</t>
  </si>
  <si>
    <t>【五二五】支撑管\GDPLC550-002-03\PLC150/300\2605</t>
  </si>
  <si>
    <t>【五二五】弯管\GDPLC150/400-001\PLC150/300\2605</t>
  </si>
  <si>
    <t>【五二五】轴承衬套\GDPLC550-007\PLC150/300\45</t>
  </si>
  <si>
    <t>【五二五】调整螺母\GDPLC550-006\PLC150/300\45</t>
  </si>
  <si>
    <t>【五二五】轴承挡套\GDPLC550-010\PLC150/300\A3</t>
  </si>
  <si>
    <t>【五二五】上挡油环\GDPLC550-008\PLC150/300\ZG230-450</t>
  </si>
  <si>
    <t>【五二五】下挡油环\GDPLC550-009\PLC150/300\ZG230-450</t>
  </si>
  <si>
    <t>【五二五】橡胶保护套\GDPLC550-001-02\PLC150/350\氟橡胶</t>
  </si>
  <si>
    <t>【五二五】吸液管\GDXYG-001E1(XYG-DN200-01)\PLC150/350\FRPP</t>
  </si>
  <si>
    <t>【五二五】联轴器\GDLT10-YA75*142/60*142\PLC150/350</t>
  </si>
  <si>
    <t>【五二五】轴承座\GDPLC550-004A\PLC150/350\HT200</t>
  </si>
  <si>
    <t>【五二五】上挡油环\GDPLC550-008\PLC150/350\HT200</t>
  </si>
  <si>
    <t>【五二五】下挡油环\GDPLC550-009\PLC150/350\HT200</t>
  </si>
  <si>
    <t>【五二五】轴承压盖\GDPLC550-005\PLC150/350\HT200</t>
  </si>
  <si>
    <t>【五二五】电机支架\GDPLC550-Y250、Y280\PLC150/350\A3</t>
  </si>
  <si>
    <t>【五二五】出口分半法兰\GDPLC150/400-004\PLC150/350\HT200</t>
  </si>
  <si>
    <t>【五二五】固定法兰\GDPLC150/400-008\PLC150/350\HT200</t>
  </si>
  <si>
    <t>【五二五】特殊法兰\GDLC1208-90-315-14\PLC150/350\316L</t>
  </si>
  <si>
    <t>【五二五】出液管\GDPLC150/400-002-03\PLC150/350\316L</t>
  </si>
  <si>
    <t>【五二五】轴\GDPLC125/405-005A-03\PLC150/350\316L</t>
  </si>
  <si>
    <t>【五二五】叶轮螺栓\GDPLC150/300-003\PLC150/350\316L</t>
  </si>
  <si>
    <t>【五二五】锥形帽\GDPLC150/350-001\PLC150/350\316L</t>
  </si>
  <si>
    <t>【五二五】支撑管\GDPLC550-A2-002-03E2\PLC150/350\316L</t>
  </si>
  <si>
    <t>【五二五】泵壳\GDLC150/350-001E1\PLC150/350\Cr30</t>
  </si>
  <si>
    <t>【五二五】叶轮\GDLC150/350T-B4-002\PLC150/350\Cr30</t>
  </si>
  <si>
    <t>【五二五】泵盖\GDPLC100/350-006\PLC150/350\Cr30</t>
  </si>
  <si>
    <t>【五二五】静环\GDPLC550-011\PLC150/350\2605</t>
  </si>
  <si>
    <t>【五二五】弯管\GDPLC150/400-001\PLC150/350\2605</t>
  </si>
  <si>
    <t>【五二五】调整螺母\GDPLC550-006\PLC150/350\A3</t>
  </si>
  <si>
    <t>【五二五】轴承衬套\GDPLC550-007\PLC150/350\A3</t>
  </si>
  <si>
    <t>【五二五】轴承挡套\GDPLC550-010\PLC150/350\A3</t>
  </si>
  <si>
    <t>【五二五】橡胶保护套\GDPLC420-001\PLC40/250\氟橡胶</t>
  </si>
  <si>
    <t>【五二五】吸液管\GDXYG-001E1(XYG-DN65-01)\PLC40/250\FRPP</t>
  </si>
  <si>
    <t>【五二五】联轴器\GDLT7-YA38*82/40*112\PLC40/250\HT200</t>
  </si>
  <si>
    <t>【五二五】轴承压盖\GDPLC420-005\PLC40/250\HT200</t>
  </si>
  <si>
    <t>【五二五】固定法兰\GDPLC40/250-003\PLC40/250\HT200</t>
  </si>
  <si>
    <t>【五二五】轴承座\GDPLC420-004\PLC40/250\HT200</t>
  </si>
  <si>
    <t>【五二五】电机支架\GDPLC420-H000-Y132\PLC40/250\A3</t>
  </si>
  <si>
    <t>【五二五】出口分半法兰\GDPLC40/250-004\PLC40/250\HT200</t>
  </si>
  <si>
    <t>【五二五】叶轮螺栓\GDLC-180-005\PLC40/250\316L</t>
  </si>
  <si>
    <t>【五二五】锥形帽\GDLC-180-004\PLC40/250\316L</t>
  </si>
  <si>
    <t>【五二五】特殊法兰\GDLC1208-90-180-14\PLC40/250\316L</t>
  </si>
  <si>
    <t>【五二五】支撑管\GDPLC420-A2-002-03E2\PLC40/250\316L</t>
  </si>
  <si>
    <t>【五二五】出液管\GDPLC40/250-002-03\PLC40/250\316L</t>
  </si>
  <si>
    <t>【五二五】泵壳\GDLC40/250-001E1\PLC40/250\Cr30</t>
  </si>
  <si>
    <t>【五二五】叶轮\GDLC40/250-B3-002\PLC40/250\Cr30</t>
  </si>
  <si>
    <t>【五二五】泵盖\GDPLC40/250-006\PLC40/250\Cr30</t>
  </si>
  <si>
    <t>【五二五】弯管\GDPLC40/250-001\PLC40/250\2605</t>
  </si>
  <si>
    <t>【五二五】静环\GDPLC420-011\PLC40/250\2605</t>
  </si>
  <si>
    <t>【五二五】轴\GDPLC420-003C-03\PLC40/250\2205</t>
  </si>
  <si>
    <t>【五二五】调整螺母\GDPLC420-006\PLC40/250\45</t>
  </si>
  <si>
    <t>【五二五】轴承衬套\GDPLC420-007\PLC40/250\45</t>
  </si>
  <si>
    <t>【五二五】轴承挡套\GDPLC420-010\PLC40/250\A3</t>
  </si>
  <si>
    <t>【五二五】上挡油环\GDPLC420-008\PLC40/250\ZG230-450</t>
  </si>
  <si>
    <t>【五二五】下挡油环\GDPLC420-009\PLC40/250\ZG230-450</t>
  </si>
  <si>
    <t>【五二五】橡胶保护套\GDPLC550-001-01\PLC50/350N1\氟橡胶</t>
  </si>
  <si>
    <t>【五二五】吸液管\GDXYG-001E1(XYG-DN65-01)\PLC50/350N1\FRPP</t>
  </si>
  <si>
    <t>【五二五】联轴器\GDLT8-YA42*112/60*142\PLC50/350N1\HT200</t>
  </si>
  <si>
    <t>【五二五】轴承座\GDPLC550-004A\PLC50/350N1\HT200</t>
  </si>
  <si>
    <t>【五二五】电机支架\GDPLC550-H000 Y160 Y180\PLC50/350N1\A3</t>
  </si>
  <si>
    <t>【五二五】固定法兰\GDPLC50/350-003\PLC50/350N1\HT200</t>
  </si>
  <si>
    <t>【五二五】出口分半法兰\GDPLC50/350-004\PLC50/350N1\HT200</t>
  </si>
  <si>
    <t>【五二五】轴承压盖\GDPLC550-005\PLC50/350N1\HT200</t>
  </si>
  <si>
    <t>【五二五】锥形帽\GDLC65/310-005\PLC50/350N1\316L</t>
  </si>
  <si>
    <t>【五二五】叶轮螺栓\GDLC2206-88-250\PLC50/350N1\316L</t>
  </si>
  <si>
    <t>【五二五】特殊法兰\GDLC1208-88-250-14\PLC50/350N1\316L</t>
  </si>
  <si>
    <t>【五二五】出液管\GDPLC50/350-002-02\PLC50/350N1\316L</t>
  </si>
  <si>
    <t>【五二五】支撑管\GDPLC550-A2-002-02E2\PLC50/350N1\316L</t>
  </si>
  <si>
    <t>【五二五】泵壳\GDLC50/350N1-001E1\PLC50/350N1\Cr30</t>
  </si>
  <si>
    <t>【五二五】叶轮\GDLC50/350N1-B3-002A-φ280\PLC50/350N1\Cr30</t>
  </si>
  <si>
    <t>【五二五】泵盖\GDPLC50/350N1-006\PLC50/350N1\Cr30</t>
  </si>
  <si>
    <t>【五二五】弯管\GDPLC50/350N1-001\PLC50/350N1\2605</t>
  </si>
  <si>
    <t>【五二五】静环\GDPLC550-011\PLC50/350N1\2605</t>
  </si>
  <si>
    <t>【五二五】轴\GDPLC550-003C-02\PLC50/350N1\316L</t>
  </si>
  <si>
    <t>【五二五】轴承衬套\GDPLC550-007\PLC50/350N1\45</t>
  </si>
  <si>
    <t>【五二五】调整螺母\GDPLC550-006\PLC50/350N1\45</t>
  </si>
  <si>
    <t>【五二五】轴承挡套\GDPLC550-010\PLC50/350N1\A3</t>
  </si>
  <si>
    <t>【五二五】上挡油环\GDPLC550-008\PLC50/350N1\ZG230-450</t>
  </si>
  <si>
    <t>【五二五】下挡油环\GDPLC550-009\PLC50/350N1\ZG230-450</t>
  </si>
  <si>
    <t>【五二五】橡胶保护套\GDPLC550-001-01\PLC50/350N1T\氟橡胶</t>
  </si>
  <si>
    <t>【五二五】联轴器\GDLT8-YA42*112/60*142\PLC50/350N1T\HT200</t>
  </si>
  <si>
    <t>【五二五】轴承座\GDPLC550-004A\PLC50/350N1T\HT200</t>
  </si>
  <si>
    <t>【五二五】电机支架\GDPLC550-H000 Y160 Y180\PLC50/350N1T\A3</t>
  </si>
  <si>
    <t>【五二五】固定法兰\GDPLC50/350-003\PLC50/350N1T\HT200</t>
  </si>
  <si>
    <t>【五二五】出口分半法兰\GDPLC50/350-004\PLC50/350N1T\HT200</t>
  </si>
  <si>
    <t>【五二五】弯管\GDPLC50/350N1-001\PLC50/350N1T\HT200</t>
  </si>
  <si>
    <t>【五二五】泵盖\GDPLC50/350N1T-BG\PLC50/350N1T\HT200</t>
  </si>
  <si>
    <t>【五二五】轴承压盖\GDPLC550-005\PLC50/350N1T\HT200</t>
  </si>
  <si>
    <t>【五二五】静环\GDPLC550-011\PLC50/350N1T\2605</t>
  </si>
  <si>
    <t>【五二五】泵壳\GDLC50/350TN1-1\PLC50/350N1T\DF2</t>
  </si>
  <si>
    <t>【五二五】耐磨板\GDLC50/350TN1-3\PLC50/350N1T\DF2</t>
  </si>
  <si>
    <t>【五二五】叶轮\GDPLC50/350N1-W6-002\PLC50/350N1T\DF2</t>
  </si>
  <si>
    <t>【五二五】轴\GDPLC550-003C-02\PLC50/350N1T\3Cr13</t>
  </si>
  <si>
    <t>【五二五】叶轮螺栓\GDLC2206-88-250\PLC50/350N1T\316L</t>
  </si>
  <si>
    <t>【五二五】锥形帽\GDLC65/310-005\PLC50/350N1T\316L</t>
  </si>
  <si>
    <t>【五二五】轴承衬套\GDPLC550-007\PLC50/350N1T\45</t>
  </si>
  <si>
    <t>【五二五】调整螺母\GDPLC550-006\PLC50/350N1T\45</t>
  </si>
  <si>
    <t>【五二五】进口活套法兰\GDLC50/350N1T-7\PLC50/350N1T\A3</t>
  </si>
  <si>
    <t>【五二五】出口活套法兰\GDLC50/350N1T-8\PLC50/350N1T\A3</t>
  </si>
  <si>
    <t>【五二五】压环\GDLC65/310T-012A\PLC50/350N1T\A3</t>
  </si>
  <si>
    <t>【五二五】出液管\GDPLC50/350-002-02\PLC50/350N1T\A3</t>
  </si>
  <si>
    <t>【五二五】轴承挡套\GDPLC550-010\PLC50/350N1T\A3</t>
  </si>
  <si>
    <t>【五二五】上挡油环\GDPLC550-008\PLC50/350N1T\ZG230-450</t>
  </si>
  <si>
    <t>【五二五】下挡油环\GDPLC550-009\PLC50/350N1T\ZG230-450</t>
  </si>
  <si>
    <t>【五二五】支撑管\GDPLC550T-002-02E2\PLC50/350N1T\A3</t>
  </si>
  <si>
    <t>【五二五】橡胶保护套\GDPLC550-001-01\PLC50/350N2\氟橡胶</t>
  </si>
  <si>
    <t>【五二五】联轴器\GDLT8-YA42*112/60*142\PLC50/350N2\HT200</t>
  </si>
  <si>
    <t>【五二五】轴承座\GDPLC550-004A\PLC50/350N2\HT200</t>
  </si>
  <si>
    <t>【五二五】固定法兰\GDPLC50/350-003\PLC50/350N2\HT200</t>
  </si>
  <si>
    <t>【五二五】出口分半法兰\GDPLC50/350-004\PLC50/350N2\HT200</t>
  </si>
  <si>
    <t>【五二五】轴承压盖\GDPLC550-005\PLC50/350N2\HT200</t>
  </si>
  <si>
    <t>【五二五】电机支架\GDPLC550-H000 Y160 Y180E1\PLC50/350N2\A3</t>
  </si>
  <si>
    <t>【五二五】特殊法兰\GDLC1208-90-250-14\PLC50/350N2\316L</t>
  </si>
  <si>
    <t>【五二五】出液管\GDZY-SDGDPL-PLC50/350-002-03\PLC50/350N2\316L</t>
  </si>
  <si>
    <t>【五二五】支撑管\GDPLC550-A2-002-03E2\PLC50/350N2\316L</t>
  </si>
  <si>
    <t>【五二五】泵壳\GDLC50/350N2-001E1\PLC50/350N2\Cr30</t>
  </si>
  <si>
    <t>【五二五】叶轮\GDLC50/350N2-B4-002A-Φ330\PLC50/350N2\Cr30</t>
  </si>
  <si>
    <t>【五二五】泵盖\GDPLC50/350N2-006\PLC50/350N2\Cr30</t>
  </si>
  <si>
    <t>【五二五】弯管\GDPLC50/350N1-001\PLC50/350N2\2605</t>
  </si>
  <si>
    <t>【五二五】静环\GDPLC550-011\PLC50/350N2\2605</t>
  </si>
  <si>
    <t>【五二五】叶轮螺栓\GDLC2206-88-250\PLC50/350N2\2205</t>
  </si>
  <si>
    <t>【五二五】锥形帽\GDLC65/310-005\PLC50/350N2\2205</t>
  </si>
  <si>
    <t>【五二五】轴\GDPLC550-003C-03\PLC50/350N2\2205</t>
  </si>
  <si>
    <t>【五二五】轴承衬套\GDPLC550-007\PLC50/350N2\45</t>
  </si>
  <si>
    <t>【五二五】调整螺母\GDPLC550-006\PLC50/350N2\45</t>
  </si>
  <si>
    <t>【五二五】轴承挡套\GDPLC550-010\PLC50/350N2\A3</t>
  </si>
  <si>
    <t>【五二五】上挡油环\GDPLC550-008\PLC50/350N2\ZG230-450</t>
  </si>
  <si>
    <t>【五二五】下挡油环\GDPLC550-009\PLC50/350N2\ZG230-450</t>
  </si>
  <si>
    <t>【五二五】橡胶保护套\GDPLC550-001\PLC50/350N2T\氟橡胶</t>
  </si>
  <si>
    <t>【五二五】联轴器\GDLT8-YA42*112/60*142\PLC50/350N2T\HT200</t>
  </si>
  <si>
    <t>【五二五】轴承座\GDPLC550-004A\PLC50/350N2T\HT200</t>
  </si>
  <si>
    <t>【五二五】上挡油环\GDPLC550-008\PLC50/350N2T\HT200</t>
  </si>
  <si>
    <t>【五二五】下挡油环\GDPLC550-009\PLC50/350N2T\HT200</t>
  </si>
  <si>
    <t>【五二五】电机支架\GDPLC550-H000 Y160 Y180\PLC50/350N2T\A3</t>
  </si>
  <si>
    <t>【五二五】固定法兰\GDPLC50/350-003\PLC50/350N2T\HT200</t>
  </si>
  <si>
    <t>【五二五】出口分半法兰\GDPLC50/350-004\PLC50/350N2T\HT200</t>
  </si>
  <si>
    <t>【五二五】弯管\GDPLC50/350N1-001\PLC50/350N2T\HT200</t>
  </si>
  <si>
    <t>【五二五】轴承压盖\GDPLC550-005\PLC50/350N2T\HT200</t>
  </si>
  <si>
    <t>【五二五】泵盖\GDPLC50/350N2T-001\PLC50/350N2T\HT200</t>
  </si>
  <si>
    <t>【五二五】泵壳\GDLC50/350N2T-001\PLC50/350N2T\DF2</t>
  </si>
  <si>
    <t>【五二五】耐磨板\GDLC50/350N2T-3\PLC50/350N2T\DF2</t>
  </si>
  <si>
    <t>【五二五】叶轮\GDLC50/350N2-B4-002A-φ290\PLC50/350N2T\DF2</t>
  </si>
  <si>
    <t>【五二五】叶轮螺栓\GDLC2206-88-250\PLC50/350N2T\316L</t>
  </si>
  <si>
    <t>【五二五】锥形帽\GDLC65/310-005\PLC50/350N2T\316L</t>
  </si>
  <si>
    <t>【五二五】轴\GDPLC550-003C-03\PLC50/350N2T\45</t>
  </si>
  <si>
    <t>【五二五】静环\GDPLC550-011\PLC50/350N2T\2605</t>
  </si>
  <si>
    <t>【五二五】压环\GDLC50/350N2T-012\PLC50/350N2T\A3</t>
  </si>
  <si>
    <t>【五二五】进口活套法兰\GDLC50/350N1T-7\PLC50/350N2T\A3</t>
  </si>
  <si>
    <t>【五二五】出口活套法兰\GDLC50/350N1T-8\PLC50/350N2T\A3</t>
  </si>
  <si>
    <t>【五二五】出液管\GDPLC50/350-002-03\PLC50/350N2T\A3</t>
  </si>
  <si>
    <t>【五二五】调整螺母\GDPLC550-006\PLC50/350N2T\A3</t>
  </si>
  <si>
    <t>【五二五】支撑管\GDPLC50/350N2T-002-03\PLC50/350N2T\A3</t>
  </si>
  <si>
    <t>【五二五】轴承衬套\GDPLC550-007\PLC50/350N2T\A3</t>
  </si>
  <si>
    <t>【五二五】轴承挡套\GDPLC550-010\PLC50/350N2T\A3</t>
  </si>
  <si>
    <t>【五二五】橡胶保护套\GDPLC550-001-02\PLC50/460\氟橡胶</t>
  </si>
  <si>
    <t>【五二五】联轴器\GDLT9-YA60*142/60*142\PLC50/460\HT200</t>
  </si>
  <si>
    <t>【五二五】轴承座\GDPLC550-004A\PLC50/460\HT200</t>
  </si>
  <si>
    <t>【五二五】电机支架\GDPLC550-H000-Y225\PLC50/460\A3</t>
  </si>
  <si>
    <t>【五二五】固定法兰\GDPLC50/350-003\PLC50/460\HT200</t>
  </si>
  <si>
    <t>【五二五】出口分半法兰\GDPLC50/350-004\PLC50/460\HT200</t>
  </si>
  <si>
    <t>【五二五】轴承压盖\GDPLC550-005\PLC50/460\HT200</t>
  </si>
  <si>
    <t>【五二五】特殊法兰\GDLC1208-90-315-14\PLC50/460\316L</t>
  </si>
  <si>
    <t>【五二五】出液管\GDPLC50/350-002-03\PLC50/460\316L</t>
  </si>
  <si>
    <t>【五二五】轴\GDPLC80/450-005C-03\PLC50/460\316L</t>
  </si>
  <si>
    <t>【五二五】叶轮螺栓\GDPLC80/450-008\PLC50/460\316L</t>
  </si>
  <si>
    <t>【五二五】吸液管\GDPLC-XYG-Φ80\PLC50/460\316L</t>
  </si>
  <si>
    <t>【五二五】叶轮螺母\GDPLC80/450-007E1\PLC50/460\316L</t>
  </si>
  <si>
    <t>【五二五】支撑管\GDPLC125/405-A2-004-03E2\PLC50/460\316L</t>
  </si>
  <si>
    <t>【五二五】泵壳\GDLC50/460-001E1\PLC50/460\2605</t>
  </si>
  <si>
    <t>【五二五】叶轮\GDLC50/460-B5-002-Φ410\PLC50/460\2605</t>
  </si>
  <si>
    <t>【五二五】弯管\GDPLC50/350N1-001\PLC50/460\2605</t>
  </si>
  <si>
    <t>【五二五】静环\GDPLC550-011\PLC50/460\2605</t>
  </si>
  <si>
    <t>【五二五】泵盖\GDPLC50/460-003\PLC50/460\2605</t>
  </si>
  <si>
    <t>【五二五】轴承衬套\GDPLC550-007\PLC50/460\45</t>
  </si>
  <si>
    <t>【五二五】调整螺母\GDPLC550-006\PLC50/460\45</t>
  </si>
  <si>
    <t>【五二五】轴承挡套\GDPLC550-010\PLC50/460\A3</t>
  </si>
  <si>
    <t>【五二五】上挡油环\GDPLC550-008\PLC50/460\ZG230-450</t>
  </si>
  <si>
    <t>【五二五】下挡油环\GDPLC550-009\PLC50/460\ZG230-450</t>
  </si>
  <si>
    <t>【五二五】橡胶保护套\GDPLC550-001-01\PLC65/310\氟橡胶</t>
  </si>
  <si>
    <t>【五二五】联轴器\GDLT8-YA42*112/60*142\PLC65/310\HT200</t>
  </si>
  <si>
    <t>【五二五】轴承座\GDPLC550-004A\PLC65/310\HT200</t>
  </si>
  <si>
    <t>【五二五】电机支架\GDPLC550-H000 Y160 Y180\PLC65/310\A3</t>
  </si>
  <si>
    <t>【五二五】轴承压盖\GDPLC550-005\PLC65/310\HT200</t>
  </si>
  <si>
    <t>【五二五】固定法兰\GDPLC65/310-003\PLC65/310\HT200</t>
  </si>
  <si>
    <t>【五二五】出口分半法兰\GDPLC65/310-004E1\PLC65/310\HT200</t>
  </si>
  <si>
    <t>【五二五】特殊法兰\GDLC1208-90-250-14\PLC65/310\316L</t>
  </si>
  <si>
    <t>【五二五】出液管\GDPLC65/310-002-02\PLC65/310\316L</t>
  </si>
  <si>
    <t>【五二五】吸液管\GDPLC-XYG-Φ80\PLC65/310\316L</t>
  </si>
  <si>
    <t>【五二五】支撑管\GDPLC550-A2-002-02E2\PLC65/310\316L</t>
  </si>
  <si>
    <t>【五二五】泵壳\GDLC65/310-001E1\PLC65/310\Cr30</t>
  </si>
  <si>
    <t>【五二五】叶轮\GDLC65/310-B3-002-φ275\PLC65/310\Cr30</t>
  </si>
  <si>
    <t>【五二五】泵盖\GDPLC65/310-006\PLC65/310\Cr30</t>
  </si>
  <si>
    <t>【五二五】静环\GDPLC550-011\PLC65/310\2605</t>
  </si>
  <si>
    <t>【五二五】弯管\GDPLC65/310-001\PLC65/310\2605</t>
  </si>
  <si>
    <t>【五二五】叶轮螺栓\GDLC2206-88-250\PLC65/310\2205</t>
  </si>
  <si>
    <t>【五二五】锥形帽\GDLC65/310-005\PLC65/310\2205</t>
  </si>
  <si>
    <t>【五二五】轴\GDPLC550-003C-02\PLC65/310\2205</t>
  </si>
  <si>
    <t>【五二五】轴承衬套\GDPLC550-007\PLC65/310\45</t>
  </si>
  <si>
    <t>【五二五】调整螺母\GDPLC550-006\PLC65/310\45</t>
  </si>
  <si>
    <t>【五二五】轴承挡套\GDPLC550-010\PLC65/310\A3</t>
  </si>
  <si>
    <t>【五二五】上挡油环\GDPLC550-008\PLC65/310\ZG230-450</t>
  </si>
  <si>
    <t>【五二五】下挡油环\GDPLC550-009\PLC65/310\ZG230-450</t>
  </si>
  <si>
    <t>【五二五】橡胶保护套\GDPLC550-001-01\PLC65/350\氟橡胶</t>
  </si>
  <si>
    <t>【五二五】联轴器\GDLT9-YA55*112/60*142\PLC65/350\HT200</t>
  </si>
  <si>
    <t>【五二五】轴承座\GDPLC550-004A\PLC65/350\HT200</t>
  </si>
  <si>
    <t>【五二五】轴承压盖\GDPLC550-005\PLC65/350\HT200</t>
  </si>
  <si>
    <t>【五二五】固定法兰\GDPLC65/310-003\PLC65/350\HT200</t>
  </si>
  <si>
    <t>【五二五】出口分半法兰\GDPLC65/310-004\PLC65/350\HT200</t>
  </si>
  <si>
    <t>【五二五】电机支架\GDPLC550-H000-Y200\PLC65/350\A3</t>
  </si>
  <si>
    <t>【五二五】锥形帽\GDLC65/310-005\PLC65/350\316L</t>
  </si>
  <si>
    <t>【五二五】叶轮螺栓\GDLC2206-88-250\PLC65/350\316L</t>
  </si>
  <si>
    <t>【五二五】出液管\GDPLC65/310-002-02\PLC65/350\316L</t>
  </si>
  <si>
    <t>【五二五】吸液管\GDPLC-XYG-Φ80\PLC65/350\316L</t>
  </si>
  <si>
    <t>【五二五】支撑管\GDPLC550-A2-002-02E2\PLC65/350\316L</t>
  </si>
  <si>
    <t>【五二五】泵壳\GDLC65/350-001E1\PLC65/350\Cr30</t>
  </si>
  <si>
    <t>【五二五】叶轮\GDLC65/350-B5-002-φ330\PLC65/350\Cr30</t>
  </si>
  <si>
    <t>【五二五】泵盖\GDPLC50/350N2-006\PLC65/350\Cr30</t>
  </si>
  <si>
    <t>【五二五】静环\GDPLC550-011\PLC65/350\2605</t>
  </si>
  <si>
    <t>【五二五】弯管\GDPLC65/310-001\PLC65/350\2605</t>
  </si>
  <si>
    <t>【五二五】轴\GDPLC550-003C-02\PLC65/350\2205</t>
  </si>
  <si>
    <t>【五二五】轴承衬套\GDPLC550-007\PLC65/350\45</t>
  </si>
  <si>
    <t>【五二五】调整螺母\GDPLC550-006\PLC65/350\45</t>
  </si>
  <si>
    <t>【五二五】轴承挡套\GDPLC550-010\PLC65/350\A3</t>
  </si>
  <si>
    <t>【五二五】上挡油环\GDPLC550-008\PLC65/350\ZG230-450</t>
  </si>
  <si>
    <t>【五二五】下挡油环\GDPLC550-009\PLC65/350\ZG230-450</t>
  </si>
  <si>
    <t>【五二五】橡胶保护套\GDPLC550-001-02\PLC80/400\氟橡胶</t>
  </si>
  <si>
    <t>【五二五】吸液管\GDXYG-001E1(XYG-DN125-01)\PLC80/400\FRPP</t>
  </si>
  <si>
    <t>【五二五】联轴器\GDLT10-YA65*142/60*142\PLC80/400</t>
  </si>
  <si>
    <t>【五二五】轴承座\GDPLC550-004A\PLC80/400\HT200</t>
  </si>
  <si>
    <t>【五二五】轴承压盖\GDPLC550-005\PLC80/400\HT200</t>
  </si>
  <si>
    <t>【五二五】固定法兰\GDPLC80/210-003\PLC80/400\HT200</t>
  </si>
  <si>
    <t>【五二五】出口分半法兰\GDPLC80/210-004\PLC80/400\HT200</t>
  </si>
  <si>
    <t>【五二五】电机支架\GDPLC550-Y250、Y280\PLC80/400\A3</t>
  </si>
  <si>
    <t>【五二五】叶轮螺栓\GDLC2206-90-315A\PLC80/400\316L</t>
  </si>
  <si>
    <t>【五二五】特殊法兰\GDLC1208-88-250-14\PLC80/400\316L</t>
  </si>
  <si>
    <t>【五二五】出液管\GDPLC80/450-006-02\PLC80/400\316L</t>
  </si>
  <si>
    <t>【五二五】锥形帽\GDPLC80/450T-005\PLC80/400\316L</t>
  </si>
  <si>
    <t>【五二五】支撑管\GDPLC125/405-A2-004-02E2\PLC80/400\316L</t>
  </si>
  <si>
    <t>【五二五】叶轮\GDLC80/400-B5-002-Φ390\PLC80/400\Cr30</t>
  </si>
  <si>
    <t>【五二五】泵壳\GDLC80/400-001\PLC80/400\Cr30</t>
  </si>
  <si>
    <t>【五二五】泵盖\GDPLC80/400-003\PLC80/400\Cr30</t>
  </si>
  <si>
    <t>【五二五】静环\GDPLC550-011\PLC80/400\2605</t>
  </si>
  <si>
    <t>【五二五】弯管\GDPLC80/210-001\PLC80/400\2605</t>
  </si>
  <si>
    <t>【五二五】轴承挡套\GDPLC550-010\PLC80/400\45</t>
  </si>
  <si>
    <t>【五二五】调整螺母\GDPLC550-006\PLC80/400\45</t>
  </si>
  <si>
    <t>【五二五】轴\GDPLC125/405-005C-02\PLC80/400\316L</t>
  </si>
  <si>
    <t>【五二五】轴承衬套\GDPLC550-007\PLC80/400\A3</t>
  </si>
  <si>
    <t>【五二五】上挡油环\GDPLC550-008\PLC80/400\ZG230-450</t>
  </si>
  <si>
    <t>【五二五】下挡油环\GDPLC550-009\PLC80/400\ZG230-450</t>
  </si>
  <si>
    <t>【五二五】水封环\GDPLC-B550-014\PLC-B65/310\聚四氟乙烯</t>
  </si>
  <si>
    <t>【五二五】联轴器\GDLT8-YA42*112/60*142\PLC-B65/310\HT200</t>
  </si>
  <si>
    <t>【五二五】轴承压盖\GDPLC550-005\PLC-B65/310\HT200</t>
  </si>
  <si>
    <t>【五二五】轴承座\GDPLC-B550-004\PLC-B65/310\HT200</t>
  </si>
  <si>
    <t>【五二五】固定法兰\GDPLC65/310-003\PLC-B65/310\HT200</t>
  </si>
  <si>
    <t>【五二五】出口分半法兰\GDPLC65/310-004\PLC-B65/310\316L</t>
  </si>
  <si>
    <t>【五二五】电机支架\GDPLC550-H000 Y160 Y180E1\PLC-B65/310\A3</t>
  </si>
  <si>
    <t>【五二五】轴承座支架\GDPLC-B550-012\PLC-B65/310\HT200</t>
  </si>
  <si>
    <t>【五二五】叶轮螺栓\GDLC-YLLS-001-01\PLC-B65/310\316L</t>
  </si>
  <si>
    <t>【五二五】叶轮螺母\GDLC-YLLM-001-02\PLC-B65/310\316L</t>
  </si>
  <si>
    <t>【五二五】特殊法兰\GDLC1208-90-250-14\PLC-B65/310\316L</t>
  </si>
  <si>
    <t>【五二五】轴\GDPLC-B550-003D-02E1\PLC-B65/310\2205</t>
  </si>
  <si>
    <t>【五二五】填料压盖\GDPLC550-016\PLC-B65/310\316L</t>
  </si>
  <si>
    <t>【五二五】填料箱\GDPLC550-032E1\PLC-B65/310\316L</t>
  </si>
  <si>
    <t>【五二五】出液管\GDPLC65/310-002-02\PLC-B65/310\316L</t>
  </si>
  <si>
    <t>【五二五】吸液管\GDPLC-XYG-φ80\PLC-B65/310\316L</t>
  </si>
  <si>
    <t>【五二五】支撑管\GDPLC550-A2-002-02E2\PLC-B65/310\316L</t>
  </si>
  <si>
    <t>【五二五】泵壳\GDLC65/310-001E1\PLC-B65/310\Cr30</t>
  </si>
  <si>
    <t>【五二五】泵盖\GDPLC65/310-006\PLC-B65/310\Cr30</t>
  </si>
  <si>
    <t>【五二五】叶轮\GDPLC-B65/310-B3-002E1\PLC-B65/310\Cr30</t>
  </si>
  <si>
    <t>【五二五】弯管\GDPLC65/310-001\PLC-B65/310\2605</t>
  </si>
  <si>
    <t>【五二五】轴承衬套\GDPLC550-007\PLC-B65/310\45#</t>
  </si>
  <si>
    <t>【五二五】调整螺母\GDPLC550-006\PLC-B65/310\45#</t>
  </si>
  <si>
    <t>【五二五】轴承挡圈\GDPLC-B550-010\PLC-B65/310\A3</t>
  </si>
  <si>
    <t>【五二五】进气管\GDPLC-JQG-001\PLC-B65/310\304</t>
  </si>
  <si>
    <t>【五二五】上挡油环\GDPLC550-008\PLC-B65/310\A3</t>
  </si>
  <si>
    <t>【五二五】下挡油环\GDPLC550-008A\PLC-B65/310\A3</t>
  </si>
  <si>
    <t>【五二五】后防尘盘\GDLK6-023B\LC300/500II\聚四氟乙烯</t>
  </si>
  <si>
    <t>【五二五】前防尘盘\GDLK6-022B\LC300/500II\聚四氟乙烯</t>
  </si>
  <si>
    <t>【五二五】后轴承盖\GDLK6-005\LC300/500II\HT200</t>
  </si>
  <si>
    <t>【五二五】前轴承盖\GDLK6-008\LC300/500II\HT200</t>
  </si>
  <si>
    <t>【五二五】悬架体\GDLK6-004E2\LC300/500II\HT200</t>
  </si>
  <si>
    <t>【五二五】轴承盒\GDLK6-006\LC300/500II\HT200</t>
  </si>
  <si>
    <t>【五二五】悬架支架\GDLK6*500-012\LC300/500II\HT200</t>
  </si>
  <si>
    <t>【五二五】叶轮螺栓\GDLK6-021\LC300/500II\316L</t>
  </si>
  <si>
    <t>【五二五】叶轮螺母\GDLK6-001\LC300/500II\316L</t>
  </si>
  <si>
    <t>【五二五】耐磨板\GDLC300/500Ⅱ-005\LC300/500II\Cr30</t>
  </si>
  <si>
    <t>【五二五】后泵盖\GDLC300/500-004\LC300/500II\Cr30</t>
  </si>
  <si>
    <t>【五二五】特殊法兰\GDLC500/630-021\LC300/500II\2605</t>
  </si>
  <si>
    <t>【五二五】叶轮\GDLC300/500-B4-002\LC300/500II\Cr30A</t>
  </si>
  <si>
    <t>【五二五】泵壳\GDLC300/500-001\LC300/500II\2605N</t>
  </si>
  <si>
    <t>【五二五】轴\GDLK6-002B\LC300/500II\45</t>
  </si>
  <si>
    <t>【五二五】压盖\GDLC300/500Ⅱ-003\LC300/500II\ZG230-450</t>
  </si>
  <si>
    <t>【五二五】中间支架\GDLK6*500-003\LC300/500II\A3</t>
  </si>
  <si>
    <t>【五二五】前轴承压盖\GDLK7-008A\LC300/530\HT200</t>
  </si>
  <si>
    <t>【五二五】后防尘盘\GDLK7-024\LC300/530\HT200</t>
  </si>
  <si>
    <t>【五二五】前防尘盘\GDLK7-022\LC300/530\HT200</t>
  </si>
  <si>
    <t>【五二五】悬架支架\GDLK7*500-012\LC300/530\HT200</t>
  </si>
  <si>
    <t>【五二五】轴承盒\GDLK7-006A\LC300/530\HT200</t>
  </si>
  <si>
    <t>【五二五】悬架体\GDLK7-004E1\LC300/530\HT200</t>
  </si>
  <si>
    <t>【五二五】后轴承盖\GDLK7-005\LC300/530\HT200</t>
  </si>
  <si>
    <t>【五二五】叶轮螺栓\GDLK7-021\LC300/530\316L</t>
  </si>
  <si>
    <t>【五二五】叶轮螺母\GDLK7-001\LC300/530\316L</t>
  </si>
  <si>
    <t>【五二五】后泵盖\GDLC300/530-004\LC300/530\Cr30</t>
  </si>
  <si>
    <t>【五二五】特殊法兰\GDLC500/630-021\LC300/530\2605</t>
  </si>
  <si>
    <t>【五二五】叶轮\GDLC300/530-B6-002\LC300/530\Cr30A</t>
  </si>
  <si>
    <t>【五二五】泵壳\GDLC300/530-001\LC300/530\2605N</t>
  </si>
  <si>
    <t>【五二五】前泵盖\GDLC300/530-003\LC300/530\2605N</t>
  </si>
  <si>
    <t>【五二五】轴\GDLK7-002A\LC300/530\45</t>
  </si>
  <si>
    <t>【五二五】中间支架\GDLK7*530-003\LC300/530\A3</t>
  </si>
  <si>
    <t>【五二五】前轴承压盖\GDLK7-008A\LC400/500\HT200</t>
  </si>
  <si>
    <t>【五二五】后防尘盘\GDLK7-024\LC400/500\HT200</t>
  </si>
  <si>
    <t>【五二五】前防尘盘\GDLK7-022\LC400/500\HT200</t>
  </si>
  <si>
    <t>【五二五】悬架支架\GDLK7*658-012\LC400/500\HT200</t>
  </si>
  <si>
    <t>【五二五】后轴承盖\GDLK7-005\LC400/500\HT200</t>
  </si>
  <si>
    <t>【五二五】轴承盒\GDLK7-006E1\LC400/500\HT200</t>
  </si>
  <si>
    <t>【五二五】悬架体\GDLK7-004E3\LC400/500\HT200</t>
  </si>
  <si>
    <t>【五二五】叶轮螺栓\GDLK7-021\LC400/500\316L</t>
  </si>
  <si>
    <t>【五二五】叶轮螺母\GDLK7-001\LC400/500\316L</t>
  </si>
  <si>
    <t>【五二五】后泵盖\GDLC400/500-006E1\LC400/500\Cr30</t>
  </si>
  <si>
    <t>【五二五】耐磨板\GDLC400/500-004\LC400/500\Cr30</t>
  </si>
  <si>
    <t>【五二五】特殊法兰\GDLC500/630-021\LC400/500\2605</t>
  </si>
  <si>
    <t>【五二五】前泵盖\GDLC400/500-003\LC400/500\2605</t>
  </si>
  <si>
    <t>【五二五】叶轮\GDLC400/500-B5-002-Φ500\LC400/500\Cr30A</t>
  </si>
  <si>
    <t>【五二五】泵壳\GDLC400/500-001\LC400/500\2605N</t>
  </si>
  <si>
    <t>【五二五】轴\GDLK7-002A\LC400/500\45#</t>
  </si>
  <si>
    <t>【五二五】中间支架\GDLK7*530-003\LC400/500\ZG230-450</t>
  </si>
  <si>
    <t>【五二五】前轴承压盖\GDLK7-008A\LC400/560II\HT200</t>
  </si>
  <si>
    <t>【五二五】后防尘盘\GDLK7-024\LC400/560II\HT200</t>
  </si>
  <si>
    <t>【五二五】前防尘盘\GDLK7-022\LC400/560II\HT200</t>
  </si>
  <si>
    <t>【五二五】悬架支架\GDLK7*605-012\LC400/560II\HT200</t>
  </si>
  <si>
    <t>【五二五】悬架体\GDLK7-004E1\LC400/560II\HT200</t>
  </si>
  <si>
    <t>【五二五】后轴承盖\GDLK7-005\LC400/560II\HT200</t>
  </si>
  <si>
    <t>【五二五】轴承盒\GDLK7-006E1\LC400/560II\HT200</t>
  </si>
  <si>
    <t>【五二五】叶轮螺栓\GDLK7-021\LC400/560II\316L</t>
  </si>
  <si>
    <t>【五二五】叶轮螺母\GDLK7-001\LC400/560II\316L</t>
  </si>
  <si>
    <t>【五二五】耐磨板\GDLC400/560II-004\LC400/560II\Cr30</t>
  </si>
  <si>
    <t>【五二五】后泵盖\GDLC400/560-006\LC400/560II\Cr30</t>
  </si>
  <si>
    <t>【五二五】特殊法兰\GDLC500/630-021\LC400/560II\2605</t>
  </si>
  <si>
    <t>【五二五】叶轮\GDLC400/560-B5-002\LC400/560II\Cr30A</t>
  </si>
  <si>
    <t>【五二五】泵壳\GDLC400/560-001\LC400/560II\2605N</t>
  </si>
  <si>
    <t>【五二五】轴\GDLK7-002A\LC400/560II\45</t>
  </si>
  <si>
    <t>【五二五】压盖\GDLC400/560II-003\LC400/560II\ZG230-450</t>
  </si>
  <si>
    <t>【五二五】中间支架\GDLK7*620-003\LC400/560II\ZG230-450</t>
  </si>
  <si>
    <t>【五二五】前防尘盘\GDLC550/700-015\LC450/750II\HT200</t>
  </si>
  <si>
    <t>【五二五】后防尘盘\GDLC550/700-016E3\LC450/750II\HT200</t>
  </si>
  <si>
    <t>【五二五】支架\GDLC450/750-019\LC450/750II\HT200</t>
  </si>
  <si>
    <t>【五二五】后轴承盖\GDLC550/700-014\LC450/750II\HT200</t>
  </si>
  <si>
    <t>【五二五】前轴承盖\GDLC550/700-013\LC450/750II\HT200</t>
  </si>
  <si>
    <t>【五二五】托架\GDLC550/700-011\LC450/750II\HT200</t>
  </si>
  <si>
    <t>【五二五】轴承箱\GDLC550/700-012E3\LC450/750II\HT200</t>
  </si>
  <si>
    <t>【五二五】耐磨板\GDLC450/750-004\LC450/750II\Cr30</t>
  </si>
  <si>
    <t>【五二五】后泵盖\GDLC550/700-009\LC450/750II\Cr30</t>
  </si>
  <si>
    <t>【五二五】特殊法兰\GDLC700/900-021\LC450/750II\2605</t>
  </si>
  <si>
    <t>【五二五】叶轮\GDLC450/750-B6-002\LC450/750II\Cr30A</t>
  </si>
  <si>
    <t>【五二五】机封短套\GDLC550/700-010\LC450/750II\2605N</t>
  </si>
  <si>
    <t>【五二五】叶轮封盖\GDLC550/700II-006E1\LC450/750II\2605N</t>
  </si>
  <si>
    <t>【五二五】泵壳\GDLC450/750-001\LC450/750II\2605N</t>
  </si>
  <si>
    <t>【五二五】轴\GDLC550/700II-005E3\LC450/750II\42CrMo</t>
  </si>
  <si>
    <t>【五二五】螺母\GDLC550/700Ⅱ-007E1\LC450/750II\304</t>
  </si>
  <si>
    <t>【五二五】压盖\GDLC450/750II-003\LC450/750II\A3</t>
  </si>
  <si>
    <t>【五二五】调整杆\GDLC550/700-020\LC450/750II\A3</t>
  </si>
  <si>
    <t>【五二五】进油管\GDLC550/700-017\LC450/750II\Q235A</t>
  </si>
  <si>
    <t>【五二五】前防尘盘\GDLC500/630-015\LC500/630II\HT200</t>
  </si>
  <si>
    <t>【五二五】后防尘盘\GDLC500/630-016E3\LC500/630II\HT200</t>
  </si>
  <si>
    <t>【五二五】后轴承盖\GDLC500/630-014\LC500/630II\HT200</t>
  </si>
  <si>
    <t>【五二五】前轴承压盖\GDLC500/630-013\LC500/630II\HT200</t>
  </si>
  <si>
    <t>【五二五】托架\GDLC500/630-011\LC500/630II\HT200</t>
  </si>
  <si>
    <t>【五二五】支架\GDLC500/630-019\LC500/630II\HT200</t>
  </si>
  <si>
    <t>【五二五】轴承箱\GDLC500/630-012E3\LC500/630II\HT200</t>
  </si>
  <si>
    <t>【五二五】后泵盖\GDLC500/630-009\LC500/630II\Cr30</t>
  </si>
  <si>
    <t>【五二五】耐磨板\GDLC500/630Ⅱ-004\LC500/630II\Cr30</t>
  </si>
  <si>
    <t>【五二五】特殊法兰\GDLC500/630-021\LC500/630II\2605</t>
  </si>
  <si>
    <t>【五二五】叶轮\GDLC500/630-B5-002\LC500/630II\Cr30A</t>
  </si>
  <si>
    <t>【五二五】机封短套\GDLC500/630-010\LC500/630II\CD4MCuN</t>
  </si>
  <si>
    <t>【五二五】泵壳\GDLC500/630-001\LC500/630II\CD4MCuN</t>
  </si>
  <si>
    <t>【五二五】叶轮封盖\GDLC500/630II-006E1\LC500/630II\CD4MCuN</t>
  </si>
  <si>
    <t>【五二五】轴\GDLC500/630II-005E3\LC500/630II\45</t>
  </si>
  <si>
    <t>【五二五】销钉\GDLC-XD-M10\LC500/630II\304</t>
  </si>
  <si>
    <t>【五二五】螺母\GDLC500/630II-007E1\LC500/630II\304</t>
  </si>
  <si>
    <t>【五二五】进油管\GDLC550/700-017\LC500/630II\Q235A</t>
  </si>
  <si>
    <t>【五二五】压盖\GDLC500/630Ⅱ-003\LC500/630II\A3</t>
  </si>
  <si>
    <t>【五二五】调整杆\GDLC550/700-020\LC500/630II\A3</t>
  </si>
  <si>
    <t>【五二五】前防尘盘\GDLC550/700-015\LC550/710II\HT200</t>
  </si>
  <si>
    <t>【五二五】支架\GDLC550/710-019\LC550/710II\HT200</t>
  </si>
  <si>
    <t>【五二五】后防尘盘\GDLC550/700-016E3\LC550/710II\HT200</t>
  </si>
  <si>
    <t>【五二五】后轴承盖\GDLC550/700-014\LC550/710II\HT200</t>
  </si>
  <si>
    <t>【五二五】前轴承盖\GDLC550/700-013\LC550/710II\HT200</t>
  </si>
  <si>
    <t>【五二五】托架\GDLC550/700-011\LC550/710II\HT200</t>
  </si>
  <si>
    <t>【五二五】轴承箱\GDLC550/700-012E3\LC550/710II\HT200</t>
  </si>
  <si>
    <t>【五二五】后泵盖\GDLC550/710-009\LC550/710II\Cr30</t>
  </si>
  <si>
    <t>【五二五】耐磨板\GDLC550/710Ⅱ-004\LC550/710II\Cr30</t>
  </si>
  <si>
    <t>【五二五】特殊法兰\GDLC700/900-021\LC550/710II\2605</t>
  </si>
  <si>
    <t>【五二五】叶轮\GDLC550/710II-B5-002\LC550/710II\Cr30A</t>
  </si>
  <si>
    <t>【五二五】机封短套\GDLC550/700-010\LC550/710II\2605N</t>
  </si>
  <si>
    <t>【五二五】泵壳\GDLC550/710-001\LC550/710II\2605N</t>
  </si>
  <si>
    <t>【五二五】叶轮封盖\GDLC550/700II-006E1\LC550/710II\2605N</t>
  </si>
  <si>
    <t>【五二五】销钉\GDLC-XD-M10\LC550/710II\304</t>
  </si>
  <si>
    <t>【五二五】螺母\GDLC550/700II-007E1\LC550/710II\304</t>
  </si>
  <si>
    <t>【五二五】调整杆\GDLC550/700-020\LC550/710II\40Cr</t>
  </si>
  <si>
    <t>【五二五】轴\GDLC550/700II-005E3\LC550/710II\45</t>
  </si>
  <si>
    <t>【五二五】压盖\GDLC550/710Ⅱ-003\LC550/710II\ZG230(A3)</t>
  </si>
  <si>
    <t>【五二五】进油管\GDLC550/700-017\LC550/710II\Q235A</t>
  </si>
  <si>
    <t>【五二五】前轴承盖\GDLC600/825-013A\LC550/750\HT200</t>
  </si>
  <si>
    <t>【五二五】后轴承盖\GDLC600/825-014A\LC550/750\HT200</t>
  </si>
  <si>
    <t>【五二五】前防尘盘\GDLC600/825-015A\LC550/750\HT200</t>
  </si>
  <si>
    <t>【五二五】后防尘盘\GDLC600/825-016A\LC550/750\HT200</t>
  </si>
  <si>
    <t>【五二五】支架\GDLC600/825-019\LC550/750\HT200</t>
  </si>
  <si>
    <t>【五二五】轴承箱\GDLC600/825-012A\LC550/750\HT200</t>
  </si>
  <si>
    <t>【五二五】托架\GDLC550/700-011\LC550/750\HT200</t>
  </si>
  <si>
    <t>【五二五】耐磨板\GDLC550/750-004\LC550/750\Cr30</t>
  </si>
  <si>
    <t>【五二五】后泵盖\GDLC550/750-009\LC550/750\Cr30</t>
  </si>
  <si>
    <t>【五二五】特殊法兰\GDLC700/900-021\LC550/750\2605</t>
  </si>
  <si>
    <t>【五二五】前泵盖\GDLC550/750-003\LC550/750\2605</t>
  </si>
  <si>
    <t>【五二五】叶轮\GDLC550/750II-B5-002\LC550/750\Cr30A</t>
  </si>
  <si>
    <t>【五二五】叶轮封盖\GDLC550/750II-006\LC550/750\2605N</t>
  </si>
  <si>
    <t>【五二五】机封短套\GDLC600/825-010\LC550/750\2605N</t>
  </si>
  <si>
    <t>【五二五】泵壳\GDLC550/750-001\LC550/750\2605N</t>
  </si>
  <si>
    <t>【五二五】叶轮螺栓\GDLC550/700-008A\LC550/750\2205</t>
  </si>
  <si>
    <t>【五二五】螺母\GDLC600/825II-007\LC550/750\304</t>
  </si>
  <si>
    <t>【五二五】轴\GDLC600/825II-005\LC550/750\45</t>
  </si>
  <si>
    <t>【五二五】调整杆\GDLC600/825-020\LC550/750\A3</t>
  </si>
  <si>
    <t>【五二五】前轴承盖\GDLC600/825-013A\LC550/750II\HT200</t>
  </si>
  <si>
    <t>【五二五】后防尘盘\GDLC600/825-016A\LC550/750II\HT200</t>
  </si>
  <si>
    <t>【五二五】支架\GDLC600/825-019\LC550/750II\HT200</t>
  </si>
  <si>
    <t>【五二五】轴承箱\GDLC600/825-012AE3\LC550/750II\HT200</t>
  </si>
  <si>
    <t>【五二五】后轴承盖\GDLC600/825-014AE3\LC550/750II\HT200</t>
  </si>
  <si>
    <t>【五二五】托架\GDLC550/700-011\LC550/750II\HT200</t>
  </si>
  <si>
    <t>【五二五】后泵盖\GDLC550/750-009\LC550/750II\Cr30</t>
  </si>
  <si>
    <t>【五二五】耐磨板\GDLC550/700Ⅱ-004\LC550/750II\Cr30</t>
  </si>
  <si>
    <t>【五二五】叶轮\GDLC550/750II-B5-002E1\LC550/750II\Cr30A</t>
  </si>
  <si>
    <t>【五二五】叶轮封盖\GDLC550/750II-006E1\LC550/750II\2605N</t>
  </si>
  <si>
    <t>【五二五】机封短套\GDLC600/825-010\LC550/750II\2605N</t>
  </si>
  <si>
    <t>【五二五】泵壳\GDLC550/750-001\LC550/750II\2605N</t>
  </si>
  <si>
    <t>【五二五】销钉\GDLC-XD-M12\LC550/750II\304</t>
  </si>
  <si>
    <t>【五二五】螺母\GDLC600/825II-007E1\LC550/750II\304</t>
  </si>
  <si>
    <t>【五二五】调整杆\GDLC550/700-020\LC550/750II\40Cr</t>
  </si>
  <si>
    <t>【五二五】轴\GDLC600/825II-005E3\LC550/750II\45</t>
  </si>
  <si>
    <t>【五二五】进油管\GDLC550/700-017\LC550/750II\A3</t>
  </si>
  <si>
    <t>【五二五】压盖\GDLC550/700Ⅱ-003\LC550/750II\ZG230(A3)</t>
  </si>
  <si>
    <t>【五二五】前轴承盖\GDLC600/825-013A\LC600/800II\HT200</t>
  </si>
  <si>
    <t>【五二五】前防尘盘\GDLC600/825-015A\LC600/800II\HT200</t>
  </si>
  <si>
    <t>【五二五】后防尘盘\GDLC600/825-016A\LC600/800II\HT200</t>
  </si>
  <si>
    <t>【五二五】支架\GDLC600/825-019\LC600/800II\HT200</t>
  </si>
  <si>
    <t>【五二五】托架\GDLC600/825-011A\LC600/800II\HT200</t>
  </si>
  <si>
    <t>【五二五】轴承箱\GDLC600/825-012AE3\LC600/800II\HT200</t>
  </si>
  <si>
    <t>【五二五】后轴承盖\GDLC600/825-014AE3\LC600/800II\HT200</t>
  </si>
  <si>
    <t>【五二五】后泵盖\GDLC600/825-009\LC600/800II\Cr30</t>
  </si>
  <si>
    <t>【五二五】耐磨板\GDLC600/800Ⅱ-004\LC600/800II\Cr30</t>
  </si>
  <si>
    <t>【五二五】特殊法兰\GDLC700/900-021\LC600/800II\2605</t>
  </si>
  <si>
    <t>【五二五】叶轮\GDLC600/800II-B5-002\LC600/800II\Cr30A</t>
  </si>
  <si>
    <t>【五二五】机封短套\GDLC600/825-010\LC600/800II\2605N</t>
  </si>
  <si>
    <t>【五二五】泵壳\GDLC600/800-001\LC600/800II\2605N</t>
  </si>
  <si>
    <t>【五二五】叶轮封盖\GDLC600/825II-006E1\LC600/800II\2605N</t>
  </si>
  <si>
    <t>【五二五】销钉\GDLC-XD-M12\LC600/800II\304</t>
  </si>
  <si>
    <t>【五二五】螺母\GDLC600/825II-007E1\LC600/800II\304</t>
  </si>
  <si>
    <t>【五二五】调整杆\GDLC550/700-020\LC600/800II\40Cr</t>
  </si>
  <si>
    <t>【五二五】轴\GDLC600/825II-005E3\LC600/800II\45</t>
  </si>
  <si>
    <t>【五二五】压盖\GDLC600/825Ⅱ-003\LC600/800II\ZG230(A3)</t>
  </si>
  <si>
    <t>【五二五】进油管\GDLC550/700-017\LC600/800II\A3</t>
  </si>
  <si>
    <t>【五二五】前轴承盖\GDLC600/825-013A\LC600/825\HT200</t>
  </si>
  <si>
    <t>【五二五】后轴承盖\GDLC600/825-014A\LC600/825\HT200</t>
  </si>
  <si>
    <t>【五二五】前防尘盘\GDLC600/825-015A\LC600/825\HT200</t>
  </si>
  <si>
    <t>【五二五】后防尘盘\GDLC600/825-016A\LC600/825\HT200</t>
  </si>
  <si>
    <t>【五二五】支架\GDLC600/825-019\LC600/825\HT200</t>
  </si>
  <si>
    <t>【五二五】托架\GDLC600/825-011A\LC600/825\HT200</t>
  </si>
  <si>
    <t>【五二五】轴承箱\GDLC600/825-012A\LC600/825\HT200</t>
  </si>
  <si>
    <t>【五二五】后泵盖\GDLC600/825-009\LC600/825\Cr30</t>
  </si>
  <si>
    <t>【五二五】耐磨板\GDLC600/825-004\LC600/825\Cr30</t>
  </si>
  <si>
    <t>【五二五】特殊法兰\GDLC700/900-021\LC600/825\2605</t>
  </si>
  <si>
    <t>【五二五】叶轮\GDLC600/825II-B5-002\LC600/825\Cr30A</t>
  </si>
  <si>
    <t>【五二五】泵壳\GDLC600/825-001\LC600/825\2605N</t>
  </si>
  <si>
    <t>【五二五】前泵盖\GDLC600/825-003\LC600/825\2605N</t>
  </si>
  <si>
    <t>【五二五】机封短套\GDLC600/825-010\LC600/825\2605N</t>
  </si>
  <si>
    <t>【五二五】叶轮封盖\GDLC600/825II-006E1\LC600/825\2605N</t>
  </si>
  <si>
    <t>【五二五】销钉\GDLC-XD-M12\LC600/825\304</t>
  </si>
  <si>
    <t>【五二五】螺母\GDLC600/825II-007E1\LC600/825\304</t>
  </si>
  <si>
    <t>【五二五】轴\GDLC600/825II-005E1\LC600/825\45</t>
  </si>
  <si>
    <t>【五二五】进油管\GDLC550/700-017\LC600/825\A3</t>
  </si>
  <si>
    <t>【五二五】调整杆\GDLC550/700-020\LC600/825\A3</t>
  </si>
  <si>
    <t>【五二五】前轴承盖\GDLC600/825-013A\LC600/825II\HT200</t>
  </si>
  <si>
    <t>【五二五】后轴承盖\GDLC600/825-014A\LC600/825II\HT200</t>
  </si>
  <si>
    <t>【五二五】前防尘盘\GDLC600/825-015A\LC600/825II\HT200</t>
  </si>
  <si>
    <t>【五二五】后防尘盘\GDLC600/825-016A\LC600/825II\HT200</t>
  </si>
  <si>
    <t>【五二五】支架\GDLC600/825-019\LC600/825II\HT200</t>
  </si>
  <si>
    <t>【五二五】托架\GDLC600/825-011A\LC600/825II\HT200</t>
  </si>
  <si>
    <t>【五二五】轴承箱\GDLC600/825-012A\LC600/825II\HT200</t>
  </si>
  <si>
    <t>【五二五】后泵盖\GDLC600/825-009\LC600/825II\Cr30</t>
  </si>
  <si>
    <t>【五二五】耐磨板\GDLC600/825-004\LC600/825II\Cr30</t>
  </si>
  <si>
    <t>【五二五】特殊法兰\GDLC700/900-021\LC600/825II\2605</t>
  </si>
  <si>
    <t>【五二五】叶轮\GDLC600/825II-B5-002\LC600/825II\Cr30A</t>
  </si>
  <si>
    <t>【五二五】泵壳\GDLC600/825-001\LC600/825II\2605N</t>
  </si>
  <si>
    <t>【五二五】前泵盖\GDLC600/825-003\LC600/825II\2605N</t>
  </si>
  <si>
    <t>【五二五】机封短套\GDLC600/825-010\LC600/825II\2605N</t>
  </si>
  <si>
    <t>【五二五】叶轮封盖\GDLC600/825II-006E1\LC600/825II\2605N</t>
  </si>
  <si>
    <t>【五二五】销钉\GDLC-XD-M12\LC600/825II\304</t>
  </si>
  <si>
    <t>【五二五】螺母\GDLC600/825II-007E1\LC600/825II\304</t>
  </si>
  <si>
    <t>【五二五】轴\GDLC600/825II-005E1\LC600/825II\45</t>
  </si>
  <si>
    <t>【五二五】进油管\GDLC550/700-017\LC600/825II\A3</t>
  </si>
  <si>
    <t>【五二五】调整杆\GDLC550/700-020\LC600/825II\A3</t>
  </si>
  <si>
    <t>【五二五】轴承箱\GDLC700/900-012\LC700/898II\HT200</t>
  </si>
  <si>
    <t>【五二五】前轴承压盖\GDLC700/900-013\LC700/898II\HT200</t>
  </si>
  <si>
    <t>【五二五】支架\GDLC700/900-019\LC700/898II\HT200</t>
  </si>
  <si>
    <t>【五二五】后轴承压盖\GDLC700/900-014\LC700/898II\HT200</t>
  </si>
  <si>
    <t>【五二五】后防尘盘\GDLC700/900-016\LC700/898II\HT200</t>
  </si>
  <si>
    <t>【五二五】前防尘盘\GDLC700/900-015\LC700/898II\HT200</t>
  </si>
  <si>
    <t>【五二五】托架\GDLC700/898-011\LC700/898II\HT200</t>
  </si>
  <si>
    <t>【五二五】后泵盖\GDLC700/898-009\LC700/898II\Cr30</t>
  </si>
  <si>
    <t>【五二五】耐磨板\GDLC700/898Ⅱ-004\LC700/898II\Cr30</t>
  </si>
  <si>
    <t>【五二五】机封短套\GDLC700/900-010\LC700/898II\2605N</t>
  </si>
  <si>
    <t>【五二五】叶轮封盖\GDLC700/900II-006E1\LC700/898II\2605N</t>
  </si>
  <si>
    <t>【五二五】泵壳\GDLC700/898-001\LC700/898II\2605N</t>
  </si>
  <si>
    <t>【五二五】销钉\GDLC-XD-M12\LC700/898II\304</t>
  </si>
  <si>
    <t>【五二五】螺母\GDLC700/900II-007E1\LC700/898II\304</t>
  </si>
  <si>
    <t>【五二五】调整杆\GDLC700/900-020\LC700/898II\40Cr</t>
  </si>
  <si>
    <t>【五二五】轴\GDLC700/900II-005E1\LC700/898II\45#</t>
  </si>
  <si>
    <t>【五二五】螺柱\GDLC700/900-022\LC700/898II\A3</t>
  </si>
  <si>
    <t>【五二五】压盖\GDLC700/898Ⅱ-003\LC700/898II\ZG230(A3)</t>
  </si>
  <si>
    <t>【五二五】轴承挡套\GDLC700/900-008\LC700/898II\A3</t>
  </si>
  <si>
    <t>【五二五】进出油管\GDLC700/900-017\LC700/898II\A3</t>
  </si>
  <si>
    <t>【五二五】轴承箱\GDLC700/900-012\LC700/900\HT200</t>
  </si>
  <si>
    <t>【五二五】前轴承压盖\GDLC700/900-013\LC700/900\HT200</t>
  </si>
  <si>
    <t>【五二五】托架\GDLC700/900-011\LC700/900\HT200</t>
  </si>
  <si>
    <t>【五二五】支架\GDLC700/900-019\LC700/900\HT200</t>
  </si>
  <si>
    <t>【五二五】后轴承压盖\GDLC700/900-014\LC700/900\HT200</t>
  </si>
  <si>
    <t>【五二五】后防尘盘\GDLC700/900-016\LC700/900\HT200</t>
  </si>
  <si>
    <t>【五二五】前防尘盘\GDLC700/900-015\LC700/900\HT200</t>
  </si>
  <si>
    <t>【五二五】后泵盖\GDLC700/900-009\LC700/900\Cr30</t>
  </si>
  <si>
    <t>【五二五】特殊法兰\GDLC700/900-021\LC700/900\2605</t>
  </si>
  <si>
    <t>【五二五】耐磨板\GDLC700/900Ⅱ-004\LC700/900\Cr30</t>
  </si>
  <si>
    <t>【五二五】叶轮\GDLC700/900-B5-002\LC700/900\Cr30A</t>
  </si>
  <si>
    <t>【五二五】泵壳\GDLC700/900-001\LC700/900\2605N</t>
  </si>
  <si>
    <t>【五二五】机封短套\GDLC700/900-010\LC700/900\2605N</t>
  </si>
  <si>
    <t>【五二五】轴帽垫\GDLC700/900-007A\LC700/900\2605N</t>
  </si>
  <si>
    <t>【五二五】叶轮封盖\GDLC700/900-006A\LC700/900\2605N</t>
  </si>
  <si>
    <t>【五二五】轴\GDLC700/900-005A\LC700/900\45</t>
  </si>
  <si>
    <t>【五二五】叶轮螺栓\GDLC600/825-008A\LC700/900\2205</t>
  </si>
  <si>
    <t>【五二五】螺柱\GDLC700/900-022\LC700/900\A3</t>
  </si>
  <si>
    <t>【五二五】压盖\GDLC700/900Ⅱ-003\LC700/900\ZG230(A3)</t>
  </si>
  <si>
    <t>【五二五】轴承挡套\GDLC700/900-008\LC700/900\A3</t>
  </si>
  <si>
    <t>【五二五】调整杆\GDLC700/900-020\LC700/900\A3</t>
  </si>
  <si>
    <t>【五二五】进出油管\GDLC700/900-017\LC700/900\A3</t>
  </si>
  <si>
    <t>【五二五】轴承箱\GDLC700/900-012\LC700/900II\HT200</t>
  </si>
  <si>
    <t>【五二五】前轴承压盖\GDLC700/900-013\LC700/900II\HT200</t>
  </si>
  <si>
    <t>【五二五】后轴承压盖\GDLC700/900-014\LC700/900II\HT200</t>
  </si>
  <si>
    <t>【五二五】后防尘盘\GDLC700/900-016\LC700/900II\HT200</t>
  </si>
  <si>
    <t>【五二五】前防尘盘\GDLC700/900-015\LC700/900II\HT200</t>
  </si>
  <si>
    <t>【五二五】托架\GDLC700/900-011E5\LC700/900II\HT200</t>
  </si>
  <si>
    <t>【五二五】后泵盖\GDLC700/900-009\LC700/900II\Cr30</t>
  </si>
  <si>
    <t>【五二五】耐磨板\GDLC700/900Ⅱ-004\LC700/900II\Cr30</t>
  </si>
  <si>
    <t>【五二五】特殊法兰\GDLC700/900-021\LC700/900II\2605</t>
  </si>
  <si>
    <t>【五二五】叶轮\GDLC700/900Ⅱ-B5-002\LC700/900II\Cr30A</t>
  </si>
  <si>
    <t>【五二五】泵壳\GDLC700/900-001\LC700/900II\2605N</t>
  </si>
  <si>
    <t>【五二五】机封短套\GDLC700/900-010\LC700/900II\2605N</t>
  </si>
  <si>
    <t>【五二五】叶轮封盖\GDLC700/900II-006E1\LC700/900II\2605N</t>
  </si>
  <si>
    <t>【五二五】销钉\GDLC-XD-M12\LC700/900II\304</t>
  </si>
  <si>
    <t>【五二五】螺母\GDLC700/900II-007E1\LC700/900II\304</t>
  </si>
  <si>
    <t>【五二五】调整杆\GDLC700/900-020\LC700/900II\40Cr</t>
  </si>
  <si>
    <t>【五二五】轴\GDLC700/900II-005E1\LC700/900II\45</t>
  </si>
  <si>
    <t>【五二五】螺柱\GDLC700/900-022\LC700/900II\A3</t>
  </si>
  <si>
    <t>【五二五】轴承挡套\GDLC700/900-008\LC700/900II\A3</t>
  </si>
  <si>
    <t>【五二五】进出油管\GDLC700/900-017\LC700/900II\A3</t>
  </si>
  <si>
    <t>【五二五】后轴承压盖\GDLC900/1150-014\LC800/1000II\HT200</t>
  </si>
  <si>
    <t>【五二五】前轴承压盖\GDLC900/1150-013\LC800/1000II\HT200</t>
  </si>
  <si>
    <t>【五二五】后防尘盘\GDLC900/1150-016\LC800/1000II\HT200</t>
  </si>
  <si>
    <t>【五二五】前防尘盘\GDLC900/1150-015\LC800/1000II\HT200</t>
  </si>
  <si>
    <t>【五二五】托架\GDLC800/1000-011E5\LC800/1000II\HT200</t>
  </si>
  <si>
    <t>【五二五】轴承箱\GDLC900/1150-012E5\LC800/1000II\HT200</t>
  </si>
  <si>
    <t>【五二五】后泵盖\GDLC800/1000-009\LC800/1000II\Cr30</t>
  </si>
  <si>
    <t>【五二五】耐磨板\GDLC800/1000Ⅱ-004\LC800/1000II\Cr30</t>
  </si>
  <si>
    <t>【五二五】叶轮\GDLC800/1000II-B5-002\LC800/1000II\Cr30A</t>
  </si>
  <si>
    <t>【五二五】机封短套\GDLC900/1150-010\LC800/1000II\2605N</t>
  </si>
  <si>
    <t>【五二五】特殊法兰\GDLC700/900-021\LC800/1000II\2605N</t>
  </si>
  <si>
    <t>【五二五】叶轮封盖\GDLC800/1000II-006E1\LC800/1000II\2605N</t>
  </si>
  <si>
    <t>【五二五】泵壳\GDLC800/1000-001E1\LC800/1000II\2605N</t>
  </si>
  <si>
    <t>【五二五】销钉\GDLC-XD-M12\LC800/1000II\304</t>
  </si>
  <si>
    <t>【五二五】螺母\GDLC900/1150II-007E1\LC800/1000II\304</t>
  </si>
  <si>
    <t>【五二五】调整杆\GDLC700/900-020\LC800/1000II\40Cr</t>
  </si>
  <si>
    <t>【五二五】轴\GDLC900/1150II-005E1\LC800/1000II\45</t>
  </si>
  <si>
    <t>【五二五】螺柱\GDLC900/1150-022\LC800/1000II\A3</t>
  </si>
  <si>
    <t>【五二五】压盖\GDLC800/1000Ⅱ-003\LC800/1000II\ZG230(A3)</t>
  </si>
  <si>
    <t>【五二五】进出油管\GDLC700/900-017\LC800/1000II\A3</t>
  </si>
  <si>
    <t>【五二五】支架\GDLC900/1150-019\LC800/1000II\A3</t>
  </si>
  <si>
    <t>【五二五】轴承挡套\GDLC900/1150-018\LC800/1000II\A3</t>
  </si>
  <si>
    <t>【五二五】前轴承压盖\GDLC900/1150-013\LC900/1150BII\HT200</t>
  </si>
  <si>
    <t>【五二五】轴承箱\GDLC900/1150-012\LC900/1150BII\HT200</t>
  </si>
  <si>
    <t>【五二五】前防尘盘\GDLC900/1150-015\LC900/1150BII\HT200</t>
  </si>
  <si>
    <t>【五二五】后轴承压盖\GDLC1000/1200II-014\LC900/1150BII\HT200</t>
  </si>
  <si>
    <t>【五二五】后防尘盘\GDLC1000/1200II-016\LC900/1150BII\HT200</t>
  </si>
  <si>
    <t>【五二五】托架\GDLC900/1150-011A\LC900/1150BII\HT200</t>
  </si>
  <si>
    <t>【五二五】后泵盖\GDLC900/1150-009\LC900/1150BII\Cr30</t>
  </si>
  <si>
    <t>【五二五】耐磨板\GDLC900/1150Ⅱ-004\LC900/1150BII\Cr30</t>
  </si>
  <si>
    <t>【五二五】叶轮\GDLC900/1150II-B5-002\LC900/1150BII\Cr30A</t>
  </si>
  <si>
    <t>【五二五】机封短套\GDLC900/1150-010\LC900/1150BII\2605N</t>
  </si>
  <si>
    <t>【五二五】特殊法兰\GDLC700/900-021\LC900/1150BII\2605N</t>
  </si>
  <si>
    <t>【五二五】叶轮封盖\GDLC900/1150II-006E1\LC900/1150BII\2605N</t>
  </si>
  <si>
    <t>【五二五】泵壳\GDLC900/1150-001\LC900/1150BII\2605N</t>
  </si>
  <si>
    <t>【五二五】轴\GDLC900/1150ⅡB-005\LC900/1150BII\45</t>
  </si>
  <si>
    <t>【五二五】销钉\GDLC-XD-M12\LC900/1150BII\304</t>
  </si>
  <si>
    <t>【五二五】螺母\GDLC900/1150II-007E1\LC900/1150BII\304</t>
  </si>
  <si>
    <t>【五二五】螺柱\GDLC900/1150-022\LC900/1150BII\A3</t>
  </si>
  <si>
    <t>【五二五】压盖\GDLC900/1150Ⅱ-003\LC900/1150BII\ZG230(A3)</t>
  </si>
  <si>
    <t>【五二五】调整杆\GDLC700/900-020\LC900/1150BII\A3</t>
  </si>
  <si>
    <t>【五二五】进出油管\GDLC700/900-017\LC900/1150BII\A3</t>
  </si>
  <si>
    <t>【五二五】支架\GDLC900/1150-019\LC900/1150BII\A3</t>
  </si>
  <si>
    <t>【五二五】轴承挡套\GDLC900/1150-018\LC900/1150BII\A3</t>
  </si>
  <si>
    <t>【五二五】后轴承压盖\GDLC900/1150-014\LC900/1150II\HT200</t>
  </si>
  <si>
    <t>【五二五】前轴承压盖\GDLC900/1150-013\LC900/1150II\HT200</t>
  </si>
  <si>
    <t>【五二五】轴承箱\GDLC900/1150-012\LC900/1150II\HT200</t>
  </si>
  <si>
    <t>【五二五】后防尘盘\GDLC900/1150-016\LC900/1150II\HT200</t>
  </si>
  <si>
    <t>【五二五】前防尘盘\GDLC900/1150-015\LC900/1150II\HT200</t>
  </si>
  <si>
    <t>【五二五】托架\GDLC900/1150-011A\LC900/1150II\HT200</t>
  </si>
  <si>
    <t>【五二五】后泵盖\GDLC900/1150-009\LC900/1150II\Cr30</t>
  </si>
  <si>
    <t>【五二五】耐磨板\GDLC900/1150Ⅱ-004\LC900/1150II\Cr30</t>
  </si>
  <si>
    <t>【五二五】叶轮\GDLC900/1150II-B5-002\LC900/1150II\Cr30A</t>
  </si>
  <si>
    <t>【五二五】特殊法兰\GDLC700/900-021\LC900/1150II\2605N</t>
  </si>
  <si>
    <t>【五二五】联轴器\GDLT6-YA28*62/40*112\LCF25/250I\HT200</t>
  </si>
  <si>
    <t>【五二五】托架\GDLC1208-90-180-01\LCF25/250I\HT200</t>
  </si>
  <si>
    <t>【五二五】前轴承压盖\GDLC1208-90-180-02\LCF25/250I\HT200</t>
  </si>
  <si>
    <t>【五二五】后轴承压盖\GDLC1208-90-180-03\LCF25/250I\HT200</t>
  </si>
  <si>
    <t>【五二五】轴承压环\GDLC1208-90-180-09\LCF25/250I\HT200</t>
  </si>
  <si>
    <t>【五二五】轴承箱\GDLC1208-90-180-04P2\LCF25/250I\HT200</t>
  </si>
  <si>
    <t>【五二五】叶轮螺母\GDLC-YLLM-002-03\LCF25/250I\316L</t>
  </si>
  <si>
    <t>【五二五】特殊法兰\GDLC1208-90-180-14\LCF25/250I\316L</t>
  </si>
  <si>
    <t>【五二五】叶轮\GDLCF25/250I-S25-K3-002\LCF25/250I\Cr30</t>
  </si>
  <si>
    <t>【五二五】前耐磨板\GDLCF25/250-004E1\LCF25/250I\Cr30</t>
  </si>
  <si>
    <t>【五二五】电端锥套\GD2012-38\LCF32-200</t>
  </si>
  <si>
    <t>【五二五】泵端锥套\GD2517-40\LCF32-200+皮带</t>
  </si>
  <si>
    <t>【五二五】泵端带轮\GDSPZ190-4-2517\LCF32-200+皮带\HT200</t>
  </si>
  <si>
    <t>【五二五】电端带轮\GDSPZ140-4-2012\LCF32-200+皮带\HT200</t>
  </si>
  <si>
    <t>【五二五】甩液环\GDLC-180-F-005\LCF32-200\氟橡胶</t>
  </si>
  <si>
    <t>【五二五】托架\GDLC1208-90-180-01\LCF32-200\HT200</t>
  </si>
  <si>
    <t>【五二五】轴承压环\GDLC1208-90-180-09\LCF32-200\HT200</t>
  </si>
  <si>
    <t>【五二五】后轴承压盖\GDLC1208-90-180-03E1\LCF32-200\HT200</t>
  </si>
  <si>
    <t>【五二五】轴承箱\GDLC1208-90-180-04P2-E1\LCF32-200\HT200</t>
  </si>
  <si>
    <t>【五二五】前轴承压盖\GDLC1208-90-180-02E1\LCF32-200\HT200</t>
  </si>
  <si>
    <t>【五二五】叶轮螺母\GDLC-YLLM-002-03\LCF32-200\316L</t>
  </si>
  <si>
    <t>【五二五】泵盖\GDLCF32/200-003-S25\LCF32-200\Cr30</t>
  </si>
  <si>
    <t>【五二五】前耐磨板\GDLCF32/200-004\LCF32-200\Cr30</t>
  </si>
  <si>
    <t>【五二五】耐磨板\GDLCF32/200-005\LCF32-200\Cr30</t>
  </si>
  <si>
    <t>【五二五】叶轮\GDLCF32/200-S25-W6-002\LCF32-200\Cr30</t>
  </si>
  <si>
    <t>【五二五】泵壳\GDLC32/200-001E1\LCF32-200\Cr30</t>
  </si>
  <si>
    <t>【五二五】轴\GDLCF-180-004E4\LCF32-200\45</t>
  </si>
  <si>
    <t>【五二五】电机支架\GDLC-180-Y132\LCF32-200\A3</t>
  </si>
  <si>
    <t>【五二五】甩液环\GDLC-180-F-005\LCF40/250I\氟橡胶</t>
  </si>
  <si>
    <t>【五二五】联轴器\GDLT6-YA38*82/40*112\LCF40/250I\HT200</t>
  </si>
  <si>
    <t>【五二五】托架\GDLC1208-90-180-01\LCF40/250I\HT200</t>
  </si>
  <si>
    <t>【五二五】前轴承压盖\GDLC1208-90-180-02\LCF40/250I\HT200</t>
  </si>
  <si>
    <t>【五二五】后轴承压盖\GDLC1208-90-180-03\LCF40/250I\HT200</t>
  </si>
  <si>
    <t>【五二五】轴承压环\GDLC1208-90-180-09\LCF40/250I\HT200</t>
  </si>
  <si>
    <t>【五二五】轴承箱\GDLC1208-90-180-04P2\LCF40/250I\HT200</t>
  </si>
  <si>
    <t>【五二五】叶轮螺母\GDLC-YLLM-002-01\LCF40/250I\316L</t>
  </si>
  <si>
    <t>【五二五】特殊法兰\GDLC1208-90-180-14\LCF40/250I\316L</t>
  </si>
  <si>
    <t>【五二五】叶轮\GDLCF40/250I-S25-W6-002\LCF40/250I\2605</t>
  </si>
  <si>
    <t>【五二五】泵壳\GDLC40/250-001E2\LCF40/250I\2605</t>
  </si>
  <si>
    <t>【五二五】泵盖\GDLCF40/250-S25-003\LCF40/250I\2605</t>
  </si>
  <si>
    <t>【五二五】耐磨板\GDLC40/250-004\LCF40/250I\2605</t>
  </si>
  <si>
    <t>【五二五】轴\GDLCF-180-004E4\LCF40/250I\45</t>
  </si>
  <si>
    <t>【五二五】甩液环\GDLC65/310T-017\LCF40/350I\氯丁橡胶</t>
  </si>
  <si>
    <t>【五二五】联轴器\GDLT8-YA48*112/45*112\LCF40/350I\HT200</t>
  </si>
  <si>
    <t>【五二五】轴承箱\GDLC1208-88-250-04\LCF40/350I\HT200</t>
  </si>
  <si>
    <t>【五二五】轴承压环\GDLC1208-88-250-09\LCF40/350I\HT200</t>
  </si>
  <si>
    <t>【五二五】前轴承压盖\GDLC65/310T-015\LCF40/350I\HT200</t>
  </si>
  <si>
    <t>【五二五】后轴承压盖\GDLC1208-88-250-03\LCF40/350I\HT200</t>
  </si>
  <si>
    <t>【五二五】托架\GDLC-250-F-003\LCF40/350I\HT200</t>
  </si>
  <si>
    <t>【五二五】叶轮螺母\GDLC-YLLM-002-02\LCF40/350I\316L</t>
  </si>
  <si>
    <t>【五二五】特殊法兰\GDLC1208-88-250-14\LCF40/350I\316L</t>
  </si>
  <si>
    <t>【五二五】泵盖\GDLCF65/350I-S25-W6-003\LCF40/350I\Cr30</t>
  </si>
  <si>
    <t>【五二五】耐磨板\GDLC50/350TN2-3\LCF40/350I\Cr30</t>
  </si>
  <si>
    <t>【五二五】泵壳\GDLC40/350-001E1\LCF40/350I\Cr30</t>
  </si>
  <si>
    <t>【五二五】叶轮\GDLCF40/350I-S25-W6-002\LCF40/350I\Cr30</t>
  </si>
  <si>
    <t>【五二五】衬环\GDLC65/310T-013\LCF40/350I\45</t>
  </si>
  <si>
    <t>【五二五】轴\GDLCF-250-004E4\LCF40/350I\45</t>
  </si>
  <si>
    <t>【五二五】挡油环\GDLC1208-88-250-05\LCF40/350I\ZG230-450</t>
  </si>
  <si>
    <t>【五二五】甩液环\GDLC65/310T-017\LCF40/400I\氯丁橡胶</t>
  </si>
  <si>
    <t>【五二五】联轴器\GDLT9-YA60*142/45*112\LCF40/400I\HT200</t>
  </si>
  <si>
    <t>【五二五】轴承箱\GDLC1208-88-250-04\LCF40/400I\HT200</t>
  </si>
  <si>
    <t>【五二五】轴承压环\GDLC1208-88-250-09\LCF40/400I\HT200</t>
  </si>
  <si>
    <t>【五二五】前轴承压盖\GDLC65/310T-015\LCF40/400I\HT200</t>
  </si>
  <si>
    <t>【五二五】后轴承压盖\GDLC1208-88-250-03\LCF40/400I\HT200</t>
  </si>
  <si>
    <t>【五二五】托架A\GDLC250A-001\LCF40/400I\HT200</t>
  </si>
  <si>
    <t>【五二五】叶轮螺栓\GDLC-YLLS-001-01\LCF40/400I\316L</t>
  </si>
  <si>
    <t>【五二五】叶轮螺母\GDLC-YLLM-001-01\LCF40/400I\316L</t>
  </si>
  <si>
    <t>【五二五】特殊法兰\GDLC1208-88-250-14\LCF40/400I\316L</t>
  </si>
  <si>
    <t>【五二五】泵盖\GDLCF40/400I-S25-W6-003\LCF40/400I\Cr30</t>
  </si>
  <si>
    <t>【五二五】泵壳\GDLC40/400-001\LCF40/400I\Cr30</t>
  </si>
  <si>
    <t>【五二五】叶轮\GDLCF40/400I-S25-W6-002\LCF40/400I\Cr30</t>
  </si>
  <si>
    <t>【五二五】耐磨板\GDLCF40/400-003\LCF40/400I\Cr30</t>
  </si>
  <si>
    <t>【五二五】接合板螺栓\GDLC250A-003\LCF40/400I\45#发蓝</t>
  </si>
  <si>
    <t>【五二五】衬套\GDLC65/310T-013\LCF40/400I\45</t>
  </si>
  <si>
    <t>【五二五】轴\GDLCF-250-004E4\LCF40/400I\45</t>
  </si>
  <si>
    <t>【五二五】接合板\GDLC40/400-006\LCF40/400I\A3</t>
  </si>
  <si>
    <t>【五二五】挡油环\GDLC1208-88-250-05\LCF40/400I\ZG230-450</t>
  </si>
  <si>
    <t>【五二五】甩液环\GDLC-180-F-005\LCF50/210I\氯丁橡胶</t>
  </si>
  <si>
    <t>【五二五】联轴器\GDLT6-YA28*62/40*112\LCF50/210I\HT200</t>
  </si>
  <si>
    <t>【五二五】托架\GDLC1208-90-180-01\LCF50/210I\HT200</t>
  </si>
  <si>
    <t>【五二五】前轴承压盖\GDLC1208-90-180-02\LCF50/210I\HT200</t>
  </si>
  <si>
    <t>【五二五】后轴承压盖\GDLC1208-90-180-03\LCF50/210I\HT200</t>
  </si>
  <si>
    <t>【五二五】轴承压环\GDLC1208-90-180-09\LCF50/210I\HT200</t>
  </si>
  <si>
    <t>【五二五】轴承箱\GDLC1208-90-180-04P2\LCF50/210I\HT200</t>
  </si>
  <si>
    <t>【五二五】叶轮螺母\GDLC-YLLM-002-01\LCF50/210I\316L</t>
  </si>
  <si>
    <t>【五二五】特殊法兰\GDLC1208-90-180-14\LCF50/210I\316L</t>
  </si>
  <si>
    <t>【五二五】泵壳\GDLC50/210-001E1\LCF50/210I\Cr30</t>
  </si>
  <si>
    <t>【五二五】耐磨板\GDLCF32/200-005\LCF50/210I\Cr30</t>
  </si>
  <si>
    <t>【五二五】泵盖\GDLCF50/210-S25-004\LCF50/210I\Cr30</t>
  </si>
  <si>
    <t>【五二五】叶轮\GDLCF50/210-S11-B2-002\LCF50/210I\Cr30</t>
  </si>
  <si>
    <t>【五二五】轴\GDLCF-180-004E4\LCF50/210I\45</t>
  </si>
  <si>
    <t>【五二五】甩液环\GDLC65/310T-017\LCF50/350N1I\氯丁橡胶</t>
  </si>
  <si>
    <t>【五二五】联轴器\GDLT7-YA42*112/45*112\LCF50/350N1I\HT200</t>
  </si>
  <si>
    <t>【五二五】轴承箱\GDLC1208-88-250-04\LCF50/350N1I\HT200</t>
  </si>
  <si>
    <t>【五二五】轴承压环\GDLC1208-88-250-09\LCF50/350N1I\HT200</t>
  </si>
  <si>
    <t>【五二五】前轴承压盖\GDLC65/310T-015\LCF50/350N1I\HT200</t>
  </si>
  <si>
    <t>【五二五】后轴承压盖\GDLC1208-88-250-03\LCF50/350N1I\HT200</t>
  </si>
  <si>
    <t>【五二五】托架\GDLC-250-F-003\LCF50/350N1I\HT200</t>
  </si>
  <si>
    <t>【五二五】叶轮螺母\GDLC-YLLM-002-02\LCF50/350N1I\316L</t>
  </si>
  <si>
    <t>【五二五】特殊法兰\GDLC1208-88-250-14\LCF50/350N1I\316L</t>
  </si>
  <si>
    <t>【五二五】泵壳\GDLC50/350N1-001E1\LCF50/350N1I\Cr30</t>
  </si>
  <si>
    <t>【五二五】泵盖\GDLCF50/350N1I-S25-W6-003\LCF50/350N1I\Cr30</t>
  </si>
  <si>
    <t>【五二五】耐磨板\GDLC50/350TN1-3\LCF50/350N1I\Cr30</t>
  </si>
  <si>
    <t>【五二五】叶轮\GDLCF50/350N1I-S25-W6-002\LCF50/350N1I\Cr30</t>
  </si>
  <si>
    <t>【五二五】衬环\GDLC65/310T-013\LCF50/350N1I\45</t>
  </si>
  <si>
    <t>【五二五】轴\GDLCF-250-004E4\LCF50/350N1I\45</t>
  </si>
  <si>
    <t>【五二五】挡油环\GDLC1208-88-250-05\LCF50/350N1I\ZG230-450</t>
  </si>
  <si>
    <t>【五二五】甩液环\GDLC65/310T-017\LCF50/350N2I\氯丁橡胶</t>
  </si>
  <si>
    <t>【五二五】联轴器\GDLT8-YA48*112/45*112\LCF50/350N2I\HT200</t>
  </si>
  <si>
    <t>【五二五】轴承箱\GDLC1208-88-250-04\LCF50/350N2I\HT200</t>
  </si>
  <si>
    <t>【五二五】轴承压环\GDLC1208-88-250-09\LCF50/350N2I\HT200</t>
  </si>
  <si>
    <t>【五二五】前轴承压盖\GDLC65/310T-015\LCF50/350N2I\HT200</t>
  </si>
  <si>
    <t>【五二五】后轴承压盖\GDLC1208-88-250-03\LCF50/350N2I\HT200</t>
  </si>
  <si>
    <t>【五二五】托架\GDLC-250-F-003\LCF50/350N2I\HT200</t>
  </si>
  <si>
    <t>【五二五】叶轮螺母\GDLC-YLLM-002-02\LCF50/350N2I\316L</t>
  </si>
  <si>
    <t>【五二五】特殊法兰\GDLC1208-88-250-14\LCF50/350N2I\316L</t>
  </si>
  <si>
    <t>【五二五】泵壳\GDLC50/350N2-001E1\LCF50/350N2I\Cr30</t>
  </si>
  <si>
    <t>【五二五】泵盖\GDLCF50/350N2I-S25-W6-003\LCF50/350N2I\Cr30</t>
  </si>
  <si>
    <t>【五二五】耐磨板\GDLC50/350TN2-3\LCF50/350N2I\Cr30</t>
  </si>
  <si>
    <t>【五二五】叶轮\GDLCF50/350N2I-S25-W6-002\LCF50/350N2I\Cr30</t>
  </si>
  <si>
    <t>【五二五】衬环\GDLC65/310T-013\LCF50/350N2I\45</t>
  </si>
  <si>
    <t>【五二五】轴\GDLCF-250-004E4\LCF50/350N2I\45</t>
  </si>
  <si>
    <t>【五二五】挡油环\GDLC1208-88-250-05\LCF50/350N2I\ZG230-450</t>
  </si>
  <si>
    <t>【五二五】甩液环\GDLC65/310T-17\LCF50/400\氯丁橡胶</t>
  </si>
  <si>
    <t>【五二五】联轴器\GDLT8-YA55*112/45*112\LCF50/400\HT200</t>
  </si>
  <si>
    <t>【五二五】轴承箱\GDLC65/310T-10\LCF50/400\HT200</t>
  </si>
  <si>
    <t>【五二五】挡油环\GDLC1208-88-250-05\LCF50/400\HT200</t>
  </si>
  <si>
    <t>【五二五】托架\GDLC50/350N2T-020\LCF50/400\HT200</t>
  </si>
  <si>
    <t>【五二五】前轴承压盖\GDLC65/310T-15\LCF50/400\HT200</t>
  </si>
  <si>
    <t>【五二五】后轴承压盖\GDLC1208-88-250-03\LCF50/400\HT200</t>
  </si>
  <si>
    <t>【五二五】锥形帽\GDLC65/310-005\LCF50/400\316L</t>
  </si>
  <si>
    <t>【五二五】叶轮螺栓\GDLC2206-88-250\LCF50/400\316L</t>
  </si>
  <si>
    <t>【五二五】叶轮\GDLCF50/400-S11-B3-002\LCF50/400\Cr30</t>
  </si>
  <si>
    <t>【五二五】泵盖\GDLCF50/400-003S11\LCF50/400\Cr30</t>
  </si>
  <si>
    <t>【五二五】泵壳\GDLCF50/400-001\LCF50/400\Cr30</t>
  </si>
  <si>
    <t>【五二五】轴\GDLCF-250-004\LCF50/400\45</t>
  </si>
  <si>
    <t>【五二五】衬环\GDLC65/310T-13\LCF50/400\45</t>
  </si>
  <si>
    <t>【五二五】甩液环\GDLC125/405T-017\LCF50/460I\氯丁橡胶</t>
  </si>
  <si>
    <t>【五二五】联轴器\GDLT9-YA65*142/60*142\LCF50/460I\HT200</t>
  </si>
  <si>
    <t>【五二五】托架\GDLC1208-90-315-01\LCF50/460I\HT200</t>
  </si>
  <si>
    <t>【五二五】后轴承压盖\GDLC1208-90-315-03\LCF50/460I\HT200</t>
  </si>
  <si>
    <t>【五二五】轴承箱\GDLC1208-90-315-04\LCF50/460I\HT200</t>
  </si>
  <si>
    <t>【五二五】前轴承压盖\GDLC125/405T-015\LCF50/460I\HT200</t>
  </si>
  <si>
    <t>【五二五】轴承压环\GDLC1208-90-315-09\LCF50/460I\HT200</t>
  </si>
  <si>
    <t>【五二五】叶轮螺母\GDLC-YLLM-001-03\LCF50/460I\316L</t>
  </si>
  <si>
    <t>【五二五】叶轮螺栓\GDLC-YLLS-001-02\LCF50/460I\316L</t>
  </si>
  <si>
    <t>【五二五】特殊法兰\GDLC1208-90-315-14\LCF50/460I\316L</t>
  </si>
  <si>
    <t>【五二五】泵壳\GDLC50/460-001E1\LCF50/460I\Cr30</t>
  </si>
  <si>
    <t>【五二五】泵盖\GDLCF50/460T-003\LCF50/460I\Cr30</t>
  </si>
  <si>
    <t>【五二五】耐磨板\GDLCF50/460T-005\LCF50/460I\Cr30</t>
  </si>
  <si>
    <t>【五二五】叶轮\GDLCF50/460I-S25-W6-002\LCF50/460I\Cr30</t>
  </si>
  <si>
    <t>【五二五】轴\GDLCF-315-004E4\LCF50/460I\45</t>
  </si>
  <si>
    <t>【五二五】衬套\GDLC125/405T-013\LCF50/460I\45</t>
  </si>
  <si>
    <t>【五二五】挡油环\GDLC1208-90-315-05\LCF50/460I\ZG230-450</t>
  </si>
  <si>
    <t>【五二五】甩液环\GDLC65/310T-017\LCF65/310I\氯丁橡胶</t>
  </si>
  <si>
    <t>【五二五】联轴器\GDLT7-YA42*112/45*112\LCF65/310I\HT200</t>
  </si>
  <si>
    <t>【五二五】轴承箱\GDLC1208-88-250-04\LCF65/310I\HT200</t>
  </si>
  <si>
    <t>【五二五】轴承压环\GDLC1208-88-250-09\LCF65/310I\HT200</t>
  </si>
  <si>
    <t>【五二五】前轴承压盖\GDLC65/310T-015\LCF65/310I\HT200</t>
  </si>
  <si>
    <t>【五二五】后轴承压盖\GDLC1208-88-250-03\LCF65/310I\HT200</t>
  </si>
  <si>
    <t>【五二五】托架\GDLC-250-F-003\LCF65/310I\HT200</t>
  </si>
  <si>
    <t>【五二五】叶轮螺母\GDLC-YLLM-002-02\LCF65/310I\316L</t>
  </si>
  <si>
    <t>【五二五】特殊法兰\GDLC1208-88-250-14\LCF65/310I\316L</t>
  </si>
  <si>
    <t>【五二五】泵壳\GDLC65/310-001E2\LCF65/310I\Cr30</t>
  </si>
  <si>
    <t>【五二五】耐磨板\GDLC65/310T-003\LCF65/310I\Cr30</t>
  </si>
  <si>
    <t>【五二五】泵盖\GDLCF65/310I-S25-W6-003\LCF65/310I\Cr30</t>
  </si>
  <si>
    <t>【五二五】叶轮\GDLCF65/310I-S25-W6-002\LCF65/310I\Cr30</t>
  </si>
  <si>
    <t>【五二五】衬环\GDLC65/310T-013\LCF65/310I\45</t>
  </si>
  <si>
    <t>【五二五】轴\GDLCF-250-004E4\LCF65/310I\45</t>
  </si>
  <si>
    <t>【五二五】挡油环\GDLC1208-88-250-05\LCF65/310I\ZG230-450</t>
  </si>
  <si>
    <t>【五二五】甩液环\GDLC65/310T-017\LCF65/350I\氯丁橡胶</t>
  </si>
  <si>
    <t>【五二五】联轴器\GDLT8-YA55*112/45*112\LCF65/350I\HT200</t>
  </si>
  <si>
    <t>【五二五】轴承箱\GDLC1208-88-250-04\LCF65/350I\HT200</t>
  </si>
  <si>
    <t>【五二五】轴承压环\GDLC1208-88-250-09\LCF65/350I\HT200</t>
  </si>
  <si>
    <t>【五二五】前轴承压盖\GDLC65/310T-015\LCF65/350I\HT200</t>
  </si>
  <si>
    <t>【五二五】后轴承压盖\GDLC1208-88-250-03\LCF65/350I\HT200</t>
  </si>
  <si>
    <t>【五二五】托架\GDLC-250-F-003\LCF65/350I\HT200</t>
  </si>
  <si>
    <t>【五二五】叶轮螺栓\GDLC-YLLS-001-01\LCF65/350I\316L</t>
  </si>
  <si>
    <t>【五二五】叶轮螺母\GDLC-YLLM-001-01\LCF65/350I\316L</t>
  </si>
  <si>
    <t>【五二五】特殊法兰\GDLC1208-90-250-14\LCF65/350I\316L</t>
  </si>
  <si>
    <t>【五二五】泵壳\GDLC65/350-001E1\LCF65/350I\Cr30</t>
  </si>
  <si>
    <t>【五二五】泵盖\GDLCF65/350I-S25-W6-003\LCF65/350I\Cr30</t>
  </si>
  <si>
    <t>【五二五】耐磨板\GDLC50/350TN2-3\LCF65/350I\Cr30</t>
  </si>
  <si>
    <t>【五二五】叶轮\GDLCF65/350I-S25-W6-002\LCF65/350I\Cr30</t>
  </si>
  <si>
    <t>【五二五】衬环\GDLC65/310T-013\LCF65/350I\45</t>
  </si>
  <si>
    <t>【五二五】轴\GDLCF-250-004E4\LCF65/350I\45</t>
  </si>
  <si>
    <t>【五二五】挡油环\GDLC1208-88-250-05\LCF65/350I\ZG230-450</t>
  </si>
  <si>
    <t>【五二五】甩液环\GDLC125/405T-017\LCF65/400I\氯丁橡胶</t>
  </si>
  <si>
    <t>【五二五】联轴器\GDLT9-YA60*142/60*142\LCF65/400I\HT200</t>
  </si>
  <si>
    <t>【五二五】托架\GDLC1208-90-315-01\LCF65/400I\HT200</t>
  </si>
  <si>
    <t>【五二五】后轴承压盖\GDLC1208-90-315-03\LCF65/400I\HT200</t>
  </si>
  <si>
    <t>【五二五】轴承箱\GDLC1208-90-315-04\LCF65/400I\HT200</t>
  </si>
  <si>
    <t>【五二五】前轴承压盖\GDLC125/405T-015\LCF65/400I\HT200</t>
  </si>
  <si>
    <t>【五二五】轴承压环\GDLC1208-90-315-09\LCF65/400I\HT200</t>
  </si>
  <si>
    <t>【五二五】叶轮螺母\GDLC-YLLM-001-03\LCF65/400I\316L</t>
  </si>
  <si>
    <t>【五二五】叶轮螺栓\GDLC-YLLS-001-02\LCF65/400I\316L</t>
  </si>
  <si>
    <t>【五二五】特殊法兰\GDLC1208-88-250-14\LCF65/400I\316L</t>
  </si>
  <si>
    <t>【五二五】泵盖\GDLCF65/400I-S25-W6-003E1\LCF65/400I\Cr30</t>
  </si>
  <si>
    <t>【五二五】泵壳\GDLC65/400-001E2\LCF65/400I\Cr30</t>
  </si>
  <si>
    <t>【五二五】耐磨板\GDLCF65/400I-S25-W6-005\LCF65/400I\Cr30</t>
  </si>
  <si>
    <t>【五二五】叶轮\GDLCF65/400I-S25-W6-002\LCF65/400I\Cr30</t>
  </si>
  <si>
    <t>【五二五】轴\GDLCF-315-004E4\LCF65/400I\45#</t>
  </si>
  <si>
    <t>【五二五】衬环\GDLC125/405T-013\LCF65/400I\45</t>
  </si>
  <si>
    <t>【五二五】挡油环\GDLC1208-90-315-05\LCF65/400I\ZG230-450</t>
  </si>
  <si>
    <t>【五二五】甩液环\GDLC125/405T-017\LCF80/400I\氯丁橡胶</t>
  </si>
  <si>
    <t>【五二五】联轴器\GDLT9-YA65*142/60*142\LCF80/400I\HT200</t>
  </si>
  <si>
    <t>【五二五】托架\GDLC1208-90-315-01\LCF80/400I\HT200</t>
  </si>
  <si>
    <t>【五二五】后轴承压盖\GDLC1208-90-315-03\LCF80/400I\HT200</t>
  </si>
  <si>
    <t>【五二五】轴承箱\GDLC1208-90-315-04\LCF80/400I\HT200</t>
  </si>
  <si>
    <t>【五二五】前轴承压盖\GDLC125/405T-015\LCF80/400I\HT200</t>
  </si>
  <si>
    <t>【五二五】轴承压环\GDLC1208-90-315-09\LCF80/400I\HT200</t>
  </si>
  <si>
    <t>【五二五】叶轮螺母\GDLC-YLLM-001-03\LCF80/400I\316L</t>
  </si>
  <si>
    <t>【五二五】叶轮螺栓\GDLC-YLLS-001-02\LCF80/400I\316L</t>
  </si>
  <si>
    <t>【五二五】特殊法兰\GDLC1208-88-250-14\LCF80/400I\316L</t>
  </si>
  <si>
    <t>【五二五】叶轮\GDLCF80/400I-S25-W6-002\LCF80/400I\Cr30</t>
  </si>
  <si>
    <t>【五二五】泵盖\GDLCF80/400I-S25-W6-003E1\LCF80/400I\Cr30</t>
  </si>
  <si>
    <t>【五二五】泵壳\GDLC80/400-001E1\LCF80/400I\Cr30</t>
  </si>
  <si>
    <t>【五二五】耐磨板\GDLC65/400T-003\LCF80/400I\Cr30</t>
  </si>
  <si>
    <t>【五二五】轴\GDLCF-315-004E4\LCF80/400I\45</t>
  </si>
  <si>
    <t>【五二五】衬环\GDLC125/405T-013\LCF80/400I\45</t>
  </si>
  <si>
    <t>【五二五】挡油环\GDLC1208-90-315-05\LCF80/400I\ZG230-450</t>
  </si>
  <si>
    <t>【五二五】甩液环\GDLC125/405T-017\LCF80/450I\氟橡胶</t>
  </si>
  <si>
    <t>【五二五】联轴器\GDLT10-75*142/60*142\LCF80/450I\HT200</t>
  </si>
  <si>
    <t>【五二五】托架\GDLC1208-90-315-01\LCF80/450I\HT200</t>
  </si>
  <si>
    <t>【五二五】轴承压环\GDLC1208-90-315-09\LCF80/450I\HT200</t>
  </si>
  <si>
    <t>【五二五】前轴承压盖\GDLC125/405T-015\LCF80/450I\HT200</t>
  </si>
  <si>
    <t>【五二五】挡油环\GDLC1208-90-315-05A\LCF80/450I\HT200</t>
  </si>
  <si>
    <t>【五二五】后轴承压盖\GDLC1208-90-315-03A\LCF80/450I\HT200</t>
  </si>
  <si>
    <t>【五二五】轴承箱\GDLC1208-90-315-04A\LCF80/450I\HT200</t>
  </si>
  <si>
    <t>【五二五】锥形帽\GDLC125/405-006\LCF80/450I\316L</t>
  </si>
  <si>
    <t>【五二五】叶轮螺栓\GDLC2206-90-315\LCF80/450I\316L</t>
  </si>
  <si>
    <t>【五二五】泵壳\GDLC80/450-001E1\LCF80/450I\Cr30</t>
  </si>
  <si>
    <t>【五二五】叶轮\GDLCF80/450I-S25-W6-002\LCF80/450I\Cr30</t>
  </si>
  <si>
    <t>【五二五】耐磨板\GDLCF50/460T-005\LCF80/450I\Cr30</t>
  </si>
  <si>
    <t>【五二五】泵盖\GDLCF80/450I-S25-W6-003\LCF80/450I\Cr30</t>
  </si>
  <si>
    <t>【五二五】轴\GDLCF-315-004\LCF80/450I\45</t>
  </si>
  <si>
    <t>【五二五】轴承内圈\GDLC80/450-005\LCF80/450I\45</t>
  </si>
  <si>
    <t>【五二五】轴承外圈\GDLC80/450-006\LCF80/450I\45</t>
  </si>
  <si>
    <t>【五二五】衬套\GDLC125/405T-013\LCF80/450I\A3</t>
  </si>
  <si>
    <t>【五二五】联轴器\GDLT8-YA55*112/45*112\LCF100/300I\HT200</t>
  </si>
  <si>
    <t>【五二五】轴承箱\GDLC1208-88-250-04\LCF100/300I\HT200</t>
  </si>
  <si>
    <t>【五二五】轴承压环\GDLC1208-88-250-09\LCF100/300I\HT200</t>
  </si>
  <si>
    <t>【五二五】前轴承压盖\GDLC65/310T-015\LCF100/300I\HT200</t>
  </si>
  <si>
    <t>【五二五】后轴承压盖\GDLC1208-88-250-03\LCF100/300I\HT200</t>
  </si>
  <si>
    <t>【五二五】托架\GDLC-250-F-003\LCF100/300I\HT200</t>
  </si>
  <si>
    <t>【五二五】叶轮螺母\GDLC-YLLM-002-02\LCF100/300I\316L</t>
  </si>
  <si>
    <t>【五二五】特殊法兰\GDLC1208-90-250-14\LCF100/300I\316L</t>
  </si>
  <si>
    <t>【五二五】耐磨板\GDLC100/300T-003\LCF100/300I\Cr30</t>
  </si>
  <si>
    <t>【五二五】泵盖\GDLCF100/300I-S25-W6-003\LCF100/300I\Cr30</t>
  </si>
  <si>
    <t>【五二五】叶轮\GDLCF100/300I-S25-W6-002\LCF100/300I\Cr30</t>
  </si>
  <si>
    <t>【五二五】轴\GDLCF-250-004E4\LCF100/300I\2205</t>
  </si>
  <si>
    <t>【五二五】衬套\GDLC65/310T-013\LCF100/300I\45</t>
  </si>
  <si>
    <t>【五二五】挡油环\GDLC1208-88-250-05\LCF100/300I\ZG230-450</t>
  </si>
  <si>
    <t>【五二五】轴承箱\GDLC1208-88-250-04\LCF100/320I\HT200</t>
  </si>
  <si>
    <t>【五二五】轴承压环\GDLC1208-88-250-09\LCF100/320I\HT200</t>
  </si>
  <si>
    <t>【五二五】前轴承压盖\GDLC65/310T-015\LCF100/320I\HT200</t>
  </si>
  <si>
    <t>【五二五】后轴承压盖\GDLC1208-88-250-03\LCF100/320I\HT200</t>
  </si>
  <si>
    <t>【五二五】托架\GDLC-250-F-003\LCF100/320I\HT200</t>
  </si>
  <si>
    <t>【五二五】叶轮螺母\GDLC-YLLM-002-02\LCF100/320I\316L</t>
  </si>
  <si>
    <t>【五二五】特殊法兰\GDLC1208-88-250-14\LCF100/320I\316L</t>
  </si>
  <si>
    <t>【五二五】叶轮\GDLCF100/320I-S25-W6-002\LCF100/320I\Cr30</t>
  </si>
  <si>
    <t>【五二五】衬环\GDLC65/310T-013\LCF100/320I\45</t>
  </si>
  <si>
    <t>【五二五】轴\GDLCF-250-004E4\LCF100/320I\45</t>
  </si>
  <si>
    <t>【五二五】挡油环\GDLC1208-88-250-05\LCF100/320I\ZG230-450</t>
  </si>
  <si>
    <t>【五二五】轴承箱\GDLC1208-88-250-04\LCF100/350I\HT200</t>
  </si>
  <si>
    <t>【五二五】轴承压环\GDLC1208-88-250-09\LCF100/350I\HT200</t>
  </si>
  <si>
    <t>【五二五】前轴承压盖\GDLC65/310T-015\LCF100/350I\HT200</t>
  </si>
  <si>
    <t>【五二五】后轴承压盖\GDLC1208-88-250-03\LCF100/350I\HT200</t>
  </si>
  <si>
    <t>【五二五】托架\GDLC-250-F-003\LCF100/350I\HT200</t>
  </si>
  <si>
    <t>【五二五】叶轮螺栓\GDLC-YLLS-001-01\LCF100/350I\316L</t>
  </si>
  <si>
    <t>【五二五】叶轮螺母\GDLC-YLLM-001-01\LCF100/350I\316L</t>
  </si>
  <si>
    <t>【五二五】特殊法兰\GDLC1208-88-250-14\LCF100/350I\316L</t>
  </si>
  <si>
    <t>【五二五】泵壳\GDLC100/350-001E1\LCF100/350I\Cr30</t>
  </si>
  <si>
    <t>【五二五】耐磨板\GDLC100/350T-3\LCF100/350I\Cr30</t>
  </si>
  <si>
    <t>【五二五】泵盖\GDLCF100/350I-S25-W6-003\LCF100/350I\Cr30</t>
  </si>
  <si>
    <t>【五二五】衬环\GDLC65/310T-013\LCF100/350I\45</t>
  </si>
  <si>
    <t>【五二五】轴\GDLCF-250-004E4\LCF100/350I\45</t>
  </si>
  <si>
    <t>【五二五】挡油环\GDLC1208-88-250-05\LCF100/350I\ZG230-450</t>
  </si>
  <si>
    <t>【五二五】联轴器\GDLT10-YA75*142/60*142\LCF125/405I\HT200</t>
  </si>
  <si>
    <t>【五二五】后轴承压盖\GDLC1208-90-315-03\LCF125/405I\HT200</t>
  </si>
  <si>
    <t>【五二五】轴承箱\GDLC1208-90-315-04\LCF125/405I\HT200</t>
  </si>
  <si>
    <t>【五二五】前轴承压盖\GDLC125/405T-015\LCF125/405I\HT200</t>
  </si>
  <si>
    <t>【五二五】轴承压环\GDLC1208-90-315-04\LCF125/405I\HT200</t>
  </si>
  <si>
    <t>【五二五】叶轮螺母\GDLC-YLLM-001-03\LCF125/405I\316L</t>
  </si>
  <si>
    <t>【五二五】叶轮螺栓\GDLC-YLLS-001-02\LCF125/405I\316L</t>
  </si>
  <si>
    <t>【五二五】特殊法兰\GDLC1208-90-315-14\LCF125/405I\316L</t>
  </si>
  <si>
    <t>【五二五】泵壳\GDLC125/405-001E1\LCF125/405I\Cr30</t>
  </si>
  <si>
    <t>【五二五】耐磨板\GDLC125/405T-003\LCF125/405I\Cr30</t>
  </si>
  <si>
    <t>【五二五】叶轮\GDLCF125/405I-S25-W6-002\LCF125/405I\Cr30</t>
  </si>
  <si>
    <t>【五二五】轴\GDLCF-315-004E4\LCF125/405I\45</t>
  </si>
  <si>
    <t>【五二五】衬套\GDLC125/405T-013\LCF125/405I\45</t>
  </si>
  <si>
    <t>【五二五】挡油环\GDLC1208-90-315-05\LCF125/405I\ZG230-450</t>
  </si>
  <si>
    <t>【五二五】甩液环\GDLC65/310T-017\LCF150/300I\氯丁橡胶</t>
  </si>
  <si>
    <t>【五二五】联轴器\GDLT9-YA60*142/45*112\LCF150/300I\HT200</t>
  </si>
  <si>
    <t>【五二五】轴承箱\GDLC1208-88-250-004\LCF150/300I\HT200</t>
  </si>
  <si>
    <t>【五二五】轴承压环\GDLC1208-88-250-009\LCF150/300I\HT200</t>
  </si>
  <si>
    <t>【五二五】前轴承压盖\GDLC65/310T-015\LCF150/300I\HT200</t>
  </si>
  <si>
    <t>【五二五】后轴承压盖\GDLC1208-88-250-003\LCF150/300I\HT200</t>
  </si>
  <si>
    <t>【五二五】托架\GDLC-250-F-003\LCF150/300I\HT200</t>
  </si>
  <si>
    <t>【五二五】叶轮螺栓\GDLC-YLLS-001-01\LCF150/300I\316L</t>
  </si>
  <si>
    <t>【五二五】叶轮螺母\GDLC-YLLM-001-01\LCF150/300I\316L</t>
  </si>
  <si>
    <t>【五二五】泵壳\GDLCF150/300-001E1\LCF150/300I\Cr30</t>
  </si>
  <si>
    <t>【五二五】耐磨板\GDLCF150/300-003\LCF150/300I\Cr30</t>
  </si>
  <si>
    <t>【五二五】入口管\GDLCF150/300-005\LCF150/300I\Cr30</t>
  </si>
  <si>
    <t>【五二五】叶轮\GDLCF150/300-S11-B4-002\LCF150/300I\Cr30</t>
  </si>
  <si>
    <t>【五二五】泵盖\GDLCF150/300-S25-B4-003\LCF150/300I\Cr30</t>
  </si>
  <si>
    <t>【五二五】衬环\GDLC65/310T-013\LCF150/300I\45</t>
  </si>
  <si>
    <t>【五二五】轴\GDLCF-250-004E5\LCF150/300I\45</t>
  </si>
  <si>
    <t>【五二五】挡油环\GDLC1208-88-250-005\LCF150/300I\ZG230-450</t>
  </si>
  <si>
    <t>【五二五】甩液环\GDLC125/405T-017\LCF150/350A\氯丁橡胶</t>
  </si>
  <si>
    <t>【五二五】联轴器\GDLT10-YA75*142/60*142\LCF150/350A\HT200</t>
  </si>
  <si>
    <t>【五二五】后轴承压盖\GDLC1208-90-315-03\LCF150/350A\HT200</t>
  </si>
  <si>
    <t>【五二五】轴承箱\GDLC1208-90-315-04\LCF150/350A\HT200</t>
  </si>
  <si>
    <t>【五二五】前轴承压盖\GDLC125/405T-015\LCF150/350A\HT200</t>
  </si>
  <si>
    <t>【五二五】托架\GDLC-315A-001\LCF150/350A\HT200</t>
  </si>
  <si>
    <t>【五二五】轴承压环\GDLC-315A-002\LCF150/350A\HT200</t>
  </si>
  <si>
    <t>【五二五】叶轮螺母\GDLC-YLLM-001-03\LCF150/350A\316L</t>
  </si>
  <si>
    <t>【五二五】叶轮螺栓\GDLC-YLLS-001-02\LCF150/350A\316L</t>
  </si>
  <si>
    <t>【五二五】特殊法兰\GDLC1208-90-315-14\LCF150/350A\316L</t>
  </si>
  <si>
    <t>【五二五】泵壳\GDLC150/350-001E1\LCF150/350A\2605</t>
  </si>
  <si>
    <t>【五二五】泵盖\GDLCF150/350AI-S25-W6-003\LCF150/350A\2605</t>
  </si>
  <si>
    <t>【五二五】耐磨板\GDLC100/350T-003\LCF150/350A\2605</t>
  </si>
  <si>
    <t>【五二五】叶轮\GDLCF150/350A-S11-B4-002\LCF150/350A\2605</t>
  </si>
  <si>
    <t>【五二五】轴\GDLCF-315-004E4\LCF150/350A\45</t>
  </si>
  <si>
    <t>【五二五】结合板螺栓\GDLC-315A-003\LCF150/350A\45#发蓝</t>
  </si>
  <si>
    <t>【五二五】衬套\GDLC125/405T-013\LCF150/350A\45</t>
  </si>
  <si>
    <t>【五二五】接合板\GDLC150/350A-008\LCF150/350A\ZG230-450</t>
  </si>
  <si>
    <t>【五二五】挡油环\GDLC1208-90-315-05\LCF150/350A\ZG230-450</t>
  </si>
  <si>
    <t>【五二五】甩液环\GDLC125/405T-017\LCF150/350AI\氯丁橡胶</t>
  </si>
  <si>
    <t>【五二五】联轴器\GDLT10-YA75*142/60*142\LCF150/350AI\HT200</t>
  </si>
  <si>
    <t>【五二五】后轴承压盖\GDLC1208-90-315-03\LCF150/350AI\HT200</t>
  </si>
  <si>
    <t>【五二五】轴承箱\GDLC1208-90-315-04\LCF150/350AI\HT200</t>
  </si>
  <si>
    <t>【五二五】前轴承压盖\GDLC125/405T-015\LCF150/350AI\HT200</t>
  </si>
  <si>
    <t>【五二五】托架\GDLC-315A-001\LCF150/350AI\HT200</t>
  </si>
  <si>
    <t>【五二五】轴承压环\GDLC-315A-002\LCF150/350AI\HT200</t>
  </si>
  <si>
    <t>【五二五】叶轮螺母\GDLC-YLLM-001-03\LCF150/350AI\316L</t>
  </si>
  <si>
    <t>【五二五】叶轮螺栓\GDLC-YLLS-001-02\LCF150/350AI\316L</t>
  </si>
  <si>
    <t>【五二五】特殊法兰\GDLC1208-88-250-14\LCF150/350AI\316L</t>
  </si>
  <si>
    <t>【五二五】泵壳\GDLC150/350-001E1\LCF150/350AI\Cr30</t>
  </si>
  <si>
    <t>【五二五】耐磨板\GDLC100/350T-003\LCF150/350AI\Cr30</t>
  </si>
  <si>
    <t>【五二五】泵盖\GDLCF150/350AI-S25-W6-003\LCF150/350AI\Cr30</t>
  </si>
  <si>
    <t>【五二五】叶轮\GDLCF150/350I-S25-W6-002E1\LCF150/350AI\Cr30</t>
  </si>
  <si>
    <t>【五二五】轴\GDLCF-315-004E4\LCF150/350AI\45</t>
  </si>
  <si>
    <t>【五二五】结合板螺栓\GDLC-315A-003\LCF150/350AI\45#发蓝</t>
  </si>
  <si>
    <t>【五二五】衬套\GDLC125/405T-013\LCF150/350AI\45</t>
  </si>
  <si>
    <t>【五二五】接合板\GDLC150/350A-008\LCF150/350AI\ZG230-450</t>
  </si>
  <si>
    <t>【五二五】挡油环\GDLC1208-90-315-05\LCF150/350AI\ZG230-450</t>
  </si>
  <si>
    <t>【五二五】甩液环\GDLC65/310T-017\LCF200/300I\氯丁橡胶</t>
  </si>
  <si>
    <t>【五二五】联轴器\GDLT9-YA60*142/45*112\LCF200/300I\HT200</t>
  </si>
  <si>
    <t>【五二五】轴承箱\GDLC1208-88-250-04\LCF200/300I\HT200</t>
  </si>
  <si>
    <t>【五二五】轴承压环\GDLC1208-88-250-09\LCF200/300I\HT200</t>
  </si>
  <si>
    <t>【五二五】前轴承压盖\GDLC65/310T-015\LCF200/300I\HT200</t>
  </si>
  <si>
    <t>【五二五】后轴承压盖\GDLC1208-88-250-03\LCF200/300I\HT200</t>
  </si>
  <si>
    <t>【五二五】托架\GDLC-250-F-003\LCF200/300I\HT200</t>
  </si>
  <si>
    <t>【五二五】叶轮螺栓\GDLC-YLLS-001-01\LCF200/300I\316L</t>
  </si>
  <si>
    <t>【五二五】叶轮螺母\GDLC-YLLM-001-01\LCF200/300I\316L</t>
  </si>
  <si>
    <t>【五二五】泵壳\GDLCF200/300-001E1\LCF200/300I\Cr30</t>
  </si>
  <si>
    <t>【五二五】入口管\GDLCF200/300-005\LCF200/300I\Cr30</t>
  </si>
  <si>
    <t>【五二五】叶轮\GDLCF200/300-002E1\LCF200/300I\Cr30</t>
  </si>
  <si>
    <t>【五二五】耐磨板\GDLC100/300T-003\LCF200/300I\Cr30</t>
  </si>
  <si>
    <t>【五二五】泵盖\GDLCF150/300-S25-B4-003\LCF200/300I\Cr30</t>
  </si>
  <si>
    <t>【五二五】衬环\GDLC65/310T-013\LCF200/300I\45</t>
  </si>
  <si>
    <t>【五二五】轴\GDLCF-250-004E5\LCF200/300I\45</t>
  </si>
  <si>
    <t>【五二五】挡油环\GDLC1208-88-250-05\LCF200/300I\ZG230-450</t>
  </si>
  <si>
    <t>【五二五】甩液环\GDLC1208-96-355T-06\LCF200/410I\氯丁橡胶</t>
  </si>
  <si>
    <t>【五二五】联轴器\GDLT10-YA75*142/70*152\LCF200/410I\HT200</t>
  </si>
  <si>
    <t>【五二五】前轴承压盖\GDLC1208-88-355-02\LCF200/410I\HT200</t>
  </si>
  <si>
    <t>【五二五】后轴承压盖\GDLC1208-88-355-03\LCF200/410I\HT200</t>
  </si>
  <si>
    <t>【五二五】轴承箱\GDLC1208-88-355-04\LCF200/410I\HT200</t>
  </si>
  <si>
    <t>【五二五】轴承压环\GDLC1208-88-355-09\LCF200/410I\HT200</t>
  </si>
  <si>
    <t>【五二五】托架\GDLC1208-88-355-01F\LCF200/410I\HT200</t>
  </si>
  <si>
    <t>【五二五】叶轮螺栓\GDLC-YLLS-001-03\LCF200/410I\316L</t>
  </si>
  <si>
    <t>【五二五】叶轮螺母\GDLC-YLLM-001-04\LCF200/410I\316L</t>
  </si>
  <si>
    <t>【五二五】特殊法兰\GDLC1208-88-355-14\LCF200/410I\316L</t>
  </si>
  <si>
    <t>【五二五】泵壳\GDLC200/410-001E1\LCF200/410I\Cr30</t>
  </si>
  <si>
    <t>【五二五】叶轮\GDLCF200/410-S11-B6-002\LCF200/410I\Cr30</t>
  </si>
  <si>
    <t>【五二五】耐磨板\GDLC200/410-004\LCF200/410I\Cr30</t>
  </si>
  <si>
    <t>【五二五】泵盖\GDLCF200/410I-D35-W6-003\LCF200/410I\Cr30</t>
  </si>
  <si>
    <t>【五二五】轴\GDLCF-355-004E4\LCF200/410I\45#</t>
  </si>
  <si>
    <t>【五二五】挡油环\GDLC1208-88-355-05\LCF200/410I\ZG230-450</t>
  </si>
  <si>
    <t>【五二五】联轴器\GDLT11-YA80*172/YA80*172\LCF250/430I</t>
  </si>
  <si>
    <t>【五二五】后轴承压盖\GDLC-400F-007\LCF250/430I\HT200</t>
  </si>
  <si>
    <t>【五二五】轴承箱\GDLC-400F-009\LCF250/430I\HT200</t>
  </si>
  <si>
    <t>【五二五】前轴承压盖\GDLC-400F-006\LCF250/430I\HT200</t>
  </si>
  <si>
    <t>【五二五】轴承压环\GDLC-400F-010\LCF250/430I\HT200</t>
  </si>
  <si>
    <t>【五二五】油封盖\GDLC-400F-005\LCF250/430I\HT200</t>
  </si>
  <si>
    <t>【五二五】托架\GDLC-400F-001E1\LCF250/430I\HT200</t>
  </si>
  <si>
    <t>【五二五】叶轮螺母\GDLC250/430B-004\LCF250/430I\316L</t>
  </si>
  <si>
    <t>【五二五】叶轮螺栓\GDLC2206-90-315\LCF250/430I\316L</t>
  </si>
  <si>
    <t>【五二五】特殊法兰\GDLC1208-88-355-14\LCF250/430I\316L</t>
  </si>
  <si>
    <t>【五二五】泵壳\GDLC250/430-001E1\LCF250/430I\Cr30</t>
  </si>
  <si>
    <t>【五二五】耐磨板\GDLCT-H355-003\LCF250/430I\Cr30</t>
  </si>
  <si>
    <t>【五二五】泵盖\GDLC250/430C-S25-003\LCF250/430I\Cr30</t>
  </si>
  <si>
    <t>【五二五】叶轮\GDLCF250/430B-S11-B4-002\LCF250/430I\Cr30</t>
  </si>
  <si>
    <t>【五二五】接合板螺栓\GDLC-400F-011\LCF250/430I\45#发蓝</t>
  </si>
  <si>
    <t>【五二五】轴\GDLCF-400-004\LCF250/430I\45#</t>
  </si>
  <si>
    <t>【五二五】挡油环\GDLC-400F-008\LCF250/430I\ZG230-450</t>
  </si>
  <si>
    <t>【五二五】连接法兰\GDLC250/430B-006\LCF250/430I\ZG230-450</t>
  </si>
  <si>
    <t>【五二五】后防尘盘\GDLCP-LK1-008\LCP32-200\聚四氟乙烯</t>
  </si>
  <si>
    <t>【五二五】前防尘盘\GDLCP-LK1-007\LCP32-200\聚四氟乙烯</t>
  </si>
  <si>
    <t>【五二五】膜片联轴器\GDJMⅡJ2-YA42*112/YA24*44-100\LCP32-200</t>
  </si>
  <si>
    <t>【五二五】后轴承盖\GDLCP-LK1-005\LCP32-200\HT200</t>
  </si>
  <si>
    <t>【五二五】前轴承盖\GDLCP-LK1-004\LCP32-200\HT200</t>
  </si>
  <si>
    <t>【五二五】后口环\GDLCP32-200-005\LCP32-200\316L</t>
  </si>
  <si>
    <t>【五二五】机封泵盖\GDLCP32-200-D-003\LCP32-200\316L</t>
  </si>
  <si>
    <t>【五二五】叶轮螺母\GDLCP-LK1-001-E2\LCP32-200\316L</t>
  </si>
  <si>
    <t>【五二五】叶轮\GDLCP32-200-002E1\LCP32-200\316L</t>
  </si>
  <si>
    <t>【五二五】前口环\GDLCP32-200-004E1\LCP32-200\316L</t>
  </si>
  <si>
    <t>【五二五】连接法兰组件\GDLCP-001\LCP32-200\316L</t>
  </si>
  <si>
    <t>【五二五】泵壳\GDLCP32-200-001-E3\LCP32-200\316L</t>
  </si>
  <si>
    <t>【五二五】轴\GDLCP-LK1-002\LCP32-200\20Cr13</t>
  </si>
  <si>
    <t>【五二五】双头螺纹短节\GDXBB1024-09\LCP32-200\304</t>
  </si>
  <si>
    <t>【五二五】甩油环\GDLCP-LK1-006\LCP32-200\黄铜</t>
  </si>
  <si>
    <t>【五二五】环限位杆\GDLCP-LK1-010\LCP32-200\A3</t>
  </si>
  <si>
    <t>【五二五】托架支架\GDLCP-LK1*200-012\LCP32-200\A3</t>
  </si>
  <si>
    <t>【五二五】托架\GDLCP-LK1*200-003E1\LCP32-200\ZG230-450</t>
  </si>
  <si>
    <t>【五二五】泵壳支座\GDLCP32-200A-007\LCP32-200\A3</t>
  </si>
  <si>
    <t>【五二五】后防尘盘\GDLCP-LK4-008\LCP40-400\聚四氟乙烯</t>
  </si>
  <si>
    <t>【五二五】前防尘盘\GDLCP-LK4-007\LCP40-400\聚四氟乙烯</t>
  </si>
  <si>
    <t>【五二五】膜片联轴器\GDJMⅡJ4-YA65*142-YA48*84-180\LCP40-400</t>
  </si>
  <si>
    <t>【五二五】后轴承盖\GDLCP-LK4-005\LCP40-400\HT200</t>
  </si>
  <si>
    <t>【五二五】前轴承盖\GDLCP-LK4-004\LCP40-400\HT200</t>
  </si>
  <si>
    <t>【五二五】托架支架\GDLCP-LK4X400-012\LCP40-400\HT200</t>
  </si>
  <si>
    <t>【五二五】轴\GDLCP-LK4-002A\LCP40-400\2205</t>
  </si>
  <si>
    <t>【五二五】前口环\GDLCP40-400-004\LCP40-400\1.4468</t>
  </si>
  <si>
    <t>【五二五】泵盖\GDLCP40-400-003B\LCP40-400\1.4468</t>
  </si>
  <si>
    <t>【五二五】后口环\GDLCP40-400-005\LCP40-400\1.4468</t>
  </si>
  <si>
    <t>【五二五】叶轮\GDLCP40-400-002B\LCP40-400\1.4468</t>
  </si>
  <si>
    <t>【五二五】诱导轮\GDLCP40-400-008\LCP40-400\1.4468</t>
  </si>
  <si>
    <t>【五二五】泵壳\GDLCP40-400-001-E3\LCP40-400\1.4468</t>
  </si>
  <si>
    <t>【五二五】双头螺纹短节\GDXBB1024-09\LCP40-400\304</t>
  </si>
  <si>
    <t>【五二五】甩油环\GDLCP-LK4-006\LCP40-400\黄铜</t>
  </si>
  <si>
    <t>【五二五】环限位杆\GDLCP-LK4-010A\LCP40-400\A3</t>
  </si>
  <si>
    <t>【五二五】泵壳支座\GDLCP50-400A-007\LCP40-400\A3</t>
  </si>
  <si>
    <t>【五二五】托架\GDLCP-LK4*400-003B\LCP40-400\ZG230-450</t>
  </si>
  <si>
    <t>【五二五】后防尘盘\GDLCP-LK2-008\LCP50-200\聚四氟乙烯</t>
  </si>
  <si>
    <t>【五二五】前防尘盘\GDLCP-LK2-007\LCP50-200\聚四氟乙烯</t>
  </si>
  <si>
    <t>【五二五】膜片联轴器\GDJMIIJ2-YA42*112/YA32*60-140\LCP50-200</t>
  </si>
  <si>
    <t>【五二五】托架支架\GDLCP-LK3*315-012\LCP50-200\HT200</t>
  </si>
  <si>
    <t>【五二五】后轴承盖\GDLCP-LK2-005\LCP50-200\HT200</t>
  </si>
  <si>
    <t>【五二五】前轴承盖\GDLCP-LK2-004\LCP50-200\HT200</t>
  </si>
  <si>
    <t>【五二五】叶轮螺母\GDLCP-LK2-001A\LCP50-200\316L</t>
  </si>
  <si>
    <t>【五二五】前口环\GDLCP50-160-004\LCP50-200\2605</t>
  </si>
  <si>
    <t>【五二五】泵盖\GDLCP50-200-S-003\LCP50-200\2605</t>
  </si>
  <si>
    <t>【五二五】泵壳\GDLCP50-200-001\LCP50-200\2605</t>
  </si>
  <si>
    <t>【五二五】后口环\GDLCP50-160-005\LCP50-200\2605</t>
  </si>
  <si>
    <t>【五二五】叶轮\GDLCP50-200-002\LCP50-200\2605</t>
  </si>
  <si>
    <t>【五二五】轴\GDLCP-LK2-002\LCP50-200\2205</t>
  </si>
  <si>
    <t>【五二五】甩油环\GDLCP-LK2-006\LCP50-200\黄铜</t>
  </si>
  <si>
    <t>【五二五】环限位杆\GDLCP-LK2-010\LCP50-200\A3</t>
  </si>
  <si>
    <t>【五二五】泵壳支座\GDLCP32-250A-007\LCP50-200\A3</t>
  </si>
  <si>
    <t>【五二五】托架\GDLCP-LK2*200-003-E1\LCP50-200\ZG230-450</t>
  </si>
  <si>
    <t>【五二五】盲板\GDLCP-LK2-013\LCP50-200\A3</t>
  </si>
  <si>
    <t>【五二五】后防尘盘\GDLCP-LK2-008\LCP65-200\聚四氟乙烯</t>
  </si>
  <si>
    <t>【五二五】前防尘盘\GDLCP-LK2-007\LCP65-200\聚四氟乙烯</t>
  </si>
  <si>
    <t>【五二五】膜片联轴器\GDJMIIJ3-YA48*112-YA32*60-140\LCP65-200</t>
  </si>
  <si>
    <t>【五二五】托架支架\GDLCP-LK3*315-012\LCP65-200\HT200</t>
  </si>
  <si>
    <t>【五二五】后轴承盖\GDLCP-LK2-005\LCP65-200\HT200</t>
  </si>
  <si>
    <t>【五二五】前轴承盖\GDLCP-LK2-004\LCP65-200\HT200</t>
  </si>
  <si>
    <t>【五二五】叶轮螺母\GDLCP-LK2-001\LCP65-200\316L</t>
  </si>
  <si>
    <t>【五二五】泵盖\GDLCP65-200-S-003\LCP65-200\316L</t>
  </si>
  <si>
    <t>【五二五】泵壳\GDLCP65-200-001-E3\LCP65-200\316L</t>
  </si>
  <si>
    <t>【五二五】后口环\GDLCP65-200-005\LCP65-200\316L</t>
  </si>
  <si>
    <t>【五二五】前口环\GDLCP65-200-004\LCP65-200\316L</t>
  </si>
  <si>
    <t>【五二五】叶轮\GDLCP65-200-002-Φ190\LCP65-200\316L</t>
  </si>
  <si>
    <t>【五二五】轴\GDLCP-LK2-002\LCP65-200\20Cr13</t>
  </si>
  <si>
    <t>【五二五】双头螺纹短节\GDXBB1024-09\LCP65-200\304</t>
  </si>
  <si>
    <t>【五二五】甩油环\GDLCP-LK2-006\LCP65-200\黄铜</t>
  </si>
  <si>
    <t>【五二五】环限位杆\GDLCP-LK2-010\LCP65-200\A3</t>
  </si>
  <si>
    <t>【五二五】托架\GDLCP-LK2*200-003\LCP65-200\ZG230-450</t>
  </si>
  <si>
    <t>【五二五】泵壳支座\GDLCP32-250A-007\LCP65-200\A3</t>
  </si>
  <si>
    <t>【五二五】前防尘盘\GDLCP-LK5-007\LCP150-500\聚四氟乙烯</t>
  </si>
  <si>
    <t>【五二五】后防尘盘\GDLCP-LK5-008\LCP150-500\聚四氟乙烯</t>
  </si>
  <si>
    <t>【五二五】膜片联轴器\GDJMIIJ7-YA80*172-YA65*107-180\LCP150-500</t>
  </si>
  <si>
    <t>【五二五】前轴承盖\GDLCP-LK5-004\LCP150-500\HT200</t>
  </si>
  <si>
    <t>【五二五】托架支架\GDLCP-LK5*500-012\LCP150-500\HT200</t>
  </si>
  <si>
    <t>【五二五】后轴承盖\GDLCP-LK5-005\LCP150-500\HT200</t>
  </si>
  <si>
    <t>【五二五】叶轮螺栓\GDLCP-LK5-015\LCP150-500\316L</t>
  </si>
  <si>
    <t>【五二五】叶轮螺母\GDLCP-LK5-001A\LCP150-500\316L</t>
  </si>
  <si>
    <t>【五二五】泵壳\GDLCP150-500-001\LCP150-500\316L</t>
  </si>
  <si>
    <t>【五二五】前口环\GDLCP150-500-004\LCP150-500\316L</t>
  </si>
  <si>
    <t>【五二五】后口环\GDLCP150-500-005\LCP150-500\316L</t>
  </si>
  <si>
    <t>【五二五】泵盖\GDLCP150-500-003\LCP150-500\316L</t>
  </si>
  <si>
    <t>【五二五】叶轮\GDLCP150-500-002-Φ440\LCP150-500\316L</t>
  </si>
  <si>
    <t>【五二五】轴\GDLCP-LK5-002\LCP150-500\20Cr13</t>
  </si>
  <si>
    <t>【五二五】甩油环\GDLCP-LK5-006\LCP150-500\黄铜</t>
  </si>
  <si>
    <t>【五二五】环限位杆\GDLCP-LK5-010\LCP150-500\A3</t>
  </si>
  <si>
    <t>【五二五】托架\GDLCP-LK5*500-003\LCP150-500\ZG230-450</t>
  </si>
  <si>
    <t>【五二五】泵壳支座\GDLCP200-400A-007\LCP150-500\A3</t>
  </si>
  <si>
    <t>【五二五】后防尘盘\GDLCP-LK6-008\LCP250-400\聚四氟乙烯</t>
  </si>
  <si>
    <t>【五二五】前防尘盘\GDLCP-LK6-007\LCP250-400\聚四氟乙烯</t>
  </si>
  <si>
    <t>【五二五】膜片联轴器\GDJMIIJ8-YA80*172/YA80*132-250\LCP250-400\45</t>
  </si>
  <si>
    <t>【五二五】后轴承盖\GDLCP-LK6-005\LCP250-400\HT200</t>
  </si>
  <si>
    <t>【五二五】前轴承盖\GDLCP-LK6-004\LCP250-400\HT200</t>
  </si>
  <si>
    <t>【五二五】托架支架\GDLCP-LK6*400-012\LCP250-400\HT200</t>
  </si>
  <si>
    <t>【五二五】叶轮螺栓\GDLK7-021\LCP250-400\2205</t>
  </si>
  <si>
    <t>【五二五】轴\GDLCP-LK6-002\LCP250-400\2205</t>
  </si>
  <si>
    <t>【五二五】叶轮螺母\GDLCP-LK6-001\LCP250-400\2205</t>
  </si>
  <si>
    <t>【五二五】后口环\GDLCP250-400-005\LCP250-400\1.4468</t>
  </si>
  <si>
    <t>【五二五】泵盖\GDLCP250-400-003A\LCP250-400\1.4468</t>
  </si>
  <si>
    <t>【五二五】前口环\GDLCP250-400-004\LCP250-400\1.4468</t>
  </si>
  <si>
    <t>【五二五】叶轮\GDLCP250-400-002-Φ375\LCP250-400\1.4468</t>
  </si>
  <si>
    <t>【五二五】泵壳\GDLCP250-400-001\LCP250-400\1.4468</t>
  </si>
  <si>
    <t>【五二五】甩油环\GDLCP-LK6-006\LCP250-400\黄铜</t>
  </si>
  <si>
    <t>【五二五】紧固螺母\GDLC-DZ-004\LCP250-400\A3</t>
  </si>
  <si>
    <t>【五二五】环限位杆\GDLCP-LK6-010\LCP250-400\A3</t>
  </si>
  <si>
    <t>【五二五】托架\GDLCP-LK6*400-003\LCP250-400\ZG230-450</t>
  </si>
  <si>
    <t>【五二五】泵壳支座\GDLCP250-400A-007\LCP250-400\A3</t>
  </si>
  <si>
    <t>【五二五】后防尘盘\GDLCP-LK7-008\LCP300-500\聚四氟乙烯</t>
  </si>
  <si>
    <t>【五二五】前防尘盘\GDLCP-LK7-007\LCP300-500\聚四氟乙烯</t>
  </si>
  <si>
    <t>【五二五】膜片联轴器\GDSJM11-YA120*212/YA95*132-300\LCP300-500\ZG</t>
  </si>
  <si>
    <t>【五二五】后轴承盖\GDLCP-LK7-005\LCP300-500\HT200</t>
  </si>
  <si>
    <t>【五二五】托架支架\GDLCP-LK7*500-012\LCP300-500\HT200</t>
  </si>
  <si>
    <t>【五二五】前轴承盖\GDLCP-LK7-004\LCP300-500\HT200</t>
  </si>
  <si>
    <t>【五二五】叶轮螺栓\GDLK7-021\LCP300-500\2205</t>
  </si>
  <si>
    <t>【五二五】轴\GDLCP-LK7-002\LCP300-500\2205</t>
  </si>
  <si>
    <t>【五二五】叶轮螺母\GDLCP-LK7-001\LCP300-500\2205</t>
  </si>
  <si>
    <t>【五二五】节流板\GDLCP-LK7-011\LCP300-500\2205</t>
  </si>
  <si>
    <t>【五二五】泵壳\GDLCP300-500-001\LCP300-500\1.4468</t>
  </si>
  <si>
    <t>【五二五】泵壳口环\GDLCP300-500-004\LCP300-500\1.4468</t>
  </si>
  <si>
    <t>【五二五】机封泵盖\GDLCP300-500-S-003\LCP300-500\1.4468</t>
  </si>
  <si>
    <t>【五二五】叶轮\GDLCP300-500-002-Φ495\LCP300-500\1.4468</t>
  </si>
  <si>
    <t>【五二五】甩油环\GDLCP-LK7-006\LCP300-500\黄铜</t>
  </si>
  <si>
    <t>【五二五】螺母\GDLC-DZ-003\LCP300-500\A3</t>
  </si>
  <si>
    <t>【五二五】环限位杆\GDLCP-LK7-010\LCP300-500\A3</t>
  </si>
  <si>
    <t>【五二五】托架\GDLCP-LK7*500-003\LCP300-500\ZG230-450</t>
  </si>
  <si>
    <t>【五二五】泵壳支座\GDLCP300-500A-007\LCP300-500\A3</t>
  </si>
  <si>
    <t>【五二五】前防尘盘\GDLCPG-LK1-009B\LCPG32-250B\聚四氟乙烯</t>
  </si>
  <si>
    <t>【五二五】后防尘盘\GDLCPG-LK1-010B\LCPG32-250B\聚四氟乙烯</t>
  </si>
  <si>
    <t>【五二五】轴承内衬\GDLCPG-LK1-012B\LCPG32-250B\硬质合金</t>
  </si>
  <si>
    <t>【五二五】轴瓦\GDLCPG-LK1-011B\LCPG32-250B\硬质合金</t>
  </si>
  <si>
    <t>【五二五】膜片联轴器\GDJMIIJ5-YA65*142/YA38*60-140\LCPG32-250B</t>
  </si>
  <si>
    <t>【五二五】前轴承压盖\GDLCPG-LK1-006B\LCPG32-250B\HT200</t>
  </si>
  <si>
    <t>【五二五】后轴承压盖\GDLCPG-LK1-007B\LCPG32-250B\HT200</t>
  </si>
  <si>
    <t>【五二五】轴承套\GDLCPG-LK1-005B\LCPG32-250B\316L</t>
  </si>
  <si>
    <t>【五二五】内外管接头\GDLCPG-LK1-018B\LCPG32-250B\316L</t>
  </si>
  <si>
    <t>【五二五】轴\GDLCPG-LK1-002B\LCPG32-250B\304</t>
  </si>
  <si>
    <t>【五二五】泵壳\GDLCPG32-250B-001\LCPG32-250B\304</t>
  </si>
  <si>
    <t>【五二五】一级泵盖\GDLCPG32-250B-003-1\LCPG32-250B\304</t>
  </si>
  <si>
    <t>【五二五】二级叶轮\GDLCPG32-250B-002-2-Φ273\LCPG32-250B\304</t>
  </si>
  <si>
    <t>【五二五】一级叶轮\GDLCPG32-250B-002-1-Φ273\LCPG32-250B\304</t>
  </si>
  <si>
    <t>【五二五】前口环\GDLCPG32-250B-004\LCPG32-250B\304</t>
  </si>
  <si>
    <t>【五二五】二级泵盖\GDLCPG32-250B-003-2\LCPG32-250B\304</t>
  </si>
  <si>
    <t>【五二五】叶轮压盖\GDLCPG-LK1-003B\LCPG32-250B\304</t>
  </si>
  <si>
    <t>【五二五】轴套\GDLCPG-LK1-014B\LCPG32-250B\304</t>
  </si>
  <si>
    <t>【五二五】轴套\GDLCPG-LK1-015B\LCPG32-250B\304</t>
  </si>
  <si>
    <t>【五二五】轴套\GDLCPG-LK1-013B\LCPG32-250B\304</t>
  </si>
  <si>
    <t>【五二五】叶轮螺栓\GDLCPG-LK1-004B\LCPG32-250B\304</t>
  </si>
  <si>
    <t>【五二五】甩油环\GDLCPG-LK1-008B\LCPG32-250B\CU</t>
  </si>
  <si>
    <t>【五二五】泵壳支座\GDLCPG32-250B-007\LCPG32-250B\A3</t>
  </si>
  <si>
    <t>【五二五】托架\GDLCPG-LK1-001B\LCPG32-250B\ZG230-450</t>
  </si>
  <si>
    <t>【五二五】轴\GDLCP-LK4-002A\LCP40-400\316L</t>
  </si>
  <si>
    <t>【五二五】轴\GDLCF-180-004E4\LCF25/250I\45</t>
  </si>
  <si>
    <t>【五二五】联轴器\GDLT9-YA60*142/45*112\LCF100/350I\HT200</t>
  </si>
  <si>
    <t>【五二五】联轴器\GDLT9-YA60*142/45*112\LCF100/320I\HT200</t>
  </si>
  <si>
    <t>【五二五】耐磨板\GDLC65/310T-003\LCF100/320I\CR30</t>
  </si>
  <si>
    <t>【五二五】甩液环\GDLC65/310T-017\LCF100/300I\氯丁橡胶</t>
  </si>
  <si>
    <t>【五二五】甩液环\GDLC125/405T-017\LCF125/405I\氯丁橡胶</t>
  </si>
  <si>
    <t>【五二五】甩液环\GDLC65/310T-017\LCF100/350I\氯丁橡胶</t>
  </si>
  <si>
    <t>【五二五】甩液环\GDLC-180-F-005\LCF25/250I\氯丁橡胶</t>
  </si>
  <si>
    <t>【五二五】甩液环\GDLC65/310T-017\LCF100/320I\氯丁橡胶</t>
  </si>
  <si>
    <t>【五二五】托架\GDLC1208-90-315-01\LCF125/405I\HT200</t>
  </si>
  <si>
    <t>【五二五】叶轮\GDLCF100/350I-S25-W6-002-Φ325\LCF100/350I\CR30</t>
  </si>
  <si>
    <t>【五二五】泵壳\GDLC25/250-001E1\LCF25/250I\CR30</t>
  </si>
  <si>
    <t>【五二五】泵壳\GDLC100/320-001E1\LCF100/320I\CR30</t>
  </si>
  <si>
    <t>【五二五】泵盖\GDLCF125/405I-S25-W6-003\LCF125/405I\CR30</t>
  </si>
  <si>
    <t>【五二五】泵盖\GDLCF25/250-003S25\LCF25/250I\CR30</t>
  </si>
  <si>
    <t>【五二五】泵盖\GDLCF100/320I-S25-W6-003\LCF100/320I\CR30</t>
  </si>
  <si>
    <t>【五二五】泵壳\GDLC100/300-001E1\LCF100/300I\CR30</t>
  </si>
  <si>
    <t>【五二五】前防尘盘\GDLK5-022B\LB100-500B\聚四氟乙烯</t>
  </si>
  <si>
    <t>【五二五】后防尘盘\GDLK5-023B\LB100-500B\聚四氟乙烯</t>
  </si>
  <si>
    <t>【五二五】膜片联轴器\GDJMIIJ5-YA75*142/YA60*84-130\LB100-500B</t>
  </si>
  <si>
    <t>【五二五】后轴承盖\GDLK5-005\LB100-500B\HT200</t>
  </si>
  <si>
    <t>【五二五】轴承盒\GDLK5-006B\LB100-500B\HT200</t>
  </si>
  <si>
    <t>【五二五】悬架体\GDLB-LK5-004B\LB100-500B\HT200</t>
  </si>
  <si>
    <t>【五二五】前轴承盖\GDLK5-008B\LB100-500B\HT200</t>
  </si>
  <si>
    <t>【五二五】特殊法兰\GDLC1208-88-250-14\LB100-500B\316L</t>
  </si>
  <si>
    <t>【五二五】叶轮螺母\GDLK5-001E1\LB100-500B\316L</t>
  </si>
  <si>
    <t>【五二五】轴\GDZY-LB100-500B-002E1\LB100-500B\316L</t>
  </si>
  <si>
    <t>【五二五】出口短节\GDCH-TLDC-LB100-500B-CKDJ-001\LB100-500B\316L</t>
  </si>
  <si>
    <t>【五二五】进口法兰\GDCH-TLDC-LB100-500B-JKFL-001\LB100-500B\316L</t>
  </si>
  <si>
    <t>【五二五】泵壳口环A\GDLB100-500A-004A\LB100-500B\2605</t>
  </si>
  <si>
    <t>【五二五】泵壳口环B\GDLB100-500A-004B\LB100-500B\2605</t>
  </si>
  <si>
    <t>【五二五】泵壳\GDZY-TLDC-LB100-500A-001\LB100-500B\2605</t>
  </si>
  <si>
    <t>【五二五】泵盖\GDLB100-500B-003\LB100-500B\2605</t>
  </si>
  <si>
    <t>【五二五】叶轮\GDLB100-500B-002-Φ450\LB100-500B\2605</t>
  </si>
  <si>
    <t>【五二五】悬架支架\GDZY-LB100-500B-012\LB100-500B\A3</t>
  </si>
  <si>
    <t>【五二五】中间支架\GDLK5*500-003A\LB100-500B\ZG250-500</t>
  </si>
  <si>
    <t>【五二五】前防尘盘\GDLK5-022B\LBF300-350\聚四氟乙烯</t>
  </si>
  <si>
    <t>【五二五】后防尘盘\GDLK5-023B\LBF300-350\聚四氟乙烯</t>
  </si>
  <si>
    <t>【五二五】膜片联轴器\GDJM II J6-YA80*172/YA60*107-300\LBF300-350</t>
  </si>
  <si>
    <t>【五二五】后轴承盖\GDLK5-005\LBF300-350\HT200</t>
  </si>
  <si>
    <t>【五二五】悬架体\GDLK5-004A\LBF300-350\HT200</t>
  </si>
  <si>
    <t>【五二五】悬架支架\GDLK5*400-012A\LBF300-350\HT200</t>
  </si>
  <si>
    <t>【五二五】轴承盒\GDLK5-006B\LBF300-350\HT200</t>
  </si>
  <si>
    <t>【五二五】前轴承盖\GDLK5-008B\LBF300-350\HT200</t>
  </si>
  <si>
    <t>【五二五】泵盖\GDLBF300-350-003S25\LBF300-350\Cr30</t>
  </si>
  <si>
    <t>【五二五】耐磨板\GDLBF300-350-004\LBF300-350\Cr30</t>
  </si>
  <si>
    <t>【五二五】叶轮\GDLBF300-350-B6-002E1-Φ340\LBF300-350\Cr30</t>
  </si>
  <si>
    <t>【五二五】前泵盖\GDLBF300-350-003\LBF300-350\2605</t>
  </si>
  <si>
    <t>【五二五】叶轮螺母\GDLK5-001\LBF300-350\2605</t>
  </si>
  <si>
    <t>【五二五】泵壳\GDLBF300-350-001\LBF300-350\2605N</t>
  </si>
  <si>
    <t>【五二五】轴\GDLK5-002A\LBF300-350\45#</t>
  </si>
  <si>
    <t>【五二五】中间支架\GDLK5*400-003\LBF300-350\A3</t>
  </si>
  <si>
    <t>【五二五】膜片联轴器\GDJMⅡJ1-YA28*62/YA24*52-100\IHE32-25-160</t>
  </si>
  <si>
    <t>【五二五】悬架体\GDB1029-82-25-01\IHE32-25-160\HT200</t>
  </si>
  <si>
    <t>【五二五】悬架支架\GDB5111-82-25*132\IHE32-25-160\HT200</t>
  </si>
  <si>
    <t>【五二五】后轴承压盖\GDB1029-82-25-03\IHE32-25-160\HT200</t>
  </si>
  <si>
    <t>【五二五】前轴承压盖\GDB1029-82-25-02\IHE32-25-160\HT200</t>
  </si>
  <si>
    <t>【五二五】泵壳\GDIH32-25-160-001\IHE32-25-160\2605</t>
  </si>
  <si>
    <t>【五二五】泵盖\GDIH32-25-160A-003S4\IHE32-25-160\2605</t>
  </si>
  <si>
    <t>【五二五】叶轮\GDIH32-25-160A-002-Φ150\IHE32-25-160\2605</t>
  </si>
  <si>
    <t>【五二五】轴\GDB6102-82-25\IHE32-25-160\45</t>
  </si>
  <si>
    <t>【五二五】叶轮螺母\GDB2206-82-12*32\IHE32-25-160\2205</t>
  </si>
  <si>
    <t>【五二五】中间支架\GDB5112-82-25*160\IHE32-25-160\A3</t>
  </si>
  <si>
    <t>【五二五】膜片联轴器\GDJMⅡJ1-YA28*62/YA24*52-100\IHE50-32-125</t>
  </si>
  <si>
    <t>【五二五】悬架支架\GDB5111-82-25*112\IHE50-32-125\HT200</t>
  </si>
  <si>
    <t>【五二五】悬架体\GDB1029-97-25-01\IHE50-32-125\HT200</t>
  </si>
  <si>
    <t>【五二五】后轴承压盖\GDB1029-97-25-03\IHE50-32-125\HT200</t>
  </si>
  <si>
    <t>【五二五】前轴承压盖\GDB1029-97-25-02\IHE50-32-125\HT200</t>
  </si>
  <si>
    <t>【五二五】叶轮螺母\GDB2206-82-12*24\IHE50-32-125\316L</t>
  </si>
  <si>
    <t>【五二五】轴\GDB6102-82-25\IHE50-32-125\316L</t>
  </si>
  <si>
    <t>【五二五】叶轮\GDIHE50-32-125-S3-B5-002\IHE50-32-125\2605</t>
  </si>
  <si>
    <t>【五二五】泵壳\GDIHE50-32-125-001\IHE50-32-125\2605</t>
  </si>
  <si>
    <t>【五二五】泵盖\GDIH-11S4-003\IHE50-32-125\2605</t>
  </si>
  <si>
    <t>【五二五】中间支架\GDB5112-82-25*125\IHE50-32-125\A3</t>
  </si>
  <si>
    <t>【五二五】膜片联轴器\GDJMIIJ1-YA38*82/YA24*52-100\IHE50-32-160</t>
  </si>
  <si>
    <t>【五二五】悬架体\GDB1209-97-25-01\IHE50-32-160\HT200</t>
  </si>
  <si>
    <t>【五二五】悬架支架\GDB5111-82-25*132\IHE50-32-160\HT200</t>
  </si>
  <si>
    <t>【五二五】后轴承压盖\GDB1209-97-25-03\IHE50-32-160\HT200</t>
  </si>
  <si>
    <t>【五二五】前轴承压盖\GDB1209-97-25-02\IHE50-32-160\HT200</t>
  </si>
  <si>
    <t>【五二五】叶轮螺母\GDB2206-82-12*32\IHE50-32-160\316L</t>
  </si>
  <si>
    <t>【五二五】轴\GDB6102-82-25\IHE50-32-160\316L</t>
  </si>
  <si>
    <t>【五二五】特殊法兰\GDIH-001\IHE50-32-160\316L</t>
  </si>
  <si>
    <t>【五二五】泵壳\GDIHE50-32-160-001\IHE50-32-160\CD4MCu</t>
  </si>
  <si>
    <t>【五二五】泵盖\GDIH-12S4-003\IHE50-32-160\CD4MCu</t>
  </si>
  <si>
    <t>【五二五】叶轮\GDIHE50-32-160-S3-B4-002-φ150\IHE50-32-160\CD4MCu</t>
  </si>
  <si>
    <t>【五二五】中间支架\GDB5112-82-25*160\IHE50-32-160\A3</t>
  </si>
  <si>
    <t>【五二五】钢丝螺套\GDB2215-82-1.5\IHE50-32-200\25</t>
  </si>
  <si>
    <t>【五二五】膜片联轴器\GDJMⅡJ1-YA38*82/YA24*52-100\IHE50-32-200</t>
  </si>
  <si>
    <t>【五二五】悬架支架\GDB5111-82-25*160\IHE50-32-200\HT200</t>
  </si>
  <si>
    <t>【五二五】后轴承压盖\GDB1209-97-25-03\IHE50-32-200\HT200</t>
  </si>
  <si>
    <t>【五二五】前轴承压盖\GDB1209-97-25-02\IHE50-32-200\HT200</t>
  </si>
  <si>
    <t>【五二五】悬架体\GDB1209-97-25-01E1\IHE50-32-200\HT200</t>
  </si>
  <si>
    <t>【五二五】叶轮螺母\GDB2206-82-12*32\IHE50-32-200\316L</t>
  </si>
  <si>
    <t>【五二五】特殊法兰\GDIH-001\IHE50-32-200\316L</t>
  </si>
  <si>
    <t>【五二五】叶轮\GDIHE50-32-200-S3-B5-002-φ185\IHE50-32-200\2605</t>
  </si>
  <si>
    <t>【五二五】泵壳\GDIHE50-32-200-001\IHE50-32-200\2605</t>
  </si>
  <si>
    <t>【五二五】泵盖\GDIH-13S4-003\IHE50-32-200\2605</t>
  </si>
  <si>
    <t>【五二五】轴\GDB6102-82-25\IHE50-32-200\45#</t>
  </si>
  <si>
    <t>【五二五】中间支架\GDB5112-82-25*200\IHE50-32-200\A3</t>
  </si>
  <si>
    <t>【五二五】膜片联轴器\GDJMⅡJ3-YA42*112/YA24*52-100\IHE65-40-200</t>
  </si>
  <si>
    <t>【五二五】悬架体\GDB1209-97-25-01\IHE65-40-200\HT200</t>
  </si>
  <si>
    <t>【五二五】悬架支架\GDB5111-82-25*160\IHE65-40-200\HT200</t>
  </si>
  <si>
    <t>【五二五】后轴承压盖\GDB1209-97-25-03\IHE65-40-200\HT200</t>
  </si>
  <si>
    <t>【五二五】前轴承压盖\GDB1209-97-25-02\IHE65-40-200\HT200</t>
  </si>
  <si>
    <t>【五二五】叶轮螺母\GDB2206-82-12*32\IHE65-40-200\316L</t>
  </si>
  <si>
    <t>【五二五】轴\GDB6102-82-25\IHE65-40-200\316L</t>
  </si>
  <si>
    <t>【五二五】特殊法兰\GDIH-001\IHE65-40-200\316L</t>
  </si>
  <si>
    <t>【五二五】泵盖\GDIH-13S4-003\IHE65-40-200\CD4MCu</t>
  </si>
  <si>
    <t>【五二五】叶轮\GDIHE65-40-200-S3-B5-002\IHE65-40-200\CD4MCu</t>
  </si>
  <si>
    <t>【五二五】泵壳\GDIHE65-40-200-001\IHE65-40-200\CD4MCu</t>
  </si>
  <si>
    <t>【五二五】中间支架\GDB5112-82-25*200\IHE65-40-200\A3</t>
  </si>
  <si>
    <t>【五二五】膜片联轴器\GDJMⅡJ4-YA48*112/YA32*82-100\IHE65-40-315</t>
  </si>
  <si>
    <t>【五二五】悬架支架\GDB5111-82-35*200\IHE65-40-315\HT200</t>
  </si>
  <si>
    <t>【五二五】后轴承压盖\GDB1209-97-35-03\IHE65-40-315\HT200</t>
  </si>
  <si>
    <t>【五二五】前轴承压盖\GDB1209-97-35-02\IHE65-40-315\HT200</t>
  </si>
  <si>
    <t>【五二五】悬架体\GDB1209-97-35-01E1\IHE65-40-315\HT200</t>
  </si>
  <si>
    <t>【五二五】叶轮螺母\GDB2206-82-16*44A\IHE65-40-315\316L</t>
  </si>
  <si>
    <t>【五二五】特殊法兰\GDIH-001\IHE65-40-315\316L</t>
  </si>
  <si>
    <t>【五二五】叶轮\GDIHE65-40-315-S3-B4-002-Φ265\IHE65-40-315\2605</t>
  </si>
  <si>
    <t>【五二五】泵壳\GDIHE65-40-315-001\IHE65-40-315\2605</t>
  </si>
  <si>
    <t>【五二五】泵盖\GDIH-25S4-003\IHE65-40-315\2605</t>
  </si>
  <si>
    <t>【五二五】轴\GDB6102-82-35\IHE65-40-315\45</t>
  </si>
  <si>
    <t>【五二五】中间支架\GDB5112-82-35*315E1\IHE65-40-315\A3</t>
  </si>
  <si>
    <t>【五二五】膜片联轴器\GDJMIIJ1-YA38*82/YA24*52-100\IHE65-50-160</t>
  </si>
  <si>
    <t>【五二五】悬架体\GDB1209-97-25-01\IHE65-50-160\HT200</t>
  </si>
  <si>
    <t>【五二五】悬架支架\GDB5111-82-25*132\IHE65-50-160\HT200</t>
  </si>
  <si>
    <t>【五二五】后轴承压盖\GDB1209-97-25-03\IHE65-50-160\HT200</t>
  </si>
  <si>
    <t>【五二五】前轴承压盖\GDB1209-97-25-02\IHE65-50-160\HT200</t>
  </si>
  <si>
    <t>【五二五】叶轮螺母\GDB2206-82-12*32\IHE65-50-160\316L</t>
  </si>
  <si>
    <t>【五二五】特殊法兰\GDIH-001\IHE65-50-160\316L</t>
  </si>
  <si>
    <t>【五二五】泵壳\GDIHE65-50-160-001\IHE65-50-160\2605</t>
  </si>
  <si>
    <t>【五二五】泵盖\GDIH-12S4-003\IHE65-50-160\2605</t>
  </si>
  <si>
    <t>【五二五】叶轮\GDIHE65-50-160-S3-B5-002-Φ160\IHE65-50-160\2605</t>
  </si>
  <si>
    <t>【五二五】轴\GDB6102-82-25\IHE65-50-160\45</t>
  </si>
  <si>
    <t>【五二五】中间支架\GDB5112-82-25*160\IHE65-50-160\A3</t>
  </si>
  <si>
    <t>【五二五】膜片联轴器\GDJMⅡJ3-YA42*112/YA24*52-100\IHE80-50-200</t>
  </si>
  <si>
    <t>【五二五】悬架体\GDB1209-97-25-01\IHE80-50-200\HT200</t>
  </si>
  <si>
    <t>【五二五】悬架支架\GDB5111-82-25*160\IHE80-50-200\HT200</t>
  </si>
  <si>
    <t>【五二五】后轴承压盖\GDB1209-97-25-03\IHE80-50-200\HT200</t>
  </si>
  <si>
    <t>【五二五】前轴承压盖\GDB1209-97-25-02\IHE80-50-200\HT200</t>
  </si>
  <si>
    <t>【五二五】叶轮螺母\GDB2206-82-12*32\IHE80-50-200\316L</t>
  </si>
  <si>
    <t>【五二五】特殊法兰\GDIH-001\IHE80-50-200\316L</t>
  </si>
  <si>
    <t>【五二五】叶轮\GDIHE80-50-200-S3-B6-002-Φ195\IHE80-50-200\2605</t>
  </si>
  <si>
    <t>【五二五】泵壳\GDIHE80-50-200-001\IHE80-50-200\2605</t>
  </si>
  <si>
    <t>【五二五】泵盖\GDIH-13S4-003\IHE80-50-200\2605</t>
  </si>
  <si>
    <t>【五二五】轴\GDB6102-82-25\IHE80-50-200\45#</t>
  </si>
  <si>
    <t>【五二五】中间支架\GDB5112-82-25*200\IHE80-50-200\A3</t>
  </si>
  <si>
    <t>【五二五】膜片联轴器\GDJMⅡJ2-YA38*82/YA32*82-100\IHE80-50-315</t>
  </si>
  <si>
    <t>【五二五】悬架支架\GDB5111-82-35*225\IHE80-50-315\HT200</t>
  </si>
  <si>
    <t>【五二五】悬架体\GDB1209-97-35-01\IHE80-50-315\HT200</t>
  </si>
  <si>
    <t>【五二五】后轴承压盖\GDB1209-97-35-03\IHE80-50-315\HT200</t>
  </si>
  <si>
    <t>【五二五】前轴承压盖\GDB1209-97-35-02\IHE80-50-315\HT200</t>
  </si>
  <si>
    <t>【五二五】叶轮螺母\GDB2206-82-16*44A\IHE80-50-315\316L</t>
  </si>
  <si>
    <t>【五二五】泵壳\GDIHE80-50-315-001\IHE80-50-315\2605</t>
  </si>
  <si>
    <t>【五二五】叶轮\GDIHE80-50-315-S3-B5-002-φ280\IHE80-50-315\2605</t>
  </si>
  <si>
    <t>【五二五】泵盖\GDIH-25S4-003\IHE80-50-315\2605</t>
  </si>
  <si>
    <t>【五二五】轴\GDB6102-82-35\IHE80-50-315\45</t>
  </si>
  <si>
    <t>【五二五】中间支架\GDB5112-82-35*315\IHE80-50-315\ZG230-450</t>
  </si>
  <si>
    <t>【五二五】膜片联轴器\GDJMⅡJ3-YA42*112/YA24*52-100\IHE80-65-160</t>
  </si>
  <si>
    <t>【五二五】悬架体\GDB1209-97-25-01\IHE80-65-160\HT200</t>
  </si>
  <si>
    <t>【五二五】悬架支架\GDB5111-82-25*160\IHE80-65-160\HT200</t>
  </si>
  <si>
    <t>【五二五】后轴承压盖\GDB1209-97-25-03\IHE80-65-160\HT200</t>
  </si>
  <si>
    <t>【五二五】前轴承压盖\GDB1209-97-25-02\IHE80-65-160\HT200</t>
  </si>
  <si>
    <t>【五二五】轴\GDB6102-82-25\IHE80-65-160\2Cr13</t>
  </si>
  <si>
    <t>【五二五】特殊法兰\GDIH-001\IHE80-65-160\304</t>
  </si>
  <si>
    <t>【五二五】泵壳\GDIHE80-65-160-001\IHE80-65-160\304</t>
  </si>
  <si>
    <t>【五二五】叶轮螺母\GDB2206-82-12*32\IHE80-65-160\304</t>
  </si>
  <si>
    <t>【五二五】泵盖\GDIH-12S4-003\IHE80-65-160\304</t>
  </si>
  <si>
    <t>【五二五】叶轮\GDIHE80-65-160-S3-B6-002-Φ170\IHE80-65-160\304</t>
  </si>
  <si>
    <t>【五二五】中间支架\GDB5112-82-25*160\IHE80-65-160\A3</t>
  </si>
  <si>
    <t>【五二五】膜片联轴器\GDJMⅡJ5-YA55*112/YA32*82-140\IHE100-65-250</t>
  </si>
  <si>
    <t>【五二五】悬架体\GDB1209-97-35-01\IHE100-65-250\HT200</t>
  </si>
  <si>
    <t>【五二五】悬架支架\GDB5111-82-35*200\IHE100-65-250\HT200</t>
  </si>
  <si>
    <t>【五二五】后轴承压盖\GDB1209-97-35-03\IHE100-65-250\HT200</t>
  </si>
  <si>
    <t>【五二五】前轴承压盖\GDB1209-97-35-02\IHE100-65-250\HT200</t>
  </si>
  <si>
    <t>【五二五】叶轮螺母\GDB2206-82-16*44A\IHE100-65-250\316L</t>
  </si>
  <si>
    <t>【五二五】轴\GDB6102-82-35\IHE100-65-250\2205</t>
  </si>
  <si>
    <t>【五二五】泵盖\GDIH-24S4-003\IHE100-65-250\CD4MCu</t>
  </si>
  <si>
    <t>【五二五】泵壳\GDIHE100-65-250-001\IHE100-65-250\CD4MCu</t>
  </si>
  <si>
    <t>【五二五】叶轮\GDIHE100-65-250-S3-B5-002-Φ245\IHE100-65-250\CD4MCu</t>
  </si>
  <si>
    <t>【五二五】中间支架\GDB5112-82-35*250\IHE100-65-250\A3</t>
  </si>
  <si>
    <t>【五二五】膜片联轴器\GDJMⅡJ6-YA60*142/YA42*112-140\IHE100-65-315</t>
  </si>
  <si>
    <t>【五二五】悬架体\GDB1209-97-50-01\IHE100-65-315\HT200</t>
  </si>
  <si>
    <t>【五二五】后轴承压盖\GDB1209-97-50-03\IHE100-65-315\HT200</t>
  </si>
  <si>
    <t>【五二五】前轴承压盖\GDB1209-97-50-02\IHE100-65-315\HT200</t>
  </si>
  <si>
    <t>【五二五】悬架支架\GDB5111-82-45*225\IHE100-65-315\HT200</t>
  </si>
  <si>
    <t>【五二五】挡套\GDIH-HTM40S2-004\IHE100-65-315\316L</t>
  </si>
  <si>
    <t>【五二五】泵壳\GDIHE100-65-315-001\IHE100-65-315\2605N</t>
  </si>
  <si>
    <t>【五二五】泵盖\GDIH-35S25-003E1\IHE100-65-315\2605N</t>
  </si>
  <si>
    <t>【五二五】叶轮螺母\GDB2206-82-20*56\IHE100-65-315\2205</t>
  </si>
  <si>
    <t>【五二五】轴\GDB6102-82-50\IHE100-65-315\2205</t>
  </si>
  <si>
    <t>【五二五】叶轮\GDIHE100-65-315-S3-B5-002-Φ260\IHE100-65-315\304</t>
  </si>
  <si>
    <t>【五二五】中间支架\GDB5112-82-50*315\IHE100-65-315\A3</t>
  </si>
  <si>
    <t>【五二五】悬架体\GDB1209-97-35-01\IHE100-80-160\HT200</t>
  </si>
  <si>
    <t>【五二五】悬架支架\GDB5111-82-35*160\IHE100-80-160\HT200</t>
  </si>
  <si>
    <t>【五二五】后轴承压盖\GDB1209-97-35-03\IHE100-80-160\HT200</t>
  </si>
  <si>
    <t>【五二五】前轴承压盖\GDB1209-97-35-02\IHE100-80-160\HT200</t>
  </si>
  <si>
    <t>【五二五】叶轮螺母\GDB2206-82-16*44A\IHE100-80-160\316L</t>
  </si>
  <si>
    <t>【五二五】挡套\GDIH-35S3-001\IHE100-80-160\316L</t>
  </si>
  <si>
    <t>【五二五】特殊法兰\GDIH-001\IHE100-80-160\316L</t>
  </si>
  <si>
    <t>【五二五】泵盖\GDIH-22S3-001\IHE100-80-160\2605N</t>
  </si>
  <si>
    <t>【五二五】叶轮\GDIHE100-80-160-002-Φ165\IHE100-80-160\2605N</t>
  </si>
  <si>
    <t>【五二五】轴\GDB6102-82-35\IHE100-80-160\45</t>
  </si>
  <si>
    <t>【五二五】中间支架\GDB5112-82-35*160\IHE100-80-160\A3</t>
  </si>
  <si>
    <t>【五二五】膜片联轴器\GDJMⅡJ5-YA55*112/YA32*82-140\IHE125-100-200</t>
  </si>
  <si>
    <t>【五二五】悬架体\GDB1209-97-35-01\IHE125-100-200\HT200</t>
  </si>
  <si>
    <t>【五二五】悬架支架\GDB5111-82-35*200\IHE125-100-200\HT200</t>
  </si>
  <si>
    <t>【五二五】后轴承压盖\GDB1209-97-35-03\IHE125-100-200\HT200</t>
  </si>
  <si>
    <t>【五二五】前轴承压盖\GDB1209-97-35-02\IHE125-100-200\HT200</t>
  </si>
  <si>
    <t>【五二五】叶轮螺母\GDB2206-82-16*44A\IHE125-100-200\316L</t>
  </si>
  <si>
    <t>【五二五】特殊法兰\GDIH-001\IHE125-100-200\316L</t>
  </si>
  <si>
    <t>【五二五】叶轮\GDIHE125-100-200-S3-B6-002-Φ205\IHE125-100-200\2605</t>
  </si>
  <si>
    <t>【五二五】泵壳\GDIHE125-100-200-001\IHE125-100-200\2605</t>
  </si>
  <si>
    <t>【五二五】泵盖\GDIH-23S4-003\IHE125-100-200\2605</t>
  </si>
  <si>
    <t>【五二五】轴\GDB6102-82-35\IHE125-100-200\2205</t>
  </si>
  <si>
    <t>【五二五】中间支架\GDB5112-82-35*200\IHE125-100-200\ZG230-450</t>
  </si>
  <si>
    <t>【五二五】膜片联轴器\GDJMⅡJ7-YA65*142/YA42*112-140\IHE125-100-250</t>
  </si>
  <si>
    <t>【五二五】后轴承压盖\GDB1209-97-50-03\IHE125-100-250\HT200</t>
  </si>
  <si>
    <t>【五二五】前轴承压盖\GDB1209-97-50-02\IHE125-100-250\HT200</t>
  </si>
  <si>
    <t>【五二五】悬架体\GDB1209-97-50-01E1\IHE125-100-250\HT200</t>
  </si>
  <si>
    <t>【五二五】悬架支架\GDB5111-82-45*225\IHE125-100-250\HT200</t>
  </si>
  <si>
    <t>【五二五】叶轮螺母\GDB2206-82-20*56\IHE125-100-250\316L</t>
  </si>
  <si>
    <t>【五二五】特殊法兰\GDIH-001\IHE125-100-250\316L</t>
  </si>
  <si>
    <t>【五二五】泵壳\GDIHE125-100-250-001\IHE125-100-250\CD4MCu</t>
  </si>
  <si>
    <t>【五二五】泵盖\GDIH-34S25-003\IHE125-100-250\CD4MCu</t>
  </si>
  <si>
    <t>【五二五】叶轮\GDIHE125-100-250-S3-B5-002-φ250\IHE125-100-250\CD4MCu</t>
  </si>
  <si>
    <t>【五二五】轴\GDB6102-82-50\IHE125-100-250\3Cr13</t>
  </si>
  <si>
    <t>【五二五】中间支架\GDB5112-82-50*250\IHE125-100-250\A3</t>
  </si>
  <si>
    <t>【五二五】膜片联轴器\GDJMⅡJ3-YA42*112/YA42*112-140\IHE125-100-315</t>
  </si>
  <si>
    <t>【五二五】悬架体\GDB1209-97-50-01\IHE125-100-315\HT200</t>
  </si>
  <si>
    <t>【五二五】悬架支架\GDB5111-82-45*250\IHE125-100-315\HT200</t>
  </si>
  <si>
    <t>【五二五】后轴承压盖\GDB1209-97-50-03\IHE125-100-315\HT200</t>
  </si>
  <si>
    <t>【五二五】前轴承压盖\GDB1209-97-50-02\IHE125-100-315\HT200</t>
  </si>
  <si>
    <t>【五二五】轴\GDB6102-82-50\IHE125-100-315\2Cr13</t>
  </si>
  <si>
    <t>【五二五】特殊法兰\GDIH-001\IHE125-100-315\304</t>
  </si>
  <si>
    <t>【五二五】泵盖\GDIH-35D2-003\IHE125-100-315\304</t>
  </si>
  <si>
    <t>【五二五】叶轮螺母\GDB2206-82-20*56\IHE125-100-315\304</t>
  </si>
  <si>
    <t>【五二五】泵壳\GDIHE125-100-315-001\IHE125-100-315\304</t>
  </si>
  <si>
    <t>【五二五】叶轮\GDIHE125-100-315-S3-002-Φ295\IHE125-100-315\304</t>
  </si>
  <si>
    <t>【五二五】中间支架\GDB5112-82-50*315\IHE125-100-315\A3</t>
  </si>
  <si>
    <t>【五二五】膜片联轴器\GDJMⅡJ6-YA60*142/YA42*112-140\IHE150-125-315</t>
  </si>
  <si>
    <t>【五二五】悬架体\GDB1209-97-50-01\IHE150-125-315\HT200</t>
  </si>
  <si>
    <t>【五二五】悬架支架\GDB5111-82-45*280\IHE150-125-315\HT200</t>
  </si>
  <si>
    <t>【五二五】后轴承压盖\GDB1209-97-50-03\IHE150-125-315\HT200</t>
  </si>
  <si>
    <t>【五二五】前轴承压盖\GDB1209-97-50-02\IHE150-125-315\HT200</t>
  </si>
  <si>
    <t>【五二五】轴\GDB6102-82-50\IHE150-125-315\304</t>
  </si>
  <si>
    <t>【五二五】特殊法兰\GDIH-001\IHE150-125-315\304</t>
  </si>
  <si>
    <t>【五二五】泵盖\GDIH-35S25-003\IHE150-125-315\304</t>
  </si>
  <si>
    <t>【五二五】叶轮\GDIHE150-125-315-S3-B6-002-Φ310\IHE150-125-315\304</t>
  </si>
  <si>
    <t>【五二五】泵壳\GDIHE150-125-315-0001\IHE150-125-315\304</t>
  </si>
  <si>
    <t>【五二五】叶轮螺母\GDB2206-82-20*56\IHE150-125-315\304</t>
  </si>
  <si>
    <t>【五二五】挡套\GDIH-HTM40S2-004\IHE150-125-315\304</t>
  </si>
  <si>
    <t>【五二五】中间支架\GDB5112-82-50*315\IHE150-125-315\A3</t>
  </si>
  <si>
    <t>【五二五】膜片联轴器\GDJMⅡJ6-YA60*142/YA42*112-140\IHE150-125-400</t>
  </si>
  <si>
    <t>【五二五】悬架体\GDB1209-97-50-01\IHE150-125-400\HT200</t>
  </si>
  <si>
    <t>【五二五】悬架支架\GDB5111-82-45*315\IHE150-125-400\HT200</t>
  </si>
  <si>
    <t>【五二五】后轴承压盖\GDB1209-97-50-03\IHE150-125-400\HT200</t>
  </si>
  <si>
    <t>【五二五】前轴承压盖\GDB1209-97-50-02\IHE150-125-400\HT200</t>
  </si>
  <si>
    <t>【五二五】叶轮螺母\GDB2206-82-20*56\IHE150-125-400\316L</t>
  </si>
  <si>
    <t>【五二五】挡套\GDIH-HTM40S2-004\IHE150-125-400\316L</t>
  </si>
  <si>
    <t>【五二五】叶轮\GDIHE150-125-400-S3-002-φ385\IHE150-125-400\2605</t>
  </si>
  <si>
    <t>【五二五】泵壳\GDIHE150-125-400-001\IHE150-125-400\2605</t>
  </si>
  <si>
    <t>【五二五】泵盖\GDIH-36S3\IHE150-125-400\2605</t>
  </si>
  <si>
    <t>【五二五】轴\GDB6102-82-50\IHE150-125-400\45</t>
  </si>
  <si>
    <t>【五二五】中间支架\GDB5112-82-50*400\IHE150-125-400\A3</t>
  </si>
  <si>
    <t>【五二五】膜片联轴器\GDJMⅡJ8-YA75*142/YA48*112-180\IHE200-150-400\ZG</t>
  </si>
  <si>
    <t>【五二五】悬架体\GDB1209-97-55-01\IHE200-150-400\HT200</t>
  </si>
  <si>
    <t>【五二五】悬架支架\GDB5111-82-55*315a\IHE200-150-400\HT200</t>
  </si>
  <si>
    <t>【五二五】后轴承压盖\GDB1209-97-55-03\IHE200-150-400\HT200</t>
  </si>
  <si>
    <t>【五二五】前轴承压盖\GDB1209-97-55-02\IHE200-150-400\HT200</t>
  </si>
  <si>
    <t>【五二五】叶轮螺母\GDB2206-82-24*66\IHE200-150-400\316L</t>
  </si>
  <si>
    <t>【五二五】特殊法兰\GDIH-001\IHE200-150-400\316L</t>
  </si>
  <si>
    <t>【五二五】叶轮\GDIHE200-150-400-S3-B6-002-Φ360\IHE200-150-400\2605</t>
  </si>
  <si>
    <t>【五二五】泵盖\GDIH-46D2-003\IHE200-150-400\2605</t>
  </si>
  <si>
    <t>【五二五】泵壳\GDIHE200-150-400-001\IHE200-150-400\2605</t>
  </si>
  <si>
    <t>【五二五】轴\GDB6102-82-55\IHE200-150-400\2205</t>
  </si>
  <si>
    <t>【五二五】中间支架\GDB5112-82-55*400\IHE200-150-400\A3</t>
  </si>
  <si>
    <t>【五二五】下防尘盘\GDHB40-006\HB125-100-200\聚四氟乙烯</t>
  </si>
  <si>
    <t>【五二五】上防尘盘\GDHB40-005A\HB125-100-200\聚四氟乙烯</t>
  </si>
  <si>
    <t>【五二五】膜片联轴器\GDJMⅡJ5-YA55*112/YA32*82-140\HB125-100-200</t>
  </si>
  <si>
    <t>【五二五】悬架体\GDHB40-001\HB125-100-200\HT200</t>
  </si>
  <si>
    <t>【五二五】叶轮\GDIHE125-100-200-S3-B6-002\HB125-100-200\304</t>
  </si>
  <si>
    <t>【五二五】泵壳\GDIHE125-100-200-0001\HB125-100-200\304</t>
  </si>
  <si>
    <t>【五二五】叶轮螺母\GDB2206-82-16*44A\HB125-100-200\304</t>
  </si>
  <si>
    <t>【五二五】泵盖\GDIH-23S4-003\HB125-100-200\304</t>
  </si>
  <si>
    <t>【五二五】轴\GDHB40-002\HB125-100-200\304</t>
  </si>
  <si>
    <t>【五二五】后轴承压盖\GDHB40-004\HB125-100-200\304</t>
  </si>
  <si>
    <t>【五二五】前轴承压盖\GDHB40-003\HB125-100-200\304</t>
  </si>
  <si>
    <t>【五二五】支架\GDHB40*200-002\HB125-100-200\A3</t>
  </si>
  <si>
    <t>【五二五】弹性块\GDL2-A\FYL40-315\橡胶</t>
  </si>
  <si>
    <t>【五二五】轴承座\GDTJ426-380-001\FYL40-315\HT200</t>
  </si>
  <si>
    <t>【五二五】挡油环Ⅱ\GDTJ426-380-005\FYL40-315\HT200</t>
  </si>
  <si>
    <t>【五二五】轴承盒\GDFYL-1-004\FYL40-315\HT200</t>
  </si>
  <si>
    <t>【五二五】挡油环Ⅰ\GDTJ426-380-008\FYL40-315\HT200</t>
  </si>
  <si>
    <t>【五二五】轴承压盖\GDTJ426-380-009\FYL40-315\HT200</t>
  </si>
  <si>
    <t>【五二五】泵联轴节\GDFYL80-50-250-011\FYL40-315\HT200</t>
  </si>
  <si>
    <t>【五二五】电机座\GDFYL80-50-250-008-Y132\FYL40-315\HT200</t>
  </si>
  <si>
    <t>【五二五】分半法兰\GD40FYP-30-5H\FYL40-315\HT200</t>
  </si>
  <si>
    <t>【五二五】吸液管\GDPLC-XYG-Φ65\FYL40-315\316L</t>
  </si>
  <si>
    <t>【五二五】叶轮螺栓\GDTJ426-380-011\FYL40-315\316L</t>
  </si>
  <si>
    <t>【五二五】轴\GDTJ426-380-003-1300\FYL40-315\2205</t>
  </si>
  <si>
    <t>【五二五】出液管\GD40FYP-30-12-1300\FYL40-315\316L</t>
  </si>
  <si>
    <t>【五二五】叶轮\GDFYL40-315-002-02\FYL40-315\2605</t>
  </si>
  <si>
    <t>【五二五】泵壳\GD40FYP-30-01\FYL40-315\2605</t>
  </si>
  <si>
    <t>【五二五】下耐磨板\GD40FYP-30-02\FYL40-315\2605</t>
  </si>
  <si>
    <t>【五二五】支撑管\GDFYL40-315A-009-02A\FYL40-315\2605</t>
  </si>
  <si>
    <t>【五二五】上耐磨板\GD40FYP-30-05\FYL40-315\2605</t>
  </si>
  <si>
    <t>【五二五】弯头\GD40FYP-30-06\FYL40-315\2605</t>
  </si>
  <si>
    <t>【五二五】泵盖\GD40FYP-30-03\FYL40-315\2605</t>
  </si>
  <si>
    <t>【五二五】下压盖\GDTJ426-380-007\FYL40-315\C5</t>
  </si>
  <si>
    <t>【五二五】挡酸环\GDTJ426-380-004\FYL40-315\C5</t>
  </si>
  <si>
    <t>【五二五】弹性块\GDL2-A\FYL40-315A\橡胶</t>
  </si>
  <si>
    <t>【五二五】吸液管\GDPLC-XYG-PP-Φ65\FYL40-315A\FRPP</t>
  </si>
  <si>
    <t>【五二五】轴承座\GDTJ426-380-001\FYL40-315A\HT200</t>
  </si>
  <si>
    <t>【五二五】挡油环Ⅱ\GDTJ426-380-005\FYL40-315A\HT200</t>
  </si>
  <si>
    <t>【五二五】挡油环Ⅰ\GDTJ426-380-008\FYL40-315A\HT200</t>
  </si>
  <si>
    <t>【五二五】轴承压盖\GDTJ426-380-009\FYL40-315A\HT200</t>
  </si>
  <si>
    <t>【五二五】泵联轴节\GDFYL80-50-250-011\FYL40-315A\HT200</t>
  </si>
  <si>
    <t>【五二五】电机座\GDFYL80-50-250-008-Y132\FYL40-315A\HT200</t>
  </si>
  <si>
    <t>【五二五】分半法兰\GD40FYP-30-5H\FYL40-315A\HT200</t>
  </si>
  <si>
    <t>【五二五】轴承盒\GDFYL-1-004\FYL40-315A\HT200</t>
  </si>
  <si>
    <t>【五二五】叶轮螺栓\GDTJ426-380-011\FYL40-315A\316L</t>
  </si>
  <si>
    <t>【五二五】轴\GDTJ426-380-003-1300\FYL40-315A\316L</t>
  </si>
  <si>
    <t>【五二五】出液管\GD40FYP-30-12H-1300\FYL40-315A\316L</t>
  </si>
  <si>
    <t>【五二五】泵壳\GD40FYP-30-03\FYL40-315A\2605</t>
  </si>
  <si>
    <t>【五二五】下耐磨板\GD40FYP-30-02\FYL40-315A\2605</t>
  </si>
  <si>
    <t>【五二五】支撑管\GDFYL40-315A-009-02A\FYL40-315A\2605</t>
  </si>
  <si>
    <t>【五二五】上耐磨板\GD40FYP-30-05\FYL40-315A\2605</t>
  </si>
  <si>
    <t>【五二五】叶轮\GDFYL40-315-W6-002-Φ290\FYL40-315A\2605</t>
  </si>
  <si>
    <t>【五二五】弯头\GD40FYP-30-06\FYL40-315A\2605</t>
  </si>
  <si>
    <t>【五二五】泵盖\GD40FYP-30-01\FYL40-315A\2605</t>
  </si>
  <si>
    <t>【五二五】下压盖\GDTJ426-380-007\FYL40-315A\2605</t>
  </si>
  <si>
    <t>【五二五】挡酸环\GDTJ426-380-004\FYL40-315A\2605</t>
  </si>
  <si>
    <t>【五二五】吸液管\GDXYG-001E1(XYG-DN80-01)\FYL50-315A\FRPP</t>
  </si>
  <si>
    <t>【五二五】联轴器\GDXL8-38*97/45*85\FYL50-315A\ZG</t>
  </si>
  <si>
    <t>【五二五】上轴承盖\GDJE472-13\FYL50-315A\HT200</t>
  </si>
  <si>
    <t>【五二五】轴承盒\GDFYL-2-007\FYL50-315A\HT200</t>
  </si>
  <si>
    <t>【五二五】挡油环\GDFYL-2-005\FYL50-315A\HT200</t>
  </si>
  <si>
    <t>【五二五】出口活套法兰\GDFYL-2-014-Φ50\FYL50-315A\HT200</t>
  </si>
  <si>
    <t>【五二五】轴承座\GDFYL-2-006\FYL50-315A\HT200</t>
  </si>
  <si>
    <t>【五二五】电机支架\GDFYL-2-016-Y132\FYL50-315A\HT200</t>
  </si>
  <si>
    <t>【五二五】出液管\GDFYL-2-013-Φ50\FYL50-315A\316L</t>
  </si>
  <si>
    <t>【五二五】支撑管\GDFYL-2-011-A2-Φ360-02\FYL50-315A\316L</t>
  </si>
  <si>
    <t>【五二五】轴\GDFYL-2-003B-02\FYL50-315A\316L</t>
  </si>
  <si>
    <t>【五二五】锥形帽\GDFYL-2-002B\FYL50-315A\316L</t>
  </si>
  <si>
    <t>【五二五】叶轮螺栓\GDFYL-2-001\FYL50-315A\316L</t>
  </si>
  <si>
    <t>【五二五】泵壳\GDFYL50-315-001\FYL50-315A\2605</t>
  </si>
  <si>
    <t>【五二五】前泵盖\GDFYL50-315-004\FYL50-315A\2605</t>
  </si>
  <si>
    <t>【五二五】泵盖\GDFYL65-315-003\FYL50-315A\2605</t>
  </si>
  <si>
    <t>【五二五】弯管\GDFYL50-315-012\FYL50-315A\2605</t>
  </si>
  <si>
    <t>【五二五】叶轮\GDFYL100-315-W6-002-φ275\FYL50-315A\2605</t>
  </si>
  <si>
    <t>【五二五】下轴承压盖\GDFYL-2-004\FYL50-315A\2605</t>
  </si>
  <si>
    <t>【五二五】联轴器\GDXL8-42*97/45*85\FYL65-250A\ZG</t>
  </si>
  <si>
    <t>【五二五】上轴承盖\GDJE472-13\FYL65-250A\HT200</t>
  </si>
  <si>
    <t>【五二五】轴承盒\GDFYL-2-007\FYL65-250A\HT200</t>
  </si>
  <si>
    <t>【五二五】电机支架\GDFYL-2-016-Y160/Y180\FYL65-250A\HT200</t>
  </si>
  <si>
    <t>【五二五】挡油环\GDFYL-2-005\FYL65-250A\HT200</t>
  </si>
  <si>
    <t>【五二五】轴承座\GDFYL-2-006\FYL65-250A\HT200</t>
  </si>
  <si>
    <t>【五二五】出口活套法兰\GDFYL-2-014-Φ65\FYL65-250A\HT200</t>
  </si>
  <si>
    <t>【五二五】锥形帽\GDFYL-2-002B\FYL65-250A\316L</t>
  </si>
  <si>
    <t>【五二五】出液管\GDFYL-2-013-Φ65\FYL65-250A\316L</t>
  </si>
  <si>
    <t>【五二五】支撑管\GDFYL-2-011-A2-φ280-02\FYL65-250A\316L</t>
  </si>
  <si>
    <t>【五二五】叶轮螺栓\GDFYL-2-001\FYL65-250A\316L</t>
  </si>
  <si>
    <t>【五二五】前泵盖\GDFYL65-250-004\FYL65-250A\2605</t>
  </si>
  <si>
    <t>【五二五】弯管\GDFYL65-250-012\FYL65-250A\2605</t>
  </si>
  <si>
    <t>【五二五】泵盖\GDFYL65-250-003\FYL65-250A\2605</t>
  </si>
  <si>
    <t>【五二五】叶轮\GDFYL65-250-W6-002\FYL65-250A\2605</t>
  </si>
  <si>
    <t>【五二五】下轴承压盖\GDFYL-2-004\FYL65-250A\2605</t>
  </si>
  <si>
    <t>【五二五】泵壳\GDFYL65-250-001\FYL65-250A\2605</t>
  </si>
  <si>
    <t>【五二五】轴\GDFYL-2-003B-02\FYL65-250A\2205</t>
  </si>
  <si>
    <t>【五二五】吸液管\GDXYG-001E1(XYG-DN100-02)\FYL65-315A\FRPP</t>
  </si>
  <si>
    <t>【五二五】联轴器\GDXL8-42*97/45*85\FYL65-315A\A3</t>
  </si>
  <si>
    <t>【五二五】上轴承盖\GDJE472-13\FYL65-315A\HT200</t>
  </si>
  <si>
    <t>【五二五】轴承盒\GDFYL-2-007\FYL65-315A\HT200</t>
  </si>
  <si>
    <t>【五二五】电机支架\GDFYL-2-016-Y160/Y180\FYL65-315A\HT200</t>
  </si>
  <si>
    <t>【五二五】挡油环\GDFYL-2-005\FYL65-315A\HT200</t>
  </si>
  <si>
    <t>【五二五】轴承座\GDFYL-2-006\FYL65-315A\HT200</t>
  </si>
  <si>
    <t>【五二五】出口活套法兰\GDFYL-2-014-Φ65\FYL65-315A\HT200</t>
  </si>
  <si>
    <t>【五二五】锥形帽\GDFYL-2-002B\FYL65-315A\316L</t>
  </si>
  <si>
    <t>【五二五】出液管\GDFYL-2-013-Φ65\FYL65-315A\316L</t>
  </si>
  <si>
    <t>【五二五】支撑管\GDFYL-2-011-A2-φ360-02\FYL65-315A\316L</t>
  </si>
  <si>
    <t>【五二五】轴\GDFYL-2-003B-02\FYL65-315A\316L</t>
  </si>
  <si>
    <t>【五二五】叶轮螺栓\GDFYL-2-001\FYL65-315A\316L</t>
  </si>
  <si>
    <t>【五二五】泵盖\GDFYL65-315-003\FYL65-315A\2605</t>
  </si>
  <si>
    <t>【五二五】前泵盖\GDFYL65-315-004\FYL65-315A\2605</t>
  </si>
  <si>
    <t>【五二五】泵壳\GDFYL65-315-001\FYL65-315A\2605</t>
  </si>
  <si>
    <t>【五二五】叶轮\GDFYL100-315-W6-002-Φ300\FYL65-315A\2605</t>
  </si>
  <si>
    <t>【五二五】弯管\GDFYL65-315-012\FYL65-315A\2605</t>
  </si>
  <si>
    <t>【五二五】下轴承压盖\GDFYL-2-004\FYL65-315A\2605</t>
  </si>
  <si>
    <t>【五二五】中间支架\GDB5112-82-35*250\IHE100-65-250\HT200</t>
  </si>
  <si>
    <t>【五二五】水封环\GDMECP-LK3-013\MECP500A-35FP\聚四氟乙烯</t>
  </si>
  <si>
    <t>【五二五】悬架支架\GDMECP450F-007\MECP500A-35FP\HT200</t>
  </si>
  <si>
    <t>【五二五】轴承支架\GDMECP-LK3-002\MECP500A-35FP\HT200</t>
  </si>
  <si>
    <t>【五二五】前轴承盖\GDMECP-LK3-003\MECP500A-35FP\HT200</t>
  </si>
  <si>
    <t>【五二五】后轴承座\GDMECP-LK3-006\MECP500A-35FP\HT200</t>
  </si>
  <si>
    <t>【五二五】后轴承盖\GDMECP-LK3-005\MECP500A-35FP\HT200</t>
  </si>
  <si>
    <t>【五二五】冷却套盖板\GDMECP-LK3-007\MECP500A-35FP\HT200</t>
  </si>
  <si>
    <t>【五二五】叶轮螺栓\GDMECP-LK3-015B\MECP500A-35FP\316L</t>
  </si>
  <si>
    <t>【五二五】叶轮螺母\GDMECP500A-013\MECP500A-35FP\316L</t>
  </si>
  <si>
    <t>【五二五】副叶室\GDMECP500F-008\MECP500A-35FP\2605</t>
  </si>
  <si>
    <t>【五二五】副叶轮\GDMECP450A-005\MECP500A-35FP\2605</t>
  </si>
  <si>
    <t>【五二五】轴套\GDMECP450A-012\MECP500A-35FP\2605</t>
  </si>
  <si>
    <t>【五二五】叶轮\GDMECP500A-35FP-002\MECP500A-35FP\2605</t>
  </si>
  <si>
    <t>【五二五】填料压盖\GDMECP-LK3-011\MECP500A-35FP\2605</t>
  </si>
  <si>
    <t>【五二五】后泵盖\GDMECP500F-009\MECP500A-35FP\2605</t>
  </si>
  <si>
    <t>【五二五】轴\GDMECP500A-005E\MECP500A-35FP\304</t>
  </si>
  <si>
    <t>【五二五】通气塞\GDMECP-LK3-004\MECP500A-35FP\A3</t>
  </si>
  <si>
    <t>【五二五】电端锥套\GD3535-80\150ZG-420</t>
  </si>
  <si>
    <t>【五二五】泵端带轮\GDSPC450-5-4040\150ZG-420\HT200</t>
  </si>
  <si>
    <t>【五二五】电端带轮\GDSPC425-5-3535\150ZG-420\HT200</t>
  </si>
  <si>
    <t>【五二五】泵端锥套\GD4040-65\150ZG-420</t>
  </si>
  <si>
    <t>【五二五】进口密封垫\GDLH150-50-016E1\150ZG-420\氟橡胶</t>
  </si>
  <si>
    <t>【五二五】出口密封垫\GDLH150-50-017E1\150ZG-420\氟橡胶</t>
  </si>
  <si>
    <t>【五二五】压环\GDLH80-012\150ZG-420\HT200</t>
  </si>
  <si>
    <t>【五二五】轴承箱\GDLH80-002E1\150ZG-420\HT200</t>
  </si>
  <si>
    <t>【五二五】前轴承压盖\GDLH80-004E1\150ZG-420\HT200</t>
  </si>
  <si>
    <t>【五二五】后轴承压盖\GDLH80-005E1\150ZG-420\HT200</t>
  </si>
  <si>
    <t>【五二五】前防尘盘\GDLH80-006E1\150ZG-420\HT200</t>
  </si>
  <si>
    <t>【五二五】后防尘盘\GDLH80-007E1\150ZG-420\HT200</t>
  </si>
  <si>
    <t>【五二五】托架\GDLH80-001E2\150ZG-420\HT200</t>
  </si>
  <si>
    <t>【五二五】泵盖\GDLH80-010D2E4\150ZG-420\Cr30</t>
  </si>
  <si>
    <t>【五二五】进口短管\GDZY-HBJMDC-LH150-50-007E1\150ZG-420\2605</t>
  </si>
  <si>
    <t>【五二五】前泵壳\GDLH150-50-003\150ZG-420\QT400-18</t>
  </si>
  <si>
    <t>【五二五】后泵壳\GDLH150-50-004E4\150ZG-420\QT400-18</t>
  </si>
  <si>
    <t>【五二五】前护板\GDLH150-50-005\150ZG-420\Cr33</t>
  </si>
  <si>
    <t>【五二五】后护板\GDLH150-50-006E4\150ZG-420\Cr33</t>
  </si>
  <si>
    <t>【五二五】蜗壳\GDLH150-50-001\150ZG-420\Cr33</t>
  </si>
  <si>
    <t>【五二五】叶轮\GDLH150-42-B5-002\150ZG-420\Cr33</t>
  </si>
  <si>
    <t>【五二五】泵壳螺柱A\GDLH150-50-010\150ZG-420\A3镀锌</t>
  </si>
  <si>
    <t>【五二五】泵壳螺柱B\GDLH150-50-011\150ZG-420\A3镀锌</t>
  </si>
  <si>
    <t>【五二五】托架长螺栓\GDLH80-52-013\150ZG-420\A3镀锌</t>
  </si>
  <si>
    <t>【五二五】托架短螺栓\GDLH80-52-014\150ZG-420\A3镀锌</t>
  </si>
  <si>
    <t>【五二五】压板\GDLH80-52-012\150ZG-420\A3镀锌</t>
  </si>
  <si>
    <t>【五二五】压块\GDLH80-52-015\150ZG-420\A3镀锌</t>
  </si>
  <si>
    <t>【五二五】轴\GDLH80-003E4\150ZG-420\40Cr</t>
  </si>
  <si>
    <t>【五二五】拆卸环\GDLH80-009\150ZG-420\45</t>
  </si>
  <si>
    <t>【五二五】紧固螺母\GDLC-DZ-001\150ZG-420\A3</t>
  </si>
  <si>
    <t>【五二五】轴承挡套\GDLH80-011E1\150ZG-420\A3</t>
  </si>
  <si>
    <t>【五二五】压力表座连接块\GDLH-YLBJ-01\150ZG-420\A3</t>
  </si>
  <si>
    <t>【五二五】前防尘盘\GDLH30-006E2\40ZD-170\HT200</t>
  </si>
  <si>
    <t>【五二五】压环\GDLH30-012\40ZD-170\HT200</t>
  </si>
  <si>
    <t>【五二五】轴承箱\GDLH30-002E1\40ZD-170\HT200</t>
  </si>
  <si>
    <t>【五二五】后防尘盘\GDLH30-007E2\40ZD-170\HT200</t>
  </si>
  <si>
    <t>【五二五】托架\GDLH30-001E4\40ZD-170\HT200</t>
  </si>
  <si>
    <t>【五二五】前轴承压盖\GDLH30-004E3\40ZD-170\HT200</t>
  </si>
  <si>
    <t>【五二五】后轴承压盖\GDLH30-005E3\40ZD-170\HT200</t>
  </si>
  <si>
    <t>【五二五】叶轮\GDLH40-17-B5-002\40ZD-170\Cr26</t>
  </si>
  <si>
    <t>【五二五】蜗壳\GDLH40-17-001\40ZD-170\Cr26</t>
  </si>
  <si>
    <t>【五二五】后护板\GDLH40-17-006E4\40ZD-170\Cr26</t>
  </si>
  <si>
    <t>【五二五】轴\GDLH30-003E4\40ZD-170\40Cr</t>
  </si>
  <si>
    <t>【五二五】拆卸环\GDLH30-009\40ZD-170\45</t>
  </si>
  <si>
    <t>【五二五】尾架\GDLH30-017E4\40ZD-170\A3</t>
  </si>
  <si>
    <t>【五二五】轴承挡套\GDLH30-011E1\40ZD-170\A3</t>
  </si>
  <si>
    <t>【五二五】泵盖\GDLH30-010D2\40ZD-170\DF2</t>
  </si>
  <si>
    <t>【五二五】联轴器\GDLT6-38×82/25×57\40ZD-170\HT200</t>
  </si>
  <si>
    <t>【五二五】电端锥套\GD3535-75\LH100-42</t>
  </si>
  <si>
    <t>【五二五】泵端锥套\GD3535-55\LH100-42</t>
  </si>
  <si>
    <t>【五二五】电端带轮\GDSPC335-4-3535\LH100-42\HT200</t>
  </si>
  <si>
    <t>【五二五】泵端带轮\GDSPC355-4-3535\LH100-42\HT200</t>
  </si>
  <si>
    <t>【五二五】入口密封垫\GDLH100-42-016E2\LH100-42\氟橡胶</t>
  </si>
  <si>
    <t>【五二五】前轴承压盖\GDLH70-004E1\LH100-42\HT200</t>
  </si>
  <si>
    <t>【五二五】前防尘盘\GDLH70-006E1\LH100-42\HT200</t>
  </si>
  <si>
    <t>【五二五】后防尘盘\GDLH70-007E1\LH100-42\HT200</t>
  </si>
  <si>
    <t>【五二五】后轴承压盖\GDLH70-005E1\LH100-42\HT200</t>
  </si>
  <si>
    <t>【五二五】轴承箱\GDLH70-002E1\LH100-42\HT200</t>
  </si>
  <si>
    <t>【五二五】压环\GDLH70-012\LH100-42\HT200</t>
  </si>
  <si>
    <t>【五二五】托架\GDLH70-001E2\LH100-42\HT200</t>
  </si>
  <si>
    <t>【五二五】出口短节\GDCH-HBJZDC-LH100-42-CKDJ-001\LH100-42\316L</t>
  </si>
  <si>
    <t>【五二五】入口短节\GDCH-HBJZDC-LH100-42-RKDJ-001\LH100-42\316L</t>
  </si>
  <si>
    <t>【五二五】泵盖\GDLH70-010S2E1\LH100-42\Cr30</t>
  </si>
  <si>
    <t>【五二五】前泵壳\GDLH100-42-003\LH100-42\QT400-18</t>
  </si>
  <si>
    <t>【五二五】后泵壳\GDLH100-42-004E2\LH100-42\QT400-18</t>
  </si>
  <si>
    <t>【五二五】后护板\GDLH100-42-006\LH100-42\Cr33</t>
  </si>
  <si>
    <t>【五二五】前护板\GDLH100-42-005\LH100-42\Cr33</t>
  </si>
  <si>
    <t>【五二五】叶轮\GDLH100-42-B5-002\LH100-42\Cr33</t>
  </si>
  <si>
    <t>【五二五】蜗壳\GDLH100-42-001\LH100-42\Cr33</t>
  </si>
  <si>
    <t>【五二五】泵壳螺柱A\GDLH80-36-010\LH100-42\A3镀锌</t>
  </si>
  <si>
    <t>【五二五】泵壳螺柱B\GDLH80-36-011\LH100-42\A3镀锌</t>
  </si>
  <si>
    <t>【五二五】压板\GDLH80-36-012\LH100-42\A3镀锌</t>
  </si>
  <si>
    <t>【五二五】压块\GDLH80-36-015\LH100-42\A3镀锌</t>
  </si>
  <si>
    <t>【五二五】轴\GDLH70-003E1\LH100-42\40Cr</t>
  </si>
  <si>
    <t>【五二五】拆卸环\GDLH70-009E1\LH100-42\45</t>
  </si>
  <si>
    <t>【五二五】轴承挡套\GDLH70-011E1\LH100-42\A3</t>
  </si>
  <si>
    <t>【五二五】锥形帽\LCF150/350I\GDLC65/310-005\LCF150/350I\2205</t>
  </si>
  <si>
    <t>【五二五】锥形帽\PLC80/210T\GDLC180-004\PLC80/210T\45#</t>
  </si>
  <si>
    <t>【五二五】锥形帽\PLC100/320\GDLC100/320-005\PLC100/320\2205</t>
  </si>
  <si>
    <t>【五二五】轴承座\FYL50-250A\GDTJ426-380-001\FYL50-250A\HT200</t>
  </si>
  <si>
    <t>【五二五】轴承座\PLC100/320\GDPLC550-004A\PLC100/320\HT200</t>
  </si>
  <si>
    <t>【五二五】轴承座\PLC65/400\GDPLC550-004A\PLC65/400\HT200</t>
  </si>
  <si>
    <t>【五二五】轴承座\PLC80/210T\GDPLC420-004\PLC80/210T\HT200</t>
  </si>
  <si>
    <t>【五二五】轴承座\HZ350\GDHZ400-010\HZ350</t>
  </si>
  <si>
    <t>【五二五】轴承压盖\FYL50-250A\GDTJ426-380-009\FYL50-250A\HT200</t>
  </si>
  <si>
    <t>【五二五】轴承压盖\PLC100/320\GDPLC550-005\PLC100/320\HT200</t>
  </si>
  <si>
    <t>【五二五】轴承压盖\PLC65/400\GDPLC550-005\PLC65/400\HT200</t>
  </si>
  <si>
    <t>【五二五】轴承压盖\PLC80/210T\GDPLC420-005\PLC80/210T\HT200</t>
  </si>
  <si>
    <t>【五二五】轴承箱\LC800/980II\GDLC900/1150-012E5\LC800/980II\HT200</t>
  </si>
  <si>
    <t>【五二五】轴承箱\LCF25/350I\GDLC65/310T-10\LCF25/350I\HT200</t>
  </si>
  <si>
    <t>【五二五】轴承箱\LC650/900II\GDLC600/825-012AE3\LC650/900II\HT200</t>
  </si>
  <si>
    <t>【五二五】轴承箱\LC450/635II\GDLC500/630-012E3\LC450/635II\HT200</t>
  </si>
  <si>
    <t>【五二五】轴承箱\LCF250/430\GDLC-400F-009\LCF250/430\HT200</t>
  </si>
  <si>
    <t>【五二五】轴承箱\LCF65/400\GDLC1208-90-315-04\LCF65/400\HT200</t>
  </si>
  <si>
    <t>【五二五】轴承箱\LC40/250T\GDLC1208-90-180-04P2-E1\LC40/250T\HT200</t>
  </si>
  <si>
    <t>【五二五】轴承箱\LCF40/250\GDLC1208-90-180-04P2-E1\LCF40/250\HT200</t>
  </si>
  <si>
    <t>【五二五】轴承箱\LCF200/410\GDLC1208-88-355-04\LCF200/410\HT200</t>
  </si>
  <si>
    <t>【五二五】轴承箱\LC40/400T\GDLC1208-88-250-04\LC40/400T\HT200</t>
  </si>
  <si>
    <t>【五二五】轴承箱\LCF100/320\GDLC1208-88-250-04\LCF100/320\HT200</t>
  </si>
  <si>
    <t>【五二五】轴承箱\LCF100/350\GDLC1208-88-250-04\LCF100/350\HT200</t>
  </si>
  <si>
    <t>【五二五】轴承箱\LCF150/300\GDLC1208-88-250-04\LCF150/300\HT200</t>
  </si>
  <si>
    <t>【五二五】轴承箱\LCF150/350\GDLC1208-88-250-04\LCF150/350\HT200</t>
  </si>
  <si>
    <t>【五二五】轴承箱\LCF150/350I\GDLC1208-88-250-04\LCF150/350I\HT200</t>
  </si>
  <si>
    <t>【五二五】轴承箱\LCF50/350N1\GDLC1208-88-250-04\LCF50/350N1\HT200</t>
  </si>
  <si>
    <t>【五二五】轴承箱\LCF50/350N2\GDLC1208-88-250-04\LCF50/350N2\HT200</t>
  </si>
  <si>
    <t>【五二五】轴承箱\LCF50/400I\GDLC1208-88-250-04\LCF50/400I\HT200</t>
  </si>
  <si>
    <t>【五二五】轴承箱\LCF65/310\GDLC1208-88-250-04\LCF65/310\HT200</t>
  </si>
  <si>
    <t>【五二五】轴承箱\LCF65/350\GDLC1208-88-250-04\LCF65/350\HT200</t>
  </si>
  <si>
    <t>【五二五】轴承前盖\LCF150/350I\GDLC65/310T-15\LCF150/350I\HT200</t>
  </si>
  <si>
    <t>【五二五】轴承前盖\LC40/400T\GDLC65/310T-015\LC40/400T\HT200</t>
  </si>
  <si>
    <t>【五二五】轴承前盖\LCF100/320\GDLC65/310T-015\LCF100/320\HT200</t>
  </si>
  <si>
    <t>【五二五】轴承前盖\LCF100/350\GDLC65/310T-015\LCF100/350\HT200</t>
  </si>
  <si>
    <t>【五二五】轴承前盖\LCF150/300\GDLC65/310T-015\LCF150/300\HT200</t>
  </si>
  <si>
    <t>【五二五】轴承前盖\LCF150/350\GDLC65/310T-015\LCF150/350\HT200</t>
  </si>
  <si>
    <t>【五二五】轴承前盖\LCF25/350I\GDLC65/310T-015\LCF25/350I\HT200</t>
  </si>
  <si>
    <t>【五二五】轴承前盖\LCF50/350N1\GDLC65/310T-015\LCF50/350N1\HT200</t>
  </si>
  <si>
    <t>【五二五】轴承前盖\LCF50/350N2\GDLC65/310T-015\LCF50/350N2\HT200</t>
  </si>
  <si>
    <t>【五二五】轴承前盖\LCF50/400I\GDLC65/310T-015\LCF50/400I\HT200</t>
  </si>
  <si>
    <t>【五二五】轴承前盖\LCF65/310\GDLC65/310T-015\LCF65/310\HT200</t>
  </si>
  <si>
    <t>【五二五】轴承前盖\LCF65/350\GDLC65/310T-015\LCF65/350\HT200</t>
  </si>
  <si>
    <t>【五二五】轴承前盖\LCF250/430\GDLC-400F-006\LCF250/430\HT200</t>
  </si>
  <si>
    <t>【五二五】轴承前盖\LCF65/400\GDLC125/405T-015\LCF65/400\HT200</t>
  </si>
  <si>
    <t>【五二五】轴承前盖\LC40/250T\GDLC1208-90-180-02E1\LC40/250T\HT200</t>
  </si>
  <si>
    <t>【五二五】轴承前盖\LCF40/250\GDLC1208-90-180-02E1\LCF40/250\HT200</t>
  </si>
  <si>
    <t>【五二五】轴承前盖\LCF200/410\GDLC1208-88-355-02\LCF200/410\HT200</t>
  </si>
  <si>
    <t>【五二五】轴承前盖\IHE100-65-200\GDB1209-97-35-02\IHE100-65-200\HT200</t>
  </si>
  <si>
    <t>【五二五】轴承前盖\IHE50-32-250\GDB1209-97-35-02\IHE50-32-250\HT200</t>
  </si>
  <si>
    <t>【五二五】轴承前盖\IHE65-40-250\GDB1209-97-35-02\IHE65-40-250\HT200</t>
  </si>
  <si>
    <t>【五二五】轴承前盖\IHE80-65-125\GDB1209-97-25-02\IHE80-65-125\HT200</t>
  </si>
  <si>
    <t>【五二五】轴承后盖\LCF250/430\GDLC-400F-007\LCF250/430\HT200</t>
  </si>
  <si>
    <t>【五二五】轴承后盖\LCF65/400\GDLC1208-90-315-03\LCF65/400\HT200</t>
  </si>
  <si>
    <t>【五二五】轴承后盖\LC40/400T\GDLC1208-90-250-03\LC40/400T\HT200</t>
  </si>
  <si>
    <t>【五二五】轴承后盖\LC40/250T\GDLC1208-90-180-03E1\LC40/250T\HT200</t>
  </si>
  <si>
    <t>【五二五】轴承后盖\LCF40/250\GDLC1208-90-180-03E1\LCF40/250\HT200</t>
  </si>
  <si>
    <t>【五二五】轴承后盖\LCF200/410\GDLC1208-88-355-03\LCF200/410\HT200</t>
  </si>
  <si>
    <t>【五二五】轴承后盖\LCF100/320\GDLC1208-88-250-03\LCF100/320\HT200</t>
  </si>
  <si>
    <t>【五二五】轴承后盖\LCF100/350\GDLC1208-88-250-03\LCF100/350\HT200</t>
  </si>
  <si>
    <t>【五二五】轴承后盖\LCF150/300\GDLC1208-88-250-03\LCF150/300\HT200</t>
  </si>
  <si>
    <t>【五二五】轴承后盖\LCF150/350\GDLC1208-88-250-03\LCF150/350\HT200</t>
  </si>
  <si>
    <t>【五二五】轴承后盖\LCF150/350I\GDLC1208-88-250-03\LCF150/350I\HT200</t>
  </si>
  <si>
    <t>【五二五】轴承后盖\LCF25/350I\GDLC1208-88-250-03\LCF25/350I\HT200</t>
  </si>
  <si>
    <t>【五二五】轴承后盖\LCF50/350N1\GDLC1208-88-250-03\LCF50/350N1\HT200</t>
  </si>
  <si>
    <t>【五二五】轴承后盖\LCF50/350N2\GDLC1208-88-250-03\LCF50/350N2\HT200</t>
  </si>
  <si>
    <t>【五二五】轴承后盖\LCF50/400I\GDLC1208-88-250-03\LCF50/400I\HT200</t>
  </si>
  <si>
    <t>【五二五】轴承后盖\LCF65/310\GDLC1208-88-250-03\LCF65/310\HT200</t>
  </si>
  <si>
    <t>【五二五】轴承后盖\LCF65/350\GDLC1208-88-250-03\LCF65/350\HT200</t>
  </si>
  <si>
    <t>【五二五】轴承后盖\IHE100-65-200\GDB1209-97-35-03\IHE100-65-200\HT200</t>
  </si>
  <si>
    <t>【五二五】轴承后盖\IHE50-32-250\GDB1209-97-35-03\IHE50-32-250\HT200</t>
  </si>
  <si>
    <t>【五二五】轴承后盖\IHE65-40-250\GDB1209-97-35-03\IHE65-40-250\HT200</t>
  </si>
  <si>
    <t>【五二五】轴承后盖\IHE80-65-125\GDB1209-97-25-03\IHE80-65-125\HT200</t>
  </si>
  <si>
    <t>【五二五】轴承盒\LC300/450II\GDLK7-006C\LC300/450II\HT200</t>
  </si>
  <si>
    <t>【五二五】轴承盒\LC400/540\GDLK7-006C\LC400/540\HT200</t>
  </si>
  <si>
    <t>【五二五】轴承盒\LC300/500\GDLK6-006C\LC300/500\HT200</t>
  </si>
  <si>
    <t>【五二五】轴承盒\LB250-400\GDLK5-006B\LB250-400\HT200</t>
  </si>
  <si>
    <t>【五二五】轴承盒\LC200/300II\GDLK5-006B\LC200/300II\HT200</t>
  </si>
  <si>
    <t>【五二五】轴承盒\LC200/350II\GDLK5-006B\LC200/350II\HT200</t>
  </si>
  <si>
    <t>【五二五】轴承盒\FYL50-250A\GDFYL-1-004\FYL50-250A\HT200</t>
  </si>
  <si>
    <t>【五二五】轴承垫圈\LC650/900II\GDLC600/825-029\LC650/900II\45</t>
  </si>
  <si>
    <t>【五二五】轴承垫圈\LC450/635II\GDLC500/630-029\LC450/635II\45</t>
  </si>
  <si>
    <t>【五二五】轴承垫圈\FYL50-250A\GDFYL-1-017\FYL50-250A\A3</t>
  </si>
  <si>
    <t>【五二五】轴承挡套\PLC100/320\GDPLC550-010\PLC100/320\A3</t>
  </si>
  <si>
    <t>【五二五】轴承挡套\PLC80/210T\GDPLC420-010\PLC80/210T\A3</t>
  </si>
  <si>
    <t>【五二五】轴承挡套\LC800/980II\GDLC900/1150-018\LC800/980II\A3</t>
  </si>
  <si>
    <t>【五二五】轴承衬套\PLC100/320\GDPLC550-007\PLC100/320\45#</t>
  </si>
  <si>
    <t>【五二五】轴承衬套\PLC65/400\GDPLC550-007\PLC65/400\45#</t>
  </si>
  <si>
    <t>【五二五】轴承衬套\PLC80/210T\GDPLC420-007\PLC80/210T\45</t>
  </si>
  <si>
    <t>【五二五】轴\FYL50-250A\GDTJ426-380-003-02\FYL50-250A\2205</t>
  </si>
  <si>
    <t>【五二五】轴\PLC100/320\GDPLC550-003C-03\PLC100/320\2205</t>
  </si>
  <si>
    <t>【五二五】轴\PLC80/210T\GDPLC420-003C-03\PLC80/210T\45</t>
  </si>
  <si>
    <t>【五二五】轴\PLC65/400\GDPLC125/405-005C-02\PLC65/400\2205</t>
  </si>
  <si>
    <t>【五二五】轴\LC300/450II\GDLK7-002A\LC300/450II\2205</t>
  </si>
  <si>
    <t>【五二五】轴\LC400/540\GDLK7-002A\LC400/540\45#</t>
  </si>
  <si>
    <t>【五二五】轴\LC300/500\GDLK6-002B\LC300/500\45#</t>
  </si>
  <si>
    <t>【五二五】轴\LC200/300II\GDLK5-002E1\LC200/300II\45#</t>
  </si>
  <si>
    <t>【五二五】轴\LC200/350II\GDLK5-002E1\LC200/350II\45#</t>
  </si>
  <si>
    <t>【五二五】轴\LB250-400\GDLK5-002A\LB250-400\45#</t>
  </si>
  <si>
    <t>【五二五】轴\LCP250-500\GDLCP-LK6-002\LCP250-500\2205</t>
  </si>
  <si>
    <t>【五二五】轴\LCP200-315\GDLCP-LK5-002\LCP200-315\2205</t>
  </si>
  <si>
    <t>【五二五】轴\LCP200-400\GDLCP-LK5-002\LCP200-400\2205</t>
  </si>
  <si>
    <t>【五二五】轴\LCP80-315\GDLCP-LK4-002B\LCP80-315\2205</t>
  </si>
  <si>
    <t>【五二五】轴\LCP100-200\GDLCP-LK3-002A\LCP100-200\2205</t>
  </si>
  <si>
    <t>【五二五】轴\LCP50-250\GDLCP-LK3-002\LCP50-250\2205</t>
  </si>
  <si>
    <t>【五二五】轴\LCP32-250\GDLCP-LK2-002\LCP32-250\316L</t>
  </si>
  <si>
    <t>【五二五】轴\LCP40-250\GDLCP-LK2-002\LCP40-250\2205</t>
  </si>
  <si>
    <t>【五二五】轴\LCF250/430\GDLCF-400-004\LCF250/430\45</t>
  </si>
  <si>
    <t>【五二五】轴\LCF200/410\GDLCF-355-004E4\LCF200/410\2205</t>
  </si>
  <si>
    <t>【五二五】轴\LCF65/400\GDLCF-315-004E4\LCF65/400\2205</t>
  </si>
  <si>
    <t>【五二五】轴\LCF100/320\GDLCF-250-004E4\LCF100/320\45</t>
  </si>
  <si>
    <t>【五二五】轴\LCF100/350\GDLCF-250-004E4\LCF100/350\45</t>
  </si>
  <si>
    <t>【五二五】轴\LCF150/300\GDLCF-250-004E4\LCF150/300\45#</t>
  </si>
  <si>
    <t>【五二五】轴\LCF150/350\GDLCF-250-004E4\LCF150/350\2205</t>
  </si>
  <si>
    <t>【五二五】轴\LCF25/350I\GDLCF-250-004E4\LCF25/350I\45</t>
  </si>
  <si>
    <t>【五二五】轴\LCF50/350N2\GDLCF-250-004E4\LCF50/350N2\2205</t>
  </si>
  <si>
    <t>【五二五】轴\LCF50/400I\GDLCF-250-004E4\LCF50/400I\2205</t>
  </si>
  <si>
    <t>【五二五】轴\LCF65/310\GDLCF-250-004E4\LCF65/310\2205</t>
  </si>
  <si>
    <t>【五二五】轴\LCF65/350\GDLCF-250-004E4\LCF65/350\45</t>
  </si>
  <si>
    <t>【五二五】轴\LCF150/350I\GDLCF-250-004\LCF150/350I\40Cr</t>
  </si>
  <si>
    <t>【五二五】轴\LCF40/250\GDLCF-180-004E4\LCF40/250\45</t>
  </si>
  <si>
    <t>【五二五】轴\LC800/980II\GDLC800/980Ⅱ-005\LC800/980II\42CrMo</t>
  </si>
  <si>
    <t>【五二五】轴\LC650/900II\GDLC650/900II-005\LC650/900II\2205</t>
  </si>
  <si>
    <t>【五二五】轴\LC450/635II\GDLC500/630II-005E3\LC450/635II\45#</t>
  </si>
  <si>
    <t>【五二五】轴\LC40/400T\GDLC-250T-D-004E4\LC40/400T\45</t>
  </si>
  <si>
    <t>【五二五】轴\LC40/250T\GDLC-180T-D-004E4\LC40/250T\45</t>
  </si>
  <si>
    <t>【五二五】轴\HZ350\GDHZ400-016\HZ350</t>
  </si>
  <si>
    <t>【五二五】轴\IHE100-65-200\GDB6102-82-35\IHE100-65-200\2205</t>
  </si>
  <si>
    <t>【五二五】轴\IHE50-32-250\GDB6102-82-35\IHE50-32-250\2205</t>
  </si>
  <si>
    <t>【五二五】轴\IHE65-40-250\GDB6102-82-35\IHE65-40-250\316L</t>
  </si>
  <si>
    <t>【五二五】轴\IHE80-65-125\GDB6102-82-25\IHE80-65-125\316L</t>
  </si>
  <si>
    <t>【五二五】中间支架\LC200/350II\GDLK5×350-003\LC200/350II\ZG230-450</t>
  </si>
  <si>
    <t>【五二五】中间支架\LC200/300II\GDLK5×340-003\LC200/300II\ZG230-450</t>
  </si>
  <si>
    <t>【五二五】中间支架\LC400/540\GDLK7×560-003\LC400/540\ZG230-450</t>
  </si>
  <si>
    <t>【五二五】中间支架\LC300/450II\GDLK7×450-003\LC300/450II\ZG230-450</t>
  </si>
  <si>
    <t>【五二五】中间支架\LC300/500\GDLK6×500-003\LC300/500\A3</t>
  </si>
  <si>
    <t>【五二五】中间支架\LB250-400\GDLK5×400-003\LB250-400\A3</t>
  </si>
  <si>
    <t>【五二五】中间支架\IHE50-32-250\GDB5112-82-35×250E1\IHE50-32-250\A3</t>
  </si>
  <si>
    <t>【五二五】中间支架\IHE65-40-250\GDB5112-82-35×250E1\IHE65-40-250\A3</t>
  </si>
  <si>
    <t>【五二五】中间支架\IHE100-65-200\GDB5112-82-35×200E1\IHE100-65-200\A3</t>
  </si>
  <si>
    <t>【五二五】中间支架\IHE80-65-125\GDB5112-82-25×125E1\IHE80-65-125\A3</t>
  </si>
  <si>
    <t>【五二五】支架\LC800/980II\GDLC800/980-019\LC800/980II\HT200</t>
  </si>
  <si>
    <t>【五二五】支架\LC650/900II\GDLC600/825-019\LC650/900II\HT200</t>
  </si>
  <si>
    <t>【五二五】支架\LC450/635II\GDLC500/630-019\LC450/635II\HT200</t>
  </si>
  <si>
    <t>【五二五】支撑架\LCP200-315\GDPLAN32-ZCJ-007\LCP200-315\A3</t>
  </si>
  <si>
    <t>【五二五】支撑架\LCP50-250\GDPLAN32-ZCJ-003\LCP50-250\A3</t>
  </si>
  <si>
    <t>【五二五】支撑管\FYL50-250A\GDTJ426-380-A2-002\FYL50-250A\316L</t>
  </si>
  <si>
    <t>【五二五】支撑管\PLC100/320\GDPLC550-A2-002-03E2\PLC100/320\316L</t>
  </si>
  <si>
    <t>【五二五】支撑管\PLC80/210T\GDPLC420T-002-03E2\PLC80/210T\A3</t>
  </si>
  <si>
    <t>【五二五】支撑管\PLC65/400\GDPLC125/405-004-02\PLC65/400\CD4MCu</t>
  </si>
  <si>
    <t>【五二五】圆螺母\LC650/900II\GDLC650/900II-026\LC650/900II\45</t>
  </si>
  <si>
    <t>【五二五】油封盖\LCF250/430\GDLC-400F-005\LCF250/430\HT200</t>
  </si>
  <si>
    <t>【五二五】叶轮螺栓\FYL50-250A\GDTJ426-380-011E1\FYL50-250A\316L</t>
  </si>
  <si>
    <t>【五二五】叶轮螺栓\LC300/450II\GDLK7-021\LC300/450II\2205</t>
  </si>
  <si>
    <t>【五二五】叶轮螺栓\LC400/540\GDLK7-021\LC400/540\316L</t>
  </si>
  <si>
    <t>【五二五】叶轮螺母\LC300/450II\GDLK7-001\LC300/450II\2507</t>
  </si>
  <si>
    <t>【五二五】叶轮螺母\LC400/540\GDLK7-001\LC400/540\316L</t>
  </si>
  <si>
    <t>【五二五】叶轮螺栓\LC300/500\GDLK6-021\LC300/500\2205</t>
  </si>
  <si>
    <t>【五二五】叶轮螺母\LC300/500\GDLK6-001\LC300/500\2205</t>
  </si>
  <si>
    <t>【五二五】叶轮螺母\LB250-400\GDLK5-001E2\LB250-400\2205</t>
  </si>
  <si>
    <t>【五二五】叶轮螺母\LC200/300II\GDLK5-001E2\LC200/300II\2205</t>
  </si>
  <si>
    <t>【五二五】叶轮螺母\LC200/350II\GDLK5-001E2\LC200/350II\2205</t>
  </si>
  <si>
    <t>【五二五】叶轮螺栓\LCF200/410\GDLC-YLLS-001-03\LCF200/410\2205</t>
  </si>
  <si>
    <t>【五二五】叶轮螺栓\LCF65/400\GDLC-YLLS-001-02\LCF65/400\316L</t>
  </si>
  <si>
    <t>【五二五】叶轮螺栓\LC40/400T\GDLC-YLLS-001-01\LC40/400T\2205</t>
  </si>
  <si>
    <t>【五二五】叶轮螺栓\LCF100/350\GDLC-YLLS-001-01\LCF100/350\2205</t>
  </si>
  <si>
    <t>【五二五】叶轮螺栓\LCF65/350\GDLC-YLLS-001-01\LCF65/350\316L</t>
  </si>
  <si>
    <t>【五二五】叶轮螺母\LCF100/320\GDLC-YLLM-002-02\LCF100/320\2205</t>
  </si>
  <si>
    <t>【五二五】叶轮螺母\LCF150/300\GDLC-YLLM-002-02\LCF150/300\2205</t>
  </si>
  <si>
    <t>【五二五】叶轮螺母\LCF150/350\GDLC-YLLM-002-02\LCF150/350\2205</t>
  </si>
  <si>
    <t>【五二五】叶轮螺母\LCF25/350I\GDLC-YLLM-002-02\LCF25/350I\2205</t>
  </si>
  <si>
    <t>【五二五】叶轮螺母\LCF50/350N1\GDLC-YLLM-002-02\LCF50/350N1\316L</t>
  </si>
  <si>
    <t>【五二五】叶轮螺母\LCF50/350N2\GDLC-YLLM-002-02\LCF50/350N2\316L</t>
  </si>
  <si>
    <t>【五二五】叶轮螺母\LCF50/400I\GDLC-YLLM-002-02\LCF50/400I\2205</t>
  </si>
  <si>
    <t>【五二五】叶轮螺母\LCF65/310\GDLC-YLLM-002-02\LCF65/310\316L</t>
  </si>
  <si>
    <t>【五二五】叶轮螺母\LC40/250T\GDLC-YLLM-002-01\LC40/250T\2205</t>
  </si>
  <si>
    <t>【五二五】叶轮螺母\LCF40/250\GDLC-YLLM-002-01\LCF40/250\2205</t>
  </si>
  <si>
    <t>【五二五】叶轮螺母\LCF100/350\GDLC-YLLM-001-07\LCF100/350\2205</t>
  </si>
  <si>
    <t>【五二五】叶轮螺母\LCF200/410\GDLC-YLLM-001-04\LCF200/410\2205</t>
  </si>
  <si>
    <t>【五二五】叶轮螺母\LCF65/400\GDLC-YLLM-001-03\LCF65/400\316L</t>
  </si>
  <si>
    <t>【五二五】叶轮螺母\LC40/400T\GDLC-YLLM-001-01\LC40/400T\2205</t>
  </si>
  <si>
    <t>【五二五】叶轮螺母\LCF65/350\GDLC-YLLM-001-01\LCF65/350\316L</t>
  </si>
  <si>
    <t>【五二五】叶轮螺栓\LCP250-500\GDLCP-LK6-015\LCP250-500\2205</t>
  </si>
  <si>
    <t>【五二五】叶轮螺母\LCP250-500\GDLCP-LK6-001\LCP250-500\2205</t>
  </si>
  <si>
    <t>【五二五】叶轮螺栓\LCP200-315\GDLCP-LK5-015E1\LCP200-315\2205</t>
  </si>
  <si>
    <t>【五二五】叶轮螺栓\LCP200-400\GDLCP-LK5-015E1\LCP200-400\316L</t>
  </si>
  <si>
    <t>【五二五】叶轮螺母\LCP200-315\GDLCP-LK5-001\LCP200-315\2205</t>
  </si>
  <si>
    <t>【五二五】叶轮螺母\LCP200-400\GDLCP-LK5-001\LCP200-400\316L</t>
  </si>
  <si>
    <t>【五二五】叶轮螺栓\LCP80-315\GDLCP-LK4-015E1\LCP80-315\304</t>
  </si>
  <si>
    <t>【五二五】叶轮螺母\LCP80-315\GDLCP-LK4-001E1\LCP80-315\304</t>
  </si>
  <si>
    <t>【五二五】叶轮螺母\LCP50-250\GDLCP-LK3-001-E2\LCP50-250\2205</t>
  </si>
  <si>
    <t>【五二五】叶轮螺母\LCP100-200\GDLCP-LK3-001A\LCP100-200\316L</t>
  </si>
  <si>
    <t>【五二五】叶轮螺母\LCP32-250\GDLCP-LK2-001\LCP32-250\316L</t>
  </si>
  <si>
    <t>【五二五】叶轮螺母\LCP40-250\GDLCP-LK2-001\LCP40-250\2205</t>
  </si>
  <si>
    <t>【五二五】叶轮螺母\LCF250/430\GDLC250/430B-004\LCF250/430\2205</t>
  </si>
  <si>
    <t>【五二五】叶轮螺栓\LCF250/430\GDLC2206-90-315\LCF250/430\2205</t>
  </si>
  <si>
    <t>【五二五】叶轮螺栓\LCF150/350I\GDLC2206-88-250\LCF150/350I\2205</t>
  </si>
  <si>
    <t>【五二五】叶轮螺栓\PLC80/210T\GDLC180-003\PLC80/210T\45#</t>
  </si>
  <si>
    <t>【五二五】叶轮螺栓\PLC100/320\GDLC100/320-007\PLC100/320\2205</t>
  </si>
  <si>
    <t>【五二五】叶轮螺栓\HZ350\GDHZ400-001\HZ350</t>
  </si>
  <si>
    <t>【五二五】叶轮螺母\HZ350\GDHZ350-004\HZ350</t>
  </si>
  <si>
    <t>【五二五】叶轮螺母\IHE100-65-200\GDB2206-82-16×44A\IHE100-65-200\2205</t>
  </si>
  <si>
    <t>【五二五】叶轮螺母\IHE50-32-250\GDB2206-82-16×44A\IHE50-32-250\316L</t>
  </si>
  <si>
    <t>【五二五】叶轮螺母\IHE65-40-250\GDB2206-82-16×44A\IHE65-40-250\316L</t>
  </si>
  <si>
    <t>【五二五】叶轮螺母\IHE80-65-125\GDB2206-82-12×32\IHE80-65-125\316L</t>
  </si>
  <si>
    <t>【五二五】叶轮封盖\LC800/980II\GDLC900/1150Ⅱ-006E1\LC800/980II\2605N</t>
  </si>
  <si>
    <t>【五二五】叶轮封盖\LC650/900II\GDLC600/825II-006E1\LC650/900II\CD4MCu</t>
  </si>
  <si>
    <t>【五二五】叶轮封盖\LC450/635II\GDLC500/630II-006E1\LC450/635II\2605N</t>
  </si>
  <si>
    <t>【五二五】叶轮\LCP80-315\GDLCP80-315-B6-002\LCP80-315\304</t>
  </si>
  <si>
    <t>【五二五】叶轮\LCP50-250\GDLCP50-250-002-E2\LCP50-250\2507</t>
  </si>
  <si>
    <t>【五二五】叶轮\LCP40-250\GDLCP40-250-002\LCP40-250\2605</t>
  </si>
  <si>
    <t>【五二五】叶轮\LCP32-250\GDLCP32-250-B5-002\LCP32-250\2605</t>
  </si>
  <si>
    <t>【五二五】叶轮\LCP250-500\GDLCP250-500-002\LCP250-500\MM-4</t>
  </si>
  <si>
    <t>【五二五】叶轮\LCP200-400\GDLCP200-400-002\LCP200-400\2605N</t>
  </si>
  <si>
    <t>【五二五】叶轮\LCP200-315\GDLCP200-315-002\LCP200-315\2507</t>
  </si>
  <si>
    <t>【五二五】叶轮\LCP100-200\GDLCP100-200-002\LCP100-200\CD4MCu</t>
  </si>
  <si>
    <t>【五二五】叶轮\LCF65/400\GDLCF65/400-S11-B5-002\LCF65/400\2605</t>
  </si>
  <si>
    <t>【五二五】叶轮\LCF65/350\GDLCF65/350I-S25-W6-002\LCF65/350\Cr30</t>
  </si>
  <si>
    <t>【五二五】叶轮\LCF65/310\GDLCF65/310I-S25-W6-002\LCF65/310\CD4MCu</t>
  </si>
  <si>
    <t>【五二五】叶轮\LCF50/400I\GDLCF50/400I-S25-W6-002\LCF50/400I\CD4MCu</t>
  </si>
  <si>
    <t>【五二五】叶轮\LCF50/350N2\GDLCF50/350N2I-S25-W6-002\LCF50/350N2\CD4MCu</t>
  </si>
  <si>
    <t>【五二五】叶轮\LCF50/350N1\GDLCF50/350N1I-S25-W6-002\LCF50/350N1\Cr30</t>
  </si>
  <si>
    <t>【五二五】叶轮\LCF40/250\GDLCF40/250-S11-B3-002\LCF40/250\2605</t>
  </si>
  <si>
    <t>【五二五】叶轮\LCF250/430\GDLCF250/430B-S11-B4-002\LCF250/430\Cr30</t>
  </si>
  <si>
    <t>【五二五】叶轮\LCF25/350I\GDLCF25/350-W6-002\LCF25/350I\Cr30</t>
  </si>
  <si>
    <t>【五二五】叶轮\LCF200/410\GDLCF200/410-S11-B6-002\LCF200/410\Cr30A</t>
  </si>
  <si>
    <t>【五二五】叶轮\LCF150/350\GDLCF150/350-S11-B4-002\LCF150/350\Cr30</t>
  </si>
  <si>
    <t>【五二五】叶轮\LCF150/350I\GDLCF150/350I-S25-W6-002\LCF150/350I\Cr30</t>
  </si>
  <si>
    <t>【五二五】叶轮\LCF100/350\GDLCF100/350-S11-B5-002\LCF100/350\Cr30</t>
  </si>
  <si>
    <t>【五二五】叶轮\LCF100/320\GDLCF100/320I-S25-W6-002\LCF100/320\Cr30</t>
  </si>
  <si>
    <t>【五二五】叶轮\LCF150/300\GDLCF100/300I-S25-W6-002\LCF150/300\Cr30</t>
  </si>
  <si>
    <t>【五二五】叶轮\LC800/980II\GDLC800/980II-B5-002\LC800/980II\Cr30A</t>
  </si>
  <si>
    <t>【五二五】叶轮\PLC80/210T\GDLC80/210-B2-002\PLC80/210T\Cr26</t>
  </si>
  <si>
    <t>【五二五】叶轮\LC650/900II\GDLC650/900II-B5-002\LC650/900II\CD4MCu</t>
  </si>
  <si>
    <t>【五二五】叶轮\PLC65/400\GDLC65/400T-B5-002\PLC65/400\CD4MCu</t>
  </si>
  <si>
    <t>【五二五】叶轮\LC450/635II\GDLC450/635-B6-002\LC450/635II\Cr30A</t>
  </si>
  <si>
    <t>【五二五】叶轮\LC400/540\GDLC400/540-B5-002\LC400/540\Cr30A</t>
  </si>
  <si>
    <t>【五二五】叶轮\LC40/400T\GDLC40/400-W6-002\LC40/400T\Cr26</t>
  </si>
  <si>
    <t>【五二五】叶轮\LC40/250T\GDLC40/250-B3-002\LC40/250T\Cr26</t>
  </si>
  <si>
    <t>【五二五】叶轮\LC300/500\GDLC300/500-B4-002\LC300/500\Cr30A</t>
  </si>
  <si>
    <t>【五二五】叶轮\LC300/450II\GDLC300/450Ⅱ-B6-002\LC300/450II\2507</t>
  </si>
  <si>
    <t>【五二五】叶轮\LC200/350II\GDLC200/350II-002\LC200/350II\Cr30A</t>
  </si>
  <si>
    <t>【五二五】叶轮\LC200/300II\GDLC200/300II-B5-002\LC200/300II\Cr30A</t>
  </si>
  <si>
    <t>【五二五】叶轮\PLC100/320\GDLC100/320-B4-002\PLC100/320\Cr30</t>
  </si>
  <si>
    <t>【五二五】叶轮\LB250-400\GDLB250-400-002BE1\LB250-400\2605</t>
  </si>
  <si>
    <t>【五二五】叶轮\IHE80-65-125\GDIHE80-65-125-S3-B6-002\IHE80-65-125\2605</t>
  </si>
  <si>
    <t>【五二五】叶轮\IHE65-40-250\GDIHE65-40-250-S3-B3-002\IHE65-40-250\316L</t>
  </si>
  <si>
    <t>【五二五】叶轮\IHE50-32-250\GDIHE50-32-250-S3-B4-002\IHE50-32-250\2605N</t>
  </si>
  <si>
    <t>【五二五】叶轮\IHE100-65-200\GDIHE100-65-200-S3-B6-002\IHE100-65-200\2605</t>
  </si>
  <si>
    <t>【五二五】叶轮\HZ350\GDHZ350-001\HZ350</t>
  </si>
  <si>
    <t>【五二五】叶轮\FYL50-250A\GDFYL80-50-250A-W6-002\FYL50-250A\2605</t>
  </si>
  <si>
    <t>【五二五】压环\LC40/400T\GDLC65/400T-012\LC40/400T\A3</t>
  </si>
  <si>
    <t>【五二五】压环\PLC80/210T\GDLC50/210T-012\PLC80/210T\A3</t>
  </si>
  <si>
    <t>【五二五】压环\LC40/250T\GDLC40/250T-012\LC40/250T\A3</t>
  </si>
  <si>
    <t>【五二五】压环\LC300/450II\GDLC300/450Ⅱ-005\LC300/450II\ZG230-450</t>
  </si>
  <si>
    <t>【五二五】压盖\LC800/980II\GDLC800/980II-003\LC800/980II\A3</t>
  </si>
  <si>
    <t>【五二五】压盖\LC650/900II\GDLC650/900II-003\LC650/900II\A3</t>
  </si>
  <si>
    <t>【五二五】压盖\LC450/635II\GDLC500/630Ⅱ-003\LC450/635II\A3</t>
  </si>
  <si>
    <t>【五二五】压盖\LC400/540\GDLC400/540II-003\LC400/540\ZG230-450</t>
  </si>
  <si>
    <t>【五二五】压盖\LC300/500\GDLC300/500Ⅱ-003\LC300/500\ZG230-450</t>
  </si>
  <si>
    <t>【五二五】压盖\LC200/300II\GDLC200/300II-005\LC200/300II\ZG230-450</t>
  </si>
  <si>
    <t>【五二五】悬架支架\LC400/540\GDLK7×605-012\LC400/540\HT200</t>
  </si>
  <si>
    <t>【五二五】悬架支架\LC300/450II\GDLK7×450-012\LC300/450II\A3</t>
  </si>
  <si>
    <t>【五二五】悬架支架\LC300/500\GDLK6×500-012\LC300/500\HT200</t>
  </si>
  <si>
    <t>【五二五】悬架支架\LB250-400\GDLK5×355-012A\LB250-400\HT200</t>
  </si>
  <si>
    <t>【五二五】悬架支架\LC200/300II\GDLC200/400-012\LC200/300II\HT200</t>
  </si>
  <si>
    <t>【五二五】悬架支架\LC200/350II\GDLB-LK5×350-012A\LC200/350II\HT200</t>
  </si>
  <si>
    <t>【五二五】悬架支架\IHE100-65-200\GDB5111-82-35×180\IHE100-65-200\HT200</t>
  </si>
  <si>
    <t>【五二五】悬架支架\IHE50-32-250\GDB5111-82-35×180\IHE50-32-250\HT200</t>
  </si>
  <si>
    <t>【五二五】悬架支架\IHE65-40-250\GDB5111-82-35×180\IHE65-40-250\HT200</t>
  </si>
  <si>
    <t>【五二五】悬架支架\IHE80-65-125\GDB5111-82-25×132\IHE80-65-125\HT200</t>
  </si>
  <si>
    <t>【五二五】悬架体\LC300/450II\GDLK7-004E3\LC300/450II\HT200</t>
  </si>
  <si>
    <t>【五二五】悬架体\LC400/540\GDLK7-004E3\LC400/540\HT200</t>
  </si>
  <si>
    <t>【五二五】悬架体\LC300/500\GDLK6-004E3\LC300/500\HT200</t>
  </si>
  <si>
    <t>【五二五】悬架体\LB250-400\GDLK5-004E5\LB250-400\HT200</t>
  </si>
  <si>
    <t>【五二五】悬架体\LC200/300II\GDLK5-004E5\LC200/300II\HT200</t>
  </si>
  <si>
    <t>【五二五】悬架体\LC200/350II\GDLK5-004E5\LC200/350II\HT200</t>
  </si>
  <si>
    <t>【五二五】悬架体\IHE100-65-200\GDB1209-97-35-01E1\IHE100-65-200\HT200</t>
  </si>
  <si>
    <t>【五二五】悬架体\IHE50-32-250\GDB1209-97-35-01E1\IHE50-32-250\HT200</t>
  </si>
  <si>
    <t>【五二五】悬架体\IHE65-40-250\GDB1209-97-35-01E1\IHE65-40-250\HT200</t>
  </si>
  <si>
    <t>【五二五】悬架体\IHE80-65-125\GDB1209-97-25-01E1\IHE80-65-125\HT200</t>
  </si>
  <si>
    <t>【五二五】下压盖\FYL50-250A\GDTJ426-380-007\FYL50-250A\2605</t>
  </si>
  <si>
    <t>【五二五】下挡油环\PLC100/320\GDPLC550-009\PLC100/320\ZG230-450</t>
  </si>
  <si>
    <t>【五二五】下挡油环\PLC65/400\GDPLC550-009\PLC65/400\ZG230-450</t>
  </si>
  <si>
    <t>【五二五】下挡油环\PLC80/210T\GDPLC420-009\PLC80/210T\ZG230-450</t>
  </si>
  <si>
    <t>【五二五】吸液管\PLC65/400\GDPLC-XYG-Φ80(L=500)\PLC65/400\FRPP</t>
  </si>
  <si>
    <t>【五二五】吸液管\PLC80/210T\GDPLC-XYG-Φ80\PLC80/210T\316L</t>
  </si>
  <si>
    <t>【五二五】吸入罩\PLC100/320\GDPLC-XRZ-Φ150\PLC100/320\316L</t>
  </si>
  <si>
    <t>【五二五】弯管\PLC80/210T\GDPLC80/210-001\PLC80/210T\HT200</t>
  </si>
  <si>
    <t>【五二五】弯管\PLC65/400\GDPLC65/310-001\PLC65/400\CD4MCu</t>
  </si>
  <si>
    <t>【五二五】弯管\PLC100/320\GDPLC100/300-001\PLC100/320\2605</t>
  </si>
  <si>
    <t>【五二五】弯管\FYL50-250A\GDFYL80-50-250-003\FYL50-250A\2605</t>
  </si>
  <si>
    <t>【五二五】托架支架\LCP250-500\GDLCP-LK6×500-012\LCP250-500\HT200</t>
  </si>
  <si>
    <t>【五二五】托架支架\LCP200-315\GDLCP-LK5×500-012\LCP200-315\HT200</t>
  </si>
  <si>
    <t>【五二五】托架支架\LCP200-400\GDLCP-LK5×500-012\LCP200-400\HT200</t>
  </si>
  <si>
    <t>【五二五】托架支架\LCP80-315\GDLCP-LK4×400-012\LCP80-315\HT200</t>
  </si>
  <si>
    <t>【五二五】托架支架\LCP100-200\GDLCP-LK3×315-012\LCP100-200\HT200</t>
  </si>
  <si>
    <t>【五二五】托架支架\LCP32-250\GDLCP-LK3×315-012\LCP32-250\HT200</t>
  </si>
  <si>
    <t>【五二五】托架支架\LCP40-250\GDLCP-LK3×315-012\LCP40-250\HT200</t>
  </si>
  <si>
    <t>【五二五】托架支架\LCP50-250\GDLCP-LK3×250-012\LCP50-250\HT200</t>
  </si>
  <si>
    <t>【五二五】托架\LCP250-500\GDLCP-LK6×500-003-E1\LCP250-500\ZG230-450</t>
  </si>
  <si>
    <t>【五二五】托架\LCP200-400\GDLCP-LK5×400-003-E1\LCP200-400\ZG230-450</t>
  </si>
  <si>
    <t>【五二五】托架\LCP200-315\GDLCP-LK5×315-003-E1\LCP200-315\ZG230-450</t>
  </si>
  <si>
    <t>【五二五】托架\LCP80-315\GDLCP-LK4×315-003-E1\LCP80-315\ZG230-450</t>
  </si>
  <si>
    <t>【五二五】托架\LCP50-250\GDLCP-LK3×250-003-E1\LCP50-250\ZG230-450</t>
  </si>
  <si>
    <t>【五二五】托架\LCP100-200\GDLCP-LK3×200-003-E1\LCP100-200\ZG230-450</t>
  </si>
  <si>
    <t>【五二五】托架\LCP32-250\GDLCP-LK2×250-003-E1\LCP32-250\ZG230-450</t>
  </si>
  <si>
    <t>【五二五】托架\LCP40-250\GDLCP-LK2×250-003-E1\LCP40-250\ZG230-450</t>
  </si>
  <si>
    <t>【五二五】托架\LC800/980II\GDLC800/980-011E5\LC800/980II\HT200</t>
  </si>
  <si>
    <t>【五二五】托架\LC650/900II\GDLC650/900-011\LC650/900II\HT200</t>
  </si>
  <si>
    <t>【五二五】托架\LC450/635II\GDLC500/630-011\LC450/635II\HT200</t>
  </si>
  <si>
    <t>【五二五】托架\LCF25/350I\GDLC50/350N2T-020\LCF25/350I\HT200</t>
  </si>
  <si>
    <t>【五二五】托架\LCF250/430\GDLC-400F-001E1\LCF250/430\HT200</t>
  </si>
  <si>
    <t>【五二五】托架\LCF100/320\GDLC-250-F-003\LCF100/320\HT200</t>
  </si>
  <si>
    <t>【五二五】托架\LCF100/350\GDLC-250-F-003\LCF100/350\HT200</t>
  </si>
  <si>
    <t>【五二五】托架\LCF150/300\GDLC-250-F-003\LCF150/300\HT200</t>
  </si>
  <si>
    <t>【五二五】托架\LCF150/350\GDLC-250-F-003\LCF150/350\HT200</t>
  </si>
  <si>
    <t>【五二五】托架\LCF150/350I\GDLC-250-F-003\LCF150/350I\HT200</t>
  </si>
  <si>
    <t>【五二五】托架\LCF50/350N1\GDLC-250-F-003\LCF50/350N1\HT200</t>
  </si>
  <si>
    <t>【五二五】托架\LCF50/350N2\GDLC-250-F-003\LCF50/350N2\HT200</t>
  </si>
  <si>
    <t>【五二五】托架\LCF65/310\GDLC-250-F-003\LCF65/310\HT200</t>
  </si>
  <si>
    <t>【五二五】托架\LCF65/350\GDLC-250-F-003\LCF65/350\HT200</t>
  </si>
  <si>
    <t>【五二五】托架\LC40/400T\GDLC250A-001\LC40/400T\HT200</t>
  </si>
  <si>
    <t>【五二五】托架\LCF50/400I\GDLC250A-001\LCF50/400I\HT200</t>
  </si>
  <si>
    <t>【五二五】托架\LCF65/400\GDLC1208-90-315-01\LCF65/400\HT200</t>
  </si>
  <si>
    <t>【五二五】托架\LCF40/250\GDLC1208-90-180-01E3\LCF40/250\HT200</t>
  </si>
  <si>
    <t>【五二五】托架\LC40/250T\GDLC1208-90-180-01AE3\LC40/250T\HT200</t>
  </si>
  <si>
    <t>【五二五】托架\LCF200/410\GDLC1208-88-355-01F\LCF200/410\HT200</t>
  </si>
  <si>
    <t>【五二五】吐出口短节\HZ350\GDHZ350-003E1\HZ350</t>
  </si>
  <si>
    <t>【五二五】调整螺母\PLC100/320\GDPLC550-006\PLC100/320\45#</t>
  </si>
  <si>
    <t>【五二五】调整螺母\PLC80/210T\GDPLC420-006\PLC80/210T\45</t>
  </si>
  <si>
    <t>【五二五】调整杆\LC800/980II\GDLC700/900-020\LC800/980II\40Cr</t>
  </si>
  <si>
    <t>【五二五】调整杆\LC450/635II\GDLC550/700-020\LC450/635II\40Cr</t>
  </si>
  <si>
    <t>【五二五】调整杆\LC650/900II\GDLC550/700-020\LC650/900II\40Cr</t>
  </si>
  <si>
    <t>【五二五】特殊法兰\IHE100-65-200\GDIH-001\IHE100-65-200\2205</t>
  </si>
  <si>
    <t>【五二五】特殊法兰\IHE50-32-250\GDIH-001\IHE50-32-250\316L</t>
  </si>
  <si>
    <t>【五二五】特殊法兰\IHE65-40-250\GDIH-001\IHE65-40-250\316L</t>
  </si>
  <si>
    <t>【五二五】特殊法兰\IHE80-65-125\GDIH-001\IHE80-65-125\316L</t>
  </si>
  <si>
    <t>【五二五】特殊法兰\LC650/900II\GDLC700/900-021\LC650/900II\CD4MCu</t>
  </si>
  <si>
    <t>【五二五】特殊法兰\LC800/980II\GDLC700/900-021\LC800/980II\2605N</t>
  </si>
  <si>
    <t>【五二五】特殊法兰\LC200/300II\GDLC500/630-021\LC200/300II\2605</t>
  </si>
  <si>
    <t>【五二五】特殊法兰\LC200/350II\GDLC500/630-021\LC200/350II\2605</t>
  </si>
  <si>
    <t>【五二五】特殊法兰\LC300/450II\GDLC500/630-021\LC300/450II\2507</t>
  </si>
  <si>
    <t>【五二五】特殊法兰\LC300/500\GDLC500/630-021\LC300/500\2605</t>
  </si>
  <si>
    <t>【五二五】特殊法兰\LC400/540\GDLC500/630-021\LC400/540\2605</t>
  </si>
  <si>
    <t>【五二五】特殊法兰\LC450/635II\GDLC500/630-021\LC450/635II\2605</t>
  </si>
  <si>
    <t>【五二五】特殊法兰\LCF150/350I\GDLC1208-90-315-14\LCF150/350I\2205</t>
  </si>
  <si>
    <t>【五二五】特殊法兰\PLC65/400\GDLC1208-90-315-14\PLC65/400\316L</t>
  </si>
  <si>
    <t>【五二五】特殊法兰\LCF65/350\GDLC1208-90-250-14\LCF65/350\316L</t>
  </si>
  <si>
    <t>【五二五】特殊法兰\PLC100/320\GDLC1208-90-250-14\PLC100/320\316L</t>
  </si>
  <si>
    <t>【五二五】特殊法兰\LCF40/250\GDLC1208-90-180-14\LCF40/250\2205</t>
  </si>
  <si>
    <t>【五二五】特殊法兰\LCF250/430\GDLC1208-88-355-14\LCF250/430\2205</t>
  </si>
  <si>
    <t>【五二五】特殊法兰\LCF100/320\GDLC1208-88-250-14\LCF100/320\2205</t>
  </si>
  <si>
    <t>【五二五】特殊法兰\LCF100/350\GDLC1208-88-250-14\LCF100/350\2205</t>
  </si>
  <si>
    <t>【五二五】特殊法兰\LCF150/300\GDLC1208-88-250-14\LCF150/300\2205</t>
  </si>
  <si>
    <t>【五二五】特殊法兰\LCF150/350\GDLC1208-88-250-14\LCF150/350\2205</t>
  </si>
  <si>
    <t>【五二五】特殊法兰\LCF50/350N1\GDLC1208-88-250-14\LCF50/350N1\316L</t>
  </si>
  <si>
    <t>【五二五】特殊法兰\LCF50/350N2\GDLC1208-88-250-14\LCF50/350N2\316L</t>
  </si>
  <si>
    <t>【五二五】特殊法兰\LCF50/400I\GDLC1208-88-250-14\LCF50/400I\316L</t>
  </si>
  <si>
    <t>【五二五】特殊法兰\LCF65/310\GDLC1208-88-250-14\LCF65/310\316L</t>
  </si>
  <si>
    <t>【五二五】特殊法兰\LCF65/400\GDLC1208-88-250-14\LCF65/400\316L</t>
  </si>
  <si>
    <t>【五二五】甩油环\LCP32-250\GDLCP-LK2-006\LCP32-250\黄铜</t>
  </si>
  <si>
    <t>【五二五】甩油环\LCP40-250\GDLCP-LK2-006\LCP40-250\黄铜</t>
  </si>
  <si>
    <t>【五二五】甩液环\LCF150/350I\GDLC65/310T-17\LCF150/350I\氯丁橡胶</t>
  </si>
  <si>
    <t>【五二五】甩液环\LCF100/320\GDLC65/310T-017\LCF100/320\氯丁橡胶</t>
  </si>
  <si>
    <t>【五二五】甩液环\LCF100/350\GDLC65/310T-017\LCF100/350\氯丁橡胶</t>
  </si>
  <si>
    <t>【五二五】甩液环\LCF150/300\GDLC65/310T-017\LCF150/300\氯丁橡胶</t>
  </si>
  <si>
    <t>【五二五】甩液环\LCF150/350\GDLC65/310T-017\LCF150/350\氯丁橡胶</t>
  </si>
  <si>
    <t>【五二五】甩液环\LC40/250T\GDLC-180-F-005E1\LC40/250T\A3</t>
  </si>
  <si>
    <t>【五二五】甩液环\LCF40/250\GDLC-180-F-005E1\LCF40/250\A3</t>
  </si>
  <si>
    <t>【五二五】甩液环\LCF200/410\GDLC1208-96-355T-06\LCF200/410\氯丁橡胶</t>
  </si>
  <si>
    <t>【五二五】上挡油环\PLC100/320\GDPLC550-008\PLC100/320\ZG230-450</t>
  </si>
  <si>
    <t>【五二五】上挡油环\PLC65/400\GDPLC550-008\PLC65/400\ZG230-450</t>
  </si>
  <si>
    <t>【五二五】上挡油环\PLC80/210T\GDPLC420-008\PLC80/210T\ZG230-450</t>
  </si>
  <si>
    <t>【五二五】前轴承压盖\LC300/450II\GDLK7-008A\LC300/450II\HT200</t>
  </si>
  <si>
    <t>【五二五】前轴承压盖\LC400/540\GDLK7-008A\LC400/540\HT200</t>
  </si>
  <si>
    <t>【五二五】前轴承压盖\LC800/980II\GDLC900/1150-013\LC800/980II\HT200</t>
  </si>
  <si>
    <t>【五二五】前轴承压盖\LC450/635II\GDLC500/630-013\LC450/635II\HT200</t>
  </si>
  <si>
    <t>【五二五】前轴承压盖\LC200/300II\GDLB-LK5-008B\LC200/300II\HT200</t>
  </si>
  <si>
    <t>【五二五】前轴承压盖\LC200/350II\GDLB-LK5-008B\LC200/350II\HT200</t>
  </si>
  <si>
    <t>【五二五】前轴承压盖\HZ350\GDHZ400-013\HZ350</t>
  </si>
  <si>
    <t>【五二五】前轴承盖\LC300/500\GDLK6-008\LC300/500\HT200</t>
  </si>
  <si>
    <t>【五二五】前轴承盖\LCP250-500\GDLCP-LK6-004\LCP250-500\HT200</t>
  </si>
  <si>
    <t>【五二五】前轴承盖\LCP200-315\GDLCP-LK5-004\LCP200-315\HT200</t>
  </si>
  <si>
    <t>【五二五】前轴承盖\LCP200-400\GDLCP-LK5-004\LCP200-400\HT200</t>
  </si>
  <si>
    <t>【五二五】前轴承盖\LCP80-315\GDLCP-LK4-004\LCP80-315\HT200</t>
  </si>
  <si>
    <t>【五二五】前轴承盖\LCP100-200\GDLCP-LK3-004\LCP100-200\HT200</t>
  </si>
  <si>
    <t>【五二五】前轴承盖\LCP50-250\GDLCP-LK3-004\LCP50-250\HT200</t>
  </si>
  <si>
    <t>【五二五】前轴承盖\LCP32-250\GDLCP-LK2-004\LCP32-250\HT200</t>
  </si>
  <si>
    <t>【五二五】前轴承盖\LCP40-250\GDLCP-LK2-004\LCP40-250\HT200</t>
  </si>
  <si>
    <t>【五二五】前轴承盖\LC650/900II\GDLC600/825-013A\LC650/900II\HT200</t>
  </si>
  <si>
    <t>【五二五】前轴承盖\LB250-400\GDLB-LK5-008B\LB250-400\HT200</t>
  </si>
  <si>
    <t>【五二五】前口环\LCP80-315\GDLCP80-315-004\LCP80-315\304</t>
  </si>
  <si>
    <t>【五二五】前口环\LCP40-250\GDLCP40-250-004\LCP40-250\2605</t>
  </si>
  <si>
    <t>【五二五】前口环\LCP200-315\GDLCP200-315-004\LCP200-315\2507</t>
  </si>
  <si>
    <t>【五二五】前口环\LCP100-200\GDLCP100-200-004\LCP100-200\CD4MCu</t>
  </si>
  <si>
    <t>【五二五】前防尘盘\LC300/450II\GDLK7-022\LC300/450II\HT200</t>
  </si>
  <si>
    <t>【五二五】前防尘盘\LC400/540\GDLK7-022\LC400/540\HT200</t>
  </si>
  <si>
    <t>【五二五】前防尘盘\LC300/500\GDLK6-022B\LC300/500\聚四氟乙烯</t>
  </si>
  <si>
    <t>【五二五】前防尘盘\LB250-400\GDLK5-022B\LB250-400\聚四氟乙烯</t>
  </si>
  <si>
    <t>【五二五】前防尘盘\LC200/300II\GDLK5-022B\LC200/300II\聚四氟乙烯</t>
  </si>
  <si>
    <t>【五二五】前防尘盘\LC200/350II\GDLK5-022B\LC200/350II\聚四氟乙烯</t>
  </si>
  <si>
    <t>【五二五】前防尘盘\LC800/980II\GDLC900/1150-015\LC800/980II\HT200</t>
  </si>
  <si>
    <t>【五二五】前防尘盘\LC650/900II\GDLC600/825-015A\LC650/900II\HT200</t>
  </si>
  <si>
    <t>【五二五】前防尘盘\LC450/635II\GDLC500/630-015\LC450/635II\HT200</t>
  </si>
  <si>
    <t>【五二五】前挡酸盘\HZ350\GDHZ400-015\HZ350</t>
  </si>
  <si>
    <t>【五二五】前泵盖\FYL50-250A\GDFYL80-50-250A-014\FYL50-250A\2605</t>
  </si>
  <si>
    <t>【五二五】耐磨板\LCF250/430\GDLCT-H355-003\LCF250/430\Cr30</t>
  </si>
  <si>
    <t>【五二五】耐磨板\LCF65/400\GDLCF65/400I-S25-W6-005\LCF65/400\2605</t>
  </si>
  <si>
    <t>【五二五】耐磨板\LCF25/350I\GDLCF25/350-003\LCF25/350I\Cr30</t>
  </si>
  <si>
    <t>【五二五】耐磨板\LC800/980II\GDLC800/980II-004\LC800/980II\Cr30</t>
  </si>
  <si>
    <t>【五二五】耐磨板\LC650/900II\GDLC650/900II-004E1\LC650/900II\CD4MCu</t>
  </si>
  <si>
    <t>【五二五】耐磨板\LCF100/320\GDLC65/310T-003\LCF100/320\Cr30</t>
  </si>
  <si>
    <t>【五二五】耐磨板\LCF65/310\GDLC65/310T-003\LCF65/310\CD4MCu</t>
  </si>
  <si>
    <t>【五二五】耐磨板\LCF50/400I\GDLC50/400T-003\LCF50/400I\CD4MCu</t>
  </si>
  <si>
    <t>【五二五】耐磨板\LCF50/350N2\GDLC50/350TN2-3\LCF50/350N2\CD4MCu</t>
  </si>
  <si>
    <t>【五二五】耐磨板\LCF65/350\GDLC50/350TN2-3\LCF65/350\Cr30</t>
  </si>
  <si>
    <t>【五二五】耐磨板\LCF50/350N1\GDLC50/350TN1-3\LCF50/350N1\DF2</t>
  </si>
  <si>
    <t>【五二五】耐磨板\PLC80/210T\GDLC50/210T-003\PLC80/210T\Cr26</t>
  </si>
  <si>
    <t>【五二五】耐磨板\LC450/635II\GDLC450/635Ⅱ-004\LC450/635II\Cr30</t>
  </si>
  <si>
    <t>【五二五】耐磨板\LC400/540\GDLC400/540II-005\LC400/540\Cr30</t>
  </si>
  <si>
    <t>【五二五】耐磨板\LC40/400T\GDLC40/400T-003\LC40/400T\Cr26</t>
  </si>
  <si>
    <t>【五二五】耐磨板\LC40/250T\GDLC40/250T-003\LC40/250T\Cr26</t>
  </si>
  <si>
    <t>【五二五】耐磨板\LCF40/250\GDLC40/250-004\LCF40/250\2605</t>
  </si>
  <si>
    <t>【五二五】耐磨板\LC300/500\GDLC300/500Ⅱ-005\LC300/500\Cr30</t>
  </si>
  <si>
    <t>【五二五】耐磨板\LC300/450II\GDLC300/450Ⅱ-004\LC300/450II\2507</t>
  </si>
  <si>
    <t>【五二五】耐磨板\LCF200/410\GDLC200/410-004\LCF200/410\Cr30A</t>
  </si>
  <si>
    <t>【五二五】耐磨板\LC200/350II\GDLC200/350II-004\LC200/350II\Cr30</t>
  </si>
  <si>
    <t>【五二五】耐磨板\LC200/300II\GDLC200/300II-004\LC200/300II\Cr30</t>
  </si>
  <si>
    <t>【五二五】耐磨板\LCF100/350\GDLC100/350T-3\LCF100/350\Cr30</t>
  </si>
  <si>
    <t>【五二五】耐磨板\LCF150/350\GDLC100/350T-3\LCF150/350\Cr30</t>
  </si>
  <si>
    <t>【五二五】耐磨板\LCF150/350I\GDLC100/350T-3\LCF150/350I\Cr30</t>
  </si>
  <si>
    <t>【五二五】耐磨板\LCF150/300\GDLC100/300T-003\LCF150/300\Cr30</t>
  </si>
  <si>
    <t>【五二五】螺母\LC650/900II\GDLC600/825II-007E1\LC650/900II\304</t>
  </si>
  <si>
    <t>【五二五】螺母\LC450/635II\GDLC500/630II-007E1\LC450/635II\304</t>
  </si>
  <si>
    <t>【五二五】联轴器\LCP50-250\GDTDE4-22X-55×110/42×82-140\LCP50-250\ZG</t>
  </si>
  <si>
    <t>【五二五】联轴器\LCP200-315\GDTDE4-112X-65×140/ 65×105-180\LCP200-315\ZG</t>
  </si>
  <si>
    <t>【五二五】联轴器\LCF65/400\GDLT9-YA60×142/60×142\LCF65/400\HT200</t>
  </si>
  <si>
    <t>【五二五】联轴器\PLC100/320\GDLT9-YA60×142/60×142\PLC100/320\HT200</t>
  </si>
  <si>
    <t>【五二五】联轴器\PLC65/400\GDLT9-YA60×142/60×142\PLC65/400\HT200</t>
  </si>
  <si>
    <t>【五二五】联轴器\LCF50/400I\GDLT9-YA60×142/45×112\LCF50/400I\HT200</t>
  </si>
  <si>
    <t>【五二五】联轴器\LCP100-200\GDLT8-YA60×140/YA42×82\LCP100-200\HT200</t>
  </si>
  <si>
    <t>【五二五】联轴器\LCF50/350N2\GDLT8-YA48×112/45×112\LCF50/350N2\HT200</t>
  </si>
  <si>
    <t>【五二五】联轴器\LCF65/310\GDLT8-YA48×112/45×112\LCF65/310\HT200</t>
  </si>
  <si>
    <t>【五二五】联轴器\LCF40/250\GDLT8-YA48×112/40×112\LCF40/250\HT200</t>
  </si>
  <si>
    <t>【五二五】联轴器\LCF25/350I\GDLT7-YA42×112/45×112\LCF25/350I\HT200</t>
  </si>
  <si>
    <t>【五二五】联轴器\LCF50/350N1\GDLT7-YA42×112/45×112\LCF50/350N1\HT200</t>
  </si>
  <si>
    <t>【五二五】联轴器\PLC80/210T\GDLT7-YA38×82/40×112\PLC80/210T\HT200</t>
  </si>
  <si>
    <t>【五二五】联轴器\LCF250/430\GDLT11-YA80×172/YA80×172\LCF250/430\HT200</t>
  </si>
  <si>
    <t>【五二五】联轴器\LCP250-500\GDJMIIJ7×250-YA80×172/YA80×132\LCP250-500\HT200</t>
  </si>
  <si>
    <t>【五二五】联轴器\LCP200-400\GDJMIIJ6-YA80×172/YA65×107-180\LCP200-400\HT200</t>
  </si>
  <si>
    <t>【五二五】联轴器\LCP32-250\GDJMⅡJ2-YA42×112/YA32×60-140\LCP32-250\45</t>
  </si>
  <si>
    <t>【五二五】联轴器\LCP40-250\GDJMⅡJ2-YA42×112/YA32×60-140\LCP40-250\HT200</t>
  </si>
  <si>
    <t>【五二五】联轴器\LCP80-315\GDDML4A-140-YA65×142/YA48×84-180\LCP80-315\45</t>
  </si>
  <si>
    <t>【五二五】静环\PLC100/320\GDPLC550-011\PLC100/320\2605</t>
  </si>
  <si>
    <t>【五二五】静环\PLC80/210T\GDPLC420-011\PLC80/210T\2605</t>
  </si>
  <si>
    <t>【五二五】紧固螺母\LC650/900II\GDLC-DZ-005\LC650/900II\A3</t>
  </si>
  <si>
    <t>【五二五】紧固螺母\LC300/450II\GDLC-DZ-003\LC300/450II\A3</t>
  </si>
  <si>
    <t>【五二五】紧固螺母\LC400/540\GDLC-DZ-003\LC400/540\A3</t>
  </si>
  <si>
    <t>【五二五】紧固螺母\LC300/500\GDLC-DZ-002\LC300/500\A3</t>
  </si>
  <si>
    <t>【五二五】接合板\LCF50/400I\GDLC50/400T-006A\LCF50/400I\A3</t>
  </si>
  <si>
    <t>【五二五】接合板\LC40/400T\GDLC40/400T-006\LC40/400T\A3</t>
  </si>
  <si>
    <t>【五二五】机封防护罩\LC40/400T\GDLC250A-JFFHZ-001E1\LC40/400T\A3</t>
  </si>
  <si>
    <t>【五二五】机封防护罩\LC200/350II\GDLC200-350-JFFHZ-001\LC200/350II\304</t>
  </si>
  <si>
    <t>【五二五】机封短套\LC800/980II\GDLC900/1150-010\LC800/980II\2605N</t>
  </si>
  <si>
    <t>【五二五】机封短套\LC650/900II\GDLC600/825-010\LC650/900II\CD4MCu</t>
  </si>
  <si>
    <t>【五二五】机封短套\LC450/635II\GDLC500/630-010\LC450/635II\2605N</t>
  </si>
  <si>
    <t>【五二五】机封短套\LB250-400\GDLB-LK5-011\LB250-400\2205</t>
  </si>
  <si>
    <t>【五二五】机封泵盖\LCP32-250\GDLCP32-250-S-003\LCP32-250\2605</t>
  </si>
  <si>
    <t>【五二五】机封泵盖\LCP250-500\GDLCP250-500-S-003E1\LCP250-500\MM-4</t>
  </si>
  <si>
    <t>【五二五】机封泵盖\LCP200-400\GDLCP200-400-S-003\LCP200-400\2605N</t>
  </si>
  <si>
    <t>【五二五】护轴套\HZ350\GDHZ400-005\HZ350</t>
  </si>
  <si>
    <t>【五二五】后轴承压盖\LC800/980II\GDLC1000/1200II-014\LC800/980II\HT200</t>
  </si>
  <si>
    <t>【五二五】后轴承压盖\HZ350\GDHZ400-011\HZ350</t>
  </si>
  <si>
    <t>【五二五】后轴承盖\LC300/450II\GDLK7-005\LC300/450II\HT200</t>
  </si>
  <si>
    <t>【五二五】后轴承盖\LC400/540\GDLK7-005\LC400/540\HT200</t>
  </si>
  <si>
    <t>【五二五】后轴承盖\LC300/500\GDLK6-005\LC300/500\HT200</t>
  </si>
  <si>
    <t>【五二五】后轴承盖\LB250-400\GDLK5-005\LB250-400\HT200</t>
  </si>
  <si>
    <t>【五二五】后轴承盖\LC200/300II\GDLK5-005\LC200/300II\HT200</t>
  </si>
  <si>
    <t>【五二五】后轴承盖\LC200/350II\GDLK5-005\LC200/350II\HT200</t>
  </si>
  <si>
    <t>【五二五】后轴承盖\LCP250-500\GDLCP-LK6-005\LCP250-500\HT200</t>
  </si>
  <si>
    <t>【五二五】后轴承盖\LCP200-315\GDLCP-LK5-005\LCP200-315\HT200</t>
  </si>
  <si>
    <t>【五二五】后轴承盖\LCP200-400\GDLCP-LK5-005\LCP200-400\HT200</t>
  </si>
  <si>
    <t>【五二五】后轴承盖\LCP80-315\GDLCP-LK4-005\LCP80-315\HT200</t>
  </si>
  <si>
    <t>【五二五】后轴承盖\LCP100-200\GDLCP-LK3-005\LCP100-200\HT200</t>
  </si>
  <si>
    <t>【五二五】后轴承盖\LCP50-250\GDLCP-LK3-005\LCP50-250\HT200</t>
  </si>
  <si>
    <t>【五二五】后轴承盖\LCP32-250\GDLCP-LK2-005\LCP32-250\HT200</t>
  </si>
  <si>
    <t>【五二五】后轴承盖\LCP40-250\GDLCP-LK2-005\LCP40-250\HT200</t>
  </si>
  <si>
    <t>【五二五】后轴承盖\LC650/900II\GDLC650/900-014\LC650/900II\HT200</t>
  </si>
  <si>
    <t>【五二五】后轴承盖\LC450/635II\GDLC500/630-014\LC450/635II\HT200</t>
  </si>
  <si>
    <t>【五二五】后口环\LCP80-315\GDLCP80-315-005\LCP80-315\304</t>
  </si>
  <si>
    <t>【五二五】后口环\LCP50-250\GDLCP50-250-005\LCP50-250\2507</t>
  </si>
  <si>
    <t>【五二五】后口环\LCP40-250\GDLCP40-250-005\LCP40-250\2605</t>
  </si>
  <si>
    <t>【五二五】后口环\LCP200-315\GDLCP200-315-005\LCP200-315\2507</t>
  </si>
  <si>
    <t>【五二五】后口环\LCP100-200\GDLCP100-200-005\LCP100-200\CD4MCu</t>
  </si>
  <si>
    <t>【五二五】后防尘盘\LC300/450II\GDLK7-024\LC300/450II\HT200</t>
  </si>
  <si>
    <t>【五二五】后防尘盘\LC400/540\GDLK7-024\LC400/540\HT200</t>
  </si>
  <si>
    <t>【五二五】后防尘盘\LC300/500\GDLK6-023B\LC300/500\聚四氟乙烯</t>
  </si>
  <si>
    <t>【五二五】后防尘盘\LB250-400\GDLK5-023B\LB250-400\聚四氟乙烯</t>
  </si>
  <si>
    <t>【五二五】后防尘盘\LC650/900II\GDLC650/900-016\LC650/900II\HT200</t>
  </si>
  <si>
    <t>【五二五】后防尘盘\LC450/635II\GDLC500/630-016E3\LC450/635II\HT200</t>
  </si>
  <si>
    <t>【五二五】后防尘盘\LC800/980II\GDLC1000/1200II-016\LC800/980II\HT200</t>
  </si>
  <si>
    <t>【五二五】后防尘盖\LC200/300II\GDLK5-023B\LC200/300II\聚四氟乙烯</t>
  </si>
  <si>
    <t>【五二五】后防尘盖\LC200/350II\GDLK5-023B\LC200/350II\聚四氟乙烯</t>
  </si>
  <si>
    <t>【五二五】后挡酸盘\HZ350\GDHZ400-012\HZ350</t>
  </si>
  <si>
    <t>【五二五】后泵盖\LC800/980II\GDLC800/980-009\LC800/980II\Cr30</t>
  </si>
  <si>
    <t>【五二五】后泵盖\LC650/900II\GDLC650/900-009\LC650/900II\CD4MCu</t>
  </si>
  <si>
    <t>【五二五】后泵盖\LC450/635II\GDLC450/635-009\LC450/635II\Cr30</t>
  </si>
  <si>
    <t>【五二五】后泵盖\LC400/540\GDLC400/540-006\LC400/540\Cr30</t>
  </si>
  <si>
    <t>【五二五】后泵盖\LC300/500\GDLC300/500-004\LC300/500\Cr30</t>
  </si>
  <si>
    <t>【五二五】后泵盖\LC200/350II\GDLC200/350II-003\LC200/350II\Cr30</t>
  </si>
  <si>
    <t>【五二五】后泵盖\LC200/300II\GDLC200/300II-003\LC200/300II\Cr30</t>
  </si>
  <si>
    <t>【五二五】短节\PLC100/320\GDCH-YHDC-DJ-001\PLC100/320\316L</t>
  </si>
  <si>
    <t>【五二五】电联轴节\FYL50-250A\GDFYL80-50-250-009-Y132\FYL50-250A\HT200</t>
  </si>
  <si>
    <t>【五二五】电机座\FYL50-250A\GDFYL80-50-250-008\FYL50-250A\HT200</t>
  </si>
  <si>
    <t>【五二五】电机支架\PLC100/320\GDPLC550-H000-Y225\PLC100/320\HT200</t>
  </si>
  <si>
    <t>【五二五】电机支架\PLC65/400\GDPLC550-H000-Y225\PLC65/400\HT200</t>
  </si>
  <si>
    <t>【五二五】电机支架\PLC80/210T\GDPLC420-H000-Y132\PLC80/210T\HT200</t>
  </si>
  <si>
    <t>【五二五】挡油环 II\FYL50-250A\GDTJ426-380-005\FYL50-250A\HT200</t>
  </si>
  <si>
    <t>【五二五】挡油环 I\FYL50-250A\GDTJ426-380-008\FYL50-250A\HT200</t>
  </si>
  <si>
    <t>【五二五】挡油环\LCF250/430\GDLC-400F-008\LCF250/430\ZG230-450</t>
  </si>
  <si>
    <t>【五二五】挡油环\LCF65/400\GDLC1208-90-315-05\LCF65/400\ZG230-450</t>
  </si>
  <si>
    <t>【五二五】挡油环\LCF200/410\GDLC1208-88-355-05\LCF200/410\ZG230-450</t>
  </si>
  <si>
    <t>【五二五】挡油环\LCF100/320\GDLC1208-88-250-05\LCF100/320\ZG230-450</t>
  </si>
  <si>
    <t>【五二五】挡油环\LCF100/350\GDLC1208-88-250-05\LCF100/350\ZG230-450</t>
  </si>
  <si>
    <t>【五二五】挡油环\LCF150/300\GDLC1208-88-250-05\LCF150/300\ZG230-450</t>
  </si>
  <si>
    <t>【五二五】挡油环\LCF150/350I\GDLC1208-88-250-05\LCF150/350I\ZG230-450</t>
  </si>
  <si>
    <t>【五二五】挡油环\LCF25/350I\GDLC1208-88-250-05\LCF25/350I\ZG230-450</t>
  </si>
  <si>
    <t>【五二五】挡油环\LCF65/310\GDLC1208-88-250-05\LCF65/310\ZG230-450</t>
  </si>
  <si>
    <t>【五二五】挡油环\LCF65/350\GDLC1208-88-250-05\LCF65/350\A3</t>
  </si>
  <si>
    <t>【五二五】出液管\PLC80/210T\GDPLC80/210-002-03\PLC80/210T\A3</t>
  </si>
  <si>
    <t>【五二五】出液管\PLC65/400\GDPLC65/310-002-02\PLC65/400\316L</t>
  </si>
  <si>
    <t>【五二五】出液管\PLC100/320\GDPLC100/300-002-03\PLC100/320\316L</t>
  </si>
  <si>
    <t>【五二五】出液管\FYL50-250A\GDFYL80-50-250-004-02\FYL50-250A\316L</t>
  </si>
  <si>
    <t>【五二五】衬套\LCF150/300\GDLC65/310T-013\LCF150/300\45</t>
  </si>
  <si>
    <t>【五二五】衬环\LC40/400T\GDLC65/310T-013\LC40/400T\45</t>
  </si>
  <si>
    <t>【五二五】衬环\LCF100/320\GDLC65/310T-013\LCF100/320\45</t>
  </si>
  <si>
    <t>【五二五】衬环\LCF100/350\GDLC65/310T-013\LCF100/350\45</t>
  </si>
  <si>
    <t>【五二五】泵联轴节\FYL50-250A\GDFYL80-50-250-011\FYL50-250A\HT200</t>
  </si>
  <si>
    <t>【五二五】泵壳支座\LCP80-315\GDLCP80-400A-007\LCP80-315\A3</t>
  </si>
  <si>
    <t>【五二五】泵壳支座\LCP100-200\GDLCP80-250A-007\LCP100-200\A3</t>
  </si>
  <si>
    <t>【五二五】泵壳支座\LCP50-250\GDLCP50-250-A007\LCP50-250\A3</t>
  </si>
  <si>
    <t>【五二五】泵壳支座\LCP40-250\GDLCP40-250A-007\LCP40-250\A3</t>
  </si>
  <si>
    <t>【五二五】泵壳支座\LCP32-250\GDLCP32-250-007A\LCP32-250\A3</t>
  </si>
  <si>
    <t>【五二五】泵壳支座\LCP250-500\GDLCP200-500A-007\LCP250-500\A3</t>
  </si>
  <si>
    <t>【五二五】泵壳支座\LCP200-400\GDLCP200-400-A007\LCP200-400\A3</t>
  </si>
  <si>
    <t>【五二五】泵壳支座\LCP200-315\GDLCP200-400A-007\LCP200-315\A3</t>
  </si>
  <si>
    <t>【五二五】泵壳口环\LCP50-250\GDLCP50-250-004\LCP50-250\2507</t>
  </si>
  <si>
    <t>【五二五】泵壳口环\LCP32-250\GDLCP32-250-004\LCP32-250\2605</t>
  </si>
  <si>
    <t>【五二五】泵壳口环\LCP250-500\GDLCP250-500-004\LCP250-500\MM-4</t>
  </si>
  <si>
    <t>【五二五】泵壳口环\LB250-400\GDLB250-400-004\LB250-400\2605</t>
  </si>
  <si>
    <t>【五二五】泵壳\LCP50-250\GDZY-WHWF-LCP50-250-001-E2-I\LCP50-250\2507</t>
  </si>
  <si>
    <t>【五二五】泵壳\PLC80/210T\GDPLC80/210T-001\PLC80/210T\Cr26</t>
  </si>
  <si>
    <t>【五二五】泵壳\LCP80-315\GDLCP80-315-001-E2-I\LCP80-315\304</t>
  </si>
  <si>
    <t>【五二五】泵壳\LCP40-250\GDLCP40-250-001-E3\LCP40-250\2507</t>
  </si>
  <si>
    <t>【五二五】泵壳\LCP32-250\GDLCP32-250-001-E4-I\LCP32-250\2605</t>
  </si>
  <si>
    <t>【五二五】泵壳\LCP250-500\GDLCP250-500-001\LCP250-500\MM-4</t>
  </si>
  <si>
    <t>【五二五】泵壳\LCP200-400\GDLCP200-400-001\LCP200-400\2605N</t>
  </si>
  <si>
    <t>【五二五】泵壳\LCP200-315\GDLCP200-315-001-E2\LCP200-315\2507</t>
  </si>
  <si>
    <t>【五二五】泵壳\LCP100-200\GDLCP100-200-001-E1\LCP100-200\CD4MCu</t>
  </si>
  <si>
    <t>【五二五】泵壳\LCF50/400I\GDLCF50/400-001AE1\LCF50/400I\CD4MCu</t>
  </si>
  <si>
    <t>【五二五】泵壳\LCF25/350I\GDLCF25/350-001\LCF25/350I\Cr30</t>
  </si>
  <si>
    <t>【五二五】泵壳\LC800/980II\GDLC800/980Ⅱ-001\LC800/980II\2605N</t>
  </si>
  <si>
    <t>【五二五】泵壳\LC650/900II\GDLC650/900-001E1\LC650/900II\CD4MCu</t>
  </si>
  <si>
    <t>【五二五】泵壳\LCF65/400\GDLC65/400-001E1\LCF65/400\2605</t>
  </si>
  <si>
    <t>【五二五】泵壳\PLC65/400\GDLC65/400-001E1\PLC65/400\CD4MCu</t>
  </si>
  <si>
    <t>【五二五】泵壳\LCF65/350\GDLC65/350I-001E1\LCF65/350\CD4MCu</t>
  </si>
  <si>
    <t>【五二五】泵壳\LCF65/310\GDLC65/310-001E1\LCF65/310\CD4MCu</t>
  </si>
  <si>
    <t>【五二五】泵壳\LCF50/350N2\GDLC50/350N2-001E1\LCF50/350N2\CD4MCu</t>
  </si>
  <si>
    <t>【五二五】泵壳\LCF50/350N1\GDLC50/350N1-001E1\LCF50/350N1\Cr30</t>
  </si>
  <si>
    <t>【五二五】泵壳\LC450/635II\GDLC450/635-001\LC450/635II\2605N</t>
  </si>
  <si>
    <t>【五二五】泵壳\LC400/540\GDLC400/540-001\LC400/540\2605N</t>
  </si>
  <si>
    <t>【五二五】泵壳\LC40/400T\GDLC40/400T-001\LC40/400T\Cr26</t>
  </si>
  <si>
    <t>【五二五】泵壳\LC40/250T\GDLC40/250T-001\LC40/250T\Cr26</t>
  </si>
  <si>
    <t>【五二五】泵壳\LCF40/250\GDLC40/250-001E1\LCF40/250\2605</t>
  </si>
  <si>
    <t>【五二五】泵壳\LC300/500\GDLC300/500-001\LC300/500\2605N</t>
  </si>
  <si>
    <t>【五二五】泵壳\LC300/450II\GDLC300/450II-001\LC300/450II\2507</t>
  </si>
  <si>
    <t>【五二五】泵壳\LCF250/430\GDLC250/430-001E1\LCF250/430\Cr30</t>
  </si>
  <si>
    <t>【五二五】泵壳\LCF200/410\GDLC200/410-001E1-SH\LCF200/410\Cr30A</t>
  </si>
  <si>
    <t>【五二五】泵壳\LC200/350II\GDLC200/350II-001\LC200/350II\2605N</t>
  </si>
  <si>
    <t>【五二五】泵壳\LC200/300II\GDLC200/300II-001\LC200/300II\2605N</t>
  </si>
  <si>
    <t>【五二五】泵壳\LCF150/350\GDLC150/350-001E1\LCF150/350\Cr30</t>
  </si>
  <si>
    <t>【五二五】泵壳\LCF150/350I\GDLC150/350-001E1\LCF150/350I\Cr30</t>
  </si>
  <si>
    <t>【五二五】泵壳\LCF100/350\GDLC100/350-001E1\LCF100/350\Cr30</t>
  </si>
  <si>
    <t>【五二五】泵壳\LCF100/320\GDLC100/320-001E1\LCF100/320\Cr30</t>
  </si>
  <si>
    <t>【五二五】泵壳\PLC100/320\GDLC100/320-001E1\PLC100/320\Cr30</t>
  </si>
  <si>
    <t>【五二五】泵壳\LCF150/300\GDLC100/300-001E1\LCF150/300\Cr30</t>
  </si>
  <si>
    <t>【五二五】泵壳\LB250-400\GDLB250-400-001\LB250-400\2605</t>
  </si>
  <si>
    <t>【五二五】泵壳\IHE80-65-125\GDIHE80-65-125-001E1\IHE80-65-125\2605</t>
  </si>
  <si>
    <t>【五二五】泵壳\IHE65-40-250\GDIHE65-40-250-001\IHE65-40-250\316L</t>
  </si>
  <si>
    <t>【五二五】泵壳\IHE50-32-250\GDIHE50-32-250-001\IHE50-32-250\2605N</t>
  </si>
  <si>
    <t>【五二五】泵壳\IHE100-65-200\GDIHE100-65-200-001E1\IHE100-65-200\2605</t>
  </si>
  <si>
    <t>【五二五】泵壳\HZ350\GDHZ350-002E1\HZ350</t>
  </si>
  <si>
    <t>【五二五】泵壳\FYL50-250A\GDFYL80-50-250A-001\FYL50-250A\2605</t>
  </si>
  <si>
    <t>【五二五】泵盖口环\LCP32-250\GDLCP32-250-005\LCP32-250\2605</t>
  </si>
  <si>
    <t>【五二五】泵盖口环\LCP200-400\GDLCP200-400-005\LCP200-400\2605N</t>
  </si>
  <si>
    <t>【五二五】泵盖\FYL50-250A\GDTJ426-380-010\FYL50-250A\2605</t>
  </si>
  <si>
    <t>【五二五】泵盖\PLC80/210T\GDPLC80/210T-004\PLC80/210T\HT200</t>
  </si>
  <si>
    <t>【五二五】泵盖\PLC65/400\GDPLC65/400-003\PLC65/400\CD4MCu</t>
  </si>
  <si>
    <t>【五二五】泵盖\PLC100/320\GDPLC100/320-006\PLC100/320\Cr30</t>
  </si>
  <si>
    <t>【五二五】泵盖\LCP80-315\GDLCP80-315-003\LCP80-315\304</t>
  </si>
  <si>
    <t>【五二五】泵盖\LCP50-250\GDLCP50-250-003-E3\LCP50-250\2507</t>
  </si>
  <si>
    <t>【五二五】泵盖\LCP40-250\GDLCP40-250-003\LCP40-250\2605</t>
  </si>
  <si>
    <t>【五二五】泵盖\LCP200-315\GDLCP200-315-S-003\LCP200-315\2507</t>
  </si>
  <si>
    <t>【五二五】泵盖\LCP100-200\GDLCP100-200-003\LCP100-200\CD4MCu</t>
  </si>
  <si>
    <t>【五二五】泵盖\LCF65/400\GDLCF65/400I-S25-W6-003E1\LCF65/400\2605</t>
  </si>
  <si>
    <t>【五二五】泵盖\LCF65/350\GDLCF65/350I-S25-W6-003\LCF65/350\Cr30</t>
  </si>
  <si>
    <t>【五二五】泵盖\LCF65/310\GDLCF65/310I-S25-W6-003\LCF65/310\CD4MCu</t>
  </si>
  <si>
    <t>【五二五】泵盖\LCF50/400I\GDLCF50/400I-S25-W6-003\LCF50/400I\CD4MCu</t>
  </si>
  <si>
    <t>【五二五】泵盖\LCF50/350N2\GDLCF50/350N2I-S25-W6-003\LCF50/350N2\CD4MCu</t>
  </si>
  <si>
    <t>【五二五】泵盖\LCF50/350N1\GDLCF50/350N1I-S25-W6-003\LCF50/350N1\Cr30</t>
  </si>
  <si>
    <t>【五二五】泵盖\LCF40/250\GDLCF40/250-S25-003\LCF40/250\2605</t>
  </si>
  <si>
    <t>【五二五】泵盖\LCF25/350I\GDLCF25/350-004\LCF25/350I\Cr30</t>
  </si>
  <si>
    <t>【五二五】泵盖\LCF200/410\GDLCF200/410I-D35-W6-003\LCF200/410\Cr30A</t>
  </si>
  <si>
    <t>【五二五】泵盖\LCF150/350\GDLCF150/350I-S25-W6-003E1\LCF150/350\Cr30</t>
  </si>
  <si>
    <t>【五二五】泵盖\LCF150/350I\GDLCF150/350I-S25-W6-003\LCF150/350I\Cr30</t>
  </si>
  <si>
    <t>【五二五】泵盖\LCF100/350\GDLCF100/350I-S25-B5-003\LCF100/350\Cr30</t>
  </si>
  <si>
    <t>【五二五】泵盖\LCF100/320\GDLCF100/320I-S25-W6-003\LCF100/320\Cr30</t>
  </si>
  <si>
    <t>【五二五】泵盖\LCF150/300\GDLCF100/300I-S25-W6-003\LCF150/300\Cr30</t>
  </si>
  <si>
    <t>【五二五】泵盖\LC40/400T\GDLC40/400T-004\LC40/400T\HT200</t>
  </si>
  <si>
    <t>【五二五】泵盖\LC40/250T\GDLC40/250T-004\LC40/250T\HT200</t>
  </si>
  <si>
    <t>【五二五】泵盖\LC300/450II\GDLC300/450Ⅱ-003\LC300/450II\2507</t>
  </si>
  <si>
    <t>【五二五】泵盖\LCF250/430\GDLC250/430C-S25-003\LCF250/430\Cr30</t>
  </si>
  <si>
    <t>【五二五】泵盖\LB250-400\GDLB250-400-003DS\LB250-400\2605</t>
  </si>
  <si>
    <t>【五二五】泵盖\IHE50-32-250\GDIH-24S4-003\IHE50-32-250\2605N</t>
  </si>
  <si>
    <t>【五二五】泵盖\IHE65-40-250\GDIH-24S4-003\IHE65-40-250\316L</t>
  </si>
  <si>
    <t>【五二五】泵盖\IHE100-65-200\GDIH-23S4-003\IHE100-65-200\2605</t>
  </si>
  <si>
    <t>【五二五】泵盖\IHE80-65-125\GDIH-11S4-003\IHE80-65-125\2605</t>
  </si>
  <si>
    <t>【五二五】ZG重型渣浆泵\660m3/h,64m,否m4r/min,132kW,0.38kV,2.5MPa\Cr33</t>
  </si>
  <si>
    <t>【五二五】ZD重型渣浆泵\27.6m3/h,44.5m,否m2r/min,7.5kW,0.38kV,2.6MPa\Cr26</t>
  </si>
  <si>
    <t>【五二五】FYL耐腐蚀磨蚀立式离心泵\20m3/h,20m,否m4r/min,7.5kW,0.38kV,1MPa\2605</t>
  </si>
  <si>
    <t>【五二五】FYL耐腐蚀磨蚀立式离心泵\50m3/h,25m,否m4r/min,11kW,0.38kV,1MPa\2605</t>
  </si>
  <si>
    <t>【五二五】FYL耐腐蚀磨蚀立式离心泵\8m3/h,15m,否m4r/min,5.5kW,0.38kV,1MPa\2605</t>
  </si>
  <si>
    <t>【五二五】FYL耐腐蚀磨蚀立式离心泵\60m3/h,16m,否m4r/min,11kW,0.38kV,1MPa\2605</t>
  </si>
  <si>
    <t>【五二五】IHE耐腐蚀化工标准泵\120m3/h,50m,否m2r/min,30kW,0.38kV,1.6MPa\2605</t>
  </si>
  <si>
    <t>【五二五】IHE耐腐蚀化工标准泵\120m3/h,80m,否m2r/min,55kW,0.38kV,1.6MPa\2605</t>
  </si>
  <si>
    <t>【五二五】IHE耐腐蚀化工标准泵\120m3/h,125m,否m2r/min,90kW,0.38kV,1.6MPa\2605</t>
  </si>
  <si>
    <t>【五二五】IHE耐腐蚀化工标准泵\120m3/h,32m,否m2r/min,22kW,0.38kV,1.6MPa\2605</t>
  </si>
  <si>
    <t>【五二五】IHE耐腐蚀化工标准泵\240m3/h,50m,否m2r/min,55kW,0.38kV,1.6MPa\2605</t>
  </si>
  <si>
    <t>【五二五】IHE耐腐蚀化工标准泵\240m3/h,80m,否m2r/min,90kW,0.38kV,1.6MPa\2605</t>
  </si>
  <si>
    <t>【五二五】IHE耐腐蚀化工标准泵\240m3/h,125m,否m2r/min,160kW,0.38kV,1.6MPa\2605</t>
  </si>
  <si>
    <t>【五二五】IHE耐腐蚀化工标准泵\240m3/h,32m,否m4r/min,37kW,0.38kV,1.6MPa\2605</t>
  </si>
  <si>
    <t>【五二五】IHE耐腐蚀化工标准泵\240m3/h,50m,否m4r/min,75kW,0.38kV,1.6MPa\2605</t>
  </si>
  <si>
    <t>【五二五】IHE耐腐蚀化工标准泵\480m3/h,50m,否m4r/min,110kW,0.38kV,1.6MPa\2605</t>
  </si>
  <si>
    <t>【五二五】IHE耐腐蚀化工标准泵\3.6m3/h,20m,否m2r/min,2.2kW,0.38kV,1.6MPa\2605</t>
  </si>
  <si>
    <t>【五二五】IHE耐腐蚀化工标准泵\15m3/h,20m,否m2r/min,2.2kW,0.38kV,1.6MPa\2605</t>
  </si>
  <si>
    <t>【五二五】IHE耐腐蚀化工标准泵\15m3/h,32m,否m2r/min,4kW,0.38kV,1.6MPa\2605</t>
  </si>
  <si>
    <t>【五二五】IHE耐腐蚀化工标准泵\15m3/h,50m,否m2r/min,7.5kW,0.38kV,1.6MPa\2605</t>
  </si>
  <si>
    <t>【五二五】IHE耐腐蚀化工标准泵\15m3/h,80m,否m2r/min,15kW,0.38kV,1.6MPa\2605</t>
  </si>
  <si>
    <t>【五二五】IHE耐腐蚀化工标准泵\30m3/h,5m,否m2r/min,11kW,0.38kV,1.6MPa\2605</t>
  </si>
  <si>
    <t>【五二五】IHE耐腐蚀化工标准泵\30m3/h,80m,否m2r/min,22kW,0.38kV,1.6MPa\2605</t>
  </si>
  <si>
    <t>【五二五】IHE耐腐蚀化工标准泵\30m3/h,125m,否m2r/min,45kW,0.38kV,1.6MPa\2605</t>
  </si>
  <si>
    <t>【五二五】IHE耐腐蚀化工标准泵\30m3/h,32m,否m2r/min,7.5kW,0.38kV,1.6MPa\2605</t>
  </si>
  <si>
    <t>【五二五】IHE耐腐蚀化工标准泵\60m3/h,50m,否m2r/min,18.5kW,0.38kV,1.6MPa\2605</t>
  </si>
  <si>
    <t>【五二五】IHE耐腐蚀化工标准泵\60m3/h,125m,否m2r/min,55kW,0.38kV,1.6MPa\2605</t>
  </si>
  <si>
    <t>【五二五】IHE耐腐蚀化工标准泵\60m3/h,20m,否m2r/min,7.5kW,0.38kV,1.6MPa\2605</t>
  </si>
  <si>
    <t>【五二五】IHE耐腐蚀化工标准泵\60m3/h,32m,否m2r/min,11kW,0.38kV,1.6MPa\2605</t>
  </si>
  <si>
    <t>【五二五】LB化工流程泵\216m3/h,75m,否m4r/min,75kW,0.38kV,1.6MPa\2605</t>
  </si>
  <si>
    <t>【五二五】LB化工流程泵\870m3/h,35m,否m4r/min,110kW,0.38kV,1.6MPa\2605</t>
  </si>
  <si>
    <t>【五二五】LBF化工流程泵\1400m3/h,24m,否m4r/min,160kW,0.38kV,1MPa\2605</t>
  </si>
  <si>
    <t>【五二五】LCT耐腐蚀磨蚀卧式离心泵\180m3/h,33m,否m4r/min,55kW,0.38kV,1MPa\Cr26</t>
  </si>
  <si>
    <t>【五二五】LCT耐腐蚀磨蚀卧式离心泵\200m3/h,40m,否m4r/min,75kW,0.38kV,1MPa\Cr26</t>
  </si>
  <si>
    <t>【五二五】LC高效烟气脱硫循环泵\LC1000/1300II\LC1000/1300II</t>
  </si>
  <si>
    <t>【五二五】LCT耐腐蚀磨蚀卧式离心泵\240m3/h,59.5m,否m4r/min,110kW,0.38kV,1MPa\Cr26</t>
  </si>
  <si>
    <t>【五二五】LC高效烟气脱硫循环泵\LC200/350II\LC200/350II</t>
  </si>
  <si>
    <t>【五二五】LC高效烟气脱硫循环泵\LC300/450II\LC300/450II</t>
  </si>
  <si>
    <t>【五二五】LC高效烟气脱硫循环泵\LC300/500\LC300/500</t>
  </si>
  <si>
    <t>【五二五】LC高效烟气脱硫循环泵\LC300/500II\LC300/500II</t>
  </si>
  <si>
    <t>【五二五】LC高效烟气脱硫循环泵\LC300/530\LC300/530</t>
  </si>
  <si>
    <t>【五二五】LCT耐腐蚀磨蚀卧式离心泵\20m3/h,22m,否m4r/min,7.5kW,0.38kV,1MPa\Cr26</t>
  </si>
  <si>
    <t>【五二五】LCT耐腐蚀磨蚀卧式离心泵\45m3/h,62m,否m4r/min,45kW,0.38kV,1MPa\Cr26</t>
  </si>
  <si>
    <t>【五二五】LC高效烟气脱硫循环泵\LC400/500\LC400/500</t>
  </si>
  <si>
    <t>【五二五】LC高效烟气脱硫循环泵\LC400/540\LC400/540</t>
  </si>
  <si>
    <t>【五二五】LC高效烟气脱硫循环泵\LC400/560II\LC400/560II</t>
  </si>
  <si>
    <t>【五二五】LC高效烟气脱硫循环泵\LC450/635II\LC450/635II</t>
  </si>
  <si>
    <t>【五二五】LC高效烟气脱硫循环泵\LC450/750II\LC450/750II</t>
  </si>
  <si>
    <t>【五二五】LC耐腐蚀磨蚀卧式离心泵\55m3/h,45m,否m4r/min,30kW,0.38kV,1MPa\Cr30</t>
  </si>
  <si>
    <t>【五二五】LCT耐腐蚀磨蚀卧式离心泵\95m3/h,82m,否m4r/min,90kW,0.38kV,1MPa\Cr26</t>
  </si>
  <si>
    <t>【五二五】LC高效烟气脱硫循环泵\LC500/630II\LC500/630II</t>
  </si>
  <si>
    <t>【五二五】LC高效烟气脱硫循环泵\LC550/710II\LC550/710II</t>
  </si>
  <si>
    <t>【五二五】LC高效烟气脱硫循环泵\LC550/750\LC550/750</t>
  </si>
  <si>
    <t>【五二五】LC高效烟气脱硫循环泵\LC550/750II\LC550/750II</t>
  </si>
  <si>
    <t>【五二五】LC高效烟气脱硫循环泵\LC600/800II\LC600/800II</t>
  </si>
  <si>
    <t>【五二五】LC高效烟气脱硫循环泵\LC600/825\LC600/825</t>
  </si>
  <si>
    <t>【五二五】LC高效烟气脱硫循环泵\LC600/825II\LC600/825II</t>
  </si>
  <si>
    <t>【五二五】LCT耐腐蚀磨蚀卧式离心泵\90m3/h,33m,否m4r/min,30kW,0.38kV,1MPa\Cr26</t>
  </si>
  <si>
    <t>【五二五】LCT耐腐蚀磨蚀卧式离心泵\100m3/h,48m,否m4r/min,45kW,0.38kV,1MPa\Cr26</t>
  </si>
  <si>
    <t>【五二五】LCT耐腐蚀磨蚀卧式离心泵\120m3/h,56m,否m4r/min,75kW,0.38kV,1MPa\Cr26</t>
  </si>
  <si>
    <t>【五二五】LC高效烟气脱硫循环泵\LC650/900II\LC650/900II</t>
  </si>
  <si>
    <t>【五二五】LC高效烟气脱硫循环泵\LC700/898II\LC700/898II</t>
  </si>
  <si>
    <t>【五二五】LC高效烟气脱硫循环泵\LC700/900\LC700/900</t>
  </si>
  <si>
    <t>【五二五】LC高效烟气脱硫循环泵\LC700/900II\LC700/900II</t>
  </si>
  <si>
    <t>【五二五】LC高效烟气脱硫循环泵\LC800/1000II\LC800/1000II</t>
  </si>
  <si>
    <t>【五二五】LC高效烟气脱硫循环泵\LC800/980II\LC800/980II</t>
  </si>
  <si>
    <t>【五二五】LC高效烟气脱硫循环泵\LC900/1150BII\LC900/1150BII</t>
  </si>
  <si>
    <t>【五二五】LC高效烟气脱硫循环泵\LC900/1150II\LC900/1150II</t>
  </si>
  <si>
    <t>【五二五】LCF耐腐蚀磨蚀卧式离心泵\180m3/h,29m,否m4r/min,47kW,0.38kV,1MPa\Cr30</t>
  </si>
  <si>
    <t>【五二五】LCF耐腐蚀磨蚀卧式离心泵\180m3/h,33m,否m4r/min,55kW,0.38kV,1MPa\Cr30</t>
  </si>
  <si>
    <t>【五二五】LCF耐腐蚀磨蚀卧式离心泵\200m3/h,40m,否m4r/min,75kW,0.38kV,1MPa\Cr30</t>
  </si>
  <si>
    <t>【五二五】LCF耐腐蚀磨蚀卧式离心泵\240m3/h,59.5m,否m4r/min,110kW,0.38kV,1MPa\Cr30</t>
  </si>
  <si>
    <t>【五二五】LCF耐腐蚀磨蚀卧式离心泵\240m3/h,35m,否m4r/min,75kW,0.38kV,1MPa\Cr30</t>
  </si>
  <si>
    <t>【五二五】LCF耐腐蚀磨蚀卧式离心泵\250m3/h,36m,否m4r/min,110kW,0.38kV,1MPa\Cr30</t>
  </si>
  <si>
    <t>【五二五】LCF耐腐蚀磨蚀卧式离心泵\360m3/h,34m,否m4r/min,110kW,0.38kV,1MPa\Cr30</t>
  </si>
  <si>
    <t>【五二五】LCF耐腐蚀磨蚀卧式离心泵\420m3/h,20.5m,否m4r/min,75kW,0.38kV,1MPa\Cr30</t>
  </si>
  <si>
    <t>【五二五】LCF耐腐蚀磨蚀卧式离心泵\480m3/h,20m,否m4r/min,75kW,0.38kV,1MPa\Cr30</t>
  </si>
  <si>
    <t>【五二五】LCF耐腐蚀磨蚀卧式离心泵\6m3/h,60m,否m2r/min,11kW,0.38kV,1MPa\Cr30</t>
  </si>
  <si>
    <t>【五二五】LCF耐腐蚀磨蚀卧式离心泵\12m3/h,50m,否m4r/min,18.5kW,0.38kV,1MPa\Cr30</t>
  </si>
  <si>
    <t>【五二五】LCF耐腐蚀磨蚀卧式离心泵\750m3/h,19.6m,否m6r/min,90kW,0.38kV,1MPa\Cr30</t>
  </si>
  <si>
    <t>【五二五】LCF耐腐蚀磨蚀卧式离心泵\15m3/h,50m,否m2r/min,15kW,0.38kV,1MPa\Cr30</t>
  </si>
  <si>
    <t>【五二五】LCF耐腐蚀磨蚀卧式离心泵\20m3/h,22m,否m4r/min,7.5kW,0.38kV,1MPa\Cr30</t>
  </si>
  <si>
    <t>【五二五】LCF耐腐蚀磨蚀卧式离心泵\40m3/h,42.5m,否m4r/min,22kW,0.38kV,1MPa\Cr30</t>
  </si>
  <si>
    <t>【五二五】LCF耐腐蚀磨蚀卧式离心泵\45m3/h,62m,否m4r/min,45kW,0.38kV,1MPa\Cr30</t>
  </si>
  <si>
    <t>【五二五】LCF耐腐蚀磨蚀卧式离心泵\22m3/h,11m,否m4r/min,7.5kW,0.38kV,1MPa\Cr30</t>
  </si>
  <si>
    <t>【五二五】LCF耐腐蚀磨蚀卧式离心泵\32m3/h,32.6m,否m4r/min,15kW,0.38kV,1MPa\Cr30</t>
  </si>
  <si>
    <t>【五二五】LCF耐腐蚀磨蚀卧式离心泵\55m3/h,45m,否m4r/min,30kW,0.38kV,1MPa\Cr30</t>
  </si>
  <si>
    <t>【五二五】LCF耐腐蚀磨蚀卧式离心泵\65m3/h,54m,否m4r/min,37kW,0.38kV,1MPa\Cr30</t>
  </si>
  <si>
    <t>【五二五】LCF耐腐蚀磨蚀卧式离心泵\95m3/h,82m,否m4r/min,90kW,0.38kV,1MPa\Cr30</t>
  </si>
  <si>
    <t>【五二五】LCF耐腐蚀磨蚀卧式离心泵\90m3/h,33m,否m4r/min,30kW,0.38kV,1MPa\Cr30</t>
  </si>
  <si>
    <t>【五二五】LCF耐腐蚀磨蚀卧式离心泵\100m3/h,48m,否m4r/min,45kW,0.38kV,1MPa\Cr30</t>
  </si>
  <si>
    <t>【五二五】LCF耐腐蚀磨蚀卧式离心泵\120m3/h,56m,否m4r/min,75kW,0.38kV,1MPa\Cr30</t>
  </si>
  <si>
    <t>【五二五】LCF耐腐蚀磨蚀卧式离心泵\180m3/h,67m,否m4r/min,90kW,0.38kV,1MPa\Cr30</t>
  </si>
  <si>
    <t>【五二五】LCF耐腐蚀磨蚀卧式离心泵\200m3/h,80m,否m4r/min,160kW,0.38kV,1MPa\Cr30</t>
  </si>
  <si>
    <t>【五二五】LCP石油化工流程泵\264m3/h,45m,否m2r/min,55kW,0.38kV,2.5MPa\CD4MCu</t>
  </si>
  <si>
    <t>【五二五】LCP石油化工流程泵\504m3/h,80m,否m4r/min,132kW,0.38kV,2.5MPa\316L</t>
  </si>
  <si>
    <t>【五二五】LCP石油化工流程泵\780m3/h,24m,否m4r/min,55kW,0.38kV,2.5MPa\2507</t>
  </si>
  <si>
    <t>【五二五】LCP石油化工流程泵\780m3/h,52m,否m4r/min,132kW,0.38kV,2.5MPa\2605N</t>
  </si>
  <si>
    <t>【五二五】LCP石油化工流程泵\1200m3/h,44m,否m4r/min,160kW,0.38kV,2.5MPa\1.4468</t>
  </si>
  <si>
    <t>【五二五】LCP石油化工流程泵\1440m3/h,80m,否m4r/min,355kW,6kV,2.5MPa\2507</t>
  </si>
  <si>
    <t>【五二五】LCP石油化工流程泵\2040m3/h,70m,否m4r/min,500kW,6kV,2.5MPa\1.4468</t>
  </si>
  <si>
    <t>【五二五】LCP石油化工流程泵\24m3/h,50m,否m2r/min,5.5kW,0.38kV,2.5MPa\316L</t>
  </si>
  <si>
    <t>【五二五】LCP石油化工流程泵\26.4m3/h,82m,否m2r/min,15kW,0.38kV,2.5MPa\316L</t>
  </si>
  <si>
    <t>【五二五】LCP石油化工流程泵\45.6m3/h,85m,否m2r/min,22kW,0.38kV,2.5MPa\2507</t>
  </si>
  <si>
    <t>【五二五】LCP石油化工流程泵\30m3/h,190m,否m2r/min,75kW,0.38kV,2.5MPa\1.4468</t>
  </si>
  <si>
    <t>【五二五】LCP石油化工流程泵\81.6m3/h,56m,否m2r/min,18.5kW,0.38kV,2.5MPa\2605</t>
  </si>
  <si>
    <t>【五二五】LCP石油化工流程泵\81.6m3/h,85m,否m2r/min,30kW,0.38kV,2.5MPa\316L</t>
  </si>
  <si>
    <t>【五二五】LCP石油化工流程泵\126m3/h,52m,否m2r/min,30kW,0.38kV,2.5MPa\316L</t>
  </si>
  <si>
    <t>【五二五】LCP石油化工流程泵\240m3/h,130m,否m2r/min,110kW,0.38kV,2.5MPa\CD4MCu</t>
  </si>
  <si>
    <t>【五二五】LCPG石油化工流程泵\40m3/h,190m,否m2r/min,75kW,0.38kV,2.5MPa\304</t>
  </si>
  <si>
    <t>【五二五】LH重型渣浆泵\330m3/h,71m,否m4r/min,90kW,0.38kV,2.7MPa\Cr33</t>
  </si>
  <si>
    <t>【五二五】MECP混流泵\2900m3/h,8m,否m8r/min,200kW,6kV,1.0MPa\2605</t>
  </si>
  <si>
    <t>【五二五】PLC耐腐蚀磨蚀立式离心泵\180m3/h,29m,否m4r/min,47kW,0.38kV,1MPa\Cr30</t>
  </si>
  <si>
    <t>【五二五】PLC耐腐蚀磨蚀立式离心泵\180m3/h,33m,否m4r/min,55kW,0.38kV,1MPa\Cr30</t>
  </si>
  <si>
    <t>【五二五】PLC耐腐蚀磨蚀立式离心泵\180m3/h,33m,否m4r/min,55kW,0.38kV,1MPa\Cr26</t>
  </si>
  <si>
    <t>【五二五】PLC耐腐蚀磨蚀立式离心泵\200m3/h,40m,否m4r/min,75kW,0.38kV,1MPa\Cr30</t>
  </si>
  <si>
    <t>【五二五】PLC耐腐蚀磨蚀立式离心泵\240m3/h,35m,否m4r/min,75kW,0.38kV,1MPa\Cr30</t>
  </si>
  <si>
    <t>【五二五】PLC耐腐蚀磨蚀立式离心泵\250m3/h,36m,否m4r/min,110kW,0.38kV,1MPa\Cr30</t>
  </si>
  <si>
    <t>【五二五】PLC耐腐蚀磨蚀立式离心泵\20m3/h,22m,否m4r/min,7.5kW,0.38kV,1MPa\Cr30</t>
  </si>
  <si>
    <t>【五二五】PLC耐腐蚀磨蚀立式离心泵\32m3/h,32.6m,否m4r/min,15kW,0.38kV,1MPa\Cr30</t>
  </si>
  <si>
    <t>【五二五】PLC耐腐蚀磨蚀立式离心泵\32m3/h,32.6m,否m4r/min,15kW,0.38kV,1MPa\Cr26</t>
  </si>
  <si>
    <t>【五二五】PLC耐腐蚀磨蚀立式离心泵\55m3/h,45m,否m4r/min,30kW,0.38kV,1MPa\Cr30</t>
  </si>
  <si>
    <t>【五二五】PLC耐腐蚀磨蚀立式离心泵\55m3/h,45m,否m4r/min,30kW,0.38kV,1MPa\Cr26</t>
  </si>
  <si>
    <t>【五二五】FYL耐腐蚀磨蚀立式离心泵\95m3/h,82m,否m4r/min,90kW,0.38kV,1MPa\Cr30</t>
  </si>
  <si>
    <t>【五二五】PLC耐腐蚀磨蚀立式离心泵\90m3/h,33m,否m4r/min,30kW,0.38kV,1MPa\Cr30</t>
  </si>
  <si>
    <t>【五二五】PLC耐腐蚀磨蚀立式离心泵\100m3/h,48m,否m4r/min,45kW,0.38kV,1MPa\Cr30</t>
  </si>
  <si>
    <t>【五二五】PLC耐腐蚀磨蚀立式离心泵\100m3/h,48m,否m4r/min,45kW,0.38kV,1MPa\Cr26</t>
  </si>
  <si>
    <t>【五二五】PLC耐腐蚀磨蚀立式离心泵\120m3/h,56m,否m4r/min,75kW,0.38kV,1MPa\Cr30</t>
  </si>
  <si>
    <t>【五二五】PLC耐腐蚀磨蚀立式离心泵\50m3/h,11m,否m4r/min,7.5kW,0.38kV,1MPa\Cr26</t>
  </si>
  <si>
    <t>【五二五】PLC耐腐蚀磨蚀立式离心泵\180m3/h,67m,否m4r/min,90kW,0.38kV,1MPa\Cr30</t>
  </si>
  <si>
    <t>【国电智深】电压电流信号采集模件\EDPF-AI16(mA),100型</t>
  </si>
  <si>
    <t>国电智深</t>
  </si>
  <si>
    <t>WZSCCG-2019-BJ-002</t>
  </si>
  <si>
    <t>国电智深DCS备品备件集团级长协采购框架协议</t>
  </si>
  <si>
    <t>北京国电智深控制技术有限公司</t>
  </si>
  <si>
    <t>【国电智深】电压电流信号采集模件\EDPF-AI16(mA),200型</t>
  </si>
  <si>
    <t>【国电智深】HART信号采集模件\EDPF-AIH16(mA),100型</t>
  </si>
  <si>
    <t>【国电智深】HART信号采集模件\EDPF-AIH16(mA),200型</t>
  </si>
  <si>
    <t>【国电智深】电压电流信号采集模件\EDPF-AI8(mA),100型</t>
  </si>
  <si>
    <t>【国电智深】电压电流信号采集模件\EDPF-AI8(mA),200型</t>
  </si>
  <si>
    <t>【国电智深】HART信号采集模件\EDPF-AIH8(mA),100型</t>
  </si>
  <si>
    <t>【国电智深】HART信号采集模件\EDPF-AIH8(mA),200型</t>
  </si>
  <si>
    <t>【国电智深】热电偶信号采集模件\EDPF-TC16,100型</t>
  </si>
  <si>
    <t>【国电智深】热电偶信号采集模件\EDPF-TC16,200型</t>
  </si>
  <si>
    <t>【国电智深】热电偶信号采集模件\EDPF-TC8,100型</t>
  </si>
  <si>
    <t>【国电智深】热电偶信号采集模件\EDPF-TC8,200型</t>
  </si>
  <si>
    <t>【国电智深】热电偶信号采集模件\EDPF-TC15R,100型</t>
  </si>
  <si>
    <t>【国电智深】热电偶信号采集模件\EDPF-TC15R,200型</t>
  </si>
  <si>
    <t>【国电智深】热电阻信号采集模件\EDPF-RTD16,100型</t>
  </si>
  <si>
    <t>【国电智深】热电阻信号采集模件\EDPF-RTD16,200型</t>
  </si>
  <si>
    <t>【国电智深】热电阻信号采集模件\EDPF-RTD8,100型</t>
  </si>
  <si>
    <t>【国电智深】热电阻信号采集模件\EDPF-RTD8,200型</t>
  </si>
  <si>
    <t>【国电智深】模拟量输出模件\EDPF-AO8,100型</t>
  </si>
  <si>
    <t>【国电智深】模拟量输出模件\EDPF-AO8,200型</t>
  </si>
  <si>
    <t>【国电智深】模拟量输入模块\P2-AI01,8通道</t>
  </si>
  <si>
    <t>【国电智深】RTD输入模块\P2-RTD01,8通道</t>
  </si>
  <si>
    <t>【国电智深】热电偶信号采集模件\P2-TC01,8通道</t>
  </si>
  <si>
    <t>【国电智深】模拟量输出模件\P2-AO01,8通道</t>
  </si>
  <si>
    <t>【国电智深】开关量采集模件\EDPF-DI16E,100型</t>
  </si>
  <si>
    <t>【国电智深】开关量采集模件\EDPF-DI16E,200型</t>
  </si>
  <si>
    <t>【国电智深】开关量采集模件\EDPF-DI32,100型</t>
  </si>
  <si>
    <t>【国电智深】开关量采集模件\EDPF-DI32,200型</t>
  </si>
  <si>
    <t>【国电智深】开关量输出模件\EDPF-DO16,100型</t>
  </si>
  <si>
    <t>【国电智深】开关量输出模件\EDPF-DO16,200型</t>
  </si>
  <si>
    <t>【国电智深】开关量输入输出模件\EDPF-DIO32,100型</t>
  </si>
  <si>
    <t>【国电智深】开关量输入输出模件\EDPF-DIO32,200型</t>
  </si>
  <si>
    <t>【国电智深】开关量输出模件\EDPF-UDO</t>
  </si>
  <si>
    <t>【国电智深】开关量采集模件\P2-DI01,32通道</t>
  </si>
  <si>
    <t>【国电智深】开关量采集模件\P2-DI02,32通道</t>
  </si>
  <si>
    <t>【国电智深】开关量采集模件\P2-DO01,32通道</t>
  </si>
  <si>
    <t>【国电智深】开关量采集模件\P2-DO02,32通道</t>
  </si>
  <si>
    <t>【国电智深】频率与脉冲量采集模件\EDPF-PI8,100型</t>
  </si>
  <si>
    <t>【国电智深】频率与脉冲量采集模件\EDPF-PI8,200型</t>
  </si>
  <si>
    <t>【国电智深】端子座\DZ-32</t>
  </si>
  <si>
    <t>【国电智深】端子座\DZ-64</t>
  </si>
  <si>
    <t>【国电智深】DO端子座\DZ-DO</t>
  </si>
  <si>
    <t>【国电智深】DIO端子座\DZ-DIO</t>
  </si>
  <si>
    <t>【国电智深】CT4端子座\DZ-CT4</t>
  </si>
  <si>
    <t>【国电智深】PB专用\DZ-PB</t>
  </si>
  <si>
    <t>【国电智深】交流继电器输出\EDPF-RB(AC)\16路</t>
  </si>
  <si>
    <t>【国电智深】直流继电器输出\EDPF-RB(DC)\16路</t>
  </si>
  <si>
    <t>【国电智深】交直流继电器输出\EDPF-RB(DC+AC)\16路</t>
  </si>
  <si>
    <t>【国电智深】底座\P2-BP01\18槽</t>
  </si>
  <si>
    <t>【国电智深】底座\P2-BP02\9槽</t>
  </si>
  <si>
    <t>【海洋王】充电器\IW5110#GN\</t>
  </si>
  <si>
    <t>海洋王照明科技股份有限公司</t>
  </si>
  <si>
    <t>海洋王</t>
  </si>
  <si>
    <t>WZSCCG-2019-BJ-004</t>
  </si>
  <si>
    <t>2019年度海洋王灯具集团级长协采购框架协议</t>
  </si>
  <si>
    <t>【海洋王】充电器\5130#GN\</t>
  </si>
  <si>
    <t>【海洋王】充电器\JIW5281/LT#GN\</t>
  </si>
  <si>
    <t>【海洋王】充电器\JW7300#GN\</t>
  </si>
  <si>
    <t>【海洋王】充电器\RJW7102/LT、RJW7102A/LT#GN\</t>
  </si>
  <si>
    <t>【海洋王】充电器\JW7210#GN\</t>
  </si>
  <si>
    <t>【海洋王】充电器\FW6105/SL#GN\</t>
  </si>
  <si>
    <t>【海洋王】充电器\FW6101/BT#GN\</t>
  </si>
  <si>
    <t>【海洋王】电池\JW7300#GN\DC3.7V 2Ah</t>
  </si>
  <si>
    <t>【海洋王】电池\1P18650/7620#GN\DC3.7V 2Ah</t>
  </si>
  <si>
    <t>【海洋王】电池\IW5110#GN\DC3.7V 4Ah</t>
  </si>
  <si>
    <t>【海洋王】电池\RJW7102#GN\DC14.8V 2Ah</t>
  </si>
  <si>
    <t>【海洋王】电池\FW6101#GN\DC12V 12Ah</t>
  </si>
  <si>
    <t>【海洋王】电池\FW6105#GN\DC14.4V 9Ah</t>
  </si>
  <si>
    <t>【海洋王】电池\JIW5281A#GN\DC11.1V 4Ah</t>
  </si>
  <si>
    <t>【海洋王】电池\JW7210#GN\DC7.4V 8Ah</t>
  </si>
  <si>
    <t>【海洋王】电池\RJW7101#GN\DC11.1V 2Ah</t>
  </si>
  <si>
    <t>【海洋王】电池\NFE9121#GN\</t>
  </si>
  <si>
    <t>【海洋王】电池\BFE8120#GN\12V 5Ah</t>
  </si>
  <si>
    <t>【海洋王】电感镇流器\MH/HPS70TS#GN\</t>
  </si>
  <si>
    <t>【海洋王】电感镇流器\MH/HPS150TS#GN\</t>
  </si>
  <si>
    <t>【海洋王】电感镇流器\MH250#GN\</t>
  </si>
  <si>
    <t>【海洋王】电感镇流器\MH/HPS250#GN\</t>
  </si>
  <si>
    <t>【海洋王】带底板电感镇流器\HPS400TS#GN\</t>
  </si>
  <si>
    <t>【海洋王】电感镇流器\MH400TS#GN\</t>
  </si>
  <si>
    <t>【海洋王】电感镇流器\HPS400#GN\</t>
  </si>
  <si>
    <t>【海洋王】电感镇流器\MH1000#GN\</t>
  </si>
  <si>
    <t>【海洋王】电感镇流器\HPS1000#GN\</t>
  </si>
  <si>
    <t>【海洋王】电感镇流器\1000W220V50HZ#GN\1000W220V50HZ</t>
  </si>
  <si>
    <t>【海洋王】电感镇流器\2000w#GN\2000W</t>
  </si>
  <si>
    <t>【海洋王】电感镇流器\MH70W#GN\127V</t>
  </si>
  <si>
    <t>【海洋王】电子镇流器\FW6100GC-J#GN\</t>
  </si>
  <si>
    <t>【海洋王】触发器\70-400W#GN\70-400W</t>
  </si>
  <si>
    <t>【海洋王】触发器\HQIG-N#GN\</t>
  </si>
  <si>
    <t>【海洋王】触发器\HQIG-N3#GN\</t>
  </si>
  <si>
    <t>【海洋王】电容\100u#GN\100u</t>
  </si>
  <si>
    <t>【海洋王】电容\30u#GN\30u</t>
  </si>
  <si>
    <t>【海洋王】电容\20uF#GN\20uF</t>
  </si>
  <si>
    <t>【海洋王】电容\10uF400V#GN\10uF400V</t>
  </si>
  <si>
    <t>【海洋王】金卤灯泡\70W#GN\70W</t>
  </si>
  <si>
    <t>【海洋王】金卤灯泡\100W#GN\100W</t>
  </si>
  <si>
    <t>【海洋王】金卤灯泡\150W#GN\150W</t>
  </si>
  <si>
    <t>【海洋王】金卤灯泡\250W#GN\250W</t>
  </si>
  <si>
    <t>【海洋王】金卤灯泡\400W#GN\400W</t>
  </si>
  <si>
    <t>【海洋王】泡型金卤灯泡\1000W#GN\1000W</t>
  </si>
  <si>
    <t>【海洋王】单端金卤灯泡\1000W#GN\1000W</t>
  </si>
  <si>
    <t>【海洋王】双端金卤灯泡\1000W#GN\1000W</t>
  </si>
  <si>
    <t>【海洋王】双端金卤灯泡\2000W#GN\2000W</t>
  </si>
  <si>
    <t>【海洋王】高压钠灯\70W#GN\70W</t>
  </si>
  <si>
    <t>【海洋王】高压钠灯\150W#GN\150W</t>
  </si>
  <si>
    <t>【海洋王】高压钠灯\250W#GN\250W</t>
  </si>
  <si>
    <t>【海洋王】高压钠灯\400W#GN\400W</t>
  </si>
  <si>
    <t>【海洋王】高压钠灯\1000W#GN\1000W</t>
  </si>
  <si>
    <t>【海洋王】固态强光防爆头灯\IW5110#GN\3W</t>
  </si>
  <si>
    <t>【海洋王】手提式防爆巡检工作灯\IW5121/HU#GN\DC3.7V 4Ah</t>
  </si>
  <si>
    <t>【海洋王】微型防爆头灯\IW5130A/LT#GN\DC3.7V 1250mAh</t>
  </si>
  <si>
    <t>【海洋王】微型防爆头灯\IW5133#GN\DC3.7V 2Ah</t>
  </si>
  <si>
    <t>【海洋王】轻便式多功能强光灯\JIW5281A/LT#GN\DC11.1V 4000mAh</t>
  </si>
  <si>
    <t>【海洋王】手提式强光巡检工作灯\IW5500/BH#GN\DC3.7V 4Ah</t>
  </si>
  <si>
    <t>【海洋王】多功能强光巡检电筒\JW7622#GN\DC3.7V 2Ah</t>
  </si>
  <si>
    <t>【海洋王】多功能强光防爆电筒\JW7623/HZ#GN\DC3.7V 2.2Ah</t>
  </si>
  <si>
    <t>【海洋王】测温手电筒\JW7626#GN\DC3.7V 2Ah</t>
  </si>
  <si>
    <t>【海洋王】便携式多功能照明装置\JW7627A#GN\DC3.7V 4Ah</t>
  </si>
  <si>
    <t>【海洋王】智能测距手电筒\JW7628#GN\DC3.7V 2Ah</t>
  </si>
  <si>
    <t>【海洋王】LED轻便工作灯\FW6330#GN\DC11.1V 10Ah</t>
  </si>
  <si>
    <t>【海洋王】工作灯\FW6580#GN\AC30-60 100-240V 12×3W</t>
  </si>
  <si>
    <t>【海洋王】轻便多功能工作棒\FW6600#GN\DC7.4V 5Ah 9W</t>
  </si>
  <si>
    <t>【海洋王】吊杆式安装支架\FW6600#GN\</t>
  </si>
  <si>
    <t>【海洋王】背包\FW6600#GN\</t>
  </si>
  <si>
    <t>【海洋王】手提式强光防爆探照灯\RJW7101/LT#GN\DC11.1V 2Ah</t>
  </si>
  <si>
    <t>【海洋王】手提式防爆探照灯\RJW7102/LT#GN\DC14.8V 2Ah</t>
  </si>
  <si>
    <t>【海洋王】手提式防爆探照灯\RJW7102A/LT#GN\DC14.8V 2Ah</t>
  </si>
  <si>
    <t>【海洋王】多功能摄像巡检灯\JW7128#GN\DC3.6V 8Ah</t>
  </si>
  <si>
    <t>【海洋王】节能强光防爆电筒\JW7210A#GN\DC3.6V 2Ah</t>
  </si>
  <si>
    <t>【海洋王】微型防爆电筒\JW7301/HL#GN\DC3.7V 1.4Ah</t>
  </si>
  <si>
    <t>【海洋王】固态免维护强光电筒\JW7500#GN\</t>
  </si>
  <si>
    <t>【海洋王】固态微型强光防爆电筒\JW7620#GN\DC3.7V 2Ah</t>
  </si>
  <si>
    <t>【海洋王】4G智能摄像巡检系统\JW7129#GN\DC3.7V 4Ah(外置)+2.6Ah（内置）</t>
  </si>
  <si>
    <t>【海洋王】强光泛光工作灯\FW6100GC-J#GN\DC24V</t>
  </si>
  <si>
    <t>【海洋王】防爆移动灯\FW6101/BT#GN\DC24V 12Ah</t>
  </si>
  <si>
    <t>【海洋王】防爆工作灯\FW6102GF/OZ1#GN\DC24V 12Ah</t>
  </si>
  <si>
    <t>【海洋王】移动轻便灯\FW6105/SL#GN\DC14.4V 9Ah</t>
  </si>
  <si>
    <t>【海洋王】移动照明系统\FW6106#GN\DC12V 24Ah</t>
  </si>
  <si>
    <t>【海洋王】移动式多功能照明装置\FW6108#GN\DC12V 24Ah</t>
  </si>
  <si>
    <t>【海洋王】全方位自动泛光工作灯\SFW6110A#GN\AC220V 500W</t>
  </si>
  <si>
    <t>【海洋王】全方位自动泛光工作灯\SFW6110B#GN\AC220V 500W</t>
  </si>
  <si>
    <t>【海洋王】全方位自动泛光工作灯\SFW6110C#GN\AC220V 500W</t>
  </si>
  <si>
    <t>【海洋王】多功能升降工作灯\SFW6121#GN\AC220V 2×48W</t>
  </si>
  <si>
    <t>【海洋王】防爆外场强光泛光灯\BFC8100#GN\</t>
  </si>
  <si>
    <t>【海洋王】防爆泛光灯\BFC8110/HN#GN\150/250/400W</t>
  </si>
  <si>
    <t>【海洋王】LED防爆投光灯\BTC8115-100W#GN\100W</t>
  </si>
  <si>
    <t>【海洋王】LED防爆投光灯\BTC8115-150W#GN\150W</t>
  </si>
  <si>
    <t>【海洋王】LED防爆投光灯\BFC8115-70W#GN\70W</t>
  </si>
  <si>
    <t>【海洋王】LED防爆投光灯\BFC8115-100W#GN\100W</t>
  </si>
  <si>
    <t>【海洋王】LED防爆投光灯\BFC8115-150W#GN\150W</t>
  </si>
  <si>
    <t>【海洋王】LED防爆投光灯\BTC8116#GN\200W</t>
  </si>
  <si>
    <t>【海洋王】LED防爆泛光灯\BFC8116#GN\200W</t>
  </si>
  <si>
    <t>【海洋王】防爆内场强光泛光灯\BFC8120#GN\MH：70/100/150W,HPS:70W</t>
  </si>
  <si>
    <t>【海洋王】防爆内场应急强光泛光工作灯\BFE8120#GN\MH：70/100/150W,HPS:70W</t>
  </si>
  <si>
    <t>【海洋王】LED防爆泛光灯\BFC8123#GN\30W</t>
  </si>
  <si>
    <t>【海洋王】消防应急照明灯具\OK-ZFZD-E6W8121#GN\6W</t>
  </si>
  <si>
    <t>【海洋王】LED防爆泛光灯\BFC8126-L70W#GN\70W</t>
  </si>
  <si>
    <t>【海洋王】LED防爆泛光灯\BFC8126-L100W#GN\100W</t>
  </si>
  <si>
    <t>【海洋王】应急LED防爆泛光灯\BFE8126-L70W#GN\70W</t>
  </si>
  <si>
    <t>【海洋王】固态免维护防爆灯\BFC8183#GN\5×1W</t>
  </si>
  <si>
    <t>【海洋王】吸顶壁挂式防爆荧光灯\BYC8311#GN\2*28W,吸顶式、壁挂式</t>
  </si>
  <si>
    <t>【海洋王】吊杆式防爆荧光灯\BYC8311#GN\2*28W,吊杆式</t>
  </si>
  <si>
    <t>【海洋王】标准防爆荧光灯成品\BYC8340（2*21W）(标准配置）#GN\2*21W,标准配置</t>
  </si>
  <si>
    <t>【海洋王】带铠装填料函防爆荧光灯成品\BYC8340（2*21W）（带铠装填料函）#GN\2*21W,带铠装填料函</t>
  </si>
  <si>
    <t>【海洋王】标准防爆荧光灯成品\BYC8340（2*28W）(标准配置）#GN\2*28W,标准配置</t>
  </si>
  <si>
    <t>【海洋王】带铠装填料函防爆荧光灯成品\BYC8340（2*28W）（带铠装填料函）#GN\2*28W,带铠装填料函</t>
  </si>
  <si>
    <t>【海洋王】标准防爆应急荧光灯成品\BYE8340（2*21W）(标准配置）#GN\2*21W,标准配置</t>
  </si>
  <si>
    <t>【海洋王】带铠装填料函防爆应急荧光灯\BYE8340（2*21W）（带铠装填料函）#GN\2*21W,带铠装填料函</t>
  </si>
  <si>
    <t>【海洋王】标准防爆应急荧光灯\BYE8340（2*28W）(标准配置）#GN\2*28W,标准配置</t>
  </si>
  <si>
    <t>【海洋王】带铠装填料函防爆应急荧光灯\BYE8340（2*28W）（带铠装填料函）#GN\2*28W,带铠装填料函</t>
  </si>
  <si>
    <t>【海洋王】防爆标志灯\OK-BLZD-1LROE I 5W8402#GN\5W</t>
  </si>
  <si>
    <t>【海洋王】防爆泛光灯\BFC8410（不含网罩）#GN\48W,不含网罩</t>
  </si>
  <si>
    <t>【海洋王】含网罩防爆泛光灯\BFC8410#GN\48W,含网罩</t>
  </si>
  <si>
    <t>【海洋王】防爆泛光灯\BFC8411-L50W#GN\50W</t>
  </si>
  <si>
    <t>【海洋王】应急防爆泛光灯\BFE8411-L50W#GN\50W</t>
  </si>
  <si>
    <t>【海洋王】侧壁安装包组件\BFC8411#GN\</t>
  </si>
  <si>
    <t>【海洋王】网罩组件\BFC8411#GN\</t>
  </si>
  <si>
    <t>【海洋王】防坠链组件\BFC8411#GN\</t>
  </si>
  <si>
    <t>【海洋王】铠装填料函\BFC8411#GN\</t>
  </si>
  <si>
    <t>【海洋王】防爆道路灯\BLC8615-L70W#GN\70W</t>
  </si>
  <si>
    <t>【海洋王】防爆道路灯\BLC8615-L100W#GN\100W</t>
  </si>
  <si>
    <t>【海洋王】防爆道路灯\BLC8615-L150W#GN\150W</t>
  </si>
  <si>
    <t>【海洋王】防爆平台灯\BPC8720#GN\70/150W</t>
  </si>
  <si>
    <t>【海洋王】防爆平台灯\BPC8720(B)#GN\70/100/150W</t>
  </si>
  <si>
    <t>【海洋王】防爆应急平台灯\BPE8720#GN\70/150W</t>
  </si>
  <si>
    <t>【海洋王】防爆平台灯\BPC8730#GN\70/150W</t>
  </si>
  <si>
    <t>【海洋王】防爆平台灯\BPC8730A#GN\70/150W</t>
  </si>
  <si>
    <t>【海洋王】防爆平台灯\BPC8731/ON#GN\50W</t>
  </si>
  <si>
    <t>【海洋王】LED防爆平台灯\BPC8762-5W#GN\5W</t>
  </si>
  <si>
    <t>【海洋王】LED防爆平台灯\BPC8762-10W#GN\10W</t>
  </si>
  <si>
    <t>【海洋王】LED防爆平台灯\BPC8762-15W#GN\15W</t>
  </si>
  <si>
    <t>【海洋王】LED防爆平台灯\BPC8765-36W#GN\36W</t>
  </si>
  <si>
    <t>【海洋王】LED防爆平台灯\BPC8765-50W#GN\50W</t>
  </si>
  <si>
    <t>【海洋王】LED防爆平台灯\BPC8765A-36W#GN\36W</t>
  </si>
  <si>
    <t>【海洋王】LED防爆平台灯\BPC8765A-50W#GN\50W</t>
  </si>
  <si>
    <t>【海洋王】LED泛光灯\NFC9115-70W#GN\70W</t>
  </si>
  <si>
    <t>【海洋王】LED泛光灯\NFC9115-100W#GN\100W</t>
  </si>
  <si>
    <t>【海洋王】LED泛光灯\NFC9115-150W#GN\150W</t>
  </si>
  <si>
    <t>【海洋王】LED泛光灯\NTC9115-100W#GN\100W</t>
  </si>
  <si>
    <t>【海洋王】LED泛光灯\NTC9115-150W#GN\150W</t>
  </si>
  <si>
    <t>【海洋王】顶灯\NFC9116#GN\150W</t>
  </si>
  <si>
    <t>【海洋王】LED低顶灯\NFC9121/ON#GN\4×3W</t>
  </si>
  <si>
    <t>【海洋王】LED低顶灯\NFC9121A/ON#GN\4×3W</t>
  </si>
  <si>
    <t>【海洋王】应急低顶灯\NFE9121A-T1#GN\4×3W</t>
  </si>
  <si>
    <t>【海洋王】应急低顶灯\NFE9121A-T2#GN\4×3W</t>
  </si>
  <si>
    <t>【海洋王】应急低顶灯\NFE9121B-T1#GN\4×3W</t>
  </si>
  <si>
    <t>【海洋王】应急低顶灯\NFE9121B-T2#GN\4×3W</t>
  </si>
  <si>
    <t>【海洋王】LED低顶灯\NFC9121B/ON#GN\4×3W</t>
  </si>
  <si>
    <t>【海洋王】LED低顶灯\NFC9121C/ON#GN\4×3W</t>
  </si>
  <si>
    <t>【海洋王】工作灯\NFC9128（220V20W）#GN\220V 20W</t>
  </si>
  <si>
    <t>【海洋王】工作灯\NFC9128A（24-36V20W）#GN\24-36V 20W</t>
  </si>
  <si>
    <t>【海洋王】磁铁支架组件\NFC9128#GN\20W</t>
  </si>
  <si>
    <t>【海洋王】LED低顶灯\NFC9134#GN\36W 不调光标准接线</t>
  </si>
  <si>
    <t>【海洋王】LED低顶灯\NFC9134A#GN\36W 带调光标准接线</t>
  </si>
  <si>
    <t>【海洋王】吊杆支架组件\NFC9134/NFC9134A#GN\</t>
  </si>
  <si>
    <t>【海洋王】平板灯\NFC9136#GN\48W</t>
  </si>
  <si>
    <t>【海洋王】平板灯\NFC9136G#GN\48W</t>
  </si>
  <si>
    <t>【海洋王】平板灯\NFC9136S#GN\48W</t>
  </si>
  <si>
    <t>【海洋王】钢丝绳\NFC9136#GN\48W</t>
  </si>
  <si>
    <t>【海洋王】防眩顶灯\NFC9180#GN\70/100/150W</t>
  </si>
  <si>
    <t>【海洋王】防眩应急泛光灯\NFE9180#GN\70/100/150W</t>
  </si>
  <si>
    <t>【海洋王】LED通道灯\NFC9183/NY#GN\24W</t>
  </si>
  <si>
    <t>【海洋王】低顶灯\NFC9185-36W#GN\36W</t>
  </si>
  <si>
    <t>【海洋王】低顶灯\NFC9185-L48#GN\48W</t>
  </si>
  <si>
    <t>【海洋王】低顶灯\NFC9185A-L48#GN\48W</t>
  </si>
  <si>
    <t>【海洋王】LED平台灯\NFC9186#GN\70W</t>
  </si>
  <si>
    <t>【海洋王】侧壁安装包组件\NFC9186#GN\</t>
  </si>
  <si>
    <t>【海洋王】LED平台灯\NFC9186A#GN\70W</t>
  </si>
  <si>
    <t>【海洋王】侧壁安装包组件\NFC9186A#GN\</t>
  </si>
  <si>
    <t>【海洋王】LED吸顶灯\NFC9188-III#GN\18W</t>
  </si>
  <si>
    <t>【海洋王】LED平台灯\NFC9189-50W#GN\50W</t>
  </si>
  <si>
    <t>【海洋王】LED平台灯\NFC9189-30W#GN\30W</t>
  </si>
  <si>
    <t>【海洋王】U型支架组件\NFC9189#GN\</t>
  </si>
  <si>
    <t>【海洋王】防震型投光灯\NTC9210#GN\400W</t>
  </si>
  <si>
    <t>【海洋王】防震型投光灯\NTC9210A#GN\400W</t>
  </si>
  <si>
    <t>【海洋王】防震型超强投光灯\NTC9200#GN\1000W</t>
  </si>
  <si>
    <t>【海洋王】防震型超强投光灯\NTC9200A#GN\1000W</t>
  </si>
  <si>
    <t>【海洋王】外场强光投光灯\NTC9220#GN\2000W</t>
  </si>
  <si>
    <t>【海洋王】投光灯\NTC9221#GN\2000W</t>
  </si>
  <si>
    <t>【海洋王】LED投光灯\NTC9280-110W#GN\110W</t>
  </si>
  <si>
    <t>【海洋王】LED投光灯\NTC9280-200W#GN\200W</t>
  </si>
  <si>
    <t>【海洋王】LED投光灯\NTC9280-450W#GN\450W</t>
  </si>
  <si>
    <t>【海洋王】吊杆安装配件包\NTC9280#GN\</t>
  </si>
  <si>
    <t>【海洋王】防坠链组件\NTC9280#GN\</t>
  </si>
  <si>
    <t>【海洋王】防眩通路灯\NSC9700#GN\400W</t>
  </si>
  <si>
    <t>【海洋王】通路灯\NSC9700A#GN\400W</t>
  </si>
  <si>
    <t>【海洋王】防眩通路灯\NSC9720#GN\150W</t>
  </si>
  <si>
    <t>【海洋王】防眩应急通路灯\NSE9720#GN\150W</t>
  </si>
  <si>
    <t>【海洋王】高顶灯\NGC9800#GN\1000W</t>
  </si>
  <si>
    <t>【海洋王】高顶灯\NGC9800A#GN\1000W</t>
  </si>
  <si>
    <t>【海洋王】高顶灯\NGC9810#GN\250/400W</t>
  </si>
  <si>
    <t>【海洋王】高顶灯\NGC9810A#GN\250/400W</t>
  </si>
  <si>
    <t>【海洋王】高顶灯\NGC9810CR#GN\250/400W</t>
  </si>
  <si>
    <t>【海洋王】高顶灯\NGC9810CN#GN\250/400W</t>
  </si>
  <si>
    <t>【海洋王】高顶灯\NGC9822-100W#GN\100W</t>
  </si>
  <si>
    <t>【海洋王】灯伞组件\NGC9822#GN\</t>
  </si>
  <si>
    <t>【海洋王】防坠链组件\NGC9822#GN\</t>
  </si>
  <si>
    <t>【海洋王】LED高顶灯\NGC9823-230W#GN\230W</t>
  </si>
  <si>
    <t>【海洋王】挂钩式组件\NGC9823#GN\</t>
  </si>
  <si>
    <t>【海洋王】U型支架组件\NGC9823#GN\</t>
  </si>
  <si>
    <t>【海洋王】灯伞组件\NGC9823#GN\</t>
  </si>
  <si>
    <t>【海洋王】防水接头\NGC9823#GN\</t>
  </si>
  <si>
    <t>【海洋王】防坠链\NGC9823#GN\</t>
  </si>
  <si>
    <t>【海洋王】LED高顶灯\NGC9823A-230W#GN\230W</t>
  </si>
  <si>
    <t>【海洋王】挂钩式组件\NGC9823A#GN\</t>
  </si>
  <si>
    <t>【海洋王】U型支架组件\NGC9823A#GN\</t>
  </si>
  <si>
    <t>【海洋王】灯伞组件\NGC9823A#GN\</t>
  </si>
  <si>
    <t>【海洋王】防水接头\NGC9823A#GN\</t>
  </si>
  <si>
    <t>【海洋王】防坠链\NGC9823A#GN\</t>
  </si>
  <si>
    <t>【海洋王】防眩悬挂灯\NGC9830#GN\</t>
  </si>
  <si>
    <t>【海洋王】高效场馆顶灯\NGC9860A#GN\</t>
  </si>
  <si>
    <t>【海洋王】投光灯\NTC9230#GN\250/400W</t>
  </si>
  <si>
    <t>【海洋王】标志灯\DH*O.17/3L（A）矿用本质安全型信号灯#GN\DC 3V</t>
  </si>
  <si>
    <t>【海洋王】标志灯\FL4870/LZ2多功能声光报警灯#GN\DC 3.7V</t>
  </si>
  <si>
    <t>【海洋王】标志灯\4800-信号灯-红黄#GN\3V</t>
  </si>
  <si>
    <t>【海洋王】消防应急灯\OK-ZFZD-E6W8121灯具#GN\6W</t>
  </si>
  <si>
    <t>【海洋王】消防应急灯\8402消防应急标志灯#GN\5W</t>
  </si>
  <si>
    <t>【海洋王】防爆泛光灯\BFC8115A-50W（吊杆）灯具#GN\50W，吊杆式，标准款</t>
  </si>
  <si>
    <t>【海洋王】防爆泛光灯\BFC8115A-50W（吊杆）灯具，防眩光#GN\50W，吊杆式，防眩光</t>
  </si>
  <si>
    <t>【海洋王】防爆泛光灯\BFC8115A-50W灯具，U型支架#GN\50W，U型支架</t>
  </si>
  <si>
    <t>【海洋王】防爆泛光灯\BFC8115A-100W（吊杆）灯具#GN\100W，吊杆式，标准款</t>
  </si>
  <si>
    <t>【海洋王】防爆泛光灯\BFC8115A-100W（吊杆）灯具，防眩#GN\100W，吊杆式，防眩光</t>
  </si>
  <si>
    <t>【海洋王】防爆泛光灯\BFC8115A-100W灯具，U型支架#GN\100W，U型支架</t>
  </si>
  <si>
    <t>【海洋王】巷道灯\DGS51/127L（A）系列灯具#GN\51W</t>
  </si>
  <si>
    <t>【海洋王】巷道灯\DGS51/127L（B）系列灯具#GN\51W</t>
  </si>
  <si>
    <t>【海洋王】巷道灯\DJS28/127L(A)灯具#GN\28W</t>
  </si>
  <si>
    <t>【海洋王】巷道灯\DGC41/127L(A)灯具主体(冷白)#GN\41W</t>
  </si>
  <si>
    <t>【海洋王】巷道灯\DGS41/127L(A)灯具主体(冷白)#GN\41W</t>
  </si>
  <si>
    <t>【海洋王】工作灯\6117-LED防爆移动轻便灯#GN\50W</t>
  </si>
  <si>
    <t>【海洋王】巷道灯\DGS18/36L(A)#GN\18W</t>
  </si>
  <si>
    <t>【海洋王】巷道灯\DGS35/127B(B)#GN\35W</t>
  </si>
  <si>
    <t>【海洋王】巷道灯\DGS70/127B(G)#GN\70W</t>
  </si>
  <si>
    <t>【海洋王】巷道灯\DGS150/127B(A)#GN\150W</t>
  </si>
  <si>
    <t>【海洋王】巷道灯\DGS24/127L(A)#GN\24W</t>
  </si>
  <si>
    <t>【海洋王】机车灯\DGY18/48LX（A）#GN\18W</t>
  </si>
  <si>
    <t>【海洋王】防爆灯头\FW6102A（24/36V）#GN\30W</t>
  </si>
  <si>
    <t>【海洋王】机车灯\DGE18/48L(A)#GN\18W</t>
  </si>
  <si>
    <t>【海洋王】防爆平台灯\BPC8766-吸顶/弯杆（30W）灯具-0.5米线#GN\30W，0.5米线</t>
  </si>
  <si>
    <t>【海洋王】防爆平台灯\BPC8766-吸顶/弯杆（30W）灯具-3米线#GN\30W，3米线</t>
  </si>
  <si>
    <t>【海洋王】防爆平台灯\BPC8766-吸顶/弯杆（50W）灯具-0.5米线#GN\50W，0.5米线</t>
  </si>
  <si>
    <t>【海洋王】防爆平台灯\BPC8766-立杆式（30W）灯具#GN\30W，立杆式</t>
  </si>
  <si>
    <t>【海洋王】防爆平台灯\BPC8766-吸顶/弯杆（50W）灯具#GN\50W，吸顶/弯杆</t>
  </si>
  <si>
    <t>【海洋王】防爆平台灯\BPC8766-立杆式（50W）灯具#GN\50W，立杆式</t>
  </si>
  <si>
    <t>【海洋王】防爆灯具\FW6102B防爆照明LED灯AC220V-泛光防眩#GN\30W</t>
  </si>
  <si>
    <t>【海洋王】防爆灯头\FW6102B（220V）#GN\30W,带三芯电缆线</t>
  </si>
  <si>
    <t>【海洋王】巷道灯\DGS51/127L系列灯具-调光环照灯具主体（120°）#GN\</t>
  </si>
  <si>
    <t>【海洋王】巷道灯\DGS18/127L(A)#GN\18W</t>
  </si>
  <si>
    <t>【海洋王】机车灯\DGE18/48L(A)远光#GN\18W</t>
  </si>
  <si>
    <t>【海洋王】巷道灯\DGS45/127L(A)矿用隔爆型巷道灯#GN\45W</t>
  </si>
  <si>
    <t>【海洋王】机车灯\DGY18/36L(A)矿用隔爆型机车灯#GN\18W</t>
  </si>
  <si>
    <t>【海洋王】矿灯\KL3LM(B)矿灯#GN\DC 3.2V 3Ah</t>
  </si>
  <si>
    <t>【海洋王】防爆泛光灯\BFC8116-LED防爆泛光灯（冷白）#GN\200w</t>
  </si>
  <si>
    <t>【海洋王】防爆泛光灯\BYE8341/QH-灯具#GN\2*36W</t>
  </si>
  <si>
    <t>【海洋王】防爆泛光灯\BFC8160-LED防爆泛光灯（远距离）-100W#GN\100W</t>
  </si>
  <si>
    <t>【海洋王】防爆泛光灯\BPC8760灯具-45W#GN\45W</t>
  </si>
  <si>
    <t>【海洋王】防爆泛光灯\BPC8150A/HQ#GN\J400W</t>
  </si>
  <si>
    <t>【海洋王】防爆泛光灯\BTC8200A-J150#GN\J150W</t>
  </si>
  <si>
    <t>【海洋王】防爆灯具\BFC8140#GN\J150W</t>
  </si>
  <si>
    <t>【海洋王】防爆泛光灯\BFC8130#GN\J250W</t>
  </si>
  <si>
    <t>【海洋王】防爆泛光灯\BLC8610#GN\J250W</t>
  </si>
  <si>
    <t>【海洋王】防爆泛光灯\BTC8200#GN\J150W</t>
  </si>
  <si>
    <t>【海洋王】防爆电源箱\BAB1016#GN\5Ah</t>
  </si>
  <si>
    <t>【海洋王】电源箱\NAB1017#GN\5Ah</t>
  </si>
  <si>
    <t>【海洋王】电池箱\车载二组电池箱#GN\</t>
  </si>
  <si>
    <t>【海洋王】电池箱\车载四组电池箱#GN\</t>
  </si>
  <si>
    <t>【海洋王】电源控制箱\B*K1301-16/5-防爆电源控制箱-#GN\</t>
  </si>
  <si>
    <t>【海洋王】照明箱\机务维修照明箱组#GN\</t>
  </si>
  <si>
    <t>【海洋王】LED光源\NFC9135光源(20W)组件#GN\20W</t>
  </si>
  <si>
    <t>【海洋王】LED光源\NFC9135光源(40W)组件#GN\40W</t>
  </si>
  <si>
    <t>【海洋王】LED光源\NGC9823高顶灯LED冷白光源组件#GN\</t>
  </si>
  <si>
    <t>【海洋王】LED光源\NTC9280冷白LED铝基板贴片#GN\</t>
  </si>
  <si>
    <t>【海洋王】手电筒\JW7302A微型防爆电筒，冷白#GN\DC 3.7V 1.9Ah</t>
  </si>
  <si>
    <t>【海洋王】手电筒\JW7302A集中式充电箱（含7302A），冷白#GN\DC 3.7V 1.9Ah</t>
  </si>
  <si>
    <t>【海洋王】手电筒\JW7632-强光巡检手电筒灯具#GN\DC 3.7V 2.6Ah</t>
  </si>
  <si>
    <t>【海洋王】手电筒\JW7632-强光巡检手电筒灯具（集群型）#GN\DC 3.7V 2.6Ah 集群型</t>
  </si>
  <si>
    <t>【海洋王】多功能摄像灯具\JW7117A多功能防爆摄像照明装置#GN\3W</t>
  </si>
  <si>
    <t>【海洋王】多功能摄像灯具\JW7118多功能摄像巡检灯（配32G内存）#GN\3W</t>
  </si>
  <si>
    <t>【海洋王】多功能摄像灯具\JW7127防爆照明智能终端#GN\3W</t>
  </si>
  <si>
    <t>【海洋王】手电筒\JW7302微型防爆电筒-冷白#GN\DC 3.7V 1.9Ah</t>
  </si>
  <si>
    <t>【海洋王】手电筒\JW7510固态免维护强光电筒 #GN\DC 3.7V 3.8Ah</t>
  </si>
  <si>
    <t>【海洋王】手电筒\JW7628智能测距手电筒灯具成品（冷白）#GN\DC 3.7V 2Ah</t>
  </si>
  <si>
    <t>【海洋王】手电筒\JW7112/HP#GN\简装（彩盒包装＋灯具＋充电器）</t>
  </si>
  <si>
    <t>【海洋王】手电筒\JW7112/HP-精装#GN\精装（铝合金包装箱＋滤光片＋灯具＋充电器）</t>
  </si>
  <si>
    <t>【海洋王】手电筒\5510成品#GN\DC 3.7V 4Ah</t>
  </si>
  <si>
    <t>【海洋王】工作灯\FW6116-LED轻便移动灯#GN\35W</t>
  </si>
  <si>
    <t>【海洋王】工作灯\JW7633多功能强光防爆工作灯#GN\3W</t>
  </si>
  <si>
    <t>【海洋王】工作灯\JIW5282-轻便式多功能强光灯#GN\12W</t>
  </si>
  <si>
    <t>【海洋王】工作灯\FW6325-LED行灯,220V#GN\10W</t>
  </si>
  <si>
    <t>【海洋王】工作灯\6128多功能移动照明系统#GN\30W</t>
  </si>
  <si>
    <t>【海洋王】工作灯\FW6325-LED行灯,36V#GN\10W</t>
  </si>
  <si>
    <t>【海洋王】工作灯\6131移动照明灯塔#GN\AC220V 4×550W</t>
  </si>
  <si>
    <t>【海洋王】工作灯\SFW6130A全方位移动照明灯塔成品#GN\4*J1000W</t>
  </si>
  <si>
    <t>【海洋王】工作灯\FW6102泛光灯头成品#GN\DC24V 12Ah</t>
  </si>
  <si>
    <t>【海洋王】工作灯\SFW6180高效照明灯具成品#GN\AC220V 2×150W</t>
  </si>
  <si>
    <t>【海洋王】工作灯\QJW6240/N辅助照明灯#GN\</t>
  </si>
  <si>
    <t>【海洋王】头灯\IW5133微型防爆头灯#GN\DC 3.7V 2Ah</t>
  </si>
  <si>
    <t>【海洋王】吸顶灯\NFC9166A-LED平板灯#GN\48W,600*600mm</t>
  </si>
  <si>
    <t>【海洋王】吸顶灯\NFC9166B-LED平板灯#GN\48W,,300*1200mm</t>
  </si>
  <si>
    <t>【海洋王】吸顶灯\NFE9166A-LED应急平板灯#GN\48W,,600*600mm</t>
  </si>
  <si>
    <t>【海洋王】吸顶灯\NFE9166B-LED应急平板灯#GN\48W,,300*1200mm</t>
  </si>
  <si>
    <t>【海洋王】吸顶灯\9142-LED低顶灯-18W#GN\18W</t>
  </si>
  <si>
    <t>【海洋王】吸顶灯\9142-LED低顶灯-应急#GN\18W</t>
  </si>
  <si>
    <t>【海洋王】吸顶灯\9137A-LED低顶灯#GN\16W</t>
  </si>
  <si>
    <t>【海洋王】吸顶灯\9139A方舱灯-白光-18W#GN\18W</t>
  </si>
  <si>
    <t>【海洋王】吸顶灯\9139B方舱灯-白光-18W#GN\18W</t>
  </si>
  <si>
    <t>【海洋王】吸顶灯\9139C方舱灯-白光-36W#GN\36W</t>
  </si>
  <si>
    <t>【海洋王】吸顶灯\NFC9188-Ⅵ-LED教室灯#GN\36W</t>
  </si>
  <si>
    <t>【海洋王】吸顶灯\HG.LED-P2CQC-LED防水式圆形蓬顶灯-#GN\</t>
  </si>
  <si>
    <t>【海洋王】吸顶灯\CSC3012-LED柱形舱顶灯#GN\</t>
  </si>
  <si>
    <t>【海洋王】吸顶灯\NFC9130A低顶灯#GN\48W</t>
  </si>
  <si>
    <t>【海洋王】吸顶灯\CSE3011LED方形舱顶灯（带应急）#GN\20*1W</t>
  </si>
  <si>
    <t>【海洋王】吸顶灯\NFC9130低顶灯成品#GN\48W</t>
  </si>
  <si>
    <t>【海洋王】吸顶灯\NFE9100应急低顶灯#GN\70/100/150W</t>
  </si>
  <si>
    <t>【海洋王】吸顶灯\NFC9176低顶灯#GN\40W</t>
  </si>
  <si>
    <t>【海洋王】三防灯\9135-LED低顶灯-20W#GN\20W</t>
  </si>
  <si>
    <t>【海洋王】三防灯\9135-LED低顶灯-40W#GN\40W</t>
  </si>
  <si>
    <t>【海洋王】工矿灯具\9106灯具（普通型）-100W#GN\100W,普通型</t>
  </si>
  <si>
    <t>【海洋王】工矿灯具\9106灯具（普通型）-150W#GN\150W,普通型</t>
  </si>
  <si>
    <t>【海洋王】工矿灯具\9106灯具（微波智控型）-100W#GN\100W,微波智控型</t>
  </si>
  <si>
    <t>【海洋王】工矿灯具\9106灯具（应急型）-100W#GN\100W,应急型</t>
  </si>
  <si>
    <t>【海洋王】工矿灯具\9106灯具（微波智控型）-150W#GN\150W,微波智控型</t>
  </si>
  <si>
    <t>【海洋王】工矿灯具\NFC9187LED泛光灯#GN\18W</t>
  </si>
  <si>
    <t>【海洋王】工矿灯具\NTC9222-LED投光灯#GN\18W</t>
  </si>
  <si>
    <t>【海洋王】工矿灯具\9120-LED站台灯-50W#GN\50W</t>
  </si>
  <si>
    <t>【海洋王】工矿灯具\9120-LED站台灯-100W#GN\100W</t>
  </si>
  <si>
    <t>【海洋王】工矿灯具\NFC9281LED（70W)防眩#GN\70W</t>
  </si>
  <si>
    <t>【海洋王】工矿灯具\NFC9281LED（50W)防眩#GN\50W</t>
  </si>
  <si>
    <t>【海洋王】工矿灯具\NTC9280A-LED投光灯#GN\410W</t>
  </si>
  <si>
    <t>【海洋王】工矿灯具\NGC9830高顶灯#GN\J400W</t>
  </si>
  <si>
    <t>【海洋王】平台灯\NFC9186A调光款#GN\70W</t>
  </si>
  <si>
    <t>【海洋王】平台灯\NFE9112应急平台灯#GN\J70W</t>
  </si>
  <si>
    <t>【海洋王】平台灯\NFC9112#GN\J70W</t>
  </si>
  <si>
    <t>【海洋王】探照灯\7103手提式防爆探照灯#GN\12W</t>
  </si>
  <si>
    <t>【海洋王】探照灯\YFW6211B搜寻灯#GN\50W</t>
  </si>
  <si>
    <t>【海洋王】探照灯\N*C3300-L01立式LED滑行道边灯#GN\</t>
  </si>
  <si>
    <t>【海洋王】泛光灯\9710-LED-140W#GN\140W</t>
  </si>
  <si>
    <t>【海洋王】泛光灯\9710-LED-210W#GN\210W</t>
  </si>
  <si>
    <t>【海洋王】泛光灯\NFC9760-L70-LED#GN\70W</t>
  </si>
  <si>
    <t>【海洋王】泛光灯\NFC9760-L105-LED#GN\105W</t>
  </si>
  <si>
    <t>【海洋王】泛光灯\NGC9821系列灯具#GN\J150</t>
  </si>
  <si>
    <t>【海洋王】泛光灯\NFC9241户外球场灯具#GN\J1000W</t>
  </si>
  <si>
    <t>【海洋王】多功能摄像灯具\BFC8118(模拟）#GN\200W</t>
  </si>
  <si>
    <t>【海洋王】多功能摄像灯具\BFC8118（网络）#GN\200W</t>
  </si>
  <si>
    <t>【海洋王】多功能摄像灯具\NFC9118(模拟）#GN\200W</t>
  </si>
  <si>
    <t>【海洋王】多功能摄像灯具\NFC9118（网络）#GN\200W</t>
  </si>
  <si>
    <t>【海洋王】投光灯\NTC9280-110W-LED（船用型号）#GN\110W</t>
  </si>
  <si>
    <t>【海洋王】投光灯\NTC9280-200W-LED（船用型号）#GN\200W</t>
  </si>
  <si>
    <t>【海洋王】投光灯\NTC9211#GN\J400W</t>
  </si>
  <si>
    <t>【海洋王】投光灯\NFC9140#GN\J400W</t>
  </si>
  <si>
    <t>【海洋王】投光灯\NJC9500#GN\J150W</t>
  </si>
  <si>
    <t>【海洋王】路灯\NLC9616-LED道路灯（50W）#GN\50W,普通款</t>
  </si>
  <si>
    <t>【海洋王】路灯\NLC9616-LED道路灯（50W）时钟调光#GN\50W,时钟调光款</t>
  </si>
  <si>
    <t>【海洋王】路灯\NLC9616-LED道路灯（100W）#GN\100W,普通款</t>
  </si>
  <si>
    <t>【海洋王】路灯\NLC9616-LED道路灯（100W）时钟调光#GN\100W,时钟调光款</t>
  </si>
  <si>
    <t>【海洋王】路灯\9610A道路灯#GN\48×1W</t>
  </si>
  <si>
    <t>【海洋王】路灯\NLC9600道路灯#GN\J400W</t>
  </si>
  <si>
    <t>【海洋王】电子驱动\NGC9823-240W非调光#GN\</t>
  </si>
  <si>
    <t>【海洋王】电子驱动\NFC9135(20W)#GN\</t>
  </si>
  <si>
    <t>【海洋王】电子驱动\BPC8766-50W#GN\</t>
  </si>
  <si>
    <t>【海洋王】电子驱动\NFC9189-50W#GN\</t>
  </si>
  <si>
    <t>【海洋王】电子驱动\NFC9281-50W#GN\</t>
  </si>
  <si>
    <t>【海洋王】电子驱动\NTC9280-110W#GN\110W</t>
  </si>
  <si>
    <t>【海洋王】电子驱动\NTC9280-200W#GN\200W</t>
  </si>
  <si>
    <t>【海洋王】电子驱动\NTC9280A-410W#GN\</t>
  </si>
  <si>
    <t>【海洋王】电子驱动\BFC8115A-100W#GN\100W</t>
  </si>
  <si>
    <t>【海洋王】电子驱动\BFC8115A-50W#GN\50W</t>
  </si>
  <si>
    <t>【海洋王】透明件\9180透明件#GN\</t>
  </si>
  <si>
    <t>【海洋王】灯座\9180灯座安装组件，9180#GN\</t>
  </si>
  <si>
    <t>【海洋王】支架\7302-支架组件#GN\</t>
  </si>
  <si>
    <t>【海洋王】边框\9166安装边框#GN\</t>
  </si>
  <si>
    <t>【海洋王】感应器\微波感应器#GN\</t>
  </si>
  <si>
    <t>【海洋王】调光开关\调光控制开关#GN\</t>
  </si>
  <si>
    <t>【海洋王】灯杆\G3/4螺纹灯杆#GN\0.5m</t>
  </si>
  <si>
    <t>【海洋王】灯杆\G3/4螺纹灯杆#GN\2.5m</t>
  </si>
  <si>
    <t>【海洋王】接入路由器\502EGRC-LC#GN\</t>
  </si>
  <si>
    <t>【海洋王】单灯控制器\SD9110-A0#GN\3A</t>
  </si>
  <si>
    <t>【海洋王】回路控制器\LC9010-A0#GN\3*10A</t>
  </si>
  <si>
    <t>【海洋王】电池\7510#GN\DC3.7V 3.8Ah</t>
  </si>
  <si>
    <t>【海洋王】电池\7622#GN\DC3.7V 2Ah</t>
  </si>
  <si>
    <t>【海洋王】电池\6330#GN\</t>
  </si>
  <si>
    <t>【海洋王】转换器\6211(24V)#GN\24V</t>
  </si>
  <si>
    <t>【海洋王】转换器\6211（DC12V）#GN\12V</t>
  </si>
  <si>
    <t>【海洋王】全方位自动泛光工作灯\SFW6110B（5KW柴油发电机）#GN\</t>
  </si>
  <si>
    <t>【国电智深】底座\P2-BP03\3槽</t>
  </si>
  <si>
    <t>【国电智深】BP背板\P2-BP04\12槽</t>
  </si>
  <si>
    <t>【国电智深】端子板\UN-TB36A</t>
  </si>
  <si>
    <t>【国电智深】端子板\UN-TB64A</t>
  </si>
  <si>
    <t>【国电智深】DO端子板\UN-TB66A</t>
  </si>
  <si>
    <t>【国电智深】交流继电器端子板\DO-RB16A</t>
  </si>
  <si>
    <t>【国电智深】交流继电器主端子板\DO-RB32AE</t>
  </si>
  <si>
    <t>【国电智深】DO端子板\P2-TB22</t>
  </si>
  <si>
    <t>【国电智深】现场总线接口模件\EDPF-COM,100型</t>
  </si>
  <si>
    <t>【国电智深】现场总线接口模件\EDPF-COM,200型</t>
  </si>
  <si>
    <t>【国电智深】DPU过程控制器\EDPF-DPU</t>
  </si>
  <si>
    <t>【国电智深】DPU过程控制器\P2-CU01</t>
  </si>
  <si>
    <t>【国电智深】DPU底座\DZ-DPU</t>
  </si>
  <si>
    <t>【国电智深】汽机测速及超速保护模件\EDPF-SD1,100型</t>
  </si>
  <si>
    <t>【国电智深】汽机测速及超速保护模件\EDPF-SD1,200型</t>
  </si>
  <si>
    <t>【国电智深】DEH阀门伺服驱动模件\EDPF-VC0103,100型</t>
  </si>
  <si>
    <t>【国电智深】DEH阀门伺服驱动模件\EDPF-VC0106,100型</t>
  </si>
  <si>
    <t>【国电智深】DEH阀门伺服驱动模件\EDPF-VC0203,100型</t>
  </si>
  <si>
    <t>【国电智深】DEH阀门伺服驱动模件\EDPF-VC0206,100型</t>
  </si>
  <si>
    <t>【国电智深】DEH阀门伺服驱动模件\EDPF-VC1102,100型</t>
  </si>
  <si>
    <t>【国电智深】DEH阀门伺服驱动模件\EDPF-VC0103,200型</t>
  </si>
  <si>
    <t>【国电智深】DEH阀门伺服驱动模件\EDPF-VC0106,200型</t>
  </si>
  <si>
    <t>【国电智深】DEH阀门伺服驱动模件\EDPF-VC0203,200型</t>
  </si>
  <si>
    <t>【国电智深】DEH阀门伺服驱动模件\EDPF-VC0206,200型</t>
  </si>
  <si>
    <t>【国电智深】DEH阀门伺服驱动模件\EDPF-VC1102,200型</t>
  </si>
  <si>
    <t>【国电智深】TPM汽机保护模件(跳闸控制卡件)\EDPF-TPM</t>
  </si>
  <si>
    <t>【国电智深】TPM底座\DZ-TPM</t>
  </si>
  <si>
    <t>【国电智深】交流继电器板（含继电器）\(RJ1S-CL-D24)*16+(SJ1S-07L)*16+RA16</t>
  </si>
  <si>
    <t>【国电智深】直流继电器板（含继电器）\(KUEP-3D15-24)*16 (S5-M)*16 RA16</t>
  </si>
  <si>
    <t>【国电智深】工业网络交换机\KIEN Opal8-8T</t>
  </si>
  <si>
    <t>【国电智深】交换机</t>
  </si>
  <si>
    <t>【国电智深】工业网络交换机\KIEN Opal8-1M-6T</t>
  </si>
  <si>
    <t>【国电智深】工业网络交换机\KIEN Opal8-2M-6T</t>
  </si>
  <si>
    <t>【国电智深】工业网络交换机\KIEN Opal8-1S-6T</t>
  </si>
  <si>
    <t>【国电智深】工业网络交换机\KIEN Opal8-2S-6T</t>
  </si>
  <si>
    <t>【国电智深】智能数据采集前端\LICON-RDAS-AI20-01</t>
  </si>
  <si>
    <t>【国电智深】8口串口服务器\8口</t>
  </si>
  <si>
    <t>【国电智深】16口串口服务器\16口</t>
  </si>
  <si>
    <t>【国电智深】工程服务器</t>
  </si>
  <si>
    <t>【国电智深】工程师站\EDPF-ENG</t>
  </si>
  <si>
    <t>【国电智深】操作员站\EDPF-OPR</t>
  </si>
  <si>
    <t>【国电智深】历史站\EDPF-HSR</t>
  </si>
  <si>
    <t>【国电智深】直流冗余电源\220V/24VDC\国电智深</t>
  </si>
  <si>
    <t>【国电智深】电源\PS500A\AC220V/DC24/48V,350/200W</t>
  </si>
  <si>
    <t>【国电智深】冗余电源切换器\QPS-20A\AC220V,20A\国电智深</t>
  </si>
  <si>
    <t>【国电智深】继电器转接板\RA16</t>
  </si>
  <si>
    <t>【国电智深】DPU控制器风扇\DPU-Fan</t>
  </si>
  <si>
    <t>【国电智深】继电器电缆\DB25M/DB25M</t>
  </si>
  <si>
    <t>【国电智深】信号电缆\EDPF-DL</t>
  </si>
  <si>
    <t>【国电智深】背板扩展电缆\UN-DB9A-0.5</t>
  </si>
  <si>
    <t>【国电智深】背板扩展电缆\UN-DB9A-1.0</t>
  </si>
  <si>
    <t>【国电智深】模块预制电缆\UN-DB37A-0.5</t>
  </si>
  <si>
    <t>【国电智深】模块预制电缆\UN-DB37A-1.0</t>
  </si>
  <si>
    <t>【国电智深】模块预制电缆\UN-DB37A-1.5</t>
  </si>
  <si>
    <t>【国电智深】模块预制电缆\UN-DB37A-2.0</t>
  </si>
  <si>
    <t>【国电智深】模块预制电缆\UN-DB37A-3.0</t>
  </si>
  <si>
    <t>【国电智深】DO端子板扩展预制电缆\UN-DB37B-0.5</t>
  </si>
  <si>
    <t>【国电智深】DO端子板扩展预制电缆\UN-DB37B-1.5</t>
  </si>
  <si>
    <t>【国电智深】单模光纤收发器\单模</t>
  </si>
  <si>
    <t>对</t>
  </si>
  <si>
    <t>【国电智深】多模光纤收发器\多模</t>
  </si>
  <si>
    <t>【国电智深】DCS/DEH接口模件\EDPF-DCI,100型</t>
  </si>
  <si>
    <t>【国电智深】DCS/DEH接口模件\EDPF-DCI,200型</t>
  </si>
  <si>
    <t>【国电智深】网关站\EDPF-GATEWAY</t>
  </si>
  <si>
    <t>【国电智深】机柜风扇(根据机柜尺寸配置)\,,MB,A</t>
  </si>
  <si>
    <t>【国电智深】模拟量输出控制模件\EDPF-ACT4,100型</t>
  </si>
  <si>
    <t>【国电智深】模拟量输出控制模件\EDPF-ACT4,200型</t>
  </si>
  <si>
    <t>【国电智深】转接线\I/OBUS</t>
  </si>
  <si>
    <t>【机煜】气动程控蝶阀阀体\JAYX40A857\JAY-20M</t>
  </si>
  <si>
    <t>杭州机煜科技有限公司</t>
  </si>
  <si>
    <t>机煜</t>
  </si>
  <si>
    <t>WZSCCG-2019-HB-005</t>
  </si>
  <si>
    <t>国家能源e购商城杭州机煜空气干燥系统备件华北区域级长协采购</t>
  </si>
  <si>
    <t>【机煜】冷媒高压压力表\JAYX70D990\JAY-20/40/60M</t>
  </si>
  <si>
    <t>【机煜】压力表\JAYX28D120\JAY-20/40/60M</t>
  </si>
  <si>
    <t>【机煜】内置排水器\JAYX21D389\JAY-20M</t>
  </si>
  <si>
    <t>【机煜】耐震空气压力表\JAYX28D307\JAY-20/40/60M</t>
  </si>
  <si>
    <t>【机煜】冷媒低压压力表\JAYX70D010\JAY-20/40/60M</t>
  </si>
  <si>
    <t>【机煜】露点仪\JAYX40C501\JAY-20/40/60M</t>
  </si>
  <si>
    <t>【机煜】蒸发器\JAYX51B777\JAY-60M</t>
  </si>
  <si>
    <t>【机煜】低压控制器\JAYX46B738\JAY-20/40/60M</t>
  </si>
  <si>
    <t>【机煜】露点仪\JAYX40C309\JAY-20/40/60M</t>
  </si>
  <si>
    <t>【机煜】20立方干燥过滤器\JAYX41B973\JAY-20M</t>
  </si>
  <si>
    <t>【机煜】扩散器\JAYX27A199\JAY-20M</t>
  </si>
  <si>
    <t>【机煜】止回阀\JAYX32A571\JAY-40M</t>
  </si>
  <si>
    <t>【机煜】消声器\JAYX29A100\JAY-20M</t>
  </si>
  <si>
    <t>【机煜】压缩机\JAYX23B877\380V,4.75KW\JAY-20M</t>
  </si>
  <si>
    <t>【机煜】PLC程序控制器\JAYX24C982\JAY-20/40/60M</t>
  </si>
  <si>
    <t>【机煜】气动程控蝶阀\JAYX21A973\JAY-60M</t>
  </si>
  <si>
    <t>【机煜】PLC程序控制器\JAYX24C567\JAY-20/40/60M</t>
  </si>
  <si>
    <t>【机煜】气动程控蝶阀\JAYX21A369\JAY-40M</t>
  </si>
  <si>
    <t>【机煜】气动程控蝶阀\JAYX21A090\JAY-40M</t>
  </si>
  <si>
    <t>【机煜】制冷剂\JAYX71D929\JAY-20/40/60M</t>
  </si>
  <si>
    <t>【机煜】过滤减压阀\JAYX33D632\JAY-20/40/60M</t>
  </si>
  <si>
    <t>【机煜】止回阀\JAYX32A661\JAY-40M</t>
  </si>
  <si>
    <t>【机煜】加热管\JAYX37A786\JAY-60M</t>
  </si>
  <si>
    <t>【机煜】气动程控蝶阀\JAYX21A117\JAY-20M</t>
  </si>
  <si>
    <t>【机煜】浮球自动排水器\JAYX21D200\JAY-20/40/60M</t>
  </si>
  <si>
    <t>【机煜】浮球自动排水器\JAYX21D010\JAY-20/40/60M</t>
  </si>
  <si>
    <t>【机煜】止回阀\JAYX32A672\JAY-20M</t>
  </si>
  <si>
    <t>【机煜】加热管\JAYX36A909\JAY-20M</t>
  </si>
  <si>
    <t>【机煜】加热管\JAYX36A848\JAY-40M</t>
  </si>
  <si>
    <t>【机煜】PLC扩展模块\JAYX25C590\JAY-20/40/60M</t>
  </si>
  <si>
    <t>【机煜】PLC扩展模块\JAYX25C879\JAY-20/40/60M</t>
  </si>
  <si>
    <t>【机煜】PLC扩展模块\JAYX25C223\JAY-20/40/60M</t>
  </si>
  <si>
    <t>【机煜】数字显示仪\JAYX22C309\JYRL-40NF</t>
  </si>
  <si>
    <t>【机煜】蒸发器盲板和附件\JAYX50B972FJ\JAY-20/40/60M</t>
  </si>
  <si>
    <t>【机煜】气动程控蝶阀执行器\JAYX41A896\JAY-40M</t>
  </si>
  <si>
    <t>【机煜】进气活塞切断阀\JAYX37A958\JAY-40M</t>
  </si>
  <si>
    <t>【机煜】排气活塞切断阀\JAYX39A109\JAY-40M</t>
  </si>
  <si>
    <t>【机煜】PLC程序控制器\JAYX24C879\JAY-20/40/60M</t>
  </si>
  <si>
    <t>【机煜】PLC扩展模块\JAYX24C443\JAY-20/40/60M</t>
  </si>
  <si>
    <t>【机煜】排气活塞切断阀\JAYX39A765\JAY-40M</t>
  </si>
  <si>
    <t>【机煜】进气活塞切断阀\JAYX37A132\JAY-20M</t>
  </si>
  <si>
    <t>【机煜】气动程控蝶阀执行器\JAYX41A110\JAY-20M</t>
  </si>
  <si>
    <t>【机煜】进气活塞切断阀\JAYX37A132\JAY-40M</t>
  </si>
  <si>
    <t>【机煜】吸气过滤器\JY28789\JAY-20/40/60M</t>
  </si>
  <si>
    <t>【机煜】气动程控角阀\JAYX26A689\JAY-20M</t>
  </si>
  <si>
    <t>【机煜】电磁阀组\JAYX26D310\JAY-20/40/60M</t>
  </si>
  <si>
    <t>【机煜】电磁阀组\JAYX27D873\JAY-20/40/60M</t>
  </si>
  <si>
    <t>【机煜】不锈钢程控排污装置\JY-PW-3000\JAY-20/40/60M</t>
  </si>
  <si>
    <t>【机煜】汽化器\JAYX2609\JAY-60M</t>
  </si>
  <si>
    <t>【机煜】热力膨胀阀\JAYX37B554\JAY-60M</t>
  </si>
  <si>
    <t>【机煜】热力旁通阀\JAYX35B901\JAY-60M</t>
  </si>
  <si>
    <t>【机煜】PLC扩展模块\JAYX24C709\JAY-20/40/60M</t>
  </si>
  <si>
    <t>【机煜】高压储液器\JAYX53B020\JAY-20/40/60M</t>
  </si>
  <si>
    <t>【机煜】热力旁通阀\JAYX35B120\JAY-40M</t>
  </si>
  <si>
    <t>【机煜】汽化器\JAYX2608\JAY-40M</t>
  </si>
  <si>
    <t>【机煜】气动程控蝶阀阀体\JAYX40A307\JAY-40M</t>
  </si>
  <si>
    <t>【机煜】止回阀\JAYX32A789\JAY-40M</t>
  </si>
  <si>
    <t>【机煜】Y型过滤球阀\JAYX23D991\JAY-20/40/60M</t>
  </si>
  <si>
    <t>【机煜】气动程控蝶阀阀体\JAYX40A782\JAY-40M</t>
  </si>
  <si>
    <t>【机煜】热力膨胀阀\JAYX37B563\JAY-40M</t>
  </si>
  <si>
    <t>【机煜】油分离器\JAYX64B012\JAY-60M</t>
  </si>
  <si>
    <t>【机煜】热力膨胀阀\JAYX37B983\JAY-20M</t>
  </si>
  <si>
    <t>【机煜】汽化器\JAYX2606\JAY-20M</t>
  </si>
  <si>
    <t>【机煜】进气气动膜阀\JAYX23A198\JAY-20M</t>
  </si>
  <si>
    <t>【机煜】油分离器\JAYX64B769\JAY-40M</t>
  </si>
  <si>
    <t>【机煜】风扇风机\JAYX67B293\JAY-40M</t>
  </si>
  <si>
    <t>【机煜】排气气动膜阀\JAYX23A158\JAY-20M</t>
  </si>
  <si>
    <t>【机煜】热力旁通阀\JAYX36B729\JAY-20M</t>
  </si>
  <si>
    <t>【机煜】油分离器\JAYX64B092\JAY-20M</t>
  </si>
  <si>
    <t>【机煜】JYHF9精密滤芯\JAYX53E981\JAY-20/40/60M</t>
  </si>
  <si>
    <t>【机煜】消声器\JAYX29A758\JAY-20/40/60M</t>
  </si>
  <si>
    <t>【机煜】40立方干燥过滤器\JAYX41B322\JAY-40M</t>
  </si>
  <si>
    <t>【机煜】扩散器\JAYX27A327\JAY-20M</t>
  </si>
  <si>
    <t>【机煜】高压控制器\JAYX46B222\JAY-20/40/60M</t>
  </si>
  <si>
    <t>【机煜】电子自动排水器\JAYX22D301\JAY-20/40/60M</t>
  </si>
  <si>
    <t>【机煜】电子自动排水器\JAYX22D809\JAY-20/40/60M</t>
  </si>
  <si>
    <t>【机煜】灌充阀\JAYX72D861\JAY-20/40/60M</t>
  </si>
  <si>
    <t>【机煜】露点仪总成\JYX40C501ZC\JAY-20/40/60M</t>
  </si>
  <si>
    <t>【机煜】便携式露点仪\JYX60C809\JAY-20/40/60M</t>
  </si>
  <si>
    <t>【机煜】板式换热器\JYX66A335\JAY-60M</t>
  </si>
  <si>
    <t>【机煜】板式换热器\JYX66A225\JAY-40/45M</t>
  </si>
  <si>
    <t>【机煜】板式冷凝器\JYX81A602\JAY-60M</t>
  </si>
  <si>
    <t>【机煜】JYHF9精密滤芯\JAYX54E981\JAY-20/40/60M</t>
  </si>
  <si>
    <t>【机煜】JYHF9精密滤芯\JAYX52F981\JAY-20/40/60M</t>
  </si>
  <si>
    <t>【机煜】JYHF9精密滤芯\JAYX52E981\JAY-20/40/60M</t>
  </si>
  <si>
    <t>【机煜】JYHF5精密滤芯\JAYX21E711\JAY-20/40/60M</t>
  </si>
  <si>
    <t>【机煜】JYHF5精密滤芯\JAYX22E781\JAY-20/40/60M</t>
  </si>
  <si>
    <t>【机煜】JYHF5精密滤芯\JAYX22E711\JAY-20/40/60M</t>
  </si>
  <si>
    <t>【机煜】JYHF5精密滤芯\JAYX23E711\JAY-20/40/60M</t>
  </si>
  <si>
    <t>【机煜】JYHF7精密滤芯\JAYX31E502\JAY-20/40/60M</t>
  </si>
  <si>
    <t>【机煜】JYHF7精密滤芯\JAYX30E876\JAY-20/40/60M</t>
  </si>
  <si>
    <t>【机煜】JYHF7精密滤芯\JAYX31E876\JAY-20/40/60M</t>
  </si>
  <si>
    <t>【机煜】JYHF7精密滤芯\JAYX32E876\JAY-20/40/60M</t>
  </si>
  <si>
    <t>【机煜】水冷冷凝器\JAYX40B931\JAY-60M</t>
  </si>
  <si>
    <t>【机煜】60立方干燥过滤器\JAYX41B212\JAY-60M</t>
  </si>
  <si>
    <t>【机煜】压缩机\JAYX25B882\380V,13.8KW\JAY-60M</t>
  </si>
  <si>
    <t>【机煜】水冷冷凝器\JAYX40B291\JAY-40M</t>
  </si>
  <si>
    <t>【机煜】压缩机\JAYX25B173\380V,9.26KW\JAY-40M</t>
  </si>
  <si>
    <t>【机煜】蒸发器\JAYX51B821\JAY-40M</t>
  </si>
  <si>
    <t>【机煜】扩散器\JAYX27A195\JAY-40M</t>
  </si>
  <si>
    <t>【机煜】风扇风机\JAYX66B129\JAY-20M</t>
  </si>
  <si>
    <t>【机煜】蒸发器\JAYX50B983\JAY-20M</t>
  </si>
  <si>
    <t>【机煜】水冷冷凝器\JAYX40B922\JAY-20M</t>
  </si>
  <si>
    <t>【机煜】水量自动调节阀\JAYX45B739\JAY-20/40/60M</t>
  </si>
  <si>
    <t>【机煜】板式冷凝器\JYX81A468\JAY-40/45M</t>
  </si>
  <si>
    <t>【机煜】蒸发器总成\JYX6ZF001\JAY-60M</t>
  </si>
  <si>
    <t>【机煜】蒸发器总成\JYX4ZF003\JAY-40/45M</t>
  </si>
  <si>
    <t>【机煜】蒸发器总成\JYX2ZF005\JAY-20M</t>
  </si>
  <si>
    <t>【机煜】预冷器总成\JYX6YL001\JAY-60M</t>
  </si>
  <si>
    <t>【机煜】预冷器总成\JYX4YL003\JAY-40/45M</t>
  </si>
  <si>
    <t>【机煜】预冷器总成\JYX2YL005\JAY-20M</t>
  </si>
  <si>
    <t>【机煜】预冷蒸发器总成\JYX6YU06\JAY-60M</t>
  </si>
  <si>
    <t>【机煜】预冷蒸发器总成\JYX4YW08\JAY-40/45M</t>
  </si>
  <si>
    <t>【机煜】预冷蒸发器总成\JYX2YW09\JAY-20M</t>
  </si>
  <si>
    <t>【机煜】箱板总成\JYX40NF\JRY-40NF</t>
  </si>
  <si>
    <t>【机煜】箱板总成\JYX20MW\JAY-20M</t>
  </si>
  <si>
    <t>【机煜】箱板总成\JYX40MW\JAY-40/45M</t>
  </si>
  <si>
    <t>【机煜】箱板总成\JYX60MW\JAY-60M</t>
  </si>
  <si>
    <t>【机煜】吸附器总成\JYX500XF\JAY-20M</t>
  </si>
  <si>
    <t>【机煜】吸附器总成\JYX700XF\JAY-40/45M</t>
  </si>
  <si>
    <t>【机煜】吸附器总成\JYX800XF\JAY-60M</t>
  </si>
  <si>
    <t>【机煜】过滤器总成\JYX159GL\JYHF-20N</t>
  </si>
  <si>
    <t>【机煜】过滤器总成\JYX219GL\JYHF-30/40N</t>
  </si>
  <si>
    <t>【机煜】过滤器总成\JYX273GL\JYHF-40/45/50N</t>
  </si>
  <si>
    <t>【机煜】高效除油装置\JYGX-70N\JAY-70M</t>
  </si>
  <si>
    <t>【机煜】高效除油装置\JYGX-80N\JAY-80M</t>
  </si>
  <si>
    <t>【机煜】高效除油装置\JYGX-90N\JAY-90M</t>
  </si>
  <si>
    <t>【机煜】高效除油装置\JYGX-100N\JAY-100M</t>
  </si>
  <si>
    <t>【机煜】冷、过连接管\JYLJ-20A\JAY-20M</t>
  </si>
  <si>
    <t>【机煜】冷、过连接管\JYLJ-40A\JAY-40\45M</t>
  </si>
  <si>
    <t>【机煜】冷、过连接管\JYLJ-60A\JAY-60M</t>
  </si>
  <si>
    <t>【机煜】冷、吸连接管\JYLJ-20B\JAY-20M</t>
  </si>
  <si>
    <t>【机煜】冷、吸连接管\JYLJ-40B\JAY-40\45M</t>
  </si>
  <si>
    <t>【机煜】冷、吸连接管\JYLJ-60B\JAY-60M</t>
  </si>
  <si>
    <t>【机煜】吸、过连接管\JYLJ-20C\JAY-20M</t>
  </si>
  <si>
    <t>【机煜】过滤器总成\JYX325GL\JYHF-50/60N</t>
  </si>
  <si>
    <t>【机煜】过滤器总成\JYX377GL\JYHF-70/80N</t>
  </si>
  <si>
    <t>【机煜】过滤器总成\JYX450GL\JYHF-100/120N</t>
  </si>
  <si>
    <t>【机煜】风扇冷凝器\JY-45M550\JAY-40/45M</t>
  </si>
  <si>
    <t>【机煜】制冷维修备件包\JY-20WXB\JAY-20M</t>
  </si>
  <si>
    <t>【机煜】制冷维修备件包\JY-40FWXB\JRY-40N</t>
  </si>
  <si>
    <t>【机煜】制冷维修备件包\JY-40MWXB\JAY-40/45M</t>
  </si>
  <si>
    <t>【机煜】制冷维修备件包\JY-60WXB\JAY-60M</t>
  </si>
  <si>
    <t>【机煜】控制系统总成\JYX-KZ20XCM\JAY-20M</t>
  </si>
  <si>
    <t>【机煜】控制系统总成\JYX-KZ40XCM\JAY-40/45M</t>
  </si>
  <si>
    <t>【机煜】控制系统总成\JYX-KZ60XCM\JAY-50/60M</t>
  </si>
  <si>
    <t>【机煜】吸附器总成\JYX600XF\JAY-30M</t>
  </si>
  <si>
    <t>【机煜】吸附器总成\JYX750XF\JAY-50M</t>
  </si>
  <si>
    <t>【机煜】板式换热器\JYX66A005\JAY-20M</t>
  </si>
  <si>
    <t>【机煜】板式换热器\JYX66A15\JAY-30M</t>
  </si>
  <si>
    <t>【机煜】板式冷凝器\JYX81A268\JAY-20M</t>
  </si>
  <si>
    <t>【机煜】板式冷凝器\JYX81A302\JAY-30M</t>
  </si>
  <si>
    <t>【机煜】高效除油装置\JYGX-20N\JAY-20M</t>
  </si>
  <si>
    <t>【机煜】高效除油装置\JYGX-30N\JAY-30M</t>
  </si>
  <si>
    <t>【机煜】高效除油装置\JYGX-40N\JAY-40M</t>
  </si>
  <si>
    <t>【机煜】高效除油装置\JYGX-50N\JAY-50M</t>
  </si>
  <si>
    <t>【机煜】高效除油装置\JYGX-60N\JAY-60M</t>
  </si>
  <si>
    <t>【机煜】吸、过连接管\JYLJ-40C\JAY-40\45M</t>
  </si>
  <si>
    <t>【机煜】吸、过连接管\JYLJ-60C\JAY-60M</t>
  </si>
  <si>
    <t>【机煜】文本显示屏\JY-XMZ400\JAY-20/40/60M</t>
  </si>
  <si>
    <t>【机煜】文本显示屏\JY-SLD400\JAY-20/40/60M</t>
  </si>
  <si>
    <t>【机煜】文本显示屏\JY-AB400\JAY-20/40/60M</t>
  </si>
  <si>
    <t>【机煜】加热器总成\JY-XFJR006\JAY-20/40/60M</t>
  </si>
  <si>
    <t>【机煜】温度传感器\JAYX21R222\JAY-20/40/60M</t>
  </si>
  <si>
    <t>【国电富通】密封圆顶阀密封圈\DN300\FT3.1.1.3-4</t>
  </si>
  <si>
    <t>北京国电富通科技发展有限责任公司</t>
  </si>
  <si>
    <t>国电富通</t>
  </si>
  <si>
    <t>WZSCCG-2019-BJ-014</t>
  </si>
  <si>
    <t>国电富通气力除灰、干渣机备件长协采购</t>
  </si>
  <si>
    <t>【国电富通】密封圆顶阀气缸总成\DN300\FT3.1.1.3-5</t>
  </si>
  <si>
    <t>【国电富通】密封圆顶阀机械阀\DN300\FT3.1.1.3-6</t>
  </si>
  <si>
    <t>【国电富通】密封圆顶阀衬环\DN200\FT3.1.1.3-7</t>
  </si>
  <si>
    <t>【国电富通】密封圆顶阀塞环\DN200\FT3.1.1.3-8</t>
  </si>
  <si>
    <t>【国电富通】密封圆盘阀\DN65\FT3.2.1.1</t>
  </si>
  <si>
    <t>【国电富通】密封圆盘阀气缸总成\DN65\FT3.2.1.1-1</t>
  </si>
  <si>
    <t>【国电富通】密封圆盘阀阀板组件\DN65\FT3.2.1.1-2</t>
  </si>
  <si>
    <t>【国电富通】密封圆盘阀阀体\DN65\FT3.2.1.1-3</t>
  </si>
  <si>
    <t>【国电富通】密封圆盘阀传动轴\DN65\FT3.2.1.1-4</t>
  </si>
  <si>
    <t>【国电富通】密封圆盘阀\DN80\FT3.2.1.2</t>
  </si>
  <si>
    <t>【国电富通】密封双闸板阀阀板组件\DN100\FT3.3.1.1-2</t>
  </si>
  <si>
    <t>【国电富通】密封双闸板阀阀体\DN100\FT3.3.1.1-3</t>
  </si>
  <si>
    <t>【国电富通】密封双闸板阀\DN125\FT3.3.1.2</t>
  </si>
  <si>
    <t>【国电富通】密封双闸板阀气缸总成\DN125\FT3.3.1.2-1</t>
  </si>
  <si>
    <t>【国电富通】密封双闸板阀阀板组件\DN125\FT3.3.1.2-2</t>
  </si>
  <si>
    <t>【国电富通】密封双闸板阀阀体\DN125\FT3.3.1.2-3</t>
  </si>
  <si>
    <t>【国电富通】密封双闸板阀\DN150\FT3.3.1.3</t>
  </si>
  <si>
    <t>【国电富通】密封双闸板阀气缸总成\DN150\FT3.3.1.3-1</t>
  </si>
  <si>
    <t>【国电富通】密封双闸板阀阀板组件\DN150\FT3.3.1.3-2</t>
  </si>
  <si>
    <t>【国电富通】密封双闸板阀阀体\DN150\FT3.3.1.3-3</t>
  </si>
  <si>
    <t>【国电富通】密封双闸板阀\DN175\FT3.3.1.4</t>
  </si>
  <si>
    <t>【国电富通】密封双闸板阀气缸总成\DN175\FT3.3.1.4-1</t>
  </si>
  <si>
    <t>【国电富通】密封双闸板阀阀板组件\DN175\FT3.3.1.4-2</t>
  </si>
  <si>
    <t>【国电富通】密封双闸板阀阀体\DN175\FT3.3.1.4-3</t>
  </si>
  <si>
    <t>【国电富通】密封双闸板阀\DN200\FT3.3.1.5</t>
  </si>
  <si>
    <t>【国电富通】密封双闸板阀气缸总成\DN200\FT3.3.1.5-1</t>
  </si>
  <si>
    <t>【国电富通】密封双闸板阀阀板组件\DN200\FT3.3.1.5-2</t>
  </si>
  <si>
    <t>【国电富通】密封双闸板阀阀板组件\DN300\FT3.3.1.8-2</t>
  </si>
  <si>
    <t>【国电富通】密封双闸板阀阀体\DN300\FT3.3.1.8-3</t>
  </si>
  <si>
    <t>【国电富通】大曲率耐磨陶瓷弯头\DN100\FT4.1.2.1</t>
  </si>
  <si>
    <t>【国电富通】大曲率耐磨陶瓷弯头\DN125\FT4.1.2.2</t>
  </si>
  <si>
    <t>【国电富通】大曲率耐磨陶瓷弯头\DN150\FT4.1.2.3</t>
  </si>
  <si>
    <t>【国电富通】大曲率耐磨陶瓷弯头\DN175\FT4.1.2.4</t>
  </si>
  <si>
    <t>【国电富通】大曲率耐磨陶瓷弯头\DN200\FT4.1.2.5</t>
  </si>
  <si>
    <t>【国电富通】大曲率耐磨陶瓷弯头\DN225\FT4.1.2.6</t>
  </si>
  <si>
    <t>【国电富通】大曲率耐磨陶瓷弯头\DN250\FT4.1.2.7</t>
  </si>
  <si>
    <t>【国电富通】大曲率耐磨双金属弯头\DN150\FT4.1.3.3</t>
  </si>
  <si>
    <t>【国电富通】大曲率耐磨双金属弯头\DN175\FT4.1.3.4</t>
  </si>
  <si>
    <t>【国电富通】大曲率耐磨双金属弯头\DN200\FT4.1.3.5</t>
  </si>
  <si>
    <t>【国电富通】大曲率耐磨双金属弯头\DN225\FT4.1.3.6</t>
  </si>
  <si>
    <t>【国电富通】大曲率耐磨双金属弯头\DN250\FT4.1.3.7</t>
  </si>
  <si>
    <t>【国电富通】大曲率耐磨双金属弯头\DN300\FT4.1.3.8</t>
  </si>
  <si>
    <t>【国电富通】大曲率耐磨双金属三通\DN100\FT4.2.3.1</t>
  </si>
  <si>
    <t>【国电富通】大曲率耐磨双金属三通\DN125\FT4.2.3.2</t>
  </si>
  <si>
    <t>【国电富通】大曲率耐磨双金属三通\DN150\FT4.2.3.3</t>
  </si>
  <si>
    <t>【国电富通】大曲率耐磨双金属三通\DN175\FT4.2.3.4</t>
  </si>
  <si>
    <t>【国电富通】大曲率耐磨双金属三通\DN200\FT4.2.3.5</t>
  </si>
  <si>
    <t>【国电富通】波纹伸缩节\DN175\FT4.3.1.12</t>
  </si>
  <si>
    <t>【国电富通】波纹伸缩节\DN200\FT4.3.1.13</t>
  </si>
  <si>
    <t>【国电富通】波纹伸缩节\DN225\FT4.3.1.14</t>
  </si>
  <si>
    <t>【国电富通】波纹伸缩节\DN250\FT4.3.1.15</t>
  </si>
  <si>
    <t>【国电富通】波纹伸缩节\DN300\FT4.3.1.16</t>
  </si>
  <si>
    <t>【国电富通】波纹伸缩节\DN200\FT4.3.1.17</t>
  </si>
  <si>
    <t>【国电富通】波纹伸缩节\DN200\FT4.3.1.18</t>
  </si>
  <si>
    <t>【国电富通】补气器\DN100\FT4.4.1.1</t>
  </si>
  <si>
    <t>【国电富通】补气器\DN125\FT4.4.1.2</t>
  </si>
  <si>
    <t>【国电富通】补气器\DN150\FT4.4.1.3</t>
  </si>
  <si>
    <t>【国电富通】斗提机料斗\50t\FA4.1.7</t>
  </si>
  <si>
    <t>【国电富通】斗提机提升链条\50t\FA4.1.8</t>
  </si>
  <si>
    <t>【国电富通】斗提机逆止器\50t\FA4.1.11</t>
  </si>
  <si>
    <t>【国电富通】斗提机传动大链轮\50t\FA4.1.12</t>
  </si>
  <si>
    <t>【国电富通】斗提机传动小链轮\50t\FA4.1.13</t>
  </si>
  <si>
    <t>【国电富通】斗提机驱动总成\30t\FA4.2.1</t>
  </si>
  <si>
    <t>【国电富通】斗提机出口方管\30t\FA4.2.2</t>
  </si>
  <si>
    <t>【国电富通】斗提机张紧总成\30t\FA4.2.3</t>
  </si>
  <si>
    <t>【国电富通】斗提机牵引链条销钉\30t\FA4.2.4</t>
  </si>
  <si>
    <t>【国电富通】斗提机端驱动链轮\30t\FA4.2.5</t>
  </si>
  <si>
    <t>【国电富通】斗提机减速机端驱动链轮\30t\FA4.2.6</t>
  </si>
  <si>
    <t>【国电富通】密封圆盘阀气缸总成\DN80\FT3.2.1.2-1</t>
  </si>
  <si>
    <t>【国电富通】密封圆盘阀阀板组件\DN80\FT3.2.1.2-2</t>
  </si>
  <si>
    <t>【国电富通】密封圆盘阀阀体\DN80\FT3.2.1.2-3</t>
  </si>
  <si>
    <t>【国电富通】密封圆盘阀传动轴\DN80\FT3.2.1.2-4</t>
  </si>
  <si>
    <t>【国电富通】密封圆盘阀\DN200\FT3.2.1.3</t>
  </si>
  <si>
    <t>【国电富通】密封圆盘阀气缸总成\DN200\FT3.2.1.3-1</t>
  </si>
  <si>
    <t>【国电富通】密封圆盘阀阀板组件\DN200\FT3.2.1.3-2</t>
  </si>
  <si>
    <t>【国电富通】密封圆盘阀阀体\DN200\FT3.2.1.3-3</t>
  </si>
  <si>
    <t>【国电富通】密封圆盘阀传动轴\DN200\FT3.2.1.3-4</t>
  </si>
  <si>
    <t>【国电富通】密封双闸板阀\DN100\FT3.3.1.1</t>
  </si>
  <si>
    <t>【国电富通】密封双闸板阀气缸总成\DN100\FT3.3.1.1-1</t>
  </si>
  <si>
    <t>【国电富通】密封双闸板阀阀体\DN200\FT3.3.1.5-3</t>
  </si>
  <si>
    <t>【国电富通】密封双闸板阀\DN225\FT3.3.1.6</t>
  </si>
  <si>
    <t>【国电富通】密封双闸板阀气缸总成\DN225\FT3.3.1.6-1</t>
  </si>
  <si>
    <t>【国电富通】密封双闸板阀阀板组件\DN225\FT3.3.1.6-2</t>
  </si>
  <si>
    <t>【国电富通】密封双闸板阀阀体\DN225\FT3.3.1.6-3</t>
  </si>
  <si>
    <t>【国电富通】密封双闸板阀\DN250\FT3.3.1.7</t>
  </si>
  <si>
    <t>【国电富通】密封双闸板阀气缸总成\DN250\FT3.3.1.7-1</t>
  </si>
  <si>
    <t>【国电富通】密封双闸板阀阀板组件\DN250\FT3.3.1.7-2</t>
  </si>
  <si>
    <t>【国电富通】密封双闸板阀阀体\DN250\FT3.3.1.7-3</t>
  </si>
  <si>
    <t>【国电富通】密封双闸板阀\DN300\FT3.3.1.8</t>
  </si>
  <si>
    <t>【国电富通】密封双闸板阀气缸总成\DN300\FT3.3.1.8-1</t>
  </si>
  <si>
    <t>【国电富通】大曲率耐磨陶瓷弯头\DN300\FT4.1.2.8</t>
  </si>
  <si>
    <t>【国电富通】大曲率耐磨陶瓷三通\DN100\FT4.2.2.1</t>
  </si>
  <si>
    <t>【国电富通】大曲率耐磨陶瓷三通\DN125\FT4.2.2.2</t>
  </si>
  <si>
    <t>【国电富通】大曲率耐磨陶瓷三通\DN150\FT4.2.2.3</t>
  </si>
  <si>
    <t>【国电富通】大曲率耐磨陶瓷三通\DN175\FT4.2.2.4</t>
  </si>
  <si>
    <t>【国电富通】大曲率耐磨陶瓷三通\DN200\FT4.2.2.5</t>
  </si>
  <si>
    <t>【国电富通】大曲率耐磨陶瓷三通\DN225\FT4.2.2.6</t>
  </si>
  <si>
    <t>【国电富通】大曲率耐磨陶瓷三通\DN250\FT4.2.2.7</t>
  </si>
  <si>
    <t>【国电富通】大曲率耐磨陶瓷三通\DN300\FT4.2.2.8</t>
  </si>
  <si>
    <t>【国电富通】大曲率耐磨双金属弯头\DN100\FT4.1.3.1</t>
  </si>
  <si>
    <t>【国电富通】大曲率耐磨双金属弯头\DN125\FT4.1.3.2</t>
  </si>
  <si>
    <t>【国电富通】大曲率耐磨双金属三通\DN225\FT4.2.3.6</t>
  </si>
  <si>
    <t>【国电富通】大曲率耐磨双金属三通\DN250\FT4.2.3.7</t>
  </si>
  <si>
    <t>【国电富通】大曲率耐磨双金属三通\DN300\FT4.2.3.8</t>
  </si>
  <si>
    <t>【国电富通】大曲率耐磨烧结碳化硅弯头\DN100\FT4.1.4.1</t>
  </si>
  <si>
    <t>【国电富通】大曲率耐磨烧结碳化硅弯头\DN125\FT4.1.4.2</t>
  </si>
  <si>
    <t>【国电富通】大曲率耐磨烧结碳化硅弯头\DN150\FT4.1.4.3</t>
  </si>
  <si>
    <t>【国电富通】大曲率耐磨烧结碳化硅弯头\DN175\FT4.1.4.4</t>
  </si>
  <si>
    <t>【国电富通】大曲率耐磨烧结碳化硅弯头\DN200\FT4.1.4.5</t>
  </si>
  <si>
    <t>【国电富通】大曲率耐磨烧结碳化硅弯头\DN225\FT4.1.4.6</t>
  </si>
  <si>
    <t>【国电富通】大曲率耐磨烧结碳化硅弯头\DN250\FT4.1.4.7</t>
  </si>
  <si>
    <t>【国电富通】大曲率耐磨烧结碳化硅弯头\DN300\FT4.1.4.8</t>
  </si>
  <si>
    <t>【国电富通】补气器\DN175\FT4.4.1.4</t>
  </si>
  <si>
    <t>【国电富通】补气器\DN200\FT4.4.1.5</t>
  </si>
  <si>
    <t>【国电富通】补气器\DN225\FT4.4.1.6</t>
  </si>
  <si>
    <t>【国电富通】补气器\DN250\FT4.4.1.7</t>
  </si>
  <si>
    <t>【国电富通】补气器\DN300\FT4.4.1.8</t>
  </si>
  <si>
    <t>【国电富通】双介质声波吹灰器\DN80\FT5.1.1.1</t>
  </si>
  <si>
    <t>【国电富通】双介质声波吹灰器支架\DN80\FT5.1.1.1-1</t>
  </si>
  <si>
    <t>【国电富通】双介质声波吹灰器母管\DN80\FT5.1.1.1-2</t>
  </si>
  <si>
    <t>【国电富通】双介质声波吹灰器过墙联箱\DN80\FT5.1.1.1-3</t>
  </si>
  <si>
    <t>【国电富通】双介质声波吹灰器专用阀\DN80\FT5.1.1.1-4</t>
  </si>
  <si>
    <t>【国电富通】加湿搅拌机驱动链轮(小链轮)\100t\FT5.2.1.1-1</t>
  </si>
  <si>
    <t>【国电富通】斗提机料斗\100t\FA4.2.8</t>
  </si>
  <si>
    <t>【国电富通】斗提机上部装配总成\100t\FA4.2.9</t>
  </si>
  <si>
    <t>【国电富通】斗提机下部装配总成\100t\FA4.2.10</t>
  </si>
  <si>
    <t>【国电富通】斗提机机尾轴承箱\100t\FA4.2.11</t>
  </si>
  <si>
    <t>【国电富通】加湿搅拌机驱动链轮(小链轮)\100t\FA5.1.1</t>
  </si>
  <si>
    <t>【国电富通】加湿搅拌机从动链轮(大链轮)\100t\FA5.1.2</t>
  </si>
  <si>
    <t>【国电富通】加湿搅拌机齿轮\100t\FA5.1.3</t>
  </si>
  <si>
    <t>【国电富通】加湿搅拌机主轴\100t\FA5.1.4</t>
  </si>
  <si>
    <t>【国电富通】加湿搅拌机轴承座\100t\FA5.1.5</t>
  </si>
  <si>
    <t>【国电富通】加湿搅拌机叶片\100t\FA5.1.6</t>
  </si>
  <si>
    <t>【国电富通】加湿搅拌机喷嘴\100t\FA5.1.7</t>
  </si>
  <si>
    <t>【国电富通】波纹伸缩节\DN100\FT4.3.1.1</t>
  </si>
  <si>
    <t>【国电富通】波纹伸缩节\DN125\FT4.3.1.2</t>
  </si>
  <si>
    <t>【国电富通】波纹伸缩节\DN150\FT4.3.1.3</t>
  </si>
  <si>
    <t>【国电富通】波纹伸缩节\DN175\FT4.3.1.4</t>
  </si>
  <si>
    <t>【国电富通】波纹伸缩节\DN200\FT4.3.1.5</t>
  </si>
  <si>
    <t>【国电富通】波纹伸缩节\DN225\FT4.3.1.6</t>
  </si>
  <si>
    <t>【国电富通】波纹伸缩节\DN250\FT4.3.1.7</t>
  </si>
  <si>
    <t>【国电富通】波纹伸缩节\DN300\FT4.3.1.8</t>
  </si>
  <si>
    <t>【国电富通】波纹伸缩节\DN100\FT4.3.1.9</t>
  </si>
  <si>
    <t>【国电富通】波纹伸缩节\DN125\FT4.3.1.10</t>
  </si>
  <si>
    <t>【国电富通】波纹伸缩节\DN150\FT4.3.1.11</t>
  </si>
  <si>
    <t>【国电富通】加湿搅拌机从动链轮(大链轮)\100t\FT5.2.1.1-2</t>
  </si>
  <si>
    <t>【国电富通】加湿搅拌机齿轮\100t\FT5.2.1.1-3</t>
  </si>
  <si>
    <t>【国电富通】加湿搅拌机主轴\100t\FT5.2.1.1-4</t>
  </si>
  <si>
    <t>【国电富通】加湿搅拌机轴承座\100t\FT5.2.1.1-5</t>
  </si>
  <si>
    <t>【国电富通】加湿搅拌机叶片\100t\FT5.2.1.1-6</t>
  </si>
  <si>
    <t>【国电富通】加湿搅拌机喷嘴\100t\FT5.2.1.1-7</t>
  </si>
  <si>
    <t>【国电富通】给料机(锁气器)\100t\FT5.2.1.1-8</t>
  </si>
  <si>
    <t>【国电富通】全密封耐磨插板门\100t\FT5.2.1.1-9</t>
  </si>
  <si>
    <t>【国电富通】加湿搅拌机驱动链轮(小链轮)\200t\FT5.2.1.2-1</t>
  </si>
  <si>
    <t>【国电富通】加湿搅拌机从动链轮(大链轮)\200t\FT5.2.1.2-2</t>
  </si>
  <si>
    <t>【国电富通】加湿搅拌机齿轮\200t\FT5.2.1.2-3</t>
  </si>
  <si>
    <t>【国电富通】限位轮组件\1000/1200/1400\FA1.1.1</t>
  </si>
  <si>
    <t>【国电富通】限位轮辊轴\1000/1200/1400\FA1.1.1-1</t>
  </si>
  <si>
    <t>【国电富通】限位轮辊轮\1000/1200/1400\FA1.1.1-2</t>
  </si>
  <si>
    <t>【国电富通】钢带托辊组件\1000\FA1.1.2.1</t>
  </si>
  <si>
    <t>【国电富通】钢带托辊组件\1200\FA1.1.2.2</t>
  </si>
  <si>
    <t>【国电富通】钢带托辊组件\1400\FA1.1.2.3</t>
  </si>
  <si>
    <t>【国电富通】钢带托辊轴承座\1000/1200/1400\FA1.1.2-1</t>
  </si>
  <si>
    <t>【国电富通】除尘器布袋\100t\FA5.2.2</t>
  </si>
  <si>
    <t>【国电富通】干排机观察孔玻璃\1000/1200/1400\FA7.1.3</t>
  </si>
  <si>
    <t>【国电富通】干排机观察孔玻璃\1000/1200/1400\FA7.1.4</t>
  </si>
  <si>
    <t>【国电富通】排渣机高温耐热玻璃\1000/1200/1400\FA7.1.5</t>
  </si>
  <si>
    <t>【国电富通】高温玻璃\1000/1200/1400\FA7.1.6</t>
  </si>
  <si>
    <t>【国电富通】高温玻璃观察门\1000/1200/1400\FA7.1.7</t>
  </si>
  <si>
    <t>【国电富通】高温可视观察门\1000/1200/1400\FA7.1.8</t>
  </si>
  <si>
    <t>【国电富通】带视察支架\1000/1200/1400\FA7.1.9</t>
  </si>
  <si>
    <t>【国电富通】套筒滚子清扫链\1000/1200/1400\FA7.2.1</t>
  </si>
  <si>
    <t>【国电富通】板式链卡\1000/1200/1400\FA7.2.2</t>
  </si>
  <si>
    <t>【国电富通】板式清扫链驱动链轮\1000/1200/1400\FA7.2.3</t>
  </si>
  <si>
    <t>【国电富通】加湿搅拌机主轴\200t\FT5.2.1.2-4</t>
  </si>
  <si>
    <t>【国电富通】加湿搅拌机轴承座\200t\FT5.2.1.2-5</t>
  </si>
  <si>
    <t>【国电富通】加湿搅拌机叶片\200t\FT5.2.1.2-6</t>
  </si>
  <si>
    <t>【国电富通】加湿搅拌机喷嘴\200t\FT5.2.1.2-7</t>
  </si>
  <si>
    <t>【国电富通】给料机(锁气器)\200t\FT5.2.1.2-8</t>
  </si>
  <si>
    <t>【国电富通】全密封耐磨插板门\200t\FT5.2.1.2-9</t>
  </si>
  <si>
    <t>【国电富通】除尘器滤袋\φ120\FT5.3.1.1</t>
  </si>
  <si>
    <t>【国电富通】灰库气化槽\200mm\FT5.4.1.1</t>
  </si>
  <si>
    <t>【国电富通】方圆节\DN200\FT5.5.1.1</t>
  </si>
  <si>
    <t>【国电富通】钢带托辊\1000\FA1.1.2-2-1</t>
  </si>
  <si>
    <t>【国电富通】钢带托辊\1200\FA1.1.2-2-2</t>
  </si>
  <si>
    <t>【国电富通】钢带托辊\1400\FA1.1.2-2-3</t>
  </si>
  <si>
    <t>【国电富通】钢带托轮组件\1000\FA1.1.3.1</t>
  </si>
  <si>
    <t>【国电富通】钢带托轮组件\1200\FA1.1.3.2</t>
  </si>
  <si>
    <t>【国电富通】钢带托轮组件\1400\FA1.1.3.3</t>
  </si>
  <si>
    <t>【国电富通】钢带托轮轴承座\1000/1200/1400\FA1.1.3-1</t>
  </si>
  <si>
    <t>【国电富通】钢带托轮\1000/1200/1400\FA1.1.3-2</t>
  </si>
  <si>
    <t>【国电富通】清扫链托轮组件\1000/1200/1400\FA1.1.4</t>
  </si>
  <si>
    <t>【国电富通】清扫链托轮轴\1000/1200/1400\FA1.1.4-1</t>
  </si>
  <si>
    <t>【国电富通】清扫链托轮\1000/1200/1400\FA1.1.4-2</t>
  </si>
  <si>
    <t>【国电富通】板式清扫链从动链轮\1000/1200/1400\FA7.2.4</t>
  </si>
  <si>
    <t>【国电富通】清扫链托板及支撑\1000/1200/1400\FA7.2.5</t>
  </si>
  <si>
    <t>【国电富通】清扫链底部防磨板\1000/1200/1400\FA7.2.6</t>
  </si>
  <si>
    <t>【国电富通】清扫链箱体\1000/1200/1400\FA7.2.7</t>
  </si>
  <si>
    <t>【国电富通】斗提机进口渣斗\1000/1200/1400\FA7.2.8</t>
  </si>
  <si>
    <t>【国电富通】液压破碎机/液压关断门\1000/1200/1400\FA7.3.1</t>
  </si>
  <si>
    <t>【国电富通】推杆\1000/1200/1400\FA7.3.2</t>
  </si>
  <si>
    <t>【国电富通】支撑导柱\1000/1200/1400\FA7.3.3</t>
  </si>
  <si>
    <t>【国电富通】油缸连接头\1000/1200/1400\FA7.3.4</t>
  </si>
  <si>
    <t>【国电富通】密封套\1000/1200/1400\FA7.3.5</t>
  </si>
  <si>
    <t>【国电富通】门体\1000/1200/1400\FA7.3.6</t>
  </si>
  <si>
    <t>【国电富通】钢带驱动滚筒总成\1000\FA1.1.5.1</t>
  </si>
  <si>
    <t>【国电富通】钢带驱动滚筒总成\1200\FA1.1.5.2</t>
  </si>
  <si>
    <t>【国电富通】钢带驱动滚筒总成\1400\FA1.1.5.3</t>
  </si>
  <si>
    <t>【国电富通】清扫链驱动链轮轴\1000\FA1.1.6-1-1</t>
  </si>
  <si>
    <t>【国电富通】清扫链驱动链轮轴\1200\FA1.1.6-1-2</t>
  </si>
  <si>
    <t>【国电富通】清扫链驱动链轮轴\1400\FA1.1.6-1-3</t>
  </si>
  <si>
    <t>【国电富通】钢带张紧气缸密封件\1000/1200/1400\FA7.1.2</t>
  </si>
  <si>
    <t>【国电富通】液压胶管(长)\1000/1200/1400\FA7.3.7</t>
  </si>
  <si>
    <t>【国电富通】改进型的液压胶管(短)\1000/1200/1400\FA7.3.8</t>
  </si>
  <si>
    <t>【国电富通】油管接头及三通\1000/1200/1400\FA7.3.9</t>
  </si>
  <si>
    <t>【国电富通】关断门液压油缸\1000/1200/1400\FA7.3.10</t>
  </si>
  <si>
    <t>【国电富通】油缸支撑\1000/1200/1400\FA7.3.11</t>
  </si>
  <si>
    <t>【国电富通】清扫链驱动链轮轴承座\1000/1200/1400\FA1.1.6-2</t>
  </si>
  <si>
    <t>【国电富通】清扫链驱动链轮\1000/1200/1400\FA1.1.6-3</t>
  </si>
  <si>
    <t>【国电富通】清扫链驱动轴总成\1000\FA1.1.6.1</t>
  </si>
  <si>
    <t>【国电富通】清扫链驱动轴总成\1200\FA1.1.6.2</t>
  </si>
  <si>
    <t>【国电富通】清扫链驱动轴总成\1400\FA1.1.6.3</t>
  </si>
  <si>
    <t>【国电富通】清扫链尾部张紧总成\1000\FA1.1.7.1</t>
  </si>
  <si>
    <t>【国电富通】清扫链尾部张紧总成\1200\FA1.1.7.2</t>
  </si>
  <si>
    <t>【国电富通】清扫链尾部张紧总成\1400\FA1.1.7.3</t>
  </si>
  <si>
    <t>【国电富通】清扫链改向链轮\1000/1200/1400\FA1.1.7-1</t>
  </si>
  <si>
    <t>【国电富通】钢带张紧气缸\1000/1200/1400\FA7.1.1</t>
  </si>
  <si>
    <t>【国电富通】清扫链张紧气缸\1000/1200/1400\FA7.1.1-1</t>
  </si>
  <si>
    <t>【国电富通】清扫链张紧气缸密封件\1000/1200/1400\FA7.1.2-1</t>
  </si>
  <si>
    <t>【国电富通】清扫链改向链轮轴\1000\FA1.1.7-2-1</t>
  </si>
  <si>
    <t>【国电富通】清扫链改向链轮轴\1200\FA1.1.7-2-2</t>
  </si>
  <si>
    <t>【国电富通】平推门支座\1000/1200/1400\FA7.3.12</t>
  </si>
  <si>
    <t>【国电富通】接头及销轴\1000/1200/1400\FA7.3.13</t>
  </si>
  <si>
    <t>【国电富通】回油过滤器滤芯\1000/1200/1400\FA7.3.14</t>
  </si>
  <si>
    <t>【国电富通】调压阀\1000/1200/1400\FA7.3.15</t>
  </si>
  <si>
    <t>【国电富通】高压胶管\1000/1200/1400\FA7.3.16</t>
  </si>
  <si>
    <t>【国电富通】高压软管\1000/1200/1400\FA7.3.17</t>
  </si>
  <si>
    <t>【国电富通】高压软管\1000/1200/1400\FA7.3.18</t>
  </si>
  <si>
    <t>【国电富通】推力块\1000/1200/1400\FA7.3.19</t>
  </si>
  <si>
    <t>【国电富通】油缸密封件\1000/1200/1400\FA7.3.20</t>
  </si>
  <si>
    <t>【国电富通】给料机(锁气器)\100t\FA8.1.1</t>
  </si>
  <si>
    <t>【国电富通】除尘器滤袋\100t\FA8.1.4-1</t>
  </si>
  <si>
    <t>【国电富通】清扫链改向链轮轴\1400\FA1.1.7-2-3</t>
  </si>
  <si>
    <t>【国电富通】清扫链改向轴组件\1000\FA1.1.7.1-1</t>
  </si>
  <si>
    <t>【国电富通】清扫链改向轴组件\1200\FA1.1.7.2-2</t>
  </si>
  <si>
    <t>【国电富通】清扫链改向轴组件\1400\FA1.1.7.3-3</t>
  </si>
  <si>
    <t>【国电富通】清扫链从动轴承座组件\1000/1200/1400\FA1.1.7-3</t>
  </si>
  <si>
    <t>【国电富通】掉渣斗维修门\1000/1200/1400\FA1.1.9</t>
  </si>
  <si>
    <t>【国电富通】钢带\1000\FA1.2.1.1</t>
  </si>
  <si>
    <t>【国电富通】钢带\1200\FA1.2.1.2</t>
  </si>
  <si>
    <t>【国电富通】钢带\1400\FA1.2.1.3</t>
  </si>
  <si>
    <t>【国电富通】钢带\1000\FA1.2.1.4</t>
  </si>
  <si>
    <t>【国电富通】钢带\1200\FA1.2.1.5</t>
  </si>
  <si>
    <t>【国电富通】除尘器滤袋\100t\FA8.1.4-2</t>
  </si>
  <si>
    <t>【国电富通】除尘器滤袋\100t\FA8.1.4-3</t>
  </si>
  <si>
    <t>【国电富通】除尘器滤袋\100t\FA8.1.4-4</t>
  </si>
  <si>
    <t>【国电富通】除尘器滤袋骨架\100t\FA8.1.4-5</t>
  </si>
  <si>
    <t>【国电富通】除尘器滤袋骨架\100t\FA8.1.4-6</t>
  </si>
  <si>
    <t>【国电富通】除尘器滤袋骨架\100t\FA8.1.4-7</t>
  </si>
  <si>
    <t>【国电富通】除尘器滤袋骨架\100t\FA8.1.4-8</t>
  </si>
  <si>
    <t>【国电富通】钢丝编织胶管总成\100t\FA8.1.5-1</t>
  </si>
  <si>
    <t>【国电富通】钢丝编织胶管总成\100t\FA8.1.5-2</t>
  </si>
  <si>
    <t>【国电富通】钢带304\1400\FA1.2.1.6</t>
  </si>
  <si>
    <t>【国电富通】承载板\1000\FA1.2.1-1-1</t>
  </si>
  <si>
    <t>【国电富通】承载板\1200\FA1.2.1-1-2</t>
  </si>
  <si>
    <t>【国电富通】承载板\1400\FA1.2.1-1-3</t>
  </si>
  <si>
    <t>【国电富通】承载板\1000\FA1.2.1-1-4</t>
  </si>
  <si>
    <t>【国电富通】承载板\1200\FA1.2.1-1-5</t>
  </si>
  <si>
    <t>【国电富通】承载板\1400\FA1.2.1-1-6</t>
  </si>
  <si>
    <t>【国电富通】钢带耳板(左)\1000/1200/1400\FA1.2.1-2</t>
  </si>
  <si>
    <t>【国电富通】钢带耳板(右)\1000/1200/1400\FA1.2.1-3</t>
  </si>
  <si>
    <t>【国电富通】钢带丝网\1000\FA1.2.1-4-1</t>
  </si>
  <si>
    <t>【国电富通】钢带丝网\1200\FA1.2.1-4-2</t>
  </si>
  <si>
    <t>【国电富通】全密封耐磨插板门\100t\FA8.1.6</t>
  </si>
  <si>
    <t>【国电富通】气动插板门\100t\FA8.1.7</t>
  </si>
  <si>
    <t>【国电富通】双套管\DN100\FT1.1.1.1</t>
  </si>
  <si>
    <t>【国电富通】双套管内管\DN100\FT1.1.1.1-1</t>
  </si>
  <si>
    <t>【国电富通】双套管\DN125\FT1.1.1.2</t>
  </si>
  <si>
    <t>【国电富通】双套管内管\DN125\FT1.1.1.2-1</t>
  </si>
  <si>
    <t>【国电富通】双套管\DN150\FT1.1.1.3</t>
  </si>
  <si>
    <t>【国电富通】双套管内管\DN150\FT1.1.1.3-1</t>
  </si>
  <si>
    <t>【国电富通】双套管\DN175\FT1.1.1.4</t>
  </si>
  <si>
    <t>【国电富通】双套管内管\DN175\FT1.1.1.4-1</t>
  </si>
  <si>
    <t>【国电富通】双套管\DN200\FT1.1.1.5</t>
  </si>
  <si>
    <t>【国电富通】钢带丝网\1400\FA1.2.1-4-3</t>
  </si>
  <si>
    <t>【国电富通】钢带丝网\1000\FA1.2.1-4-4</t>
  </si>
  <si>
    <t>【国电富通】钢带丝网\1200\FA1.2.1-4-5</t>
  </si>
  <si>
    <t>【国电富通】钢带丝网\1400\FA1.2.1-4-6</t>
  </si>
  <si>
    <t>【国电富通】钢带串条\1000\FA1.2.1-5-1</t>
  </si>
  <si>
    <t>【国电富通】钢带串条\1200\FA1.2.1-5-2</t>
  </si>
  <si>
    <t>【国电富通】钢带串条\1400\FA1.2.1-5-3</t>
  </si>
  <si>
    <t>【国电富通】钢带安全销\1000/1200/1400\FA1.2.1-6</t>
  </si>
  <si>
    <t>【国电富通】钢带螺钉\1000/1200/1400\FA1.2.1-7</t>
  </si>
  <si>
    <t>【国电富通】清扫链链条\1000/1200/1400\FA1.2.2-1</t>
  </si>
  <si>
    <t>【国电富通】清扫链开口环\1000/1200/1400\FA1.2.2-2</t>
  </si>
  <si>
    <t>【国电富通】双套管内管\DN200\FT1.1.1.5-1</t>
  </si>
  <si>
    <t>【国电富通】双套管\DN225\FT1.1.1.6</t>
  </si>
  <si>
    <t>【国电富通】双套管内管\DN225\FT1.1.1.6-1</t>
  </si>
  <si>
    <t>【国电富通】双套管\DN250\FT1.1.1.7</t>
  </si>
  <si>
    <t>【国电富通】双套管内管\DN250\FT1.1.1.7-1</t>
  </si>
  <si>
    <t>【国电富通】双套管\DN300\FT1.1.1.8</t>
  </si>
  <si>
    <t>【国电富通】双套管内管\DN300\FT1.1.1.8-1</t>
  </si>
  <si>
    <t>【国电富通】陶瓷双套管\DN100\FT1.1.2.1</t>
  </si>
  <si>
    <t>【国电富通】陶瓷双套管\DN125\FT1.1.2.2</t>
  </si>
  <si>
    <t>【国电富通】陶瓷双套管\DN150\FT1.1.2.3</t>
  </si>
  <si>
    <t>【国电富通】陶瓷双套管\DN175\FT1.1.2.4</t>
  </si>
  <si>
    <t>【国电富通】清扫链刮板\1000\FA1.2.2-3-1</t>
  </si>
  <si>
    <t>【国电富通】清扫链刮板\1200\FA1.2.2-3-2</t>
  </si>
  <si>
    <t>【国电富通】清扫链刮板\1400\FA1.2.2-3-3</t>
  </si>
  <si>
    <t>【国电富通】清扫链刮板胶皮\1000\FA1.2.2-4-1</t>
  </si>
  <si>
    <t>【国电富通】清扫链刮板胶皮\1200\FA1.2.2-4-2</t>
  </si>
  <si>
    <t>【国电富通】清扫链刮板胶皮\1400\FA1.2.2-4-3</t>
  </si>
  <si>
    <t>【国电富通】破碎机摄像窗(检查窗)玻璃\1000/1200/1400\FA1.3.1</t>
  </si>
  <si>
    <t>【国电富通】破碎机观察窗玻璃\1000/1200/1400\FA1.3.2</t>
  </si>
  <si>
    <t>【国电富通】钢带机检查窗玻璃\1000/1200/1400\FA1.3.3</t>
  </si>
  <si>
    <t>【国电富通】清扫链减速机油封\1000/1200/1400\FA1.3.4</t>
  </si>
  <si>
    <t>【国电富通】碎渣机(本体)\FA2.1.1-1\DGS1400</t>
  </si>
  <si>
    <t>【国电富通】陶瓷双套管\DN200\FT1.1.2.5</t>
  </si>
  <si>
    <t>【国电富通】陶瓷双套管\DN225\FT1.1.2.6</t>
  </si>
  <si>
    <t>【国电富通】陶瓷双套管\DN250\FT1.1.2.7</t>
  </si>
  <si>
    <t>【国电富通】陶瓷双套管\DN300\FT1.1.2.8</t>
  </si>
  <si>
    <t>【国电富通】双金属双套管\DN100\FT1.1.3.1</t>
  </si>
  <si>
    <t>【国电富通】双金属双套管\DN125\FT1.1.3.2</t>
  </si>
  <si>
    <t>【国电富通】双金属双套管\DN150\FT1.1.3.3</t>
  </si>
  <si>
    <t>【国电富通】双金属双套管\DN175\FT1.1.3.4</t>
  </si>
  <si>
    <t>【国电富通】双金属双套管\DN200\FT1.1.3.5</t>
  </si>
  <si>
    <t>【国电富通】双金属双套管\DN225\FT1.1.3.6</t>
  </si>
  <si>
    <t>【国电富通】双金属双套管\DN250\FT1.1.3.7</t>
  </si>
  <si>
    <t>【国电富通】碎渣机(本体)\FA2.1.2-1\DGS1400</t>
  </si>
  <si>
    <t>【国电富通】碎渣机(本体)\FA2.1.3-1\DGS1800</t>
  </si>
  <si>
    <t>【国电富通】碎渣机(本体)\FA2.1.4-1\DGS960</t>
  </si>
  <si>
    <t>【国电富通】碎渣机(本体)\FA2.1.5-1\DGS600</t>
  </si>
  <si>
    <t>【国电富通】碎渣机\FA2.1.1\DGS1400</t>
  </si>
  <si>
    <t>【国电富通】碎渣机\FA2.1.2\DGS1400</t>
  </si>
  <si>
    <t>【国电富通】碎渣机\FA2.1.3\DGS1800</t>
  </si>
  <si>
    <t>【国电富通】碎渣机\FA2.1.4\DGS960</t>
  </si>
  <si>
    <t>【国电富通】碎渣机\FA2.1.5\DGS600</t>
  </si>
  <si>
    <t>【国电富通】碎渣机齿辊\FA2.3.2-1\DGS1400</t>
  </si>
  <si>
    <t>【国电富通】碎渣机齿辊\FA2.3.2-2\DGS1800</t>
  </si>
  <si>
    <t>【国电富通】双金属双套管\DN300\FT1.1.3.8</t>
  </si>
  <si>
    <t>【国电富通】超厚壁烧结碳化硅耐磨管\DN100\FT1.2.4.1</t>
  </si>
  <si>
    <t>【国电富通】超厚壁烧结碳化硅耐磨管\DN125\FT1.2.4.2</t>
  </si>
  <si>
    <t>【国电富通】超厚壁烧结碳化硅耐磨管\DN150\FT1.2.4.3</t>
  </si>
  <si>
    <t>【国电富通】超厚壁烧结碳化硅耐磨管\DN175\FT1.2.4.4</t>
  </si>
  <si>
    <t>【国电富通】超厚壁烧结碳化硅耐磨管\DN200\FT1.2.4.5</t>
  </si>
  <si>
    <t>【国电富通】超厚壁烧结碳化硅耐磨管\DN225\FT1.2.4.6</t>
  </si>
  <si>
    <t>【国电富通】超厚壁烧结碳化硅耐磨管\DN250\FT1.2.4.7</t>
  </si>
  <si>
    <t>【国电富通】超厚壁烧结碳化硅耐磨管\DN300\FT1.2.4.8</t>
  </si>
  <si>
    <t>【国电富通】混合器\DN100\FT2.1.1.1</t>
  </si>
  <si>
    <t>【国电富通】混合器\DN125\FT2.1.1.2</t>
  </si>
  <si>
    <t>【国电富通】碎渣机齿辊\FA2.3.2-3\DGS960</t>
  </si>
  <si>
    <t>【国电富通】碎渣机齿辊\FA2.3.2-4\DGS600</t>
  </si>
  <si>
    <t>【国电富通】碎渣机滚齿板\FA2.2.1\DGS1400</t>
  </si>
  <si>
    <t>【国电富通】碎渣机滚齿板\FA2.2.1-1\DGS960</t>
  </si>
  <si>
    <t>【国电富通】碎渣机压板\FA2.2.2\DGS1400</t>
  </si>
  <si>
    <t>【国电富通】碎渣机压板\FA2.2.2-1\DGS960</t>
  </si>
  <si>
    <t>【国电富通】碎渣机颚板\FA2.2.3\DGS1400</t>
  </si>
  <si>
    <t>【国电富通】碎渣机颚板\FA2.2.3-1\DGS960</t>
  </si>
  <si>
    <t>【国电富通】碎渣机梳形板\FA2.2.4\DGS1400</t>
  </si>
  <si>
    <t>【国电富通】碎渣机梳形板\FA2.2.4-1\DGS960</t>
  </si>
  <si>
    <t>【国电富通】碎渣机软连接\FA2.3.1\DGS1400</t>
  </si>
  <si>
    <t>【国电富通】混合器\DN150\FT2.1.1.3</t>
  </si>
  <si>
    <t>【国电富通】混合器\DN175\FT2.1.1.4</t>
  </si>
  <si>
    <t>【国电富通】混合器\DN200\FT2.1.1.5</t>
  </si>
  <si>
    <t>【国电富通】混合器\DN225\FT2.1.1.6</t>
  </si>
  <si>
    <t>【国电富通】混合器\DN250\FT2.1.1.7</t>
  </si>
  <si>
    <t>【国电富通】混合器\DN300\FT2.1.1.8</t>
  </si>
  <si>
    <t>【国电富通】双金属混合器\DN100\FT2.1.3.1</t>
  </si>
  <si>
    <t>【国电富通】双金属混合器\DN125\FT2.1.3.2</t>
  </si>
  <si>
    <t>【国电富通】双金属混合器\DN150\FT2.1.3.3</t>
  </si>
  <si>
    <t>【国电富通】双金属混合器\DN175\FT2.1.3.4</t>
  </si>
  <si>
    <t>【国电富通】双金属混合器\DN200\FT2.1.3.5</t>
  </si>
  <si>
    <t>【国电富通】碎渣机软连接\FA2.3.1-1\DGS1800</t>
  </si>
  <si>
    <t>【国电富通】易熔塞\FA2.1.6\DGS1400</t>
  </si>
  <si>
    <t>【国电富通】碎渣机联轴器\FA2.3.3\DGS1400</t>
  </si>
  <si>
    <t>【国电富通】联轴器销\FA2.3.4\DGS1400</t>
  </si>
  <si>
    <t>【国电富通】迷宫密封\FA2.3.5\DGS1400</t>
  </si>
  <si>
    <t>【国电富通】挤压油缸\FA3.1.1-1\GPZY1</t>
  </si>
  <si>
    <t>【国电富通】挤压油缸\FA3.1.1-2\GPZY1</t>
  </si>
  <si>
    <t>【国电富通】挤压油缸\FA3.1.1-3\GPZY1</t>
  </si>
  <si>
    <t>【国电富通】钢带张紧油缸\FA3.1.2-1\GPZY1</t>
  </si>
  <si>
    <t>【国电富通】钢带张紧油缸\FA3.1.2-2\GPZY1</t>
  </si>
  <si>
    <t>【国电富通】钢带张紧油缸\FA3.1.2-3\GPZY1</t>
  </si>
  <si>
    <t>【国电富通】双金属混合器\DN225\FT2.1.3.6</t>
  </si>
  <si>
    <t>【国电富通】双金属混合器\DN250\FT2.1.3.7</t>
  </si>
  <si>
    <t>【国电富通】双金属混合器\DN300\FT2.1.3.8</t>
  </si>
  <si>
    <t>【国电富通】喷嘴\FT2.2.1.1</t>
  </si>
  <si>
    <t>【国电富通】智能调节阀\DN40\FT3.4.1.1</t>
  </si>
  <si>
    <t>【国电富通】智能调节阀\DN50\FT3.4.1.2</t>
  </si>
  <si>
    <t>【国电富通】智能调节阀\DN65\FT3.4.1.3</t>
  </si>
  <si>
    <t>【国电富通】智能调节阀\DN80\FT3.4.1.4</t>
  </si>
  <si>
    <t>【国电富通】智能调节阀\DN100\FT3.4.1.5</t>
  </si>
  <si>
    <t>【国电富通】智能调节阀\DN125\FT3.4.1.6</t>
  </si>
  <si>
    <t>【国电富通】智能调节阀\DN150\FT3.4.1.7</t>
  </si>
  <si>
    <t>【国电富通】清扫链张紧油缸\FA3.1.3-1\GPZY1</t>
  </si>
  <si>
    <t>【国电富通】清扫链张紧油缸\FA3.1.3-2\GPZY1</t>
  </si>
  <si>
    <t>【国电富通】油缸密封件\FA3.1.4-1\GPZY1</t>
  </si>
  <si>
    <t>【国电富通】油缸密封件\FA3.1.4-2\GPZY1</t>
  </si>
  <si>
    <t>【国电富通】油缸密封件\FA3.1.4-3\GPZY1</t>
  </si>
  <si>
    <t>【国电富通】油缸密封件\FA3.1.4-4\GPZY1</t>
  </si>
  <si>
    <t>【国电富通】油缸密封件\FA3.1.4-5\GPZY1</t>
  </si>
  <si>
    <t>【国电富通】液压管接头\FA3.2.1\GPZY1</t>
  </si>
  <si>
    <t>【国电富通】液压分配器\FA3.2.2\GPZY1</t>
  </si>
  <si>
    <t>【国电富通】油泵和电机的联轴器\FA3.2.4\GPZY1</t>
  </si>
  <si>
    <t>【国电富通】液压油缸防尘罩\FA3.2.5\GPZY1</t>
  </si>
  <si>
    <t>【国电富通】密封圆顶阀\DN80\FT3.1.1.1</t>
  </si>
  <si>
    <t>【国电富通】密封圆顶阀阀体\DN80\FT3.1.1.1-1</t>
  </si>
  <si>
    <t>【国电富通】密封圆顶阀球芯\DN80\FT3.1.1.1-2</t>
  </si>
  <si>
    <t>【国电富通】密封圆顶阀上法兰\DN80\FT3.1.1.1-3</t>
  </si>
  <si>
    <t>【国电富通】密封圆顶阀密封圈\DN80\FT3.1.1.1-4</t>
  </si>
  <si>
    <t>【国电富通】密封圆顶阀气缸总成\DN80\FT3.1.1.1-5</t>
  </si>
  <si>
    <t>【国电富通】密封圆顶阀机械阀\DN80\FT3.1.1.1-6</t>
  </si>
  <si>
    <t>【国电富通】密封圆顶阀衬环\DN80\FT3.1.1.1-7</t>
  </si>
  <si>
    <t>【国电富通】密封圆顶阀塞环\DN80\FT3.1.1.1-8</t>
  </si>
  <si>
    <t>【国电富通】密封圆顶阀\DN200\FT3.1.1.2</t>
  </si>
  <si>
    <t>【国电富通】密封圆顶阀阀体\DN200\FT3.1.1.2-1</t>
  </si>
  <si>
    <t>【国电富通】液压破碎机挤压体\FA3.2.6\GPZY1</t>
  </si>
  <si>
    <t>【国电富通】充氮工具\FA3.2.7\GPZY1</t>
  </si>
  <si>
    <t>【国电富通】液压油站\FA3.3.1\GPZY1</t>
  </si>
  <si>
    <t>【国电富通】液压站吸油滤芯\FA3.3.2\GPZY1</t>
  </si>
  <si>
    <t>【国电富通】液压站回油滤芯\FA3.3.3\GPZY1</t>
  </si>
  <si>
    <t>【国电富通】斗提机头轮\50t\FA4.1.1</t>
  </si>
  <si>
    <t>【国电富通】斗提机尾轮\50t\FA4.1.2</t>
  </si>
  <si>
    <t>【国电富通】斗提机头轴\50t\FA4.1.3</t>
  </si>
  <si>
    <t>【国电富通】斗提机尾轴\50t\FA4.1.4</t>
  </si>
  <si>
    <t>【国电富通】斗提机头部轴承座\50t\FA4.1.5</t>
  </si>
  <si>
    <t>【国电富通】斗提机尾部轴承座\50t\FA4.1.6</t>
  </si>
  <si>
    <t>【国电富通】密封圆顶阀球芯\DN200\FT3.1.1.2-2</t>
  </si>
  <si>
    <t>【国电富通】密封圆顶阀上法兰\DN200\FT3.1.1.2-3</t>
  </si>
  <si>
    <t>【国电富通】密封圆顶阀密封圈\DN200\FT3.1.1.2-4</t>
  </si>
  <si>
    <t>【国电富通】密封圆顶阀气缸总成\DN200\FT3.1.1.2-5</t>
  </si>
  <si>
    <t>【国电富通】密封圆顶阀机械阀\DN200\FT3.1.1.2-6</t>
  </si>
  <si>
    <t>【国电富通】密封圆顶阀衬环\DN200\FT3.1.1.2-7</t>
  </si>
  <si>
    <t>【国电富通】密封圆顶阀塞环\DN200\FT3.1.1.2-8</t>
  </si>
  <si>
    <t>【国电富通】密封圆顶阀\DN300\FT3.1.1.3</t>
  </si>
  <si>
    <t>【国电富通】密封圆顶阀阀体\DN300\FT3.1.1.3-1</t>
  </si>
  <si>
    <t>【国电富通】密封圆顶阀球芯\DN300\FT3.1.1.3-2</t>
  </si>
  <si>
    <t>【国电富通】密封圆顶阀上法兰\DN300\FT3.1.1.3-3</t>
  </si>
  <si>
    <t>【杭州嘉隆】定制型针阀\JLCWNW2450\JL-ADA1860</t>
  </si>
  <si>
    <t>杭州嘉隆气体设备有限公司</t>
  </si>
  <si>
    <t>杭州嘉隆</t>
  </si>
  <si>
    <t>WZSCCG-2019-XB-013</t>
  </si>
  <si>
    <t>杭州嘉隆压缩空气干燥机备品备件长协采购</t>
  </si>
  <si>
    <t>【杭州嘉隆】定制型膨胀阀\JLCWNW2450\JL-ADA1859</t>
  </si>
  <si>
    <t>【杭州嘉隆】定制型气动蝶阀\JLCWNW2450\JL-ADA1858</t>
  </si>
  <si>
    <t>【杭州嘉隆】定制型气动蝶阀\JLCWNW2450\JL-ADA1857</t>
  </si>
  <si>
    <t>【杭州嘉隆】定制型气动蝶阀\JAL-70MR\JL-ADA1856</t>
  </si>
  <si>
    <t>【杭州嘉隆】定制型气动蝶阀\JAL-70MR\JL-ADA1855</t>
  </si>
  <si>
    <t>【杭州嘉隆】定制型气动蝶阀\JAL88A313\JL-ADA1854</t>
  </si>
  <si>
    <t>【杭州嘉隆】定制型气动蝶阀\JAL321A510\JL-ADA1853</t>
  </si>
  <si>
    <t>【杭州嘉隆】定制型干燥过滤器\JLCWNW2450\JL-ACZ1852</t>
  </si>
  <si>
    <t>【杭州嘉隆】定制型常闭气动蝶阀\JAL-45MR\JL-ACZ1851</t>
  </si>
  <si>
    <t>【杭州嘉隆】定制型常闭气动蝶阀\JAL-70MR\JL-ACZ1850</t>
  </si>
  <si>
    <t>【杭州嘉隆】定制型常闭气动蝶阀\JAL23U115\JL-ACZ1849</t>
  </si>
  <si>
    <t>【杭州嘉隆】定制型常闭气动蝶阀\JAL31U113\JL-ACZ1848</t>
  </si>
  <si>
    <t>【杭州嘉隆】定制型常闭气动蝶阀\JAL-45MR\JL-ACZ1847</t>
  </si>
  <si>
    <t>【杭州嘉隆】定制型常闭气动蝶阀\JAL-70MR\JL-ACZ1846</t>
  </si>
  <si>
    <t>【杭州嘉隆】定制型常闭气动蝶阀\JAL313A67\JL-ACZ1845</t>
  </si>
  <si>
    <t>【杭州嘉隆】热力膨胀阀\JLCWNH2100\JL-ACB1463</t>
  </si>
  <si>
    <t>【杭州嘉隆】热力膨胀阀\JAL-60M\JL-ACB1462</t>
  </si>
  <si>
    <t>【杭州嘉隆】热力膨胀阀\JRL-60NW\JL-ACB1461</t>
  </si>
  <si>
    <t>【杭州嘉隆】热电阻温度探头\JHL-40MR\JL-ACB1460</t>
  </si>
  <si>
    <t>【杭州嘉隆】热电阻温度探头\JHL-40M\JL-ACB1459</t>
  </si>
  <si>
    <t>【杭州嘉隆】热电阻温度探头\JAL21R222\JL-ACB1458</t>
  </si>
  <si>
    <t>【杭州嘉隆】定制型球阀\JAL-70MW\JL-ACA1457</t>
  </si>
  <si>
    <t>【杭州嘉隆】定制型球阀\JAL-70MW\JL-ACA1456</t>
  </si>
  <si>
    <t>【杭州嘉隆】定制型球阀\JAL-50M\JL-ACA1455</t>
  </si>
  <si>
    <t>【杭州嘉隆】定制型球阀\JAL-50M\JL-ACA1454</t>
  </si>
  <si>
    <t>【杭州嘉隆】定制型球阀\JAL-50M\JL-ACA1453</t>
  </si>
  <si>
    <t>【杭州嘉隆】定制型球阀\JAL-50M\JL-ACA1452</t>
  </si>
  <si>
    <t>【杭州嘉隆】气动程控蝶阀执行器\DN100 PN16\JL-ABU1382</t>
  </si>
  <si>
    <t>【杭州嘉隆】气动程控蝶阀执行器\GMCWNH345\JL-ABU1381</t>
  </si>
  <si>
    <t>【杭州嘉隆】气动程控蝶阀执行器\GMCWNH345\JL-ABU1380</t>
  </si>
  <si>
    <t>【杭州嘉隆】气动程控蝶阀执行器\JLCWNW2450\JL-ABU1379</t>
  </si>
  <si>
    <t>【杭州嘉隆】气动程控蝶阀执行器\JLCWNW2450\JL-ABU1378</t>
  </si>
  <si>
    <t>【杭州嘉隆】气动程控蝶阀执行器\GMCWNH375\JL-ABU1377</t>
  </si>
  <si>
    <t>【杭州嘉隆】气动程控蝶阀执行器\JLCWNH2800\JL-ABU1376</t>
  </si>
  <si>
    <t>【杭州嘉隆】气动程控蝶阀执行器\JAL-80MF\JL-ABU1375</t>
  </si>
  <si>
    <t>【杭州嘉隆】气动程控蝶阀执行器\JAL-80MF\JL-ABU1374</t>
  </si>
  <si>
    <t>【杭州嘉隆】气动程控蝶阀执行器\JLCWNH2800\JL-ABU1373</t>
  </si>
  <si>
    <t>【杭州嘉隆】气动程控蝶阀执行器\GMCWNH375\JL-ABU1372</t>
  </si>
  <si>
    <t>【杭州嘉隆】气动程控蝶阀执行器\JAL-273R-21\JL-ABU1371</t>
  </si>
  <si>
    <t>【杭州嘉隆】气动程控蝶阀执行器\JAL-65R-90\JL-ABU1370</t>
  </si>
  <si>
    <t>【杭州嘉隆】气动程控蝶阀阀体\DN100 PN16\JL-ABU1369</t>
  </si>
  <si>
    <t>【杭州嘉隆】气动程控蝶阀阀体\GMCWNH345\JL-ABU1368</t>
  </si>
  <si>
    <t>【杭州嘉隆】气动程控蝶阀阀体\GMCWNH345\JL-ABU1367</t>
  </si>
  <si>
    <t>【杭州嘉隆】低压控制器\JLCWNH2800\JL-AAR1029</t>
  </si>
  <si>
    <t>【杭州嘉隆】低压控制器\JAL6MFWG\JL-AAR1028</t>
  </si>
  <si>
    <t>【杭州嘉隆】低压控制器\GMCWNH375\JL-AAR1027</t>
  </si>
  <si>
    <t>【杭州嘉隆】低压控制器\JLCWNW2450\JL-AAR1026</t>
  </si>
  <si>
    <t>【杭州嘉隆】低压控制器\JAL-70M\JL-AAR1025</t>
  </si>
  <si>
    <t>【杭州嘉隆】低压控制器\JRL-160NW\JL-AAR1024</t>
  </si>
  <si>
    <t>【杭州嘉隆】低压控制器\JLCWNW2450\JL-AAR1023</t>
  </si>
  <si>
    <t>【杭州嘉隆】单向控制阀\A510 91902\JL-AAQ1022</t>
  </si>
  <si>
    <t>【杭州嘉隆】定制型耐震压力表\JAL-45MR\JL-AAQ1021</t>
  </si>
  <si>
    <t>【杭州嘉隆】定制型耐震压力表\JAL-70MW\JL-AAQ1020</t>
  </si>
  <si>
    <t>【杭州嘉隆】定制型耐震压力表\JAL-70M\JL-AAQ1019</t>
  </si>
  <si>
    <t>【杭州嘉隆】定制型耐震压力表\JAL-50M\JL-AAQ1018</t>
  </si>
  <si>
    <t>【杭州嘉隆】定制型耐震压力表\JAL28F307\JL-AAQ1017</t>
  </si>
  <si>
    <t>【杭州嘉隆】定制型耐震压力表\JAL23F3056\JL-AAQ1016</t>
  </si>
  <si>
    <t>【杭州嘉隆】传感器\JLCWNW2450\JL-AAP1015</t>
  </si>
  <si>
    <t>【杭州嘉隆】传感器\JLCWNW2450\JL-AAP1014</t>
  </si>
  <si>
    <t>【杭州嘉隆】储液器\JAL-70M\JL-AAO1013</t>
  </si>
  <si>
    <t>【杭州嘉隆】储液器\JAL-45MR\JL-AAO1012</t>
  </si>
  <si>
    <t>【杭州嘉隆】储液器\JAL-70MR\JL-AAO1011</t>
  </si>
  <si>
    <t>【杭州嘉隆】储液器\JAL-120MW\JL-AAO1010</t>
  </si>
  <si>
    <t>【杭州嘉隆】储液器\JAL-70MW\JL-AAO1009</t>
  </si>
  <si>
    <t>【杭州嘉隆】储液器\JAL-50M\JL-AAO1008</t>
  </si>
  <si>
    <t>【杭州嘉隆】储液器\JAL-50M\JL-AAO1007</t>
  </si>
  <si>
    <t>【杭州嘉隆】储液器\JAL-50MS\JL-AAO1006</t>
  </si>
  <si>
    <t>【杭州嘉隆】储液器\JAL33A020\JL-AAO1005</t>
  </si>
  <si>
    <t>【杭州嘉隆】储液器\JAL53A020\JL-AAO1004</t>
  </si>
  <si>
    <t>【杭州嘉隆】储液器\JAL23A020\JL-AAO1003</t>
  </si>
  <si>
    <t>【杭州嘉隆】储液器\JAL23C23\JL-AAO1002</t>
  </si>
  <si>
    <t>【杭州嘉隆】储液器\JLCWNH2100\JL-AAO1001</t>
  </si>
  <si>
    <t>【杭州嘉隆】除油滤芯\JAL21E711\JL-AAN0968</t>
  </si>
  <si>
    <t>【杭州嘉隆】除油滤芯\JAL-45\JL-AAN0967</t>
  </si>
  <si>
    <t>【杭州嘉隆】除油滤芯\JAL-45MR\JL-AAN0966</t>
  </si>
  <si>
    <t>【杭州嘉隆】除油滤芯\JAL-70MR\JL-AAN0965</t>
  </si>
  <si>
    <t>【杭州嘉隆】气动程控蝶阀阀体\JLCWNW2450\JL-ABU1366</t>
  </si>
  <si>
    <t>【杭州嘉隆】气动程控蝶阀阀体\JLCWNW2450\JL-ABU1365</t>
  </si>
  <si>
    <t>【杭州嘉隆】气动程控蝶阀阀体\GMCWNH375\JL-ABU1364</t>
  </si>
  <si>
    <t>【杭州嘉隆】气动程控蝶阀阀体\JLCWNH2800\JL-ABU1363</t>
  </si>
  <si>
    <t>【杭州嘉隆】气动程控蝶阀阀体\JAL-80MF\JL-ABU1362</t>
  </si>
  <si>
    <t>【杭州嘉隆】气动程控蝶阀阀体\JAL-80MF\JL-ABU1361</t>
  </si>
  <si>
    <t>【杭州嘉隆】气动程控蝶阀阀体\GMCWNH375\JL-ABU1360</t>
  </si>
  <si>
    <t>【杭州嘉隆】气动程控蝶阀阀体\JLCWNH2800\JL-ABU1359</t>
  </si>
  <si>
    <t>【杭州嘉隆】气动程控蝶阀阀体\JAL-5B-13\JL-ABU1358</t>
  </si>
  <si>
    <t>【杭州嘉隆】气动程控蝶阀阀体\JAL-3B-21\JL-ABU1357</t>
  </si>
  <si>
    <t>【杭州嘉隆】气动程控蝶阀\A510 91105\JL-ABU1356</t>
  </si>
  <si>
    <t>【杭州嘉隆】气动程控蝶阀\A510 91104\JL-ABU1355</t>
  </si>
  <si>
    <t>【杭州嘉隆】膨胀阀\JAL-50MS\JL-ABT1354</t>
  </si>
  <si>
    <t>【杭州嘉隆】旁通阀\JAL-50MS\JL-ABT1353</t>
  </si>
  <si>
    <t>【杭州嘉隆】除油滤芯\JAL-120MW\JL-AAN0964</t>
  </si>
  <si>
    <t>【杭州嘉隆】除油滤芯\JHL-40MR\JL-AAN0963</t>
  </si>
  <si>
    <t>【杭州嘉隆】除油滤芯\JAL-70MW\JL-AAN0962</t>
  </si>
  <si>
    <t>【杭州嘉隆】除油滤芯\JAL-70M\JL-AAN0961</t>
  </si>
  <si>
    <t>【杭州嘉隆】Y型过滤球阀\GMCWNH375\JL-AAF0111</t>
  </si>
  <si>
    <t>【杭州嘉隆】TF精密滤芯\GMCWNH345\JL-AAE0230</t>
  </si>
  <si>
    <t>【杭州嘉隆】TF精密滤芯\GMCWNH375\JL-AAE0229</t>
  </si>
  <si>
    <t>【杭州嘉隆】TF精密滤芯\JAL-82-16\JL-AAE0228</t>
  </si>
  <si>
    <t>【杭州嘉隆】RF精密滤芯\GMCWNH345\JL-AAE0227</t>
  </si>
  <si>
    <t>【杭州嘉隆】RF精密滤芯\JLCWNW2450\JL-AAE0226</t>
  </si>
  <si>
    <t>【杭州嘉隆】水冷冷凝器\80NW\JL-ACC1527</t>
  </si>
  <si>
    <t>【杭州嘉隆】水冷冷凝器\20NW\JL-ACC1526</t>
  </si>
  <si>
    <t>【杭州嘉隆】水冷冷凝器\40NW\JL-ACC1525</t>
  </si>
  <si>
    <t>【杭州嘉隆】水冷冷凝器\JLCWNW2450\JL-ACC1524</t>
  </si>
  <si>
    <t>【杭州嘉隆】水冷冷凝器\JLCWNW2450\JL-ACC1523</t>
  </si>
  <si>
    <t>【杭州嘉隆】水冷冷凝器\JRL-160NW\JL-ACC1522</t>
  </si>
  <si>
    <t>【杭州嘉隆】定制型手动球阀\JAL-70MW\JL-ACB1521</t>
  </si>
  <si>
    <t>【杭州嘉隆】定制型手动球阀\JAL-50M\JL-ACB1520</t>
  </si>
  <si>
    <t>【杭州嘉隆】定制型手动球阀\JAL23Q563\JL-ACB1519</t>
  </si>
  <si>
    <t>【杭州嘉隆】热气调节阀\JRL-160NW\JL-ACB1518</t>
  </si>
  <si>
    <t>【杭州嘉隆】热气调节阀\JLCWNW2450\JL-ACB1517</t>
  </si>
  <si>
    <t>【杭州嘉隆】热气旁通阀\80-100NW\JL-ACB1516</t>
  </si>
  <si>
    <t>【杭州嘉隆】热气旁通阀\10-30NW\JL-ACB1515</t>
  </si>
  <si>
    <t>【杭州嘉隆】热气旁通阀\A310 851204\JL-ACB1514</t>
  </si>
  <si>
    <t>【杭州嘉隆】热气旁通阀\80-100NW\JL-ACB1513</t>
  </si>
  <si>
    <t>【杭州嘉隆】热气旁通阀\40-60NW\JL-ACB1512</t>
  </si>
  <si>
    <t>【杭州嘉隆】热气旁通阀\A310 851201\JL-ACB1511</t>
  </si>
  <si>
    <t>【杭州嘉隆】热气旁通阀\JAL-45\JL-ACB1510</t>
  </si>
  <si>
    <t>【杭州嘉隆】热气旁通阀\JAL-45MR\JL-ACB1509</t>
  </si>
  <si>
    <t>【杭州嘉隆】热气旁通阀\JAL-70MR\JL-ACB1508</t>
  </si>
  <si>
    <t>【杭州嘉隆】热气旁通阀\GMCWNH345\JL-ACB1507</t>
  </si>
  <si>
    <t>【杭州嘉隆】热气旁通阀\JAL-120MW\JL-ACB1506</t>
  </si>
  <si>
    <t>【杭州嘉隆】热气旁通阀\JAL-70MW\JL-ACB1505</t>
  </si>
  <si>
    <t>【杭州嘉隆】热气旁通阀\JLCWNH2800\JL-ACB1504</t>
  </si>
  <si>
    <t>【杭州嘉隆】热气旁通阀\GMCWNH375\JL-ACB1503</t>
  </si>
  <si>
    <t>【杭州嘉隆】热气旁通阀\JAL-80MF\JL-ACB1502</t>
  </si>
  <si>
    <t>【杭州嘉隆】热气旁通阀\JLCWNW2450\JL-ACB1501</t>
  </si>
  <si>
    <t>【杭州嘉隆】热气旁通阀\JAL-70M\JL-ACB1500</t>
  </si>
  <si>
    <t>【杭州嘉隆】热气旁通阀\JAL-50M\JL-ACB1499</t>
  </si>
  <si>
    <t>【杭州嘉隆】热气旁通阀\JAL-50M\JL-ACB1498</t>
  </si>
  <si>
    <t>【杭州嘉隆】定制型球阀\JAL23DG709\JL-ACA1451</t>
  </si>
  <si>
    <t>【杭州嘉隆】定制型球阀\JAL23TU709\JL-ACA1450</t>
  </si>
  <si>
    <t>【杭州嘉隆】清洗器\JLCWNW2450\JL-ACA1449</t>
  </si>
  <si>
    <t>【杭州嘉隆】清洗机\JRL-160NW\JL-ACA1448</t>
  </si>
  <si>
    <t>【杭州嘉隆】清洗机\JAL-60M\JL-ACA1447</t>
  </si>
  <si>
    <t>【杭州嘉隆】切换阀气缸阀体\JAL-45\JL-ACA1446</t>
  </si>
  <si>
    <t>【杭州嘉隆】切换阀阀体\JAL-45\JL-ACA1445</t>
  </si>
  <si>
    <t>【杭州嘉隆】前置滤芯\JAL-45MR\JL-ABZ1444</t>
  </si>
  <si>
    <t>【杭州嘉隆】前置滤芯\JAL-70MR\JL-ABZ1443</t>
  </si>
  <si>
    <t>【杭州嘉隆】前置滤芯\JHL-40MR\JL-ABZ1442</t>
  </si>
  <si>
    <t>【杭州嘉隆】前置滤芯\JAL-70MW\JL-ABZ1441</t>
  </si>
  <si>
    <t>【杭州嘉隆】前置滤芯\JAL-50M\JL-ABZ1440</t>
  </si>
  <si>
    <t>【杭州嘉隆】前置滤芯\JHL-40M\JL-ABZ1439</t>
  </si>
  <si>
    <t>【杭州嘉隆】前置滤芯\JAL55E931\JL-ABZ1438</t>
  </si>
  <si>
    <t>【杭州嘉隆】前置滤芯\JAL22W879\JL-ABZ1437</t>
  </si>
  <si>
    <t>【杭州嘉隆】前置滤芯\JAL55E981\JL-ABZ1436</t>
  </si>
  <si>
    <t>【杭州嘉隆】前置滤芯\JAL53E523\JL-ABZ1435</t>
  </si>
  <si>
    <t>【杭州嘉隆】前置精密过滤器滤芯\JLCWNW2450\JL-ABZ1434</t>
  </si>
  <si>
    <t>【杭州嘉隆】前置过滤器滤芯\JRL-160NW\JL-ABZ1433</t>
  </si>
  <si>
    <t>【杭州嘉隆】前置除油滤芯\JAL-60M\JL-ABZ1432</t>
  </si>
  <si>
    <t>【杭州嘉隆】定制型法兰截止阀\JAL-60M\JL-AAX1093</t>
  </si>
  <si>
    <t>【杭州嘉隆】定制型气动蝶阀\JAL-70MW\JL-AAX1092</t>
  </si>
  <si>
    <t>【杭州嘉隆】定制型气动蝶阀\JAL-70MW\JL-AAX1091</t>
  </si>
  <si>
    <t>【杭州嘉隆】定制型气动蝶阀\JAL21A119\JL-AAX1090</t>
  </si>
  <si>
    <t>【杭州嘉隆】定制型气动蝶阀\JAL21A369\JL-AAX1089</t>
  </si>
  <si>
    <t>【杭州嘉隆】定制型空气压力表\JAL-70MW\JL-AAW1088</t>
  </si>
  <si>
    <t>【杭州嘉隆】定制型空气压力表\JAL28F307\JL-AAW1087</t>
  </si>
  <si>
    <t>【杭州嘉隆】定制型高压压力表\JAL-70MW\JL-AAW1086</t>
  </si>
  <si>
    <t>【杭州嘉隆】定制型高压压力表\JAL70H010\JL-AAW1085</t>
  </si>
  <si>
    <t>【杭州嘉隆】定制型低压压力表\JAL-70MW\JL-AAW1084</t>
  </si>
  <si>
    <t>【杭州嘉隆】定制型低压压力表\JAL70G990\JL-AAW1083</t>
  </si>
  <si>
    <t>【杭州嘉隆】电子自动排水器\A710 54302\JL-AAV1082</t>
  </si>
  <si>
    <t>【杭州嘉隆】电子自动排水器\A710 54301\JL-AAV1081</t>
  </si>
  <si>
    <t>【杭州嘉隆】电子自动排水器\JLCWNW2450\JL-AAV1080</t>
  </si>
  <si>
    <t>【杭州嘉隆】电子自动排水器\JLCWNH2800\JL-AAV1079</t>
  </si>
  <si>
    <t>【杭州嘉隆】电子自动排水器\JAL6MFWG\JL-AAV1078</t>
  </si>
  <si>
    <t>【杭州嘉隆】电子自动排水器\JAL-80MF\JL-AAV1077</t>
  </si>
  <si>
    <t>【杭州嘉隆】电子自动排水器\GMCWNH375\JL-AAV1076</t>
  </si>
  <si>
    <t>【杭州嘉隆】电子排水器\JAL-45\JL-AAV1075</t>
  </si>
  <si>
    <t>【杭州嘉隆】电子排水器\JAL-45MR\JL-AAV1074</t>
  </si>
  <si>
    <t>【杭州嘉隆】电子排水器\JAL-45MR\JL-AAV1073</t>
  </si>
  <si>
    <t>【杭州嘉隆】电子排水器\JAL-70MR\JL-AAV1072</t>
  </si>
  <si>
    <t>【杭州嘉隆】电子排水器\JAL-70MR\JL-AAV1071</t>
  </si>
  <si>
    <t>【杭州嘉隆】电子排水器\JHL-40MR\JL-AAV1070</t>
  </si>
  <si>
    <t>【杭州嘉隆】电子排水器\JAL-70MW\JL-AAV1069</t>
  </si>
  <si>
    <t>【杭州嘉隆】电子排水器\JAL-50MS\JL-AAV1068</t>
  </si>
  <si>
    <t>【杭州嘉隆】电子排水器\JAL-70M\JL-AAV1067</t>
  </si>
  <si>
    <t>【杭州嘉隆】电子排水器\JAL-50M\JL-AAV1066</t>
  </si>
  <si>
    <t>【杭州嘉隆】电子排水器\JAL-50M\JL-AAV1065</t>
  </si>
  <si>
    <t>【杭州嘉隆】电子排水器\JHL-40M\JL-AAV1064</t>
  </si>
  <si>
    <t>【杭州嘉隆】电子排水器\JAL22A300\JL-AAV1063</t>
  </si>
  <si>
    <t>【杭州嘉隆】定制型常闭气动蝶阀\JAL233A63\JL-ACZ1844</t>
  </si>
  <si>
    <t>【杭州嘉隆】中央处理器(PLC)\JAL-45MR\JL-ACY1843</t>
  </si>
  <si>
    <t>【杭州嘉隆】中央处理器(PLC)\JAL-70MR\JL-ACY1842</t>
  </si>
  <si>
    <t>【杭州嘉隆】中央处理器\JAL-50M\JL-ACY1841</t>
  </si>
  <si>
    <t>【杭州嘉隆】中央处理器\JAL34DE63\JL-ACY1840</t>
  </si>
  <si>
    <t>【杭州嘉隆】中央处理器\JAL23DE18\JL-ACY1839</t>
  </si>
  <si>
    <t>【杭州嘉隆】制冷压缩机\JAL-70MR\JL-ACX1838</t>
  </si>
  <si>
    <t>【杭州嘉隆】制冷压缩机\JAL-120MW\JL-ACX1837</t>
  </si>
  <si>
    <t>【杭州嘉隆】制冷压缩机\JAL-40MR\JL-ACX1836</t>
  </si>
  <si>
    <t>【杭州嘉隆】制冷压缩机\JAL-70MW\JL-ACX1835</t>
  </si>
  <si>
    <t>【杭州嘉隆】制冷压缩机\JAL-50M\JL-ACX1834</t>
  </si>
  <si>
    <t>【杭州嘉隆】制冷压缩机\JAL-50M\JL-ACX1833</t>
  </si>
  <si>
    <t>【杭州嘉隆】制冷压缩机\JAL-50MS\JL-ACX1832</t>
  </si>
  <si>
    <t>【杭州嘉隆】制冷压缩机\JAL-70M\JL-ACX1831</t>
  </si>
  <si>
    <t>【杭州嘉隆】制冷压缩机\JAL24A801\JL-ACX1830</t>
  </si>
  <si>
    <t>【杭州嘉隆】制冷压缩机\JAL34A801\JL-ACX1829</t>
  </si>
  <si>
    <t>【杭州嘉隆】除油滤芯\JAL-50MS\JL-AAN0960</t>
  </si>
  <si>
    <t>【杭州嘉隆】除油滤芯\JAL-50M\JL-AAN0959</t>
  </si>
  <si>
    <t>【杭州嘉隆】除油滤芯\JAL-50M\JL-AAN0958</t>
  </si>
  <si>
    <t>【杭州嘉隆】除油滤芯\JHL-40M\JL-AAN0957</t>
  </si>
  <si>
    <t>【杭州嘉隆】除油滤芯\JWL-20\JL-AAN0956</t>
  </si>
  <si>
    <t>【杭州嘉隆】除油滤芯\JAL21K456\JL-AAN0955</t>
  </si>
  <si>
    <t>【杭州嘉隆】除油滤芯\JAL75T713\JL-AAN0954</t>
  </si>
  <si>
    <t>【杭州嘉隆】除油滤芯\JAL22J876\JL-AAN0953</t>
  </si>
  <si>
    <t>【杭州嘉隆】除油滤芯\JAL75T723\JL-AAN0952</t>
  </si>
  <si>
    <t>【杭州嘉隆】除油滤芯\JAL21E711\JL-AAN0951</t>
  </si>
  <si>
    <t>【杭州嘉隆】除油滤芯\JAL25T711\JL-AAN0950</t>
  </si>
  <si>
    <t>【杭州嘉隆】除油过滤器滤芯\JLCWNH2100\JL-AAN0949</t>
  </si>
  <si>
    <t>【杭州嘉隆】除尘滤芯\JAL-45\JL-AAN0948</t>
  </si>
  <si>
    <t>【杭州嘉隆】除尘滤芯\JAL-45MR\JL-AAN0947</t>
  </si>
  <si>
    <t>【杭州嘉隆】除尘滤芯\JAL-70MR\JL-AAN0946</t>
  </si>
  <si>
    <t>【杭州嘉隆】除尘滤芯\JAL-120MW\JL-AAN0945</t>
  </si>
  <si>
    <t>【杭州嘉隆】除尘滤芯\JHL-40MR\JL-AAN0944</t>
  </si>
  <si>
    <t>【杭州嘉隆】除尘滤芯\JAL-70MW\JL-AAN0943</t>
  </si>
  <si>
    <t>【杭州嘉隆】除尘滤芯\JWL-20\JL-AAN0942</t>
  </si>
  <si>
    <t>【杭州嘉隆】除尘滤芯\JAL-50M\JL-AAN0941</t>
  </si>
  <si>
    <t>【杭州嘉隆】除尘滤芯\JAL-50M\JL-AAN0940</t>
  </si>
  <si>
    <t>【杭州嘉隆】除尘滤芯\JAL-50MS\JL-AAN0939</t>
  </si>
  <si>
    <t>【杭州嘉隆】除尘滤芯\JHL-40M\JL-AAN0938</t>
  </si>
  <si>
    <t>【杭州嘉隆】除尘滤芯\JAL-70M\JL-AAN0937</t>
  </si>
  <si>
    <t>【杭州嘉隆】除尘滤芯\JAL93Q923\JL-AAN0936</t>
  </si>
  <si>
    <t>【杭州嘉隆】除尘滤芯\JAL54L342\JL-AAN0935</t>
  </si>
  <si>
    <t>【杭州嘉隆】除尘滤芯\JAL35Q876\JL-AAN0934</t>
  </si>
  <si>
    <t>【杭州嘉隆】除尘滤芯\JAL22B689\JL-AAN0933</t>
  </si>
  <si>
    <t>【杭州嘉隆】除尘滤芯\JAL95Q873\JL-AAN0932</t>
  </si>
  <si>
    <t>【杭州嘉隆】除尘滤芯\JAL30E876\JL-AAN0931</t>
  </si>
  <si>
    <t>【杭州嘉隆】排水器\JL-FG6-8XQ\JL-ABT1352</t>
  </si>
  <si>
    <t>【杭州嘉隆】排气止回阀\JLCWNH2100\JL-ABT1351</t>
  </si>
  <si>
    <t>【杭州嘉隆】排气程控阀执行器\JLCWNH2100\JL-ABT1350</t>
  </si>
  <si>
    <t>【杭州嘉隆】排气程控阀阀体\JLCWNH2100\JL-ABT1349</t>
  </si>
  <si>
    <t>【杭州嘉隆】定制型耐震压力表\JAL-120MW\JL-ABT1348</t>
  </si>
  <si>
    <t>【杭州嘉隆】定制型耐震压力表\JLCWNW2450\JL-ABT1347</t>
  </si>
  <si>
    <t>【杭州嘉隆】定制型耐震压力表\JLCWNH2800\JL-ABT1346</t>
  </si>
  <si>
    <t>【杭州嘉隆】定制型耐震压力表\GMCWNH375\JL-ABT1345</t>
  </si>
  <si>
    <t>【杭州嘉隆】定制型耐震压力表\JAL6MFWG\JL-ABT1344</t>
  </si>
  <si>
    <t>【杭州嘉隆】定制型耐震压力表\JAL-80MF\JL-ABT1343</t>
  </si>
  <si>
    <t>【杭州嘉隆】定制型耐震压力表\JWL-20\JL-ABT1342</t>
  </si>
  <si>
    <t>【杭州嘉隆】定制型耐震压力表\JHL-40M\JL-ABT1341</t>
  </si>
  <si>
    <t>【杭州嘉隆】定制型耐震压力表\JAL28V120\JL-ABT1340</t>
  </si>
  <si>
    <t>【杭州嘉隆】盲板\JAL20-80M\JL-ABT1339</t>
  </si>
  <si>
    <t>【杭州嘉隆】滤芯\A710 54011\JL-ABT1338</t>
  </si>
  <si>
    <t>【杭州嘉隆】滤芯\A710 54010\JL-ABT1337</t>
  </si>
  <si>
    <t>【杭州嘉隆】滤芯\A710 54009\JL-ABT1336</t>
  </si>
  <si>
    <t>【杭州嘉隆】滤芯\A710 54008\JL-ABT1335</t>
  </si>
  <si>
    <t>【杭州嘉隆】滤芯\A710 54007\JL-ABT1334</t>
  </si>
  <si>
    <t>【杭州嘉隆】滤芯\A710 54006\JL-ABT1333</t>
  </si>
  <si>
    <t>【杭州嘉隆】滤芯\A710 54005\JL-ABT1332</t>
  </si>
  <si>
    <t>【杭州嘉隆】滤芯\A710 54004\JL-ABT1331</t>
  </si>
  <si>
    <t>【杭州嘉隆】滤芯\A710 54003\JL-ABT1330</t>
  </si>
  <si>
    <t>【杭州嘉隆】滤芯\A710 54002\JL-ABT1329</t>
  </si>
  <si>
    <t>【杭州嘉隆】逻辑控制器\JAL-120MW\JL-ABS1328</t>
  </si>
  <si>
    <t>【杭州嘉隆】逻辑控制器\JWL-20\JL-ABS1327</t>
  </si>
  <si>
    <t>【杭州嘉隆】逻辑控制器\JAL-70M\JL-ABS1326</t>
  </si>
  <si>
    <t>【杭州嘉隆】逻辑控制器\JAL24N879\JL-ABS1325</t>
  </si>
  <si>
    <t>【杭州嘉隆】露点仪\JAL34Q117\JL-ABS1324</t>
  </si>
  <si>
    <t>【杭州嘉隆】露点仪\JLCWNH2100\JL-ABS1323</t>
  </si>
  <si>
    <t>【杭州嘉隆】热气旁通阀\JAL23A741\JL-ACB1497</t>
  </si>
  <si>
    <t>【杭州嘉隆】热气旁通阀\JAL36A729\JL-ACB1496</t>
  </si>
  <si>
    <t>【杭州嘉隆】RF精密滤芯\JAL-80MF\JL-AAE0225</t>
  </si>
  <si>
    <t>【杭州嘉隆】RF精密滤芯\JLCWNH2800\JL-AAE0224</t>
  </si>
  <si>
    <t>【杭州嘉隆】RF精密滤芯\JAL6MFWG\JL-AAE0223</t>
  </si>
  <si>
    <t>【杭州嘉隆】RF精密滤芯\GMCWNH375\JL-AAE0222</t>
  </si>
  <si>
    <t>【杭州嘉隆】RF精密滤芯\JAL-82-16\JL-AAE0221</t>
  </si>
  <si>
    <t>【杭州嘉隆】PLC扩展模块\6ES7 231-7PD22-0AX8/JAL40\JL-AAD0337</t>
  </si>
  <si>
    <t>【杭州嘉隆】PLC扩展模块\TM2AMI2HT/JAL40M\JL-AAD0336</t>
  </si>
  <si>
    <t>【杭州嘉隆】PLC扩展模块\JLCWNW2450\JL-AAD0335</t>
  </si>
  <si>
    <t>【杭州嘉隆】PLC扩展模块\JAL-80MF\JL-AAD0334</t>
  </si>
  <si>
    <t>【杭州嘉隆】PLC扩展模块\JLCWNH2800\JL-AAD0333</t>
  </si>
  <si>
    <t>【杭州嘉隆】PLC扩展模块\JAL6MFWG\JL-AAD0332</t>
  </si>
  <si>
    <t>【杭州嘉隆】PLC扩展模块\GMCWNH375\JL-AAD0331</t>
  </si>
  <si>
    <t>【杭州嘉隆】PLC控制器\JAL-45\JL-AAC0440</t>
  </si>
  <si>
    <t>【杭州嘉隆】PLC控制器\JLCWNW2450\JL-AAC0439</t>
  </si>
  <si>
    <t>【杭州嘉隆】PLC控制器\JLCWNH2800\JL-AAC0438</t>
  </si>
  <si>
    <t>【杭州嘉隆】PLC控制器\JAL6MFWG\JL-AAC0437</t>
  </si>
  <si>
    <t>【杭州嘉隆】PLC控制器\GMCWNH375\JL-AAC0436</t>
  </si>
  <si>
    <t>【杭州嘉隆】PLC控制器\JAL-80MF\JL-AAC0435</t>
  </si>
  <si>
    <t>【杭州嘉隆】PLC控制器\JL-D-005B-001\JL-AAC0434</t>
  </si>
  <si>
    <t>【杭州嘉隆】PLC本体\JAL-60M\JL-AAC0433</t>
  </si>
  <si>
    <t>【杭州嘉隆】PLC\JLCWNW2450\JL-AAC0432</t>
  </si>
  <si>
    <t>【杭州嘉隆】PLC\JRL-60NW\JL-AAC0431</t>
  </si>
  <si>
    <t>【杭州嘉隆】GH精密滤芯\GMCWNH345\JL-AAB0567</t>
  </si>
  <si>
    <t>【杭州嘉隆】GH精密滤芯\JLCWNW2450\JL-AAB0566</t>
  </si>
  <si>
    <t>【杭州嘉隆】GH精密滤芯\JAL-80MF\JL-AAB0565</t>
  </si>
  <si>
    <t>【杭州嘉隆】GH精密滤芯\JLCWNH2800\JL-AAB0564</t>
  </si>
  <si>
    <t>【杭州嘉隆】GH精密滤芯\JAL6MFWG\JL-AAB0563</t>
  </si>
  <si>
    <t>【杭州嘉隆】GH精密滤芯\GMCWNH375\JL-AAB0562</t>
  </si>
  <si>
    <t>【杭州嘉隆】GH精密滤芯\JAL-12-76\JL-AAB0561</t>
  </si>
  <si>
    <t>【杭州嘉隆】CPU\JLCWNH2100\JL-AAA0567</t>
  </si>
  <si>
    <t>【杭州嘉隆】自动水量调节阀\JAL-60M\JL-ADC1890</t>
  </si>
  <si>
    <t>【杭州嘉隆】露点控制模块\A510 90902\JL-ABS1322</t>
  </si>
  <si>
    <t>【杭州嘉隆】露点控制模块\A510 90901\JL-ABS1321</t>
  </si>
  <si>
    <t>【杭州嘉隆】冷凝器\A310 852003\JL-ABS1320</t>
  </si>
  <si>
    <t>【杭州嘉隆】止回阀\JAL-70MW\JL-ACV1811</t>
  </si>
  <si>
    <t>【杭州嘉隆】止回阀\JAL-70MW\JL-ACV1810</t>
  </si>
  <si>
    <t>【杭州嘉隆】止回阀\JLCWNH2800\JL-ACV1809</t>
  </si>
  <si>
    <t>【杭州嘉隆】止回阀\GMCWNH375\JL-ACV1808</t>
  </si>
  <si>
    <t>【杭州嘉隆】止回阀\JAL-80MF\JL-ACV1807</t>
  </si>
  <si>
    <t>【杭州嘉隆】止回阀\JLCWNH2800\JL-ACV1806</t>
  </si>
  <si>
    <t>【杭州嘉隆】止回阀\JAL6MFWG\JL-ACV1805</t>
  </si>
  <si>
    <t>【杭州嘉隆】止回阀\GMCWNH375\JL-ACV1804</t>
  </si>
  <si>
    <t>【杭州嘉隆】止回阀\JAL-80MF\JL-ACV1803</t>
  </si>
  <si>
    <t>【杭州嘉隆】止回阀\JLCWNW2450\JL-ACV1802</t>
  </si>
  <si>
    <t>【杭州嘉隆】止回阀\JLCWNW2450\JL-ACV1801</t>
  </si>
  <si>
    <t>【杭州嘉隆】止回阀\JAL-50M\JL-ACV1800</t>
  </si>
  <si>
    <t>【杭州嘉隆】止回阀\JAL-50M\JL-ACV1799</t>
  </si>
  <si>
    <t>【杭州嘉隆】止回阀\JWL-20\JL-ACV1798</t>
  </si>
  <si>
    <t>【杭州嘉隆】止回阀\JHL-40M\JL-ACV1797</t>
  </si>
  <si>
    <t>【杭州嘉隆】止回阀\JWL-20\JL-ACV1796</t>
  </si>
  <si>
    <t>【杭州嘉隆】止回阀\JHL-40M\JL-ACV1795</t>
  </si>
  <si>
    <t>【杭州嘉隆】止回阀\JAL-50M\JL-ACV1794</t>
  </si>
  <si>
    <t>【杭州嘉隆】止回阀\JAL-50M\JL-ACV1793</t>
  </si>
  <si>
    <t>【杭州嘉隆】止回阀\JAL-70M\JL-ACV1792</t>
  </si>
  <si>
    <t>【杭州嘉隆】止回阀\JAL-70M\JL-ACV1791</t>
  </si>
  <si>
    <t>【杭州嘉隆】止回阀\JAL-50MS\JL-ACV1790</t>
  </si>
  <si>
    <t>【杭州嘉隆】止回阀\JAL32A789\JL-ACV1789</t>
  </si>
  <si>
    <t>【杭州嘉隆】止回阀\JAL32W571\JL-ACV1788</t>
  </si>
  <si>
    <t>【杭州嘉隆】止回阀\JLCWNW2450\JL-ACV1787</t>
  </si>
  <si>
    <t>【杭州嘉隆】冷凝器\A310 852004\JL-ABS1319</t>
  </si>
  <si>
    <t>【杭州嘉隆】冷凝器\A310 852001\JL-ABS1318</t>
  </si>
  <si>
    <t>【杭州嘉隆】冷凝器\JAL-50MS\JL-ABS1317</t>
  </si>
  <si>
    <t>【杭州嘉隆】冷媒压力表\A310 851701\JL-ABS1316</t>
  </si>
  <si>
    <t>【杭州嘉隆】冷媒高压控制器\JAL-60M\JL-ABS1315</t>
  </si>
  <si>
    <t>【杭州嘉隆】冷媒高压控制器\JRL-60NW\JL-ABS1314</t>
  </si>
  <si>
    <t>【杭州嘉隆】冷媒高压开关\JAL-50M\JL-ABS1313</t>
  </si>
  <si>
    <t>【杭州嘉隆】冷媒高压开关\JAL-50MS\JL-ABS1312</t>
  </si>
  <si>
    <t>【杭州嘉隆】冷媒高压表\JAL-45MR\JL-ABS1311</t>
  </si>
  <si>
    <t>【杭州嘉隆】冷媒高压表\JAL-70MW\JL-ABS1310</t>
  </si>
  <si>
    <t>【杭州嘉隆】冷媒高压表\JAL-50M\JL-ABS1309</t>
  </si>
  <si>
    <t>【杭州嘉隆】冷媒高压表\JAL7TB990\JL-ABS1308</t>
  </si>
  <si>
    <t>【杭州嘉隆】冷媒高压表\JAL23TB999\JL-ABS1307</t>
  </si>
  <si>
    <t>【杭州嘉隆】冷媒低压控制器\JAL-60M\JL-ABS1306</t>
  </si>
  <si>
    <t>【杭州嘉隆】冷媒低压控制器\JRL-60NW\JL-ABS1305</t>
  </si>
  <si>
    <t>【杭州嘉隆】冷媒低压开关\JAL-50M\JL-ABS1304</t>
  </si>
  <si>
    <t>【杭州嘉隆】冷媒低压开关\JAL-50MS\JL-ABS1303</t>
  </si>
  <si>
    <t>【杭州嘉隆】冷媒低压表\JAL-45MR\JL-ABS1302</t>
  </si>
  <si>
    <t>【杭州嘉隆】冷媒低压表\JAL-70MW\JL-ABS1301</t>
  </si>
  <si>
    <t>【杭州嘉隆】冷媒低压表\JAL-50M\JL-ABS1300</t>
  </si>
  <si>
    <t>【杭州嘉隆】冷媒低压表\JAL7JD010\JL-ABS1299</t>
  </si>
  <si>
    <t>【杭州嘉隆】冷媒低压表\JAL23JD323\JL-ABS1298</t>
  </si>
  <si>
    <t>【杭州嘉隆】冷干机扩散器\JAL-30M\JL-ABS1297</t>
  </si>
  <si>
    <t>【杭州嘉隆】冷干机电加热元件\1.5KW\JL-ABS1296</t>
  </si>
  <si>
    <t>【杭州嘉隆】冷冻专用油\JLCWNH2800\JL-ABR1295</t>
  </si>
  <si>
    <t>【杭州嘉隆】冷冻专用油\GMCWNH375\JL-ABR1294</t>
  </si>
  <si>
    <t>【杭州嘉隆】冷冻专用油\JAL6MFWG\JL-ABR1293</t>
  </si>
  <si>
    <t>【杭州嘉隆】冷冻专用油\JAL-80MF\JL-ABR1292</t>
  </si>
  <si>
    <t>【杭州嘉隆】冷冻专用油\JLCWNW2450\JL-ABR1291</t>
  </si>
  <si>
    <t>【杭州嘉隆】冷冻油\A3108526\JL-ABR1290</t>
  </si>
  <si>
    <t>【杭州嘉隆】冷冻油\JAL-70M\JL-ABR1289</t>
  </si>
  <si>
    <t>【杭州嘉隆】冷冻油\JAL-50MS\JL-ABR1288</t>
  </si>
  <si>
    <t>【杭州嘉隆】自动水量调节阀\JRL-60NW\JL-ADC1889</t>
  </si>
  <si>
    <t>【杭州嘉隆】自动排污阀\JLCWNW2450\JL-ADB1888</t>
  </si>
  <si>
    <t>【杭州嘉隆】自动排水器\A710 53803\JL-ADB1887</t>
  </si>
  <si>
    <t>【杭州嘉隆】自动排水器\A710 53802\JL-ADB1886</t>
  </si>
  <si>
    <t>【杭州嘉隆】自动排水器\JAL-45MR\JL-ADB1885</t>
  </si>
  <si>
    <t>【杭州嘉隆】自动排水器\JAL-45MR\JL-ADB1884</t>
  </si>
  <si>
    <t>【杭州嘉隆】自动排水器\JAL-70MR\JL-ADB1883</t>
  </si>
  <si>
    <t>【杭州嘉隆】自动排水器\JAL-70MR\JL-ADB1882</t>
  </si>
  <si>
    <t>【杭州嘉隆】自动排水器\JAL-70MW\JL-ADB1881</t>
  </si>
  <si>
    <t>【杭州嘉隆】自动排水器\JLCWNW2450\JL-ADB1880</t>
  </si>
  <si>
    <t>【杭州嘉隆】自动排水器\JAL-50MS\JL-ADB1879</t>
  </si>
  <si>
    <t>【杭州嘉隆】自动排水器\JAL-50M\JL-ADB1878</t>
  </si>
  <si>
    <t>【杭州嘉隆】自动排水器\JAL-50M\JL-ADB1877</t>
  </si>
  <si>
    <t>【杭州嘉隆】自动排水器\JAL-80MF\JL-ADB1876</t>
  </si>
  <si>
    <t>【杭州嘉隆】自动排水器\JLCWNH2800\JL-ADB1875</t>
  </si>
  <si>
    <t>【杭州嘉隆】自动排水器\GMCWNH375\JL-ADB1874</t>
  </si>
  <si>
    <t>【杭州嘉隆】自动排水器\JAL6MFWG\JL-ADB1873</t>
  </si>
  <si>
    <t>【杭州嘉隆】自动排水器\JAL23C056\JL-ADB1872</t>
  </si>
  <si>
    <t>【杭州嘉隆】自动排水器\JAL31RC056\JL-ADB1871</t>
  </si>
  <si>
    <t>【杭州嘉隆】自动排水器\JAL31C017\JL-ADB1870</t>
  </si>
  <si>
    <t>【杭州嘉隆】自动排水器\JAL23RC023\JL-ADB1869</t>
  </si>
  <si>
    <t>【杭州嘉隆】自动排水器\JAL21C010\JL-ADB1868</t>
  </si>
  <si>
    <t>【杭州嘉隆】自动排水器\JRL-160NW\JL-ADB1867</t>
  </si>
  <si>
    <t>【杭州嘉隆】自动排水器\JLCWNH2100\JL-ADB1866</t>
  </si>
  <si>
    <t>【杭州嘉隆】自动排水阀\A710 53804\JL-ADB1865</t>
  </si>
  <si>
    <t>【杭州嘉隆】定制型制冷剂\JRL-160NW\JL-ADA1864</t>
  </si>
  <si>
    <t>【杭州嘉隆】定制型蒸发器\JAL-40MR\JL-ADA1863</t>
  </si>
  <si>
    <t>【杭州嘉隆】定制型蒸发器\JAL73U358\JL-ADA1862</t>
  </si>
  <si>
    <t>【杭州嘉隆】止回阀\JLCWNW2450\JL-ACV1786</t>
  </si>
  <si>
    <t>【杭州嘉隆】执行器\A510 91201\JL-ACN1785</t>
  </si>
  <si>
    <t>【杭州嘉隆】蒸发预冷板式换热器总成\JAL-40MB\JL-ACN1784</t>
  </si>
  <si>
    <t>【杭州嘉隆】蒸发器总成\JAL-70MR\JL-ACN1783</t>
  </si>
  <si>
    <t>【杭州嘉隆】蒸发器总成\GMCWNH345\JL-ACN1782</t>
  </si>
  <si>
    <t>【杭州嘉隆】蒸发器总成\JHL-40MR\JL-ACN1781</t>
  </si>
  <si>
    <t>【杭州嘉隆】蒸发器总成\JAL-70MW\JL-ACN1780</t>
  </si>
  <si>
    <t>【杭州嘉隆】蒸发器总成\JAL40DG70\JL-ACN1779</t>
  </si>
  <si>
    <t>【杭州嘉隆】蒸发器总成\JAL2Y6U01\JL-ACN1778</t>
  </si>
  <si>
    <t>【杭州嘉隆】蒸发器总成\JAL-234-63\JL-ACN1777</t>
  </si>
  <si>
    <t>【杭州嘉隆】蒸发器总成\JAL93U330\JL-ACN1776</t>
  </si>
  <si>
    <t>【杭州嘉隆】蒸发器总成\JLCWNW2450\JL-ACN1775</t>
  </si>
  <si>
    <t>【杭州嘉隆】蒸发器总成\JRL-160NW\JL-ACN1774</t>
  </si>
  <si>
    <t>【杭州嘉隆】蒸发器\JL-L-011A-015\JL-ACN1773</t>
  </si>
  <si>
    <t>【杭州嘉隆】蒸发器\JRL-10ZF\JL-ACN1772</t>
  </si>
  <si>
    <t>【杭州嘉隆】蒸发器\JRL-50ZF\JL-ACN1771</t>
  </si>
  <si>
    <t>【杭州嘉隆】蒸发器\JRL-30ZF\JL-ACN1770</t>
  </si>
  <si>
    <t>【杭州嘉隆】蒸发器\JRL-100ZF\JL-ACN1769</t>
  </si>
  <si>
    <t>【杭州嘉隆】蒸发器\【JRL-40ZF】50B821BH\JL-ACN1768</t>
  </si>
  <si>
    <t>【杭州嘉隆】蒸发器\JAL-50MS\JL-ACN1767</t>
  </si>
  <si>
    <t>【杭州嘉隆】针阀\JAL-70MW\JL-ACM1766</t>
  </si>
  <si>
    <t>【杭州嘉隆】针阀\JAL-50M\JL-ACM1765</t>
  </si>
  <si>
    <t>【杭州嘉隆】针阀\JAL-50M\JL-ACM1764</t>
  </si>
  <si>
    <t>【杭州嘉隆】针阀\JAL-70M\JL-ACM1763</t>
  </si>
  <si>
    <t>【杭州嘉隆】针阀\JAL72F861\JL-ACM1762</t>
  </si>
  <si>
    <t>【杭州嘉隆】再生止回阀\JLCWNH2100\JL-ACM1761</t>
  </si>
  <si>
    <t>【杭州嘉隆】再生截止阀\JLCWNW2450\JL-ACM1760</t>
  </si>
  <si>
    <t>【杭州嘉隆】再生截止阀\JAL-70MW\JL-ACM1759</t>
  </si>
  <si>
    <t>【杭州嘉隆】再生截止阀\JAL-70M\JL-ACM1758</t>
  </si>
  <si>
    <t>【杭州嘉隆】再生截止阀\JAL-50M\JL-ACM1757</t>
  </si>
  <si>
    <t>【杭州嘉隆】再生截止阀\JAL-50M\JL-ACM1756</t>
  </si>
  <si>
    <t>【杭州嘉隆】再生截止阀\JWL-20\JL-ACM1755</t>
  </si>
  <si>
    <t>【杭州嘉隆】再生截止阀\JHL-40M\JL-ACM1754</t>
  </si>
  <si>
    <t>【杭州嘉隆】扩展数字模块\JHL-40MR\JL-ABQ1287</t>
  </si>
  <si>
    <t>【杭州嘉隆】扩展数字模块\JHL-40M\JL-ABQ1286</t>
  </si>
  <si>
    <t>【杭州嘉隆】扩展数字模块\JAL25Y221\JL-ABQ1285</t>
  </si>
  <si>
    <t>【杭州嘉隆】扩展模块\JRL-160NW\JL-ABQ1284</t>
  </si>
  <si>
    <t>【杭州嘉隆】扩展模块\JLCWNW2450\JL-ABQ1283</t>
  </si>
  <si>
    <t>【杭州嘉隆】扩展模块\JAL-60M\JL-ABQ1282</t>
  </si>
  <si>
    <t>【杭州嘉隆】扩展模块\JAL-45\JL-ABQ1281</t>
  </si>
  <si>
    <t>【杭州嘉隆】扩展模块\JAL-45\JL-ABQ1280</t>
  </si>
  <si>
    <t>【杭州嘉隆】扩展模块\JAL25C590\JL-ABQ1279</t>
  </si>
  <si>
    <t>【杭州嘉隆】扩展模块\JAL25C879\JL-ABQ1278</t>
  </si>
  <si>
    <t>【杭州嘉隆】扩展模块\JLCWNH2100\JL-ABQ1277</t>
  </si>
  <si>
    <t>【杭州嘉隆】扩散器\A510 92107\JL-ABP1276</t>
  </si>
  <si>
    <t>【杭州嘉隆】扩散器\A510 92106\JL-ABP1275</t>
  </si>
  <si>
    <t>【杭州嘉隆】扩散器\JL-X-005A-002\JL-ABP1274</t>
  </si>
  <si>
    <t>【杭州嘉隆】扩散器\JAL27A876\JL-ABP1273</t>
  </si>
  <si>
    <t>【杭州嘉隆】扩散器\JAL27A327\JL-ABP1272</t>
  </si>
  <si>
    <t>【杭州嘉隆】扩散器\JL-X-005A-008\JL-ABP1271</t>
  </si>
  <si>
    <t>【杭州嘉隆】扩散器\JAL-45\JL-ABP1270</t>
  </si>
  <si>
    <t>【杭州嘉隆】扩散器\JAL-45MR\JL-ABP1269</t>
  </si>
  <si>
    <t>【杭州嘉隆】扩散器\JAL-70MR\JL-ABP1268</t>
  </si>
  <si>
    <t>【杭州嘉隆】扩散器\JAL-120MW\JL-ABP1267</t>
  </si>
  <si>
    <t>【杭州嘉隆】扩散器\JHL-40MR\JL-ABP1266</t>
  </si>
  <si>
    <t>【杭州嘉隆】扩散器\JAL-70MW\JL-ABP1265</t>
  </si>
  <si>
    <t>【杭州嘉隆】扩散器\JAL-70M\JL-ABP1264</t>
  </si>
  <si>
    <t>【杭州嘉隆】扩散器\JHL-40M\JL-ABP1263</t>
  </si>
  <si>
    <t>【杭州嘉隆】扩散器\JAL-50MS\JL-ABP1262</t>
  </si>
  <si>
    <t>【杭州嘉隆】扩散器\JWL-20\JL-ABP1261</t>
  </si>
  <si>
    <t>【杭州嘉隆】再生截止阀\JAL34D117\JL-ACM1753</t>
  </si>
  <si>
    <t>【杭州嘉隆】定制型冷压缩机\JLCWNW2450\JL-ACL1752</t>
  </si>
  <si>
    <t>【杭州嘉隆】定制型冷压缩机\JRL-160NW\JL-ACL1751</t>
  </si>
  <si>
    <t>【杭州嘉隆】定制型冷压缩机\JAL-60M\JL-ACL1750</t>
  </si>
  <si>
    <t>【杭州嘉隆】定制型冷压缩机\JRL-60NW\JL-ACL1749</t>
  </si>
  <si>
    <t>【杭州嘉隆】定制型冷压缩机\JAL25B099\JL-ACL1748</t>
  </si>
  <si>
    <t>【杭州嘉隆】定制型针阀\JRL-160NW\JL-ADA1861</t>
  </si>
  <si>
    <t>【杭州嘉隆】热气旁通阀\JAL51C29\JL-ACB1495</t>
  </si>
  <si>
    <t>【杭州嘉隆】热气旁通阀\JAL-12-63\JL-ACB1494</t>
  </si>
  <si>
    <t>【杭州嘉隆】热气旁通阀\JAL36B836\JL-ACB1493</t>
  </si>
  <si>
    <t>【杭州嘉隆】热气旁通阀\JAL36A730\JL-ACB1492</t>
  </si>
  <si>
    <t>【杭州嘉隆】热气旁通阀\JLCWNH2100\JL-ACB1491</t>
  </si>
  <si>
    <t>【杭州嘉隆】热气旁通阀\JAL-60M\JL-ACB1490</t>
  </si>
  <si>
    <t>【杭州嘉隆】热气旁通阀\JRL-60NW\JL-ACB1489</t>
  </si>
  <si>
    <t>【杭州嘉隆】热力调节阀\JRL-160NW\JL-ACB1488</t>
  </si>
  <si>
    <t>【杭州嘉隆】热力膨胀阀\15NW\JL-ACB1487</t>
  </si>
  <si>
    <t>【杭州嘉隆】热力膨胀阀\80NW\JL-ACB1486</t>
  </si>
  <si>
    <t>【杭州嘉隆】热力膨胀阀\40NW\JL-ACB1485</t>
  </si>
  <si>
    <t>【杭州嘉隆】热力膨胀阀\JAL-45\JL-ACB1484</t>
  </si>
  <si>
    <t>【杭州嘉隆】热力膨胀阀\JAL-45MR\JL-ACB1483</t>
  </si>
  <si>
    <t>【杭州嘉隆】热力膨胀阀\JAL-45M\JL-ACB1482</t>
  </si>
  <si>
    <t>【杭州嘉隆】热力膨胀阀\JAL-300M\JL-ACB1481</t>
  </si>
  <si>
    <t>【杭州嘉隆】热力膨胀阀\JAL-70MR\JL-ACB1480</t>
  </si>
  <si>
    <t>【杭州嘉隆】热力膨胀阀\GMCWNH345\JL-ACB1479</t>
  </si>
  <si>
    <t>【杭州嘉隆】热力膨胀阀\JAL-70MW\JL-ACB1478</t>
  </si>
  <si>
    <t>【杭州嘉隆】热力膨胀阀\GMCWNH375\JL-ACB1477</t>
  </si>
  <si>
    <t>【杭州嘉隆】热力膨胀阀\JAL-80MF\JL-ACB1476</t>
  </si>
  <si>
    <t>【杭州嘉隆】热力膨胀阀\JLCWNH2800\JL-ACB1475</t>
  </si>
  <si>
    <t>【杭州嘉隆】热力膨胀阀\JLCWNW2450\JL-ACB1474</t>
  </si>
  <si>
    <t>【杭州嘉隆】热力膨胀阀\JAL-50M\JL-ACB1473</t>
  </si>
  <si>
    <t>【杭州嘉隆】热力膨胀阀\JAL-50M\JL-ACB1472</t>
  </si>
  <si>
    <t>【杭州嘉隆】热力膨胀阀\JAL-70M\JL-ACB1471</t>
  </si>
  <si>
    <t>【杭州嘉隆】热力膨胀阀\JAL-955-70\JL-ACB1470</t>
  </si>
  <si>
    <t>【杭州嘉隆】热力膨胀阀\JAL39Y829\JL-ACB1469</t>
  </si>
  <si>
    <t>【杭州嘉隆】热力膨胀阀\JAL23A919\JL-ACB1468</t>
  </si>
  <si>
    <t>【杭州嘉隆】热力膨胀阀\JAL23Y832\JL-ACB1467</t>
  </si>
  <si>
    <t>【杭州嘉隆】热力膨胀阀\JAL36A981\JL-ACB1466</t>
  </si>
  <si>
    <t>【杭州嘉隆】热力膨胀阀\JAL37A983\JL-ACB1465</t>
  </si>
  <si>
    <t>【杭州嘉隆】热力膨胀阀\JAL37B563\JL-ACB1464</t>
  </si>
  <si>
    <t>【杭州嘉隆】风冷冷凝换热器\45NAm3/min\JL-ABC1097</t>
  </si>
  <si>
    <t>【杭州嘉隆】分子筛\A510 918\JL-ABB1097</t>
  </si>
  <si>
    <t>【杭州嘉隆】分子筛\JAL-45\JL-ABB1096</t>
  </si>
  <si>
    <t>【杭州嘉隆】分子筛\JAL31A230\JL-ABB1095</t>
  </si>
  <si>
    <t>【杭州嘉隆】分液头\JAL-60M\JL-AAX1094</t>
  </si>
  <si>
    <t>【杭州嘉隆】定制型冷压缩机\JAL23A802\JL-ACL1747</t>
  </si>
  <si>
    <t>【杭州嘉隆】定制型制冷剂\JAL-60M\JL-ACL1746</t>
  </si>
  <si>
    <t>【杭州嘉隆】定制型制冷剂\JRL-60NW\JL-ACL1745</t>
  </si>
  <si>
    <t>【杭州嘉隆】定制型压缩机\JAL-45\JL-ACL1744</t>
  </si>
  <si>
    <t>【杭州嘉隆】定制型压缩机\JAL-45MR\JL-ACL1743</t>
  </si>
  <si>
    <t>【杭州嘉隆】定制型压缩机\GMCWNH345\JL-ACL1742</t>
  </si>
  <si>
    <t>【杭州嘉隆】定制型压缩机\JAL-902-09\JL-ACL1741</t>
  </si>
  <si>
    <t>【杭州嘉隆】定制型气动蝶阀(小)\JAL-60M\JL-ACL1740</t>
  </si>
  <si>
    <t>【杭州嘉隆】定制型气动蝶阀(大)\JAL-60M\JL-ACL1739</t>
  </si>
  <si>
    <t>【杭州嘉隆】环保专用制冷剂\JLCWNW2450\JL-ACL1738</t>
  </si>
  <si>
    <t>【杭州嘉隆】预冷蒸发器\GMCWNH345\JL-ACK1737</t>
  </si>
  <si>
    <t>【杭州嘉隆】预冷蒸发器\JAL-08-90\JL-ACK1736</t>
  </si>
  <si>
    <t>【杭州嘉隆】预冷蒸发器\JLCWNH2100\JL-ACK1735</t>
  </si>
  <si>
    <t>【杭州嘉隆】油水分离器\JLCWNW2450\JL-ACK1734</t>
  </si>
  <si>
    <t>【杭州嘉隆】油水分离器\JRL-160NW\JL-ACK1733</t>
  </si>
  <si>
    <t>【杭州嘉隆】油水分离器\JLCWNH2100\JL-ACK1732</t>
  </si>
  <si>
    <t>【杭州嘉隆】油分离器\A310 851102\JL-ACK1731</t>
  </si>
  <si>
    <t>【杭州嘉隆】油分离器\A310 851101\JL-ACK1730</t>
  </si>
  <si>
    <t>【杭州嘉隆】油分离器\JAL-45\JL-ACK1729</t>
  </si>
  <si>
    <t>【杭州嘉隆】油分离器\JAL-45MR\JL-ACK1728</t>
  </si>
  <si>
    <t>【杭州嘉隆】油分离器\JAL-70MR\JL-ACK1727</t>
  </si>
  <si>
    <t>【杭州嘉隆】油分离器\GMCWNH345\JL-ACK1726</t>
  </si>
  <si>
    <t>【杭州嘉隆】油分离器\JAL-70MW\JL-ACK1725</t>
  </si>
  <si>
    <t>【杭州嘉隆】油分离器\GMCWNH375\JL-ACK1724</t>
  </si>
  <si>
    <t>【杭州嘉隆】油分离器\JAL-80MF\JL-ACK1723</t>
  </si>
  <si>
    <t>【杭州嘉隆】油分离器\JLCWNH2800\JL-ACK1722</t>
  </si>
  <si>
    <t>【杭州嘉隆】扩散器\JAL-50M\JL-ABP1260</t>
  </si>
  <si>
    <t>【杭州嘉隆】扩散器\JAL27D427\JL-ABP1259</t>
  </si>
  <si>
    <t>【杭州嘉隆】扩散器\JAL27L199\JL-ABP1258</t>
  </si>
  <si>
    <t>【杭州嘉隆】扩散器\JAL23M123\JL-ABP1257</t>
  </si>
  <si>
    <t>【杭州嘉隆】扩散器\JAL27A195\JL-ABP1256</t>
  </si>
  <si>
    <t>【杭州嘉隆】扩散器\JAL27M195\JL-ABP1255</t>
  </si>
  <si>
    <t>【杭州嘉隆】扩散器\JAL37M146\JL-ABP1254</t>
  </si>
  <si>
    <t>【杭州嘉隆】扩散器\JAL-60M\JL-ABP1253</t>
  </si>
  <si>
    <t>【杭州嘉隆】扩散器\JLCWNW2450\JL-ABP1252</t>
  </si>
  <si>
    <t>【杭州嘉隆】控制模块\A910 802\JL-ABO1251</t>
  </si>
  <si>
    <t>【杭州嘉隆】控制模块\A910 799\JL-ABO1250</t>
  </si>
  <si>
    <t>【杭州嘉隆】控制模块\A910 79804\JL-ABO1249</t>
  </si>
  <si>
    <t>【杭州嘉隆】控制模块\A910 79803\JL-ABO1248</t>
  </si>
  <si>
    <t>【杭州嘉隆】控制模块\A910 79802\JL-ABO1247</t>
  </si>
  <si>
    <t>【杭州嘉隆】控制模块\A910 79801\JL-ABO1246</t>
  </si>
  <si>
    <t>【杭州嘉隆】空气压力表\JAL-50M\JL-ABN1245</t>
  </si>
  <si>
    <t>【杭州嘉隆】定制型气动阀门\JAL-50MS\JL-ABN1244</t>
  </si>
  <si>
    <t>【杭州嘉隆】进气程控阀执行器\JLCWNH2100\JL-ABN1243</t>
  </si>
  <si>
    <t>【杭州嘉隆】进气程控阀阀体\JLCWNH2100\JL-ABN1242</t>
  </si>
  <si>
    <t>【杭州嘉隆】定制型气缸阀\JAL6MFWG\JL-ABN1241</t>
  </si>
  <si>
    <t>【杭州嘉隆】定制气动蝶阀\JAL-45MR\JL-ABN1240</t>
  </si>
  <si>
    <t>【杭州嘉隆】定制气动蝶阀\JAL-45MR\JL-ABN1239</t>
  </si>
  <si>
    <t>【杭州嘉隆】定制气动蝶阀\JAL23A318\JL-ABN1238</t>
  </si>
  <si>
    <t>【杭州嘉隆】定制气动蝶阀\JAL231A523\JL-ABN1237</t>
  </si>
  <si>
    <t>【杭州嘉隆】减压阀\JLCWNW2450\JL-ABN1236</t>
  </si>
  <si>
    <t>【杭州嘉隆】加热器组件\GMCWNH345\JL-ABM1235</t>
  </si>
  <si>
    <t>【杭州嘉隆】加热器组件\GMCWNH375\JL-ABM1234</t>
  </si>
  <si>
    <t>【杭州嘉隆】加热器组件\JAL-80MF\JL-ABM1233</t>
  </si>
  <si>
    <t>【杭州嘉隆】加热器组件\JLCWNH2800\JL-ABM1232</t>
  </si>
  <si>
    <t>【杭州嘉隆】加热器组件\JLCWNW2450\JL-ABM1231</t>
  </si>
  <si>
    <t>【杭州嘉隆】加热器组件\JAL-311-912\JL-ABM1230</t>
  </si>
  <si>
    <t>【杭州嘉隆】加热器芯\GMCWNH375\JL-ABM1229</t>
  </si>
  <si>
    <t>【杭州嘉隆】加热器芯\JAL-80MF\JL-ABM1228</t>
  </si>
  <si>
    <t>【杭州嘉隆】油分离器\JLCWNW2450\JL-ACK1721</t>
  </si>
  <si>
    <t>【杭州嘉隆】油分离器\JAL-50MS\JL-ACK1720</t>
  </si>
  <si>
    <t>【杭州嘉隆】油分离器\JAL-50M\JL-ACK1719</t>
  </si>
  <si>
    <t>【杭州嘉隆】油分离器\JAL-70M\JL-ACK1718</t>
  </si>
  <si>
    <t>【杭州嘉隆】油分离器\JAL64YN092\JL-ACK1717</t>
  </si>
  <si>
    <t>【杭州嘉隆】油分离器\JAL-716-40\JL-ACK1716</t>
  </si>
  <si>
    <t>【杭州嘉隆】油分离器\JAL93YN087\JL-ACK1715</t>
  </si>
  <si>
    <t>【杭州嘉隆】油分离器\JAL23YN087\JL-ACK1714</t>
  </si>
  <si>
    <t>【杭州嘉隆】油分离器\JAL64B092\JL-ACK1713</t>
  </si>
  <si>
    <t>【杭州嘉隆】油分离器\JAL-60M\JL-ACK1712</t>
  </si>
  <si>
    <t>【杭州嘉隆】油分离器\JRL-60NW\JL-ACK1711</t>
  </si>
  <si>
    <t>【杭州嘉隆】液-气混合头\JAL-50MS\JL-ACJ1710</t>
  </si>
  <si>
    <t>【杭州嘉隆】液-气混合头\JRL-160NW\JL-ACJ1709</t>
  </si>
  <si>
    <t>【杭州嘉隆】液-气混合头\JLCWNW2450\JL-ACJ1708</t>
  </si>
  <si>
    <t>【杭州嘉隆】液-气混合头\JAL-60M\JL-ACJ1707</t>
  </si>
  <si>
    <t>【杭州嘉隆】压缩机\A310 852108\JL-ACJ1706</t>
  </si>
  <si>
    <t>【杭州嘉隆】压缩机\A310 852107\JL-ACJ1705</t>
  </si>
  <si>
    <t>【杭州嘉隆】压缩机\A310 852106\JL-ACJ1704</t>
  </si>
  <si>
    <t>【杭州嘉隆】压缩机\A310 852105\JL-ACJ1703</t>
  </si>
  <si>
    <t>【杭州嘉隆】压缩机\MT-8.0HP4ACE\JL-ACJ1702</t>
  </si>
  <si>
    <t>【杭州嘉隆】压缩机\A310 852103\JL-ACJ1701</t>
  </si>
  <si>
    <t>【杭州嘉隆】压缩机\A310 852102\JL-ACJ1700</t>
  </si>
  <si>
    <t>【杭州嘉隆】压缩机\A310 852101\JL-ACJ1699</t>
  </si>
  <si>
    <t>【杭州嘉隆】压缩机\A310 852109\JL-ACJ1698</t>
  </si>
  <si>
    <t>【杭州嘉隆】压缩机\JLCWNW2450\JL-ACJ1697</t>
  </si>
  <si>
    <t>【杭州嘉隆】压缩机\GMCWNH375\JL-ACJ1696</t>
  </si>
  <si>
    <t>【杭州嘉隆】压缩机\JAL-80MF\JL-ACJ1695</t>
  </si>
  <si>
    <t>【杭州嘉隆】压缩机\JLCWNH2800\JL-ACJ1694</t>
  </si>
  <si>
    <t>【杭州嘉隆】压缩机\JAL6MFWG\JL-ACJ1693</t>
  </si>
  <si>
    <t>【杭州嘉隆】压缩机\JLCWNH2100\JL-ACJ1692</t>
  </si>
  <si>
    <t>【杭州嘉隆】压力控制器\JLCWNH2100\JL-ACI1691</t>
  </si>
  <si>
    <t>【杭州嘉隆】压力控制器\JLCWNH2100\JL-ACI1690</t>
  </si>
  <si>
    <t>【杭州嘉隆】压力控制器\JAL-45MR\JL-ACI1689</t>
  </si>
  <si>
    <t>【杭州嘉隆】加热器芯\JLCWNH2800\JL-ABM1227</t>
  </si>
  <si>
    <t>【杭州嘉隆】加热器芯\JLCWNW2450\JL-ABM1226</t>
  </si>
  <si>
    <t>【杭州嘉隆】加热管\A510 92401\JL-ABM1225</t>
  </si>
  <si>
    <t>【杭州嘉隆】加热管\A510 92403\JL-ABM1224</t>
  </si>
  <si>
    <t>【杭州嘉隆】加热管\JAL-70M\JL-ABM1223</t>
  </si>
  <si>
    <t>【杭州嘉隆】加热管\JAL-50MS\JL-ABM1222</t>
  </si>
  <si>
    <t>【杭州嘉隆】加热管\JLCWNH2100\JL-ABM1221</t>
  </si>
  <si>
    <t>【杭州嘉隆】加料器\JAL-60M\JL-ABM1220</t>
  </si>
  <si>
    <t>【杭州嘉隆】加料器\JLCWNW2450\JL-ABM1219</t>
  </si>
  <si>
    <t>【杭州嘉隆】活塞切断阀\DN80 PN16\JL-ABL1218</t>
  </si>
  <si>
    <t>【杭州嘉隆】活塞切断阀\DN100 PN16\JL-ABL1217</t>
  </si>
  <si>
    <t>【杭州嘉隆】活塞切断阀\DN100 PN16\JL-ABL1216</t>
  </si>
  <si>
    <t>【杭州嘉隆】换热器\JAL-60M\JL-ABL1215</t>
  </si>
  <si>
    <t>【杭州嘉隆】后置过滤器滤芯\JRL-160NW\JL-ABL1214</t>
  </si>
  <si>
    <t>【杭州嘉隆】后置除尘滤芯\JAL-60M\JL-ABL1213</t>
  </si>
  <si>
    <t>【杭州嘉隆】后置除尘滤芯\JRL-60NW\JL-ABL1212</t>
  </si>
  <si>
    <t>【杭州嘉隆】后置除尘过滤器滤芯\JLCWNW2450\JL-ABL1211</t>
  </si>
  <si>
    <t>【杭州嘉隆】CPU\JRL-160NW\JL-ABK1210</t>
  </si>
  <si>
    <t>【杭州嘉隆】过滤球阀\JAL-50M\JL-ABK1209</t>
  </si>
  <si>
    <t>【杭州嘉隆】过滤减压阀\1/4" 0.4Mpa\JL-ABK1208</t>
  </si>
  <si>
    <t>【杭州嘉隆】过滤减压阀\JAL-70MW\JL-ABK1207</t>
  </si>
  <si>
    <t>【杭州嘉隆】过滤减压阀\JAL-80MF\JL-ABK1206</t>
  </si>
  <si>
    <t>【杭州嘉隆】过滤减压阀\JLCWNH2800\JL-ABK1205</t>
  </si>
  <si>
    <t>【杭州嘉隆】过滤减压阀\GMCWNH375\JL-ABK1204</t>
  </si>
  <si>
    <t>【杭州嘉隆】过滤减压阀\JAL6MFWG\JL-ABK1203</t>
  </si>
  <si>
    <t>【杭州嘉隆】过滤减压阀\JLCWNW2450\JL-ABK1202</t>
  </si>
  <si>
    <t>【杭州嘉隆】过滤减压阀\JAL-50MS\JL-ABK1201</t>
  </si>
  <si>
    <t>【杭州嘉隆】过滤减压阀\JAL-50M\JL-ABK1200</t>
  </si>
  <si>
    <t>【杭州嘉隆】过滤减压阀\JAL-50M\JL-ABK1199</t>
  </si>
  <si>
    <t>【杭州嘉隆】过滤减压阀\JWL-20\JL-ABK1198</t>
  </si>
  <si>
    <t>【杭州嘉隆】过滤减压阀\JAL-70M\JL-ABK1197</t>
  </si>
  <si>
    <t>【杭州嘉隆】过滤减压阀\JHL-40M\JL-ABK1196</t>
  </si>
  <si>
    <t>【杭州嘉隆】过滤减压阀\JAL33K632\JL-ABK1195</t>
  </si>
  <si>
    <t>【杭州嘉隆】压力控制器\JAL-45MR\JL-ACI1688</t>
  </si>
  <si>
    <t>【杭州嘉隆】压力控制器\JAL-70MR\JL-ACI1687</t>
  </si>
  <si>
    <t>【杭州嘉隆】压力控制器\JAL-70MR\JL-ACI1686</t>
  </si>
  <si>
    <t>【杭州嘉隆】压力控制器\JAL-70MW\JL-ACI1685</t>
  </si>
  <si>
    <t>【杭州嘉隆】压力控制器\JAL-70MW\JL-ACI1684</t>
  </si>
  <si>
    <t>【杭州嘉隆】压力控制器\JAL-50M\JL-ACI1683</t>
  </si>
  <si>
    <t>【杭州嘉隆】压力控制器\JAL-70M\JL-ACI1682</t>
  </si>
  <si>
    <t>【杭州嘉隆】压力控制器\JAL-50M\JL-ACI1681</t>
  </si>
  <si>
    <t>【杭州嘉隆】压力控制器\JAL-70M\JL-ACI1680</t>
  </si>
  <si>
    <t>【杭州嘉隆】压力控制器\JAL23A773\JL-ACI1679</t>
  </si>
  <si>
    <t>【杭州嘉隆】压力控制器\JAL27FE217\JL-ACI1678</t>
  </si>
  <si>
    <t>【杭州嘉隆】压力控制器\JAL46A738\JL-ACI1677</t>
  </si>
  <si>
    <t>【杭州嘉隆】压力控制器\JAL46FE222\JL-ACI1676</t>
  </si>
  <si>
    <t>【杭州嘉隆】压力控制器\JAL36A767\JL-ACI1675</t>
  </si>
  <si>
    <t>【杭州嘉隆】压力控制器\JAL36FE242\JL-ACI1674</t>
  </si>
  <si>
    <t>【杭州嘉隆】定制型压差表\0.1-3.8MPa 轴向\JL-ACH1673</t>
  </si>
  <si>
    <t>【杭州嘉隆】定制型压差表\0.1-1.8MPa 轴向\JL-ACH1672</t>
  </si>
  <si>
    <t>【杭州嘉隆】定制型压差表\JLCWNW2450\JL-ACH1671</t>
  </si>
  <si>
    <t>【杭州嘉隆】定制型压差表\JLCWNW2450\JL-ACH1670</t>
  </si>
  <si>
    <t>【杭州嘉隆】定制型压差表\JAL-80MF\JL-ACH1669</t>
  </si>
  <si>
    <t>【杭州嘉隆】定制型压差表\JLCWNH2800\JL-ACH1668</t>
  </si>
  <si>
    <t>【杭州嘉隆】定制型压差表\JAL6MFWG\JL-ACH1667</t>
  </si>
  <si>
    <t>【杭州嘉隆】定制型压差表\GMCWNH375\JL-ACH1666</t>
  </si>
  <si>
    <t>【杭州嘉隆】定制型压差表\JAL-80MF\JL-ACH1665</t>
  </si>
  <si>
    <t>【杭州嘉隆】定制型压差表\JLCWNH2800\JL-ACH1664</t>
  </si>
  <si>
    <t>【杭州嘉隆】定制型压差表\JAL6MFWG\JL-ACH1663</t>
  </si>
  <si>
    <t>【杭州嘉隆】定制型压差表\GMCWNH375\JL-ACH1662</t>
  </si>
  <si>
    <t>【杭州嘉隆】定制型压差表\JLCWNW2450\JL-ACH1661</t>
  </si>
  <si>
    <t>【杭州嘉隆】新型组合吸附剂\JAL-20-85\JL-ACJ1660</t>
  </si>
  <si>
    <t>【杭州嘉隆】新型干燥过滤器\JAL-20-85\JL-ACJ1659</t>
  </si>
  <si>
    <t>【杭州嘉隆】定制型消声器\JAL-45\JL-ACJ1658</t>
  </si>
  <si>
    <t>【杭州嘉隆】定制型消声器\JAL-45MR\JL-ACJ1657</t>
  </si>
  <si>
    <t>【杭州嘉隆】过滤减压阀\JAL-60M\JL-ABK1194</t>
  </si>
  <si>
    <t>【杭州嘉隆】过滤减压阀\JLCWNH2100\JL-ABK1193</t>
  </si>
  <si>
    <t>【杭州嘉隆】灌充阀\A310 8507\JL-ABJ1192</t>
  </si>
  <si>
    <t>【杭州嘉隆】灌充阀\GMCWNH345\JL-ABJ1191</t>
  </si>
  <si>
    <t>【杭州嘉隆】灌充阀\JLCWNH2800\JL-ABJ1190</t>
  </si>
  <si>
    <t>【杭州嘉隆】灌充阀\GMCWNH375\JL-ABJ1189</t>
  </si>
  <si>
    <t>【杭州嘉隆】灌充阀\JAL6MFWG\JL-ABJ1188</t>
  </si>
  <si>
    <t>【杭州嘉隆】灌充阀\JLCWNW2450\JL-ABJ1187</t>
  </si>
  <si>
    <t>【杭州嘉隆】灌充阀\JAL-80MF\JL-ABJ1186</t>
  </si>
  <si>
    <t>【杭州嘉隆】灌充阀\JAL-50MS\JL-ABJ1185</t>
  </si>
  <si>
    <t>【杭州嘉隆】灌充阀\PEXC-052\JL-ABJ1184</t>
  </si>
  <si>
    <t>【杭州嘉隆】高压压力表\JAL-70M\JL-ABI1183</t>
  </si>
  <si>
    <t>【杭州嘉隆】高压压力表\JAL-50M\JL-ABI1182</t>
  </si>
  <si>
    <t>【杭州嘉隆】高压控制器\A310 8505\JL-ABI1181</t>
  </si>
  <si>
    <t>【杭州嘉隆】高压控制器\JAL-80MF\JL-ABI1180</t>
  </si>
  <si>
    <t>【杭州嘉隆】高压控制器\JLCWNH2800\JL-ABI1179</t>
  </si>
  <si>
    <t>【杭州嘉隆】高压控制器\GMCWNH375\JL-ABI1178</t>
  </si>
  <si>
    <t>【杭州嘉隆】高压控制器\JAL6MFWG\JL-ABI1177</t>
  </si>
  <si>
    <t>【杭州嘉隆】高压控制器\JLCWNW2450\JL-ABI1176</t>
  </si>
  <si>
    <t>【杭州嘉隆】高压控制器\JAL-70M\JL-ABI1175</t>
  </si>
  <si>
    <t>【杭州嘉隆】高压控制器\JRL-160NW\JL-ABI1174</t>
  </si>
  <si>
    <t>【杭州嘉隆】高压控制器\JLCWNW2450\JL-ABI1173</t>
  </si>
  <si>
    <t>【杭州嘉隆】高压储液器\A310 8519\JL-ABH1172</t>
  </si>
  <si>
    <t>【杭州嘉隆】高压储液器\JAL-45\JL-ABH1171</t>
  </si>
  <si>
    <t>【杭州嘉隆】高压储液器\GMCWNH345\JL-ABH1170</t>
  </si>
  <si>
    <t>【杭州嘉隆】高压储液器\JLCWNH2800\JL-ABH1169</t>
  </si>
  <si>
    <t>【杭州嘉隆】高压储液器\GMCWNH375\JL-ABH1168</t>
  </si>
  <si>
    <t>【杭州嘉隆】高压储液器\JAL-80MF\JL-ABH1167</t>
  </si>
  <si>
    <t>【杭州嘉隆】高压储液器\JAL-52-02\JL-ABH1166</t>
  </si>
  <si>
    <t>【杭州嘉隆】高压储液器\JAL53B020\JL-ABH1165</t>
  </si>
  <si>
    <t>【杭州嘉隆】高压储液器\JLCWNW2450\JL-ABH1164</t>
  </si>
  <si>
    <t>【杭州嘉隆】高压储液器\JAL-60M\JL-ABH1163</t>
  </si>
  <si>
    <t>【杭州嘉隆】高压储液器\JRL-60NW\JL-ABH1162</t>
  </si>
  <si>
    <t>【杭州嘉隆】定制型消声器\JAL-70MR\JL-ACJ1656</t>
  </si>
  <si>
    <t>【杭州嘉隆】定制型消声器\JAL-120MW\JL-ACJ1655</t>
  </si>
  <si>
    <t>【杭州嘉隆】定制型消声器\JHL-40MR\JL-ACJ1654</t>
  </si>
  <si>
    <t>【杭州嘉隆】定制型消声器\JAL-70MW\JL-ACJ1653</t>
  </si>
  <si>
    <t>【杭州嘉隆】定制型消声器\JAL29A758\JL-ACJ1652</t>
  </si>
  <si>
    <t>【杭州嘉隆】定制型消声器\JAL29A758\JL-ACJ1651</t>
  </si>
  <si>
    <t>【杭州嘉隆】定制型消声器\JAL29E756\JL-ACJ1650</t>
  </si>
  <si>
    <t>【杭州嘉隆】定制型消声器\JAL38A718\JL-ACJ1649</t>
  </si>
  <si>
    <t>【杭州嘉隆】定制型消声器\JAL29R757\JL-ACJ1648</t>
  </si>
  <si>
    <t>【杭州嘉隆】定制型消声器\JAL23A732\JL-ACJ1647</t>
  </si>
  <si>
    <t>【杭州嘉隆】定制型消声器\JLCWNH2100\JL-ACJ1646</t>
  </si>
  <si>
    <t>【杭州嘉隆】定制型消声器\DN40\JL-ACJ1645</t>
  </si>
  <si>
    <t>【杭州嘉隆】定制型消声器\JAL28A572\JL-ACJ1644</t>
  </si>
  <si>
    <t>【杭州嘉隆】定制型消声器\JAL29A758\JL-ACJ1643</t>
  </si>
  <si>
    <t>【杭州嘉隆】定制型消声器\JLCWNH2800\JL-ACJ1642</t>
  </si>
  <si>
    <t>【杭州嘉隆】定制型消声器\GMCWNH375\JL-ACJ1641</t>
  </si>
  <si>
    <t>【杭州嘉隆】定制型消声器\JAL-80MF\JL-ACJ1640</t>
  </si>
  <si>
    <t>【杭州嘉隆】定制型消声器\JAL6MFWG\JL-ACJ1639</t>
  </si>
  <si>
    <t>【杭州嘉隆】定制型消声器\JLCWNW2450\JL-ACJ1638</t>
  </si>
  <si>
    <t>【杭州嘉隆】定制型消声器\JAL-50MS\JL-ACJ1637</t>
  </si>
  <si>
    <t>【杭州嘉隆】定制型消声器\JAL-70M\JL-ACJ1636</t>
  </si>
  <si>
    <t>【杭州嘉隆】定制型消声器\JAL-50M\JL-ACJ1635</t>
  </si>
  <si>
    <t>【杭州嘉隆】定制型消声器\JAL-50M\JL-ACJ1634</t>
  </si>
  <si>
    <t>【杭州嘉隆】定制型消声器\JHL-40M\JL-ACJ1633</t>
  </si>
  <si>
    <t>【杭州嘉隆】定制型消声器\JWL-20\JL-ACJ1632</t>
  </si>
  <si>
    <t>【杭州嘉隆】定制型消声器\JAL-60M\JL-ACJ1631</t>
  </si>
  <si>
    <t>【杭州嘉隆】定制型消声器\JLCWNW2450\JL-ACJ1630</t>
  </si>
  <si>
    <t>【杭州嘉隆】显示器(含设备运行程序)\JAL-60M\JL-ACI1629</t>
  </si>
  <si>
    <t>【杭州嘉隆】显示屏\JAL-70M\JL-ACI1628</t>
  </si>
  <si>
    <t>【杭州嘉隆】显示面板\A310 8518\JL-ACI1627</t>
  </si>
  <si>
    <t>【杭州嘉隆】先导阀\A510 90804\JL-ACI1626</t>
  </si>
  <si>
    <t>【杭州嘉隆】先导阀\A510 90803\JL-ACI1625</t>
  </si>
  <si>
    <t>【杭州嘉隆】高效蒸发器\GMCWNH345\JL-ABG1161</t>
  </si>
  <si>
    <t>【杭州嘉隆】高效蒸发器\GMCWNH375\JL-ABG1160</t>
  </si>
  <si>
    <t>【杭州嘉隆】高效蒸发器\JLCWNH2800\JL-ABG1159</t>
  </si>
  <si>
    <t>【杭州嘉隆】高效蒸发器\JAL-80MF\JL-ABG1158</t>
  </si>
  <si>
    <t>【杭州嘉隆】高效蒸发器\JAL6MFWG\JL-ABG1157</t>
  </si>
  <si>
    <t>【杭州嘉隆】高效蒸发器\JLCWNW2450\JL-ABG1156</t>
  </si>
  <si>
    <t>【杭州嘉隆】高效蒸发器\JAL-286-68\JL-ABG1155</t>
  </si>
  <si>
    <t>【杭州嘉隆】高效冷凝器\GMCWNH345\JL-ABG1154</t>
  </si>
  <si>
    <t>【杭州嘉隆】高效冷凝器\JLCWNH2800\JL-ABG1153</t>
  </si>
  <si>
    <t>【杭州嘉隆】高效冷凝器\GMCWNH375\JL-ABG1152</t>
  </si>
  <si>
    <t>【杭州嘉隆】高效冷凝器\JAL6MFWG\JL-ABG1151</t>
  </si>
  <si>
    <t>【杭州嘉隆】高效冷凝器\JAL-80MF\JL-ABG1150</t>
  </si>
  <si>
    <t>【杭州嘉隆】高效冷凝器\JAL-732-71\JL-ABG1149</t>
  </si>
  <si>
    <t>【杭州嘉隆】干燥机专用蒸发器\JAL-45MR\JL-ABF1148</t>
  </si>
  <si>
    <t>【杭州嘉隆】干燥机专用蒸发器\JAL-70MR\JL-ABF1147</t>
  </si>
  <si>
    <t>【杭州嘉隆】干燥机专用蒸发器\JAL-70MW\JL-ABF1146</t>
  </si>
  <si>
    <t>【杭州嘉隆】干燥机专用蒸发器\JAL53U357\JL-ABF1145</t>
  </si>
  <si>
    <t>【杭州嘉隆】干燥机专用蒸发器\JAL23U332\JL-ABF1144</t>
  </si>
  <si>
    <t>【杭州嘉隆】干燥机专用蒸发器\JAL92U357\JL-ABF1143</t>
  </si>
  <si>
    <t>【杭州嘉隆】干燥机专用冷冻油\JLCWNH2100\JL-ABF1142</t>
  </si>
  <si>
    <t>【杭州嘉隆】干燥机蒸发器\JAL-45\JL-ABF1141</t>
  </si>
  <si>
    <t>【杭州嘉隆】干燥机蒸发器\JAL51B821\JL-ABF1140</t>
  </si>
  <si>
    <t>【杭州嘉隆】干燥机切换阀气缸阀体\JAL41A896\JL-ABF1139</t>
  </si>
  <si>
    <t>【杭州嘉隆】干燥机切换阀阀体\JAL40A782\JL-ABF1138</t>
  </si>
  <si>
    <t>【杭州嘉隆】干燥机蝶阀\JRL-160NW\JL-ABF1137</t>
  </si>
  <si>
    <t>【杭州嘉隆】干燥过滤器\A310 851005\JL-ABE1136</t>
  </si>
  <si>
    <t>【杭州嘉隆】干燥过滤器\Φ76*110mm\JL-ABE1135</t>
  </si>
  <si>
    <t>【杭州嘉隆】干燥过滤器\A310 851003\JL-ABE1134</t>
  </si>
  <si>
    <t>【杭州嘉隆】干燥过滤器\A310 851002\JL-ABE1133</t>
  </si>
  <si>
    <t>【杭州嘉隆】干燥过滤器\A310 851001\JL-ABE1132</t>
  </si>
  <si>
    <t>【杭州嘉隆】干燥过滤器\JAL-45\JL-ABE1131</t>
  </si>
  <si>
    <t>【杭州嘉隆】干燥过滤器\JAL-45MR\JL-ABE1130</t>
  </si>
  <si>
    <t>【杭州嘉隆】先导阀\A510 90802\JL-ACI1624</t>
  </si>
  <si>
    <t>【杭州嘉隆】先导阀\A510 90801\JL-ACI1623</t>
  </si>
  <si>
    <t>【杭州嘉隆】先导电磁阀\JLCWNH2100\JL-ACI1622</t>
  </si>
  <si>
    <t>【杭州嘉隆】吸气过滤器\A310 850406\JL-ACI1621</t>
  </si>
  <si>
    <t>【杭州嘉隆】吸气过滤器\A310 850405\JL-ACI1620</t>
  </si>
  <si>
    <t>【杭州嘉隆】吸气过滤器\A310 850404\JL-ACI1619</t>
  </si>
  <si>
    <t>【杭州嘉隆】吸气过滤器\A310 850403\JL-ACI1618</t>
  </si>
  <si>
    <t>【杭州嘉隆】吸气过滤器\A310 850402\JL-ACI1617</t>
  </si>
  <si>
    <t>【杭州嘉隆】吸气过滤器\A310 850401\JL-ACI1616</t>
  </si>
  <si>
    <t>【杭州嘉隆】吸气过滤器\JAL-45\JL-ACI1615</t>
  </si>
  <si>
    <t>【杭州嘉隆】吸气过滤器\JAL47B953\JL-ACI1614</t>
  </si>
  <si>
    <t>【杭州嘉隆】吸气过滤器\JAL-60M\JL-ACI1613</t>
  </si>
  <si>
    <t>【杭州嘉隆】吸气过滤器\JRL-60NW\JL-ACI1612</t>
  </si>
  <si>
    <t>【杭州嘉隆】吸附剂\JAL-50MS\JL-ACI1611</t>
  </si>
  <si>
    <t>【杭州嘉隆】定制型显示器\JAL-45MR\JL-ACH1610</t>
  </si>
  <si>
    <t>【杭州嘉隆】定制型显示器\JAL-70MR\JL-ACH1609</t>
  </si>
  <si>
    <t>【杭州嘉隆】定制型显示器\JAL-70MW\JL-ACH1608</t>
  </si>
  <si>
    <t>【杭州嘉隆】定制型显示器\JAL-50M\JL-ACH1607</t>
  </si>
  <si>
    <t>【杭州嘉隆】定制型显示器\JAL3WQ\JL-ACH1606</t>
  </si>
  <si>
    <t>【杭州嘉隆】定制型显示器\JALXWQ\JL-ACH1605</t>
  </si>
  <si>
    <t>【杭州嘉隆】定制型显示器\JAL26WQ\JL-ACH1604</t>
  </si>
  <si>
    <t>【杭州嘉隆】定制型扩展模块\JAL-45MR\JL-ACH1603</t>
  </si>
  <si>
    <t>【杭州嘉隆】定制型扩展模块\JAL-70MR\JL-ACH1602</t>
  </si>
  <si>
    <t>【杭州嘉隆】定制型扩展模块\JAL-70MW\JL-ACH1601</t>
  </si>
  <si>
    <t>【杭州嘉隆】定制型扩展模块\JAL-50M\JL-ACH1600</t>
  </si>
  <si>
    <t>【杭州嘉隆】定制型扩展模块\JAL35D238\JL-ACH1599</t>
  </si>
  <si>
    <t>【杭州嘉隆】定制型扩展模块\JAL25D233\JL-ACH1598</t>
  </si>
  <si>
    <t>【杭州嘉隆】定制型扩展模块\JAL23D234\JL-ACH1597</t>
  </si>
  <si>
    <t>【杭州嘉隆】定制型控制器(PLC)\JAL-70MW\JL-ACH1596</t>
  </si>
  <si>
    <t>【杭州嘉隆】定制型控制器(PLC)\JAL-45MR\JL-ACH1595</t>
  </si>
  <si>
    <t>【杭州嘉隆】定制型控制器(PLC)\JAL-70MR\JL-ACH1594</t>
  </si>
  <si>
    <t>【杭州嘉隆】定制型控制器\JAL-50M\JL-ACH1593</t>
  </si>
  <si>
    <t>【杭州嘉隆】干燥过滤器\JAL-70MR\JL-ABE1129</t>
  </si>
  <si>
    <t>【杭州嘉隆】干燥过滤器\JAL-120MW\JL-ABE1128</t>
  </si>
  <si>
    <t>【杭州嘉隆】干燥过滤器\JAL-70MW\JL-ABE1127</t>
  </si>
  <si>
    <t>【杭州嘉隆】干燥过滤器\JLCWNH2800\JL-ABE1126</t>
  </si>
  <si>
    <t>【杭州嘉隆】干燥过滤器\JAL6MFWG\JL-ABE1125</t>
  </si>
  <si>
    <t>【杭州嘉隆】干燥过滤器\JAL-80MF\JL-ABE1124</t>
  </si>
  <si>
    <t>【杭州嘉隆】干燥过滤器\GMCWNH375\JL-ABE1123</t>
  </si>
  <si>
    <t>【杭州嘉隆】干燥过滤器\JLCWNW2450\JL-ABE1122</t>
  </si>
  <si>
    <t>【杭州嘉隆】干燥过滤器\JAL-70M\JL-ABE1121</t>
  </si>
  <si>
    <t>【杭州嘉隆】干燥过滤器\JAL-50M\JL-ABE1120</t>
  </si>
  <si>
    <t>【杭州嘉隆】干燥过滤器\JAL-50M\JL-ABE1119</t>
  </si>
  <si>
    <t>【杭州嘉隆】干燥过滤器\JAL-50MS\JL-ABE1118</t>
  </si>
  <si>
    <t>【杭州嘉隆】干燥过滤器\JAL41A251\JL-ABE1117</t>
  </si>
  <si>
    <t>【杭州嘉隆】干燥过滤器\JAL71C251\JL-ABE1116</t>
  </si>
  <si>
    <t>【杭州嘉隆】干燥过滤器\JAL23A217\JL-ABE1115</t>
  </si>
  <si>
    <t>【杭州嘉隆】干燥过滤器\JAL41B212\JL-ABE1114</t>
  </si>
  <si>
    <t>【杭州嘉隆】干燥过滤器\JAL31A253\JL-ABE1113</t>
  </si>
  <si>
    <t>【杭州嘉隆】干燥过滤器\JRL-160NW\JL-ABE1112</t>
  </si>
  <si>
    <t>【杭州嘉隆】干燥过滤器\JLCWNH2100\JL-ABE1111</t>
  </si>
  <si>
    <t>【杭州嘉隆】干燥过滤器\JAL-60M\JL-ABE1110</t>
  </si>
  <si>
    <t>【杭州嘉隆】干燥过滤器\JRL-60NW\JL-ABE1109</t>
  </si>
  <si>
    <t>【杭州嘉隆】浮球式自动排水器\JHL-40MR\JL-ABD1108</t>
  </si>
  <si>
    <t>【杭州嘉隆】浮球式自动排水器\JHL-40M\JL-ABD1107</t>
  </si>
  <si>
    <t>【杭州嘉隆】浮球式自动排水器\JAL-70M\JL-ABD1106</t>
  </si>
  <si>
    <t>【杭州嘉隆】浮球式自动排水器\JAL23Y870\JL-ABD1105</t>
  </si>
  <si>
    <t>【杭州嘉隆】浮球排水器\JAL-120MW\JL-ABD1104</t>
  </si>
  <si>
    <t>【杭州嘉隆】浮球排水器\JWL-20\JL-ABD1103</t>
  </si>
  <si>
    <t>【杭州嘉隆】浮球排水器\JAL21G011\JL-ABD1102</t>
  </si>
  <si>
    <t>【杭州嘉隆】风扇风机\A510 91302\JL-ABC1101</t>
  </si>
  <si>
    <t>【杭州嘉隆】风扇风机\A510 91301\JL-ABC1100</t>
  </si>
  <si>
    <t>【杭州嘉隆】风冷冷凝器\JAL-45\JL-ABC1099</t>
  </si>
  <si>
    <t>【杭州嘉隆】风冷冷凝器\JAL38B227\JL-ABC1098</t>
  </si>
  <si>
    <t>【杭州嘉隆】除尘过滤器滤芯\JLCWNH2100\JL-AAN0930</t>
  </si>
  <si>
    <t>【杭州嘉隆】出气口气动阀门\JAL-50MS\JL-AAM0921</t>
  </si>
  <si>
    <t>【杭州嘉隆】出口气缸阀\JAL6MFWG\JL-AAM0920</t>
  </si>
  <si>
    <t>【杭州嘉隆】程序控制器\JHL-40MR\JL-AAL0919</t>
  </si>
  <si>
    <t>【杭州嘉隆】程序控制器\JHL-40M\JL-AAL0918</t>
  </si>
  <si>
    <t>【杭州嘉隆】程序控制器\JAL24Q880\JL-AAL0917</t>
  </si>
  <si>
    <t>【杭州嘉隆】程控排污阀\JLCWNW2450\JL-AAL0916</t>
  </si>
  <si>
    <t>【杭州嘉隆】程控阀\A510 92202\JL-AAL0915</t>
  </si>
  <si>
    <t>【杭州嘉隆】程控阀\A510 92201\JL-AAL0914</t>
  </si>
  <si>
    <t>【杭州嘉隆】程控阀\A510 91506\JL-AAL0913</t>
  </si>
  <si>
    <t>【杭州嘉隆】程控阀\A510 91502\JL-AAL0912</t>
  </si>
  <si>
    <t>【杭州嘉隆】程控蝶阀阀体\A510 91102\JL-AAL0911</t>
  </si>
  <si>
    <t>【杭州嘉隆】程控蝶阀阀体\A510 91101\JL-AAL0910</t>
  </si>
  <si>
    <t>【杭州嘉隆】超强专用吸附剂组合\JLCWNW2450\JL-AAK0928</t>
  </si>
  <si>
    <t>【杭州嘉隆】超强专用吸附剂\A510 920\JL-AAK0927</t>
  </si>
  <si>
    <t>【杭州嘉隆】超强专用吸附剂\JAL-70MW\JL-AAK0926</t>
  </si>
  <si>
    <t>【杭州嘉隆】超强专用吸附剂\JAL-50M\JL-AAK0925</t>
  </si>
  <si>
    <t>【杭州嘉隆】超强专用吸附剂\JAL-50M\JL-AAK0924</t>
  </si>
  <si>
    <t>【杭州嘉隆】超强专用吸附剂\JWL-20\JL-AAK0923</t>
  </si>
  <si>
    <t>【杭州嘉隆】超强专用吸附剂\JAL-70M\JL-AAK0922</t>
  </si>
  <si>
    <t>【杭州嘉隆】超强专用吸附剂\JHL-40M\JL-AAK0921</t>
  </si>
  <si>
    <t>【杭州嘉隆】超强专用吸附剂\JAL18J892\JL-AAK0920</t>
  </si>
  <si>
    <t>【杭州嘉隆】超强专用吸附剂\JLCWNH2100\JL-AAK0919</t>
  </si>
  <si>
    <t>【杭州嘉隆】超强专用吸附剂\JAL-60M\JL-AAK0918</t>
  </si>
  <si>
    <t>【杭州嘉隆】超强分子吸附剂组合\GMCWNH345\JL-AAK0917</t>
  </si>
  <si>
    <t>【杭州嘉隆】定制型控制器\JAL3WZ\JL-ACH1592</t>
  </si>
  <si>
    <t>【杭州嘉隆】定制型控制器\JALXWZ\JL-ACH1591</t>
  </si>
  <si>
    <t>【杭州嘉隆】定制型控制器\JAL23WZ\JL-ACH1590</t>
  </si>
  <si>
    <t>【杭州嘉隆】文本显示器(含运行程序)\JRL-160NW\JL-ACH1589</t>
  </si>
  <si>
    <t>【杭州嘉隆】文本显示器(含运行程序)\JLCWNW2450\JL-ACH1588</t>
  </si>
  <si>
    <t>【杭州嘉隆】文本显示器\JAL-45\JL-ACH1587</t>
  </si>
  <si>
    <t>【杭州嘉隆】文本显示器\JAL-45MR\JL-ACH1586</t>
  </si>
  <si>
    <t>【杭州嘉隆】文本显示器\JAL-70MR\JL-ACH1585</t>
  </si>
  <si>
    <t>【杭州嘉隆】文本显示器\JAL-50M\JL-ACH1584</t>
  </si>
  <si>
    <t>【杭州嘉隆】文本显示器\JAL33h121\JL-ACH1583</t>
  </si>
  <si>
    <t>【杭州嘉隆】文本显示器\JL-D-003A-001\JL-ACH1582</t>
  </si>
  <si>
    <t>【杭州嘉隆】文本显示器\JAL23h16\JL-ACH1581</t>
  </si>
  <si>
    <t>【杭州嘉隆】温度数显仪\JRL-60NW\JL-ACG1580</t>
  </si>
  <si>
    <t>【杭州嘉隆】温度模块\JAL-45MR\JL-ACG1579</t>
  </si>
  <si>
    <t>【杭州嘉隆】温度模块\JAL-70MR\JL-ACG1578</t>
  </si>
  <si>
    <t>【杭州嘉隆】温度模块\JAL-70M\JL-ACG1577</t>
  </si>
  <si>
    <t>【杭州嘉隆】温度模块\JAL-50M\JL-ACG1576</t>
  </si>
  <si>
    <t>【杭州嘉隆】温度模块\JAL35RF235\JL-ACG1575</t>
  </si>
  <si>
    <t>【杭州嘉隆】温度模块\JAL23RF223\JL-ACG1574</t>
  </si>
  <si>
    <t>【杭州嘉隆】温度模块\JLCWNH2100\JL-ACG1573</t>
  </si>
  <si>
    <t>【杭州嘉隆】温度开关\JRL-160NW\JL-ACG1572</t>
  </si>
  <si>
    <t>【杭州嘉隆】温度传感器\JAL-45MR\JL-ACF1571</t>
  </si>
  <si>
    <t>【杭州嘉隆】温度传感器\JAL-45MR\JL-ACF1570</t>
  </si>
  <si>
    <t>【杭州嘉隆】温度传感器\JAL-70MR\JL-ACF1569</t>
  </si>
  <si>
    <t>【杭州嘉隆】温度传感器\JAL-60M\JL-ACF1568</t>
  </si>
  <si>
    <t>【杭州嘉隆】温度传感器\JAL-70MW\JL-ACF1567</t>
  </si>
  <si>
    <t>【杭州嘉隆】温度传感器\JAL-70MW\JL-ACF1566</t>
  </si>
  <si>
    <t>【杭州嘉隆】温度传感器\JAL-50M\JL-ACF1565</t>
  </si>
  <si>
    <t>【杭州嘉隆】温度传感器\JAL-50M\JL-ACF1564</t>
  </si>
  <si>
    <t>【杭州嘉隆】温度传感器\JAL-50M\JL-ACF1563</t>
  </si>
  <si>
    <t>【杭州嘉隆】温度传感器\JAL-50M\JL-ACF1562</t>
  </si>
  <si>
    <t>【杭州嘉隆】温度传感器\JAL-70M\JL-ACF1561</t>
  </si>
  <si>
    <t>【杭州嘉隆】超强分子吸附剂组合\JAL-34-12\JL-AAK0916</t>
  </si>
  <si>
    <t>【杭州嘉隆】超强分子吸附剂\JAL-80MF\JL-AAK0915</t>
  </si>
  <si>
    <t>【杭州嘉隆】超强分子吸附剂\JLCWNH2800\JL-AAK0914</t>
  </si>
  <si>
    <t>【杭州嘉隆】超强分子吸附剂\JAL6MFWG\JL-AAK0913</t>
  </si>
  <si>
    <t>【杭州嘉隆】超强分子吸附剂\GMCWNH375\JL-AAK0912</t>
  </si>
  <si>
    <t>【杭州嘉隆】超强分子吸附剂\JLCWNW2450\JL-AAK0911</t>
  </si>
  <si>
    <t>【杭州嘉隆】超级专用冷冻油\JAL68D385\JL-AAI0814</t>
  </si>
  <si>
    <t>【杭州嘉隆】超级专用冷冻油\JAL69D365\JL-AAI0813</t>
  </si>
  <si>
    <t>【杭州嘉隆】超级冷冻润滑油\JLCWNW2450\JL-AAI0812</t>
  </si>
  <si>
    <t>【杭州嘉隆】超级冷冻润滑油\JRL-160NW\JL-AAI0811</t>
  </si>
  <si>
    <t>【杭州嘉隆】常开气动蝶阀\JHL-40MR\JL-AAH0726</t>
  </si>
  <si>
    <t>【杭州嘉隆】常开气动蝶阀\JAL-70MW\JL-AAH0725</t>
  </si>
  <si>
    <t>【杭州嘉隆】常开气动蝶阀\JAL-70M\JL-AAH0724</t>
  </si>
  <si>
    <t>【杭州嘉隆】常开气动蝶阀\JAL-50M\JL-AAH0723</t>
  </si>
  <si>
    <t>【杭州嘉隆】常开气动蝶阀\JHL-40M\JL-AAH0722</t>
  </si>
  <si>
    <t>【杭州嘉隆】常开气动蝶阀\JAL21KU117\JL-AAH0721</t>
  </si>
  <si>
    <t>【杭州嘉隆】常开气动蝶阀\JAL21Q291\JL-AAH0720</t>
  </si>
  <si>
    <t>【杭州嘉隆】常开气动蝶阀\JLCWNH2100\JL-AAH0719</t>
  </si>
  <si>
    <t>【杭州嘉隆】常闭气动蝶阀\JHL-40MR\JL-AAH0718</t>
  </si>
  <si>
    <t>【杭州嘉隆】常闭气动蝶阀\JAL-70MW\JL-AAH0717</t>
  </si>
  <si>
    <t>【杭州嘉隆】常闭气动蝶阀\JAL-70M\JL-AAH0716</t>
  </si>
  <si>
    <t>【杭州嘉隆】常闭气动蝶阀\JAL-50M\JL-AAH0715</t>
  </si>
  <si>
    <t>【杭州嘉隆】常闭气动蝶阀\JHL-40M\JL-AAH0714</t>
  </si>
  <si>
    <t>【杭州嘉隆】常闭气动蝶阀\JAL21H090\JL-AAH0713</t>
  </si>
  <si>
    <t>【杭州嘉隆】常闭气动蝶阀\JAL21K369\JL-AAH0712</t>
  </si>
  <si>
    <t>【杭州嘉隆】常闭气动蝶阀\JLCWNH2100\JL-AAH0711</t>
  </si>
  <si>
    <t>【杭州嘉隆】板式水冷冷凝器\JAL-60M\JL-AAJ0631</t>
  </si>
  <si>
    <t>【杭州嘉隆】板式水冷冷凝器\JRL-60NW\JL-AAJ0630</t>
  </si>
  <si>
    <t>【杭州嘉隆】板式冷凝器\JAL-45MR\JL-AAJ0629</t>
  </si>
  <si>
    <t>【杭州嘉隆】板式冷凝器\JAL-70MR\JL-AAJ0628</t>
  </si>
  <si>
    <t>【杭州嘉隆】板式冷凝器\JAL-120MW\JL-AAJ0627</t>
  </si>
  <si>
    <t>【杭州嘉隆】温度传感器\JAL21C782\JL-ACF1560</t>
  </si>
  <si>
    <t>【杭州嘉隆】温度传感器\JAL32C359\JL-ACF1559</t>
  </si>
  <si>
    <t>【杭州嘉隆】温度传感器\JAL21C782\JL-ACF1558</t>
  </si>
  <si>
    <t>【杭州嘉隆】温度传感器\JAL21G834\JL-ACF1557</t>
  </si>
  <si>
    <t>【杭州嘉隆】温度传感器\JAL31G834\JL-ACF1556</t>
  </si>
  <si>
    <t>【杭州嘉隆】温度传感器\JAL32G358\JL-ACF1555</t>
  </si>
  <si>
    <t>【杭州嘉隆】温度传感器\JRL-160NW\JL-ACF1554</t>
  </si>
  <si>
    <t>【杭州嘉隆】温度传感器\JRL-160NW\JL-ACF1553</t>
  </si>
  <si>
    <t>【杭州嘉隆】温度传感器\JAL-60M\JL-ACF1552</t>
  </si>
  <si>
    <t>【杭州嘉隆】温度传感器\JLCWNH2100\JL-ACF1551</t>
  </si>
  <si>
    <t>【杭州嘉隆】温度传感器\JRL-60NW\JL-ACF1550</t>
  </si>
  <si>
    <t>【杭州嘉隆】维修包B21\GMCWNH345\JL-ACE1549</t>
  </si>
  <si>
    <t>【杭州嘉隆】维修包B21\JLCWNH2800\JL-ACE1548</t>
  </si>
  <si>
    <t>【杭州嘉隆】维修包B21\GMCWNH375\JL-ACE1547</t>
  </si>
  <si>
    <t>【杭州嘉隆】维修包B21\JLCWNW2450\JL-ACE1546</t>
  </si>
  <si>
    <t>【杭州嘉隆】维修包B21\JAL-80MF\JL-ACE1545</t>
  </si>
  <si>
    <t>【杭州嘉隆】维修包B21\JAL6MFWG\JL-ACE1544</t>
  </si>
  <si>
    <t>【杭州嘉隆】维修包B21\JAL-077\JL-ACE1543</t>
  </si>
  <si>
    <t>【杭州嘉隆】调节阀\15NW\JL-ACD1542</t>
  </si>
  <si>
    <t>【杭州嘉隆】水质过滤器\JAL-70MW\JL-ACD1541</t>
  </si>
  <si>
    <t>【杭州嘉隆】水质过滤器\JAL-50M\JL-ACD1540</t>
  </si>
  <si>
    <t>【杭州嘉隆】水质过滤器\JAL68DR230\JL-ACD1539</t>
  </si>
  <si>
    <t>【杭州嘉隆】水量调节阀\JAL-45MR\JL-ACD1538</t>
  </si>
  <si>
    <t>【杭州嘉隆】水量调节阀\JAL-70MR\JL-ACD1537</t>
  </si>
  <si>
    <t>【杭州嘉隆】水量调节阀\JAL-70MW\JL-ACD1536</t>
  </si>
  <si>
    <t>【杭州嘉隆】水量调节阀\JAL-50M\JL-ACD1535</t>
  </si>
  <si>
    <t>【杭州嘉隆】水量调节阀\JAL23A437\JL-ACD1534</t>
  </si>
  <si>
    <t>【杭州嘉隆】水量调节阀\JAL45A739\JL-ACD1533</t>
  </si>
  <si>
    <t>【杭州嘉隆】水量调节阀\JAL35A433\JL-ACD1532</t>
  </si>
  <si>
    <t>【杭州嘉隆】水量调节阀\JRL-160NW\JL-ACD1531</t>
  </si>
  <si>
    <t>【杭州嘉隆】水量调节阀\JLCWNH2100\JL-ACD1530</t>
  </si>
  <si>
    <t>【杭州嘉隆】水量调节阀\JLCWNW2450\JL-ACD1529</t>
  </si>
  <si>
    <t>【杭州嘉隆】水冷冷凝器\100NW\JL-ACC1528</t>
  </si>
  <si>
    <t>【杭州嘉隆】板式冷凝器\JAL-40MR\JL-AAJ0626</t>
  </si>
  <si>
    <t>【杭州嘉隆】板式冷凝器\JAL-70MW\JL-AAJ0625</t>
  </si>
  <si>
    <t>【杭州嘉隆】板式冷凝器\JAL-70M\JL-AAJ0624</t>
  </si>
  <si>
    <t>【杭州嘉隆】板式冷凝器\JAL-50M\JL-AAJ0623</t>
  </si>
  <si>
    <t>【杭州嘉隆】板式冷凝器\JAL-50M\JL-AAJ0622</t>
  </si>
  <si>
    <t>【杭州嘉隆】板式冷凝器\JAL31A237\JL-AAJ0621</t>
  </si>
  <si>
    <t>【杭州嘉隆】板式冷凝器\JAL31A232\JL-AAJ0620</t>
  </si>
  <si>
    <t>【杭州嘉隆】板式冷凝器\JAL41A230\JL-AAJ0619</t>
  </si>
  <si>
    <t>【杭州嘉隆】板式冷凝器\JAL31E232\JL-AAJ0618</t>
  </si>
  <si>
    <t>【杭州嘉隆】板式冷凝器\JAL23A232\JL-AAJ0617</t>
  </si>
  <si>
    <t>【杭州嘉隆】板式冷凝器\JLCWNH2100\JL-AAJ0616</t>
  </si>
  <si>
    <t>【杭州嘉隆】板式换热器\JAL-70MW\JL-AAJ0615</t>
  </si>
  <si>
    <t>【杭州嘉隆】板式换热器\JAL-50M\JL-AAJ0614</t>
  </si>
  <si>
    <t>【杭州嘉隆】板式换热器\JAL-70M\JL-AAJ0613</t>
  </si>
  <si>
    <t>【杭州嘉隆】板式换热器\JAL60A721\JL-AAJ0612</t>
  </si>
  <si>
    <t>【杭州嘉隆】板式换热器\JRL-60NW\JL-AAJ0611</t>
  </si>
  <si>
    <t>【杭州嘉隆】Y型过滤网\JLCWNW2450\JL-AAF0121</t>
  </si>
  <si>
    <t>【杭州嘉隆】Y型过滤网\JLCWNH2800\JL-AAF0120</t>
  </si>
  <si>
    <t>【杭州嘉隆】Y型过滤网\JAL6MFWG\JL-AAF0119</t>
  </si>
  <si>
    <t>【杭州嘉隆】Y型过滤网\GMCWNH375\JL-AAF0118</t>
  </si>
  <si>
    <t>【杭州嘉隆】Y型过滤网\JAL-80MF\JL-AAF0117</t>
  </si>
  <si>
    <t>【杭州嘉隆】Y型过滤球阀\A310 8514\JL-AAF0116</t>
  </si>
  <si>
    <t>【杭州嘉隆】Y型过滤球阀\JLCWNW2450\JL-AAF0115</t>
  </si>
  <si>
    <t>【杭州嘉隆】Y型过滤球阀\JAL-80MF\JL-AAF0114</t>
  </si>
  <si>
    <t>【杭州嘉隆】Y型过滤球阀\JLCWNH2800\JL-AAF0113</t>
  </si>
  <si>
    <t>【杭州嘉隆】Y型过滤球阀\JAL6MFWG\JL-AAF0112</t>
  </si>
  <si>
    <t>【杭州嘉隆】制冷压缩机\JAL54C803\JL-ACX1828</t>
  </si>
  <si>
    <t>【杭州嘉隆】制冷压缩机\JAL34A802\JL-ACX1827</t>
  </si>
  <si>
    <t>【杭州嘉隆】制冷剂\JAL-70MW\JL-ACW1826</t>
  </si>
  <si>
    <t>【杭州嘉隆】制冷剂\JLCWNH2800\JL-ACW1825</t>
  </si>
  <si>
    <t>【杭州嘉隆】制冷剂\GMCWNH375\JL-ACW1824</t>
  </si>
  <si>
    <t>【杭州嘉隆】制冷剂\JAL6MFWG\JL-ACW1823</t>
  </si>
  <si>
    <t>【杭州嘉隆】制冷剂\JAL-80MF\JL-ACW1822</t>
  </si>
  <si>
    <t>【杭州嘉隆】制冷剂\JLCWNW2450\JL-ACW1821</t>
  </si>
  <si>
    <t>【杭州嘉隆】制冷剂\JAL-50M\JL-ACW1820</t>
  </si>
  <si>
    <t>【杭州嘉隆】制冷剂\JAL-50M\JL-ACW1819</t>
  </si>
  <si>
    <t>【杭州嘉隆】制冷剂\JAL-70M\JL-ACW1818</t>
  </si>
  <si>
    <t>【杭州嘉隆】制冷剂\JAL-50MS\JL-ACW1817</t>
  </si>
  <si>
    <t>【杭州嘉隆】制冷剂\JAL71DH929\JL-ACW1816</t>
  </si>
  <si>
    <t>【杭州嘉隆】制冷剂\JLCWNH2100\JL-ACW1815</t>
  </si>
  <si>
    <t>【杭州嘉隆】止回阀(小)\JAL-60M\JL-ACV1814</t>
  </si>
  <si>
    <t>【杭州嘉隆】止回阀(大)\JAL-60M\JL-ACV1813</t>
  </si>
  <si>
    <t>【杭州嘉隆】止回阀\DN40 PN16\JL-ACV1812</t>
  </si>
  <si>
    <t>【杭州嘉隆】前置除油滤芯\JRL-60NW\JL-ABZ1431</t>
  </si>
  <si>
    <t>【杭州嘉隆】汽化器\JAL-10/RA206\JL-ABW1430</t>
  </si>
  <si>
    <t>【杭州嘉隆】汽化器\JL-L-010A-004\JL-ABW1429</t>
  </si>
  <si>
    <t>【杭州嘉隆】汽化器\JAL-45MR\JL-ABW1428</t>
  </si>
  <si>
    <t>【杭州嘉隆】汽化器\JAL-45MR\JL-ABW1427</t>
  </si>
  <si>
    <t>【杭州嘉隆】汽化器\JAL-70MR\JL-ABW1426</t>
  </si>
  <si>
    <t>【杭州嘉隆】汽化器\JAL-70MR\JL-ABW1425</t>
  </si>
  <si>
    <t>【杭州嘉隆】汽化器\GMCWNH345\JL-ABW1424</t>
  </si>
  <si>
    <t>【杭州嘉隆】汽化器\JAL-70MW\JL-ABW1423</t>
  </si>
  <si>
    <t>【杭州嘉隆】汽化器\GMCWNH375\JL-ABW1422</t>
  </si>
  <si>
    <t>【杭州嘉隆】汽化器\JAL-80MF\JL-ABW1421</t>
  </si>
  <si>
    <t>【杭州嘉隆】汽化器\JLCWNH2800\JL-ABW1420</t>
  </si>
  <si>
    <t>【杭州嘉隆】汽化器\JLCWNW2450\JL-ABW1419</t>
  </si>
  <si>
    <t>【杭州嘉隆】汽化器\JAL-70M\JL-ABW1418</t>
  </si>
  <si>
    <t>【杭州嘉隆】汽化器\JAL-50M\JL-ABW1417</t>
  </si>
  <si>
    <t>【杭州嘉隆】汽化器\JAL-50M\JL-ABW1416</t>
  </si>
  <si>
    <t>【杭州嘉隆】汽化器\JAL-50MS\JL-ABW1415</t>
  </si>
  <si>
    <t>【杭州嘉隆】汽化器\JAL32A675\JL-ABW1414</t>
  </si>
  <si>
    <t>【杭州嘉隆】汽化器\JAL-112-61\JL-ABW1413</t>
  </si>
  <si>
    <t>【杭州嘉隆】汽化器\JAL49A678\JL-ABW1412</t>
  </si>
  <si>
    <t>【杭州嘉隆】汽化器\JAL23BY37\JL-ABW1411</t>
  </si>
  <si>
    <t>【杭州嘉隆】汽化器\JAL39A673\JL-ABW1410</t>
  </si>
  <si>
    <t>【杭州嘉隆】汽化器\JAL39BY47\JL-ABW1409</t>
  </si>
  <si>
    <t>【杭州嘉隆】汽化器\JLCWNW2450\JL-ABW1408</t>
  </si>
  <si>
    <t>【杭州嘉隆】汽化器\JRL-160NW\JL-ABW1407</t>
  </si>
  <si>
    <t>【杭州嘉隆】汽化器\JLCWNH2100\JL-ABW1406</t>
  </si>
  <si>
    <t>【杭州嘉隆】汽化器\JAL-60M\JL-ABW1405</t>
  </si>
  <si>
    <t>【杭州嘉隆】汽化器\JRL-60NW\JL-ABW1404</t>
  </si>
  <si>
    <t>【杭州嘉隆】气液混合头\JLCWNH2100\JL-ABW1403</t>
  </si>
  <si>
    <t>【杭州嘉隆】气体切换阀\JAL-45\JL-ABW1402</t>
  </si>
  <si>
    <t>【杭州嘉隆】气体切换阀\JL-X-001B-006\JL-ABW1401</t>
  </si>
  <si>
    <t>【杭州嘉隆】气流扩散器\GMCWNH345\JL-ABW1400</t>
  </si>
  <si>
    <t>【杭州嘉隆】气流扩散器\JAL-80MF\JL-ABW1399</t>
  </si>
  <si>
    <t>【杭州嘉隆】气流扩散器\JLCWNH2800\JL-ABW1398</t>
  </si>
  <si>
    <t>【杭州嘉隆】电子排水器\JAL2Y3U21\JL-AAV1062</t>
  </si>
  <si>
    <t>【杭州嘉隆】电子排水器\JAL32A303\JL-AAV1061</t>
  </si>
  <si>
    <t>【杭州嘉隆】电子排水器\JAL23A308\JL-AAV1060</t>
  </si>
  <si>
    <t>【杭州嘉隆】电子排水器\JAL233U27\JL-AAV1059</t>
  </si>
  <si>
    <t>【杭州嘉隆】电子排水器\JAL21H870\JL-AAV1058</t>
  </si>
  <si>
    <t>【杭州嘉隆】电子排水器\JAL22D870\JL-AAV1057</t>
  </si>
  <si>
    <t>【杭州嘉隆】电子排水器\JRL-160NW\JL-AAV1056</t>
  </si>
  <si>
    <t>【杭州嘉隆】电子排水器\JLCWNH2100\JL-AAV1055</t>
  </si>
  <si>
    <t>【杭州嘉隆】电控排污阀\JRL-60NW\JL-AAU1054</t>
  </si>
  <si>
    <t>【杭州嘉隆】电控排污阀\JAL-60M\JL-AAU1053</t>
  </si>
  <si>
    <t>【杭州嘉隆】电加热管\JHL-40MR\JL-AAT1052</t>
  </si>
  <si>
    <t>【杭州嘉隆】电加热管\JHL-40M\JL-AAT1051</t>
  </si>
  <si>
    <t>【杭州嘉隆】电加热管\JAL36W848\JL-AAT1050</t>
  </si>
  <si>
    <t>【杭州嘉隆】电磁阀\JAL-45\JL-AAS1049</t>
  </si>
  <si>
    <t>【杭州嘉隆】电磁阀\JAL-70MW\JL-AAS1048</t>
  </si>
  <si>
    <t>【杭州嘉隆】电磁阀\JLCWNW2450\JL-AAS1047</t>
  </si>
  <si>
    <t>【杭州嘉隆】电磁阀\JWL-20\JL-AAS1046</t>
  </si>
  <si>
    <t>【杭州嘉隆】电磁阀\JAL-50M\JL-AAS1045</t>
  </si>
  <si>
    <t>【杭州嘉隆】电磁阀\JAL-50M\JL-AAS1044</t>
  </si>
  <si>
    <t>【杭州嘉隆】电磁阀\JAL-50MS\JL-AAS1043</t>
  </si>
  <si>
    <t>【杭州嘉隆】电磁阀\JAL-70M\JL-AAS1042</t>
  </si>
  <si>
    <t>【杭州嘉隆】电磁阀\JAL-80MF\JL-AAS1041</t>
  </si>
  <si>
    <t>【杭州嘉隆】电磁阀\JLCWNH2800\JL-AAS1040</t>
  </si>
  <si>
    <t>【杭州嘉隆】电磁阀\JAL6MFWG\JL-AAS1039</t>
  </si>
  <si>
    <t>【杭州嘉隆】电磁阀\GMCWNH375\JL-AAS1038</t>
  </si>
  <si>
    <t>【杭州嘉隆】电磁阀\JAL27D873\JL-AAS1037</t>
  </si>
  <si>
    <t>【杭州嘉隆】电磁阀\JAL27Y873\JL-AAS1036</t>
  </si>
  <si>
    <t>【杭州嘉隆】电磁阀\JAL-60M\JL-AAS1035</t>
  </si>
  <si>
    <t>【杭州嘉隆】电磁阀\JLCWNW2450\JL-AAS1034</t>
  </si>
  <si>
    <t>【杭州嘉隆】低压压力表\JAL-50M\JL-AAR1033</t>
  </si>
  <si>
    <t>【杭州嘉隆】低压压力表\JAL-70M\JL-AAR1032</t>
  </si>
  <si>
    <t>【杭州嘉隆】低压控制器\A310 8506\JL-AAR1031</t>
  </si>
  <si>
    <t>【杭州嘉隆】低压控制器\JAL-80MF\JL-AAR1030</t>
  </si>
  <si>
    <t>【杭州嘉隆】气流扩散器\GMCWNH375\JL-ABW1397</t>
  </si>
  <si>
    <t>【杭州嘉隆】气流扩散器\JAL6MFWG\JL-ABW1396</t>
  </si>
  <si>
    <t>【杭州嘉隆】气流扩散器\JLCWNW2450\JL-ABW1395</t>
  </si>
  <si>
    <t>【杭州嘉隆】气流扩散器\JAL-613-62\JL-ABW1394</t>
  </si>
  <si>
    <t>【杭州嘉隆】气流扩散器\JLCWNH2100\JL-ABW1393</t>
  </si>
  <si>
    <t>【杭州嘉隆】气化器\JAL-45\JL-ABW1392</t>
  </si>
  <si>
    <t>【杭州嘉隆】气化器\JAL49B678\JL-ABW1391</t>
  </si>
  <si>
    <t>【杭州嘉隆】气动切换阀\A510 91002\JL-ABU1390</t>
  </si>
  <si>
    <t>【杭州嘉隆】气动切换阀\A510 91001\JL-ABU1389</t>
  </si>
  <si>
    <t>【杭州嘉隆】气动隔膜阀\DN40 PN16\JL-ABU1388</t>
  </si>
  <si>
    <t>【杭州嘉隆】气动蝶阀\JAL-120MW\JL-ABU1387</t>
  </si>
  <si>
    <t>【杭州嘉隆】气动蝶阀\JAL-50M\JL-ABU1386</t>
  </si>
  <si>
    <t>【杭州嘉隆】气动蝶阀\JAL-50M\JL-ABU1385</t>
  </si>
  <si>
    <t>【杭州嘉隆】气动蝶阀\JWL-20\JL-ABU1384</t>
  </si>
  <si>
    <t>【杭州嘉隆】气动蝶阀\JAL21B118\JL-ABU1383</t>
  </si>
  <si>
    <t>【康普艾】带槽螺母\93575570\L250\康普艾</t>
  </si>
  <si>
    <t>上海康普艾压缩机有限公司</t>
  </si>
  <si>
    <t>康普艾</t>
  </si>
  <si>
    <t>WZSCCG-2019-HB-002</t>
  </si>
  <si>
    <t>国家能源e购商城康普艾空压机备品备件集团级长协采购</t>
  </si>
  <si>
    <t>上海隆康机械设备有限公司</t>
  </si>
  <si>
    <t>【康普艾】端盖\11916374\L250\康普艾</t>
  </si>
  <si>
    <t>【康普艾】调节螺钉\11909974\L250\康普艾</t>
  </si>
  <si>
    <t>【康普艾】U形导轨\11508374\L250\康普艾</t>
  </si>
  <si>
    <t>【康普艾】消音器\13012774\L250\康普艾</t>
  </si>
  <si>
    <t>【康普艾】导向杆\11910574\L250\康普艾</t>
  </si>
  <si>
    <t>【康普艾】空气端-油分桶的压力管\11513674\L250\康普艾</t>
  </si>
  <si>
    <t>【康普艾】压力管\11513674\L250\康普艾</t>
  </si>
  <si>
    <t>【康普艾】空气软管\91801030\8mm\L250\康普艾</t>
  </si>
  <si>
    <t>【康普艾】视镜\91801030\L250\康普艾</t>
  </si>
  <si>
    <t>【康普艾】密封环\93189220\L250\康普艾</t>
  </si>
  <si>
    <t>【康普艾】缓冲圈\11514374\L250\康普艾</t>
  </si>
  <si>
    <t>【康普艾】螺纹管接头\93581140\L250\康普艾</t>
  </si>
  <si>
    <t>【康普艾】弯头\93595740\L250\康普艾</t>
  </si>
  <si>
    <t>【康普艾】三通\93597440\L250\康普艾</t>
  </si>
  <si>
    <t>【康普艾】压力管\11512974\L250\康普艾</t>
  </si>
  <si>
    <t>【康普艾】左防护网板\11518474\L250\康普艾</t>
  </si>
  <si>
    <t>【康普艾】门锁\11066774\L250\康普艾</t>
  </si>
  <si>
    <t>【康普艾】右防护网板\11512174\L250\康普艾</t>
  </si>
  <si>
    <t>【康普艾】空压机冷却器嵌条\11512474\L250\康普艾</t>
  </si>
  <si>
    <t>【康普艾】吸音棉\11512474\水冷\L250\康普艾</t>
  </si>
  <si>
    <t>【康普艾】低压吸音棉\11512374\空冷\L250\康普艾</t>
  </si>
  <si>
    <t>【康普艾】吸音材料\11512274\250KW风冷\L250\康普艾</t>
  </si>
  <si>
    <t>【康普艾】空气端\38143547\L250\康普艾</t>
  </si>
  <si>
    <t>【康普艾】出水温度开关\36121891\水冷\L250\康普艾</t>
  </si>
  <si>
    <t>【康普艾】进水电磁阀\39076433\水冷\L250\康普艾</t>
  </si>
  <si>
    <t>【康普艾】进水过滤器\15572528\水冷\L250\康普艾</t>
  </si>
  <si>
    <t>【康普艾】油分芯\36392592\s160\L160\康普艾</t>
  </si>
  <si>
    <t>【康普艾】吸气软管\31847834\L250\康普艾</t>
  </si>
  <si>
    <t>【康普艾】空滤\20053429\L250\康普艾</t>
  </si>
  <si>
    <t>【康普艾】电气控制元件包\310EAY6013\SAV500\康普艾</t>
  </si>
  <si>
    <t>【康普艾】气动控制与仪表包\309EAY6013\SAV500\康普艾</t>
  </si>
  <si>
    <t>【康普艾】温度巡检仪\QX185192\SAV500\康普艾</t>
  </si>
  <si>
    <t>【康普艾】紧停开关\QX185091\SAV500\康普艾</t>
  </si>
  <si>
    <t>【康普艾】排气膨胀节\QX100877\SAV500\康普艾</t>
  </si>
  <si>
    <t>【康普艾】变压器\QX185093\SAV500\康普艾</t>
  </si>
  <si>
    <t>【康普艾】电流变送器\QX185092\SAV500\康普艾</t>
  </si>
  <si>
    <t>【康普艾】相位继电器\QX185083\SAV500\康普艾</t>
  </si>
  <si>
    <t>【康普艾】安全阀\QX100659\10BAR\SAV500\康普艾</t>
  </si>
  <si>
    <t>【康普艾】安全阀\QX100662\8BAR\SAV500\康普艾</t>
  </si>
  <si>
    <t>【康普艾】安全阀\QX100661\7BAR\SAV500\康普艾</t>
  </si>
  <si>
    <t>【康普艾】油冷却器\QX102799\(水冷）GD铭牌\SAV500\康普艾</t>
  </si>
  <si>
    <t>【康普艾】后冷却器\QX102800\(水冷）GD铭牌\SAV500\康普艾</t>
  </si>
  <si>
    <t>【康普艾】油冷却器\QX103627\(水冷）SCCC铭牌\SAV500\康普艾</t>
  </si>
  <si>
    <t>【康普艾】后冷却器\QX103626\(水冷）SCCC铭牌\SAV500\康普艾</t>
  </si>
  <si>
    <t>【康普艾】油冷却器\QX106050\风冷\SAV500\康普艾</t>
  </si>
  <si>
    <t>【康普艾】后冷却器\QX106049\风冷\SAV500\康普艾</t>
  </si>
  <si>
    <t>【康普艾】后部冷却器\QX106083\风冷\SAV500\康普艾</t>
  </si>
  <si>
    <t>【康普艾】油冷却器\QX106084\风冷\SAV500\康普艾</t>
  </si>
  <si>
    <t>【康普艾】后部冷却器\QX101133\风冷\SAV500\康普艾</t>
  </si>
  <si>
    <t>【康普艾】油冷却器\QX101134\风冷\SAV500\康普艾</t>
  </si>
  <si>
    <t>【康普艾】后部冷却器\QX100793\水冷\SAV500\康普艾</t>
  </si>
  <si>
    <t>【康普艾】油冷却器\QX100280\水冷\SAV500\康普艾</t>
  </si>
  <si>
    <t>【康普艾】主机排气膨胀节\QX100842\SAV500\康普艾</t>
  </si>
  <si>
    <t>【康普艾】消音器\43E2\SAV500\康普艾</t>
  </si>
  <si>
    <t>【康普艾】消音器\43E4\SAV500\康普艾</t>
  </si>
  <si>
    <t>【康普艾】温控阀维修包\QX105669\含温控阀*1，及相关密封件\SAV500\康普艾</t>
  </si>
  <si>
    <t>【康普艾】温控阀\QX105667\SAV500\康普艾</t>
  </si>
  <si>
    <t>【康普艾】温控阀维修包\QX105668\含温控阀*1，及相关密封件\SAV500\康普艾</t>
  </si>
  <si>
    <t>【康普艾】温控阀\QX102885\SAV500\康普艾</t>
  </si>
  <si>
    <t>【康普艾】热控制阀阀芯\2109084\180℉\SAV500\康普艾</t>
  </si>
  <si>
    <t>【康普艾】热控制阀阀芯\2109365\150℉\SAV500\康普艾</t>
  </si>
  <si>
    <t>【康普艾】热控制阀阀芯\2117750\180℉\SAV500\康普艾</t>
  </si>
  <si>
    <t>【康普艾】油分芯\QX103383\LB150\康普艾</t>
  </si>
  <si>
    <t>【康普艾】油过滤器滤芯\QX105047\LB150\康普艾</t>
  </si>
  <si>
    <t>【康普艾】O型圈\A93199150\LB150\康普艾</t>
  </si>
  <si>
    <t>【康普艾】O型圈\QX175012\LB150\康普艾</t>
  </si>
  <si>
    <t>【康普艾】温控阀\A11513574\55度\L132G\康普艾</t>
  </si>
  <si>
    <t>【康普艾】温控阀\A11511974\70度\L132G\康普艾</t>
  </si>
  <si>
    <t>【康普艾】轴密封更换包\A11942574\空气端EK230NK轴封、垫\L132G\康普艾</t>
  </si>
  <si>
    <t>【康普艾】轴密封更换包\A11949574\空气端EK230NG轴封、垫\L132G\康普艾</t>
  </si>
  <si>
    <t>【康普艾】油分压力管\100011046\L132G\康普艾</t>
  </si>
  <si>
    <t>【康普艾】油分压力管\QP100011112\L132G\康普艾</t>
  </si>
  <si>
    <t>【康普艾】温度传感器\100010275\（原10630674,100003018）\L132G\康普艾</t>
  </si>
  <si>
    <t>【康普艾】最小压力阀\100011406\L132G\康普艾</t>
  </si>
  <si>
    <t>【康普艾】风扇支撑盖板\QX110322\L132G\康普艾</t>
  </si>
  <si>
    <t>【康普艾】风扇电机\QX108443\L132G\康普艾</t>
  </si>
  <si>
    <t>【康普艾】风扇\QX108442\L132G\康普艾</t>
  </si>
  <si>
    <t>【康普艾】压力传感器（原11507474）\ZS1050642\L132G\康普艾</t>
  </si>
  <si>
    <t>【康普艾】密封圈\A93199150\L132G\康普艾</t>
  </si>
  <si>
    <t>【康普艾】4000小时专用油\92130280-S-18\18升/桶\L132G\康普艾</t>
  </si>
  <si>
    <t>升</t>
  </si>
  <si>
    <t>【康普艾】油分离器芯\98262-173\L132G\康普艾</t>
  </si>
  <si>
    <t>【康普艾】油过滤器芯\A04425274\L132G\康普艾</t>
  </si>
  <si>
    <t>【康普艾】空气过滤器芯\100013298\L132G\康普艾</t>
  </si>
  <si>
    <t>【康普艾】终极排气管密封圈\11513874-2\L132C\康普艾</t>
  </si>
  <si>
    <t>【康普艾】空压机吸音棉\11434474\L132C\康普艾</t>
  </si>
  <si>
    <t>【康普艾】进气导管\A3625395\L132C\康普艾</t>
  </si>
  <si>
    <t>【康普艾】油过滤器\A1470190\L132C\康普艾</t>
  </si>
  <si>
    <t>【康普艾】空气过滤器芯\A9802111\L132C\康普艾</t>
  </si>
  <si>
    <t>【康普艾】抗震压力表\A3777-60M\6050\康普艾</t>
  </si>
  <si>
    <t>【康普艾】最小压力阀维修包\C11158-5807\6050\康普艾</t>
  </si>
  <si>
    <t>【康普艾】放泄阀维修包\C11158-5847\6050\康普艾</t>
  </si>
  <si>
    <t>【康普艾】放泄阀隔膜\C20600-113\6050\康普艾</t>
  </si>
  <si>
    <t>【康普艾】吸气调节气维修包\C11158-5988\6050\康普艾</t>
  </si>
  <si>
    <t>【康普艾】吸气调节气隔膜\C20600-24\6050\康普艾</t>
  </si>
  <si>
    <t>【康普艾】调节气路过滤器\98262-150\6050\康普艾</t>
  </si>
  <si>
    <t>【康普艾】密封圈\C11158-5493\6050\康普艾</t>
  </si>
  <si>
    <t>【康普艾】轴衬\C20464-9\6050\康普艾</t>
  </si>
  <si>
    <t>【康普艾】轴封\98505-47\6050\康普艾</t>
  </si>
  <si>
    <t>【康普艾】控制面板\C20605-310\6050\康普艾</t>
  </si>
  <si>
    <t>【康普艾】皮带\98080-51\6050\康普艾</t>
  </si>
  <si>
    <t>【康普艾】大修包\CK8003-1\6050\康普艾</t>
  </si>
  <si>
    <t>【康普艾】分离器修包\CK6003-194\6050\康普艾</t>
  </si>
  <si>
    <t>【康普艾】服务修包\CK2003-1\6050\康普艾</t>
  </si>
  <si>
    <t>【康普艾】油分芯垫\C26351-19\6050\康普艾</t>
  </si>
  <si>
    <t>【康普艾】4000小时专用油\92130280-S-18\18升/桶；0.0155吨/桶\6050\康普艾</t>
  </si>
  <si>
    <t>【康普艾】油分离器芯\98262-194\6050\康普艾</t>
  </si>
  <si>
    <t>【康普艾】温度传感器\10630674\L132C\康普艾</t>
  </si>
  <si>
    <t>【康普艾】温度传感器\100003018\L132G\康普艾</t>
  </si>
  <si>
    <t>【康普艾】温度传感器\100003018\L55\康普艾</t>
  </si>
  <si>
    <t>【康普艾】温度传感器\100003018\L07\康普艾</t>
  </si>
  <si>
    <t>【康普艾】温度传感器\100003018\L250\康普艾</t>
  </si>
  <si>
    <t>【康普艾】温度传感器\100003018\L132C\康普艾</t>
  </si>
  <si>
    <t>【康普艾】放气电磁阀隔膜\11482374\L132C\康普艾</t>
  </si>
  <si>
    <t>【康普艾】放气电磁阀\11482274\L132C\康普艾</t>
  </si>
  <si>
    <t>【康普艾】放气电磁阀隔膜\11482374\L250\康普艾</t>
  </si>
  <si>
    <t>【康普艾】放气电磁阀\11482274\L250\康普艾</t>
  </si>
  <si>
    <t>【康普艾】维护备件包8000H\WHBY-8000-L200\L200\康普艾</t>
  </si>
  <si>
    <t>【康普艾】维护备件包6000H\WHBY-6000-L200\L200\康普艾</t>
  </si>
  <si>
    <t>【康普艾】维护备件包4000H\WHBY-4000-L200\L200\康普艾</t>
  </si>
  <si>
    <t>【康普艾】维护备件包2000H\WHBY-2000-L200\L200\康普艾</t>
  </si>
  <si>
    <t>【康普艾】维护备件包8000H\WHBY-8000-L55\L55\康普艾</t>
  </si>
  <si>
    <t>【康普艾】维护备件包6000H\WHBY-6000-L55\L55\康普艾</t>
  </si>
  <si>
    <t>【康普艾】维护备件包4000H\WHBY-4000-L55\L55\康普艾</t>
  </si>
  <si>
    <t>【康普艾】维护备件包2000H\WHBY-2000-L55\L55\康普艾</t>
  </si>
  <si>
    <t>【康普艾】维护备件包8000H\WHBY-8000-LB260\LB260\康普艾</t>
  </si>
  <si>
    <t>【康普艾】维护备件包6000H\WHBY-6000-LB260\LB260\康普艾</t>
  </si>
  <si>
    <t>【康普艾】维护备件包4000H\WHBY-4000-LB260\LB260\康普艾</t>
  </si>
  <si>
    <t>【康普艾】维护备件包2000H\WHBY-2000-LB260\LB260\康普艾</t>
  </si>
  <si>
    <t>【康普艾】维护备件包8000H\WHBY-8000-L07\L07\康普艾</t>
  </si>
  <si>
    <t>【康普艾】维护备件包6000H\WHBY-6000-L07\L07\康普艾</t>
  </si>
  <si>
    <t>【康普艾】维护备件包4000H\WHBY-4000-L07\L07\康普艾</t>
  </si>
  <si>
    <t>【康普艾】维护备件包2000H\WHBY-2000-L07\L07\康普艾</t>
  </si>
  <si>
    <t>【康普艾】维护备件包8000H\WHBY-8000-FM55\FM55\康普艾</t>
  </si>
  <si>
    <t>【康普艾】维护备件包6000H\WHBY-6000-FM55\FM55\康普艾</t>
  </si>
  <si>
    <t>【康普艾】维护备件包4000H\WHBY-4000-FM55\FM55\康普艾</t>
  </si>
  <si>
    <t>【康普艾】压力调节器\88H367\旧件号88H139\LB260\康普艾</t>
  </si>
  <si>
    <t>【康普艾】IVO电磁阀\91B244\常闭 适用于AirSmart控制器\LB260\康普艾</t>
  </si>
  <si>
    <t>【康普艾】IVC电磁阀\91B243\常开 适用于AirSmart控制器\LB260\康普艾</t>
  </si>
  <si>
    <t>【康普艾】压差开关\88H195\LB260\康普艾</t>
  </si>
  <si>
    <t>【康普艾】温度传感器\21D264\LB260\康普艾</t>
  </si>
  <si>
    <t>【康普艾】BDV泄放电磁阀\91B250\适用于AirSmart控制器\LB260\康普艾</t>
  </si>
  <si>
    <t>【康普艾】最小压力阀维修包\QX103231\LB260\康普艾</t>
  </si>
  <si>
    <t>【康普艾】最小压力阀BL\QX101284\LB260\康普艾</t>
  </si>
  <si>
    <t>【康普艾】进气阀维修包\QX103235\LB260\康普艾</t>
  </si>
  <si>
    <t>【康普艾】进气阀总成\QX102790\LB260\康普艾</t>
  </si>
  <si>
    <t>【康普艾】INLETVALVEKIT进气阀维修包\201SSU6003\LB260\康普艾</t>
  </si>
  <si>
    <t>【康普艾】进气阀总成\204SSU4013\LB260\康普艾</t>
  </si>
  <si>
    <t>【康普艾】一级油分\QX104001\LB260\康普艾</t>
  </si>
  <si>
    <t>【康普艾】二级油分\QX104000\LB260\康普艾</t>
  </si>
  <si>
    <t>【康普艾】油滤\QX104002\LB260\康普艾</t>
  </si>
  <si>
    <t>【康普艾】空滤\QX104004\LB260\康普艾</t>
  </si>
  <si>
    <t>【康普艾】连轴器\32567834\LB260\康普艾</t>
  </si>
  <si>
    <t>【康普艾】减震垫\15757961\LB260\康普艾</t>
  </si>
  <si>
    <t>【康普艾】O型圈\55740445\LB260\康普艾</t>
  </si>
  <si>
    <t>【康普艾】O型圈\55739171\LB260\康普艾</t>
  </si>
  <si>
    <t>【康普艾】O型圈\55745541\LB260\康普艾</t>
  </si>
  <si>
    <t>【康普艾】垫片\56125159\LB260\康普艾</t>
  </si>
  <si>
    <t>【康普艾】特氟纶管\27165605\LB260\康普艾</t>
  </si>
  <si>
    <t>【康普艾】卡套式直角接头\27579617\LB260\康普艾</t>
  </si>
  <si>
    <t>【康普艾】安全阀\32057006\10BAR\LB260\康普艾</t>
  </si>
  <si>
    <t>【康普艾】连轴器芯\QX32567-3\LB260\康普艾</t>
  </si>
  <si>
    <t>【康普艾】干燥机干燥过滤器\JL-L-002A001\LB260\康普艾</t>
  </si>
  <si>
    <t>【康普艾】油过滤器端盖\67463152\LB260\康普艾</t>
  </si>
  <si>
    <t>【康普艾】空滤\33122292\LB260\康普艾</t>
  </si>
  <si>
    <t>【康普艾】油滤\33121656\LB260\康普艾</t>
  </si>
  <si>
    <t>【康普艾】梭动阀\28695636\LB260\康普艾</t>
  </si>
  <si>
    <t>【康普艾】轴封维修包\12075289\含轴封*1、轴套*1及乐泰胶\LB260\康普艾</t>
  </si>
  <si>
    <t>【康普艾】前置滤芯\JHF5-50\LB260\康普艾</t>
  </si>
  <si>
    <t>【康普艾】制冷过滤器\60002165S\L335G\康普艾</t>
  </si>
  <si>
    <t>【康普艾】压缩机\60001147S\L335G\康普艾</t>
  </si>
  <si>
    <t>【康普艾】软管接头\54144904\LB250\康普艾</t>
  </si>
  <si>
    <t>【康普艾】软管\32042994\LB250\康普艾</t>
  </si>
  <si>
    <t>【康普艾】卡箍\31967834\LB250\康普艾</t>
  </si>
  <si>
    <t>【康普艾】O型圈\QX175016\LB150\康普艾</t>
  </si>
  <si>
    <t>【康普艾】卡箍\QX100563\LB150\康普艾</t>
  </si>
  <si>
    <t>【康普艾】进气软管\QX104571\LB150\康普艾</t>
  </si>
  <si>
    <t>【康普艾】油冷回油管\QX104311\LB150\康普艾</t>
  </si>
  <si>
    <t>【康普艾】油冷进油管\QX104310\LB150\康普艾</t>
  </si>
  <si>
    <t>【康普艾】O型圈\QX175017\LB150\康普艾</t>
  </si>
  <si>
    <t>【康普艾】O型圈\A93191300\LB150\康普艾</t>
  </si>
  <si>
    <t>【康普艾】O型圈\A93199140\LB150\康普艾</t>
  </si>
  <si>
    <t>【康普艾】空滤芯\QX104542\LB150\康普艾</t>
  </si>
  <si>
    <t>【康普艾】油分离器耦合接头\A1000012145/4\LB132\康普艾</t>
  </si>
  <si>
    <t>【康普艾】空压机轴密封更换包\38055968\轴封、密封圈\LB132\康普艾</t>
  </si>
  <si>
    <t>【康普艾】空滤\674632\LA132\康普艾</t>
  </si>
  <si>
    <t>【康普艾】进气阀组立(A2版本)\12901303\LA132\康普艾</t>
  </si>
  <si>
    <t>【康普艾】进气阀组立(A1版本)\12901282\LA132\康普艾</t>
  </si>
  <si>
    <t>【康普艾】反比例阀(A1版本)\12926752\LA132\康普艾</t>
  </si>
  <si>
    <t>【康普艾】热控阀\12920386\LA132\康普艾</t>
  </si>
  <si>
    <t>【康普艾】油冷却器\13152870\LA132\康普艾</t>
  </si>
  <si>
    <t>【康普艾】高压软管接头\191461816\LA132\康普艾</t>
  </si>
  <si>
    <t>【康普艾】油过滤器压差开关\13598728\LA132\康普艾</t>
  </si>
  <si>
    <t>【康普艾】热控阀芯\12920387\LA132\康普艾</t>
  </si>
  <si>
    <t>【康普艾】尼龙管接头(A1版本)\191461851\LA132\康普艾</t>
  </si>
  <si>
    <t>【康普艾】观油镜\13503185\LA132\康普艾</t>
  </si>
  <si>
    <t>【康普艾】加油口盖(加密封圈)\191461849\LA132\康普艾</t>
  </si>
  <si>
    <t>【康普艾】尼龙管接头\19146185\LA132\康普艾</t>
  </si>
  <si>
    <t>【康普艾】管路过滤器(A2版)\12885352\LA132\康普艾</t>
  </si>
  <si>
    <t>【康普艾】管路过滤器(A1版)\13535034\LA132\康普艾</t>
  </si>
  <si>
    <t>【康普艾】密封垫片\13121023\LA132\康普艾</t>
  </si>
  <si>
    <t>【康普艾】最小压力阀组立\12907645\LA132\康普艾</t>
  </si>
  <si>
    <t>【康普艾】管密封\A93190730\L250\康普艾</t>
  </si>
  <si>
    <t>【康普艾】最小压力阀检修包\100000896\密封、O型圈、组合垫等\L250\康普艾</t>
  </si>
  <si>
    <t>【康普艾】接头\A93598070\L250\康普艾</t>
  </si>
  <si>
    <t>【康普艾】接头\A93581070\L250\康普艾</t>
  </si>
  <si>
    <t>【康普艾】0型圈\A93199070\L250\康普艾</t>
  </si>
  <si>
    <t>【康普艾】最小压力阀总成\A11513374\L132C\康普艾</t>
  </si>
  <si>
    <t>【康普艾】转向压差开关\A11436974\L250\康普艾</t>
  </si>
  <si>
    <t>【康普艾】油水分离器滤芯\A11427474-CN\L250\康普艾</t>
  </si>
  <si>
    <t>【康普艾】压力传感器线缆\11523874\L250\康普艾</t>
  </si>
  <si>
    <t>【康普艾】进水电磁阀膜片\100001929\L250\康普艾</t>
  </si>
  <si>
    <t>【康普艾】弯头\A93581660\L250\康普艾</t>
  </si>
  <si>
    <t>【康普艾】油冷却器\100005314\加大型\L250\康普艾</t>
  </si>
  <si>
    <t>【康普艾】三角带\5V-930\L250\康普艾</t>
  </si>
  <si>
    <t>【康普艾】三角带\SPB-2120\L250\康普艾</t>
  </si>
  <si>
    <t>【康普艾】三角带\SPB-2500\L250\康普艾</t>
  </si>
  <si>
    <t>【康普艾】安全阀\SC12-12-1\L250\康普艾</t>
  </si>
  <si>
    <t>【康普艾】油净化器芯2\QX33122929\L250\康普艾</t>
  </si>
  <si>
    <t>【康普艾】油净化器芯\QX84171975\L250\康普艾</t>
  </si>
  <si>
    <t>【康普艾】进气装置\QX67463344\L250\康普艾</t>
  </si>
  <si>
    <t>【康普艾】换气电机总成\QX36671891\L250\康普艾</t>
  </si>
  <si>
    <t>【康普艾】前置散热器\QX31847442\L250\康普艾</t>
  </si>
  <si>
    <t>【康普艾】中间散热器\QX38535032\L250\康普艾</t>
  </si>
  <si>
    <t>【康普艾】清洗剂B\QX31293920\25kg/桶\L250\康普艾</t>
  </si>
  <si>
    <t>【康普艾】安全阀\SC12-12\L250\康普艾</t>
  </si>
  <si>
    <t>【康普艾】温度计探头\5083674\L250\康普艾</t>
  </si>
  <si>
    <t>【康普艾】油过滤器\A1470190\L250\康普艾</t>
  </si>
  <si>
    <t>【康普艾】压力传感器\11507074\L250\康普艾</t>
  </si>
  <si>
    <t>【康普艾】压力表\QX102103\旧件号：2116732\L220G\康普艾</t>
  </si>
  <si>
    <t>【康普艾】紧停开关\QX185091\L220G\康普艾</t>
  </si>
  <si>
    <t>【康普艾】变压器\QX185093\L220G\康普艾</t>
  </si>
  <si>
    <t>【康普艾】电流变送器\QX185092\L220G\康普艾</t>
  </si>
  <si>
    <t>【康普艾】回油管平垫\06.01.05.0014\LA55A\康普艾</t>
  </si>
  <si>
    <t>【康普艾】回油管组立\04.29.00020\LA55A\康普艾</t>
  </si>
  <si>
    <t>【康普艾】O形圈\04.11.00020\LA55A\康普艾</t>
  </si>
  <si>
    <t>【康普艾】O形圈\04.11.00071\LA55A\康普艾</t>
  </si>
  <si>
    <t>【康普艾】O形圈\04.11.00055\LA55A\康普艾</t>
  </si>
  <si>
    <t>【康普艾】O形圈\04.11.00062\LA55A\康普艾</t>
  </si>
  <si>
    <t>【康普艾】油过滤器芯\98262-220\原C11158-1775\6050\康普艾</t>
  </si>
  <si>
    <t>【康普艾】空过滤器芯\4005074\原C11158-1014\6050\康普艾</t>
  </si>
  <si>
    <t>【康普艾】管道过滤器芯\CE0372B\6150N\康普艾</t>
  </si>
  <si>
    <t>【康普艾】加油噻\C27323-136\6150N\康普艾</t>
  </si>
  <si>
    <t>【康普艾】密封圈\C3554-329\6150N\康普艾</t>
  </si>
  <si>
    <t>【康普艾】轴封\31371-12\6150N\康普艾</t>
  </si>
  <si>
    <t>【康普艾】油路冷却剂\29340854/S/6\18升/桶；0.0155吨/桶\6150N\康普艾</t>
  </si>
  <si>
    <t>【康普艾】油气分离器\31293-24\6150N\康普艾</t>
  </si>
  <si>
    <t>【康普艾】油滤器芯\31293-69\6150N\康普艾</t>
  </si>
  <si>
    <t>【康普艾】空气滤芯\93962917\6150N\康普艾</t>
  </si>
  <si>
    <t>【康普艾】回油管接头\98156-275\6150N\康普艾</t>
  </si>
  <si>
    <t>【康普艾】空压机吸调器喷嘴\C20600－369\6150N\康普艾</t>
  </si>
  <si>
    <t>【康普艾】空压机吸调器阀帽\C20600－379\6150N\康普艾</t>
  </si>
  <si>
    <t>【康普艾】O形圈\QX175016\LB132\康普艾</t>
  </si>
  <si>
    <t>【康普艾】油冷回油管\QX104311\LB132\康普艾</t>
  </si>
  <si>
    <t>【康普艾】油冷进油管\QX104310\LB132\康普艾</t>
  </si>
  <si>
    <t>【康普艾】可调直接头\QX170147\LB132\康普艾</t>
  </si>
  <si>
    <t>【康普艾】可调弯头\QX170451\LB132\康普艾</t>
  </si>
  <si>
    <t>【康普艾】接头\QX170148\LB132\康普艾</t>
  </si>
  <si>
    <t>【康普艾】O形圈\QX175014\LB132\康普艾</t>
  </si>
  <si>
    <t>【康普艾】机头进油管\QX104456\LB132\康普艾</t>
  </si>
  <si>
    <t>【康普艾】油分离桶进气管路\QX104308\LB132\康普艾</t>
  </si>
  <si>
    <t>【康普艾】O形圈\QX175017\LB132\康普艾</t>
  </si>
  <si>
    <t>【康普艾】后冷供气管路\QX103670\LB132\康普艾</t>
  </si>
  <si>
    <t>【康普艾】后冷进气管路\QX104157\LB132\康普艾</t>
  </si>
  <si>
    <t>【康普艾】风扇电机\QX104540\LB132\康普艾</t>
  </si>
  <si>
    <t>【康普艾】离心风扇\QX104903\LB132\康普艾</t>
  </si>
  <si>
    <t>【康普艾】空气/油冷却器\QX103381\LB132\康普艾</t>
  </si>
  <si>
    <t>【康普艾】衬套\A93614140\LB132\康普艾</t>
  </si>
  <si>
    <t>【康普艾】透明软管\A91801060\LB132\康普艾</t>
  </si>
  <si>
    <t>【康普艾】直角接头\A93581670\LB132\康普艾</t>
  </si>
  <si>
    <t>【康普艾】O型圈\A93199140\最小压力阀与油分盖之间\LB132\康普艾</t>
  </si>
  <si>
    <t>【康普艾】O型圈\95602-79\LB132\康普艾</t>
  </si>
  <si>
    <t>【康普艾】加油口盖\C27323-136\LB132\康普艾</t>
  </si>
  <si>
    <t>【康普艾】球阀\QX100599\LB132\康普艾</t>
  </si>
  <si>
    <t>【康普艾】减震垫圈\100002438\LB132\康普艾</t>
  </si>
  <si>
    <t>【康普艾】O型圈\QX175012\排气转换座与空气端之间\LB132\康普艾</t>
  </si>
  <si>
    <t>【康普艾】O型圈\A93191300\转接头与排气转换座之间\LB132\康普艾</t>
  </si>
  <si>
    <t>【康普艾】转接头\100012157\LB132\康普艾</t>
  </si>
  <si>
    <t>【康普艾】排气转换座\QX103646\LB132\康普艾</t>
  </si>
  <si>
    <t>【康普艾】连轴器\QX101074\LB132\康普艾</t>
  </si>
  <si>
    <t>【康普艾】钟罩\QX100961\LB132\康普艾</t>
  </si>
  <si>
    <t>【康普艾】减震器\SC04-202\LB132\康普艾</t>
  </si>
  <si>
    <t>【康普艾】纸垫\QX176248\进器阀下\LB132\康普艾</t>
  </si>
  <si>
    <t>【康普艾】卡箍\QX100563\吸调器侧\LB132\康普艾</t>
  </si>
  <si>
    <t>【康普艾】4000小时专用油\92130280/S/18\18升/桶；0.0155吨/桶\LB132\康普艾</t>
  </si>
  <si>
    <t>【康普艾】温控旁通阀\A11513574\55℃\LB132\康普艾</t>
  </si>
  <si>
    <t>【康普艾】电机\1002717\80立方风冷冷干机\康普艾</t>
  </si>
  <si>
    <t>【康普艾】电机\1002793\60立方风冷冷干机\康普艾</t>
  </si>
  <si>
    <t>【康普艾】电机\1003907\20～50立方风冷冷干机\康普艾</t>
  </si>
  <si>
    <t>【康普艾】冷却器\QX105867\LB300\康普艾</t>
  </si>
  <si>
    <t>【康普艾】空气端\A11929374\L55G\康普艾</t>
  </si>
  <si>
    <t>【康普艾】空气端\3799164\L55G\康普艾</t>
  </si>
  <si>
    <t>【康普艾】水分离器后冷供气管路\33672611\LB250\康普艾</t>
  </si>
  <si>
    <t>【康普艾】O形圈\55715860\LB250\康普艾</t>
  </si>
  <si>
    <t>【康普艾】O形圈\55740446\LB250\康普艾</t>
  </si>
  <si>
    <t>【康普艾】O形圈\55736306\LB250\康普艾</t>
  </si>
  <si>
    <t>【康普艾】机头进油管\33900318\LB250\康普艾</t>
  </si>
  <si>
    <t>【康普艾】油冷回油管\33898726\LB250\康普艾</t>
  </si>
  <si>
    <t>【康普艾】油冷进油管\33766879\LB250\康普艾</t>
  </si>
  <si>
    <t>【康普艾】后冷供气管路\33691401\LB250\康普艾</t>
  </si>
  <si>
    <t>【康普艾】MPV出口管\33396178\LB250\康普艾</t>
  </si>
  <si>
    <t>【康普艾】油冷出水管\33671019\LB250\康普艾</t>
  </si>
  <si>
    <t>【康普艾】水管\33899045\LB250\康普艾</t>
  </si>
  <si>
    <t>【康普艾】油冷后冷连接水管\33670701\LB250\康普艾</t>
  </si>
  <si>
    <t>【康普艾】气缸\33719745\LB250\康普艾</t>
  </si>
  <si>
    <t>【康普艾】安全阀\32057962\LB250\康普艾</t>
  </si>
  <si>
    <t>【康普艾】轴封套件\36594618\含轴封*1、轴套*1及乐泰胶\LB250\康普艾</t>
  </si>
  <si>
    <t>【康普艾】止回导向杆\QP11910574\LB250\康普艾</t>
  </si>
  <si>
    <t>【康普艾】进气阀总成\QX105880\LB250\康普艾</t>
  </si>
  <si>
    <t>【康普艾】弹簧\QP93301290\LB250\康普艾</t>
  </si>
  <si>
    <t>【康普艾】阀板\QP11910474\LB250\康普艾</t>
  </si>
  <si>
    <t>【康普艾】冷却风扇\32114968\LB250\康普艾</t>
  </si>
  <si>
    <t>【康普艾】密封圈M20-6/2\QX175016\L335G\康普艾</t>
  </si>
  <si>
    <t>【康普艾】电磁阀\VP1021223\L335G\康普艾</t>
  </si>
  <si>
    <t>【康普艾】压力表（旧件号：2116732）\QX102103\L335G\康普艾</t>
  </si>
  <si>
    <t>【康普艾】电气控制元件包\310EAY6013\L335G\康普艾</t>
  </si>
  <si>
    <t>【康普艾】气动控制与仪表包\309EAY6013\L335G\康普艾</t>
  </si>
  <si>
    <t>【康普艾】温度巡检仪\QX185192\L335G\康普艾</t>
  </si>
  <si>
    <t>【康普艾】紧停开关\QX185091\L335G\康普艾</t>
  </si>
  <si>
    <t>【康普艾】排气膨胀节\QX100877\L335G\康普艾</t>
  </si>
  <si>
    <t>【康普艾】除油过滤器滤芯\JL-F-003C-004\40M\30M\20M\康普艾</t>
  </si>
  <si>
    <t>【康普艾】除油过滤器滤芯\JL-F-003C-003\40M\30M\20M\康普艾</t>
  </si>
  <si>
    <t>【康普艾】除油过滤器滤芯\JL-F-003A-005\40M\30M\20M\康普艾</t>
  </si>
  <si>
    <t>【康普艾】过滤器滤芯\JL-F-003A-003\40M\30M\20M\康普艾</t>
  </si>
  <si>
    <t>【康普艾】过滤器滤芯\JL-F-002C-004\40M\30M\20M\康普艾</t>
  </si>
  <si>
    <t>【康普艾】过滤器滤芯\JL-F-002C-003\40M\30M\20M\康普艾</t>
  </si>
  <si>
    <t>【康普艾】除油过滤器滤芯\JL-F-002A-005\40M\30M\20M\康普艾</t>
  </si>
  <si>
    <t>【康普艾】过滤器滤芯\JL-F-001D-011\40M\30M\20M\康普艾</t>
  </si>
  <si>
    <t>【康普艾】过滤器滤芯\JL-F-001D-010\40M\30M\20M\康普艾</t>
  </si>
  <si>
    <t>【康普艾】过滤器滤芯\JL-F-001D-005\40M\30M\20M\康普艾</t>
  </si>
  <si>
    <t>【康普艾】过滤器滤芯\JL-F-001D-004\40M\30M\20M\康普艾</t>
  </si>
  <si>
    <t>【康普艾】过滤器滤芯\JL-F-001C-005\40M\30M\20M\康普艾</t>
  </si>
  <si>
    <t>【康普艾】过滤器滤芯\JL-F-001C-004\40M\30M\20M\康普艾</t>
  </si>
  <si>
    <t>【康普艾】过滤器滤芯\JL-F-001C-003\40M\30M\20M\康普艾</t>
  </si>
  <si>
    <t>【康普艾】过滤器滤芯\JL-F-001A-005\40M\30M\20M\康普艾</t>
  </si>
  <si>
    <t>【康普艾】压缩机电容\JL-D-019A-002\40M\30M\20M\康普艾</t>
  </si>
  <si>
    <t>【康普艾】电磁阀电磁阀\JL-D-007C-001\40M\30M\20M\康普艾</t>
  </si>
  <si>
    <t>【康普艾】电磁阀\JL-D-007B-002\40M\30M\20M\康普艾</t>
  </si>
  <si>
    <t>【康普艾】电磁阀\JL-D-007A-001\40M\30M\20M\康普艾</t>
  </si>
  <si>
    <t>【康普艾】程序扩展模块\JL-D-006A-002\40M\30M\20M\康普艾</t>
  </si>
  <si>
    <t>【康普艾】程序控制器\JL-D-005A-004\40M\30M\20M\康普艾</t>
  </si>
  <si>
    <t>【康普艾】可编程控制器\JL-D-004A-001\40M\30M\20M\康普艾</t>
  </si>
  <si>
    <t>【康普艾】程序控制面板\JL-D-003A-001\40M\30M\20M\康普艾</t>
  </si>
  <si>
    <t>【康普艾】数字显示仪\JL-D-002A-001\40M\30M\20M\康普艾</t>
  </si>
  <si>
    <t>【康普艾】温度传感器\JL-D-001A-003\40M\30M\20M\康普艾</t>
  </si>
  <si>
    <t>【康普艾】温度传感器\JL-D-001A-001\40M\30M\20M\康普艾</t>
  </si>
  <si>
    <t>【康普艾】油水分离器滤芯油水分离器滤芯\E7-PV\40M\30M\20M\康普艾</t>
  </si>
  <si>
    <t>【康普艾】油水分离器滤芯\E7-48\40M\30M\20M\康普艾</t>
  </si>
  <si>
    <t>【康普艾】除尘过滤器滤芯\E7-28\40M\30M\20M\康普艾</t>
  </si>
  <si>
    <t>【康普艾】减压阀滤芯\E7-12\40M\30M\20M\康普艾</t>
  </si>
  <si>
    <t>【康普艾】O形圈\04.11.00043\LA55A\康普艾</t>
  </si>
  <si>
    <t>【康普艾】O形圈\04.11.00042\LA55A\康普艾</t>
  </si>
  <si>
    <t>【康普艾】O形圈\04.11.00045\LA55A\康普艾</t>
  </si>
  <si>
    <t>【康普艾】O形圈\04.11.00061\LA55A\康普艾</t>
  </si>
  <si>
    <t>【康普艾】三向电磁阀垫块\04.18.00182\LA55A\康普艾</t>
  </si>
  <si>
    <t>【康普艾】安全阀\04.05.2.0045\12bar\LA55A\康普艾</t>
  </si>
  <si>
    <t>【康普艾】安全阀\04.05.2.0043\10bar\LA55A\康普艾</t>
  </si>
  <si>
    <t>【康普艾】安全阀\04.05.2.0040\8bar\LA55A\康普艾</t>
  </si>
  <si>
    <t>【康普艾】安全阀\04.05.2.0039\7bar\LA55A\康普艾</t>
  </si>
  <si>
    <t>【康普艾】加油口盖平垫\06.01.05.0016\LA55A\康普艾</t>
  </si>
  <si>
    <t>【康普艾】加油口盖\06.01.01.0125\加密封圈\LA55A\康普艾</t>
  </si>
  <si>
    <t>【康普艾】观油镜螺丝\06.01.01.0137\LA55A\康普艾</t>
  </si>
  <si>
    <t>【康普艾】观油镜螺丝\06.01.01.0136\LA55A\康普艾</t>
  </si>
  <si>
    <t>【康普艾】观油镜\04.24.00001\LA55A\康普艾</t>
  </si>
  <si>
    <t>【康普艾】油过滤器压差开关\04.27.00006\LA55A\康普艾</t>
  </si>
  <si>
    <t>【康普艾】电子式空滤压差开关\04.27.00001\LA55A\康普艾</t>
  </si>
  <si>
    <t>【康普艾】防震垫\04.14.00008\LA55A\康普艾</t>
  </si>
  <si>
    <t>【康普艾】胶套\06.03.04.0011\LA55A\康普艾</t>
  </si>
  <si>
    <t>【康普艾】胶套\06.03.04.0010\LA55A\康普艾</t>
  </si>
  <si>
    <t>【康普艾】高压软管\04.22.00315\LA55A\康普艾</t>
  </si>
  <si>
    <t>【康普艾】膨胀接头\04.21.00062\LA55A\康普艾</t>
  </si>
  <si>
    <t>【康普艾】联轴器弹性体\04.07.00077\LA55A\康普艾</t>
  </si>
  <si>
    <t>【康普艾】联轴器\04.07.00074\LA55A\康普艾</t>
  </si>
  <si>
    <t>【康普艾】油过滤器\ZS1088918\LA55A\康普艾</t>
  </si>
  <si>
    <t>【康普艾】热控阀芯\04.05.7.0015\LA55A\康普艾</t>
  </si>
  <si>
    <t>【康普艾】热控底座\04.05.7.0016\直牙\LA55A\康普艾</t>
  </si>
  <si>
    <t>【康普艾】最小压力阀组立\04.05.3.0003\LA55A\康普艾</t>
  </si>
  <si>
    <t>【康普艾】软管\31898541\L250\康普艾</t>
  </si>
  <si>
    <t>【康普艾】冷却器进口至主机软管\35316477\L250\康普艾</t>
  </si>
  <si>
    <t>【康普艾】冷却器进口软管\31850938\L250\康普艾</t>
  </si>
  <si>
    <t>【康普艾】传送装置\34043866\6000v\L250\康普艾</t>
  </si>
  <si>
    <t>【康普艾】传送装置\34044184\10000V，10根/组\L250\康普艾</t>
  </si>
  <si>
    <t>【康普艾】螺纹管接头\29799726\L250\康普艾</t>
  </si>
  <si>
    <t>【康普艾】门锁\3504991\L250\康普艾</t>
  </si>
  <si>
    <t>【康普艾】电机传动装置\3668367\10根/组\L250\康普艾</t>
  </si>
  <si>
    <t>【康普艾】空气端传动装置\3669641\L250\康普艾</t>
  </si>
  <si>
    <t>【康普艾】油管\SC09-85\L250\康普艾</t>
  </si>
  <si>
    <t>【康普艾】油管\31852096\L250\康普艾</t>
  </si>
  <si>
    <t>【康普艾】冷却器出口软管\31852095\L250\康普艾</t>
  </si>
  <si>
    <t>【康普艾】油管\31852095\L250\康普艾</t>
  </si>
  <si>
    <t>【康普艾】高效油垢处理剂\31293-28\L250\康普艾</t>
  </si>
  <si>
    <t>【康普艾】放油螺栓\3667635\L250\康普艾</t>
  </si>
  <si>
    <t>【康普艾】限流阀\1295756\L250\康普艾</t>
  </si>
  <si>
    <t>【康普艾】压力管\3666775\L250\康普艾</t>
  </si>
  <si>
    <t>【康普艾】带槽密封圈\29684729\L250\康普艾</t>
  </si>
  <si>
    <t>【康普艾】止回压簧\29713786\L250\康普艾</t>
  </si>
  <si>
    <t>【康普艾】活塞\3793590\L250\康普艾</t>
  </si>
  <si>
    <t>【康普艾】缸体\3793240\L250\康普艾</t>
  </si>
  <si>
    <t>【康普艾】调节气缸维修包\03793240-KIT\L250\康普艾</t>
  </si>
  <si>
    <t>【康普艾】轴套挡圈\03793145\L250\康普艾</t>
  </si>
  <si>
    <t>【康普艾】皮带轮挡圈\SC04-31\L250\康普艾</t>
  </si>
  <si>
    <t>【康普艾】出轴端双层密封\29688016\L250\康普艾</t>
  </si>
  <si>
    <t>【康普艾】出轴端轴套\03814768\L250\康普艾</t>
  </si>
  <si>
    <t>【康普艾】回油管接头\30394-73\弯头\L250\康普艾</t>
  </si>
  <si>
    <t>【康普艾】回油管接头\SC09-15\盖板\L250\康普艾</t>
  </si>
  <si>
    <t>【康普艾】回油管\29012764\6.0X1.0\L250\康普艾</t>
  </si>
  <si>
    <t>【康普艾】回油管套件\29012764-KIT\L250\康普艾</t>
  </si>
  <si>
    <t>【康普艾】接头\29802898\18mm\L250\康普艾</t>
  </si>
  <si>
    <t>【康普艾】内衬套\29813410\8mm\L250\康普艾</t>
  </si>
  <si>
    <t>【康普艾】热控制阀阀芯\2117169\150℉\SAV500\康普艾</t>
  </si>
  <si>
    <t>【康普艾】通讯模块\301ETK1173\SAV500\康普艾</t>
  </si>
  <si>
    <t>【康普艾】AirSmart控制器\300ETK1173\SAV500\康普艾</t>
  </si>
  <si>
    <t>【康普艾】AirSmart中文显示面板\301ETK375\SAV500\康普艾</t>
  </si>
  <si>
    <t>【康普艾】ES+控制器\302EAU1173\SAV500\康普艾</t>
  </si>
  <si>
    <t>【康普艾】冷却器\SC04-187-1\FM55\康普艾</t>
  </si>
  <si>
    <t>【康普艾】风机\QX113542\FM55\康普艾</t>
  </si>
  <si>
    <t>【康普艾】变径接头\QX170174\FM55\康普艾</t>
  </si>
  <si>
    <t>【康普艾】消音器\QXA13012774\FM55\康普艾</t>
  </si>
  <si>
    <t>【康普艾】出油管\QX112594\FM55\康普艾</t>
  </si>
  <si>
    <t>【康普艾】进油管\QX112595\FM55\康普艾</t>
  </si>
  <si>
    <t>【康普艾】油封箱排气管\QX112789\FM55\康普艾</t>
  </si>
  <si>
    <t>【康普艾】空气端排气管\QX112591\FM55\康普艾</t>
  </si>
  <si>
    <t>【康普艾】管接头DL28\10000658\FM55\康普艾</t>
  </si>
  <si>
    <t>【康普艾】柔性卡箍D60.3\98156-51\FM55\康普艾</t>
  </si>
  <si>
    <t>【康普艾】压力传感器\QX187454\FM55\康普艾</t>
  </si>
  <si>
    <t>【康普艾】空气端温度探头线R2\QX185809\FM55\康普艾</t>
  </si>
  <si>
    <t>【康普艾】温度传感器\QX104521\FM55\康普艾</t>
  </si>
  <si>
    <t>【康普艾】温控阀55℃\A11175274\FM55\康普艾</t>
  </si>
  <si>
    <t>【康普艾】联轴器\QX112647\FM55\康普艾</t>
  </si>
  <si>
    <t>【康普艾】减震垫\SC04-189\FM55\康普艾</t>
  </si>
  <si>
    <t>【康普艾】垫\QX176403\FM55\康普艾</t>
  </si>
  <si>
    <t>【康普艾】卡箍AS110-140\A10213-13\FM55\康普艾</t>
  </si>
  <si>
    <t>【康普艾】空滤报警\QP10848374\FM55\康普艾</t>
  </si>
  <si>
    <t>【康普艾】接触器板\QX187451\FM55\康普艾</t>
  </si>
  <si>
    <t>【康普艾】卸载电磁阀线Y1\QX187473\FM55\康普艾</t>
  </si>
  <si>
    <t>【康普艾】DELCOS-BDG2控制器\QX187453\FM55\康普艾</t>
  </si>
  <si>
    <t>【康普艾】电磁阀\QX186104\FM55\康普艾</t>
  </si>
  <si>
    <t>【康普艾】进气阀维修包\QX193149\阀板、密封圈\FM55\康普艾</t>
  </si>
  <si>
    <t>【康普艾】密封圈\A93196700\FM55\康普艾</t>
  </si>
  <si>
    <t>【康普艾】最小压力阀\100011542\FM55\康普艾</t>
  </si>
  <si>
    <t>【康普艾】水冷空冷却器\11318174\L55\康普艾</t>
  </si>
  <si>
    <t>【康普艾】弯头\A93581660\L55G\康普艾</t>
  </si>
  <si>
    <t>【康普艾】转换接头\93596180\Ф8XФ10\L55G\康普艾</t>
  </si>
  <si>
    <t>【康普艾】卡套式直角接头\93581640\R1/8″-Ф8\L55G\康普艾</t>
  </si>
  <si>
    <t>【康普艾】油过滤器\A1470190\L55G\康普艾</t>
  </si>
  <si>
    <t>【康普艾】油分芯垫\A30962358\L55G\康普艾</t>
  </si>
  <si>
    <t>【康普艾】油分离器芯\33224393\L55G\康普艾</t>
  </si>
  <si>
    <t>【康普艾】压力传感器\11507074\L55G\康普艾</t>
  </si>
  <si>
    <t>【康普艾】皮带轮\A11602774\电机皮带轮\L55\康普艾</t>
  </si>
  <si>
    <t>【康普艾】皮带轮\A11022274\空气端皮带轮\L55\康普艾</t>
  </si>
  <si>
    <t>【康普艾】皮带轮\A11022374\空气端皮带轮\L55\康普艾</t>
  </si>
  <si>
    <t>【康普艾】风扇\A11019974\L55\康普艾</t>
  </si>
  <si>
    <t>【康普艾】后冷却器\A11011674\L55\康普艾</t>
  </si>
  <si>
    <t>【康普艾】油冷却器\A11011574\L55\康普艾</t>
  </si>
  <si>
    <t>【康普艾】压力传感器线缆\11523874\L55\康普艾</t>
  </si>
  <si>
    <t>【康普艾】进水电磁阀膜片\100001929\L55\康普艾</t>
  </si>
  <si>
    <t>【康普艾】弯头\A93581660\L55\康普艾</t>
  </si>
  <si>
    <t>【康普艾】传动皮带\3510724\L55\康普艾</t>
  </si>
  <si>
    <t>【康普艾】皮带\11023674\L55\康普艾</t>
  </si>
  <si>
    <t>【康普艾】油过滤器\A1470190\L55\康普艾</t>
  </si>
  <si>
    <t>【康普艾】最小压力启动阀\3506170\L55\康普艾</t>
  </si>
  <si>
    <t>【康普艾】吸调器套件2\31847487\L55\康普艾</t>
  </si>
  <si>
    <t>【康普艾】吸调器套件1\31847487\L55\康普艾</t>
  </si>
  <si>
    <t>【康普艾】轴封套件\2968689-KIT\含轴封*1、轴套*1及乐泰胶\L55\康普艾</t>
  </si>
  <si>
    <t>【康普艾】空气过滤器芯\3761918\L55\康普艾</t>
  </si>
  <si>
    <t>【康普艾】油分离器芯\3496768\L55\康普艾</t>
  </si>
  <si>
    <t>【康普艾】温控旁通阀\3373909\L55\康普艾</t>
  </si>
  <si>
    <t>【康普艾】压力传感器\11507074\L55\康普艾</t>
  </si>
  <si>
    <t>【康普艾】油管\100010616\L45G\康普艾</t>
  </si>
  <si>
    <t>【康普艾】油管\100009329\L45G\康普艾</t>
  </si>
  <si>
    <t>【康普艾】油管\100009328\L45G\康普艾</t>
  </si>
  <si>
    <t>【康普艾】补芯\SC09-144-3\L45G\康普艾</t>
  </si>
  <si>
    <t>【康普艾】软管\SC09-31\SC09-144-2\L45G\康普艾</t>
  </si>
  <si>
    <t>【康普艾】油分离器芯\A3615473\L132C\康普艾</t>
  </si>
  <si>
    <t>【康普艾】油分芯垫\A204243\L132C\康普艾</t>
  </si>
  <si>
    <t>【康普艾】压力传感器\11507074\L132C\康普艾</t>
  </si>
  <si>
    <t>【康普艾】温控阀\11244474\L132\康普艾</t>
  </si>
  <si>
    <t>【康普艾】传输件\11138074\L132\康普艾</t>
  </si>
  <si>
    <t>【康普艾】旋转阀维修包\321SSY6013\SAV500\康普艾</t>
  </si>
  <si>
    <t>【康普艾】轴封维修包\201SSY6013\SAV500\康普艾</t>
  </si>
  <si>
    <t>【康普艾】压力传感器\VP1011577\II代 替代QX103081\SAV500\康普艾</t>
  </si>
  <si>
    <t>【康普艾】压力传感器\88H359\I代\SAV500\康普艾</t>
  </si>
  <si>
    <t>【康普艾】联轴器弹性体\QX103662\SAV500\康普艾</t>
  </si>
  <si>
    <t>【康普艾】连轴器(国产）\QX101102\SAV500\康普艾</t>
  </si>
  <si>
    <t>【康普艾】连轴器\51L230\I代\SAV500\康普艾</t>
  </si>
  <si>
    <t>【康普艾】减震垫\49C48\SAV500\康普艾</t>
  </si>
  <si>
    <t>【康普艾】管接头密封圈\2117160\SAV500\康普艾</t>
  </si>
  <si>
    <t>【康普艾】弹性管接头\64EB802\SAV500\康普艾</t>
  </si>
  <si>
    <t>【康普艾】梭动阀\90AR1006\SAV500\康普艾</t>
  </si>
  <si>
    <t>【康普艾】止回阀\QX102687\SAV500\康普艾</t>
  </si>
  <si>
    <t>【康普艾】气动泄放阀\90AR262\SAV500\康普艾</t>
  </si>
  <si>
    <t>【康普艾】气动阀\90AR114\SAV500\康普艾</t>
  </si>
  <si>
    <t>【康普艾】压力调节器\88H367\旧件号88H139\SAV500\康普艾</t>
  </si>
  <si>
    <t>【康普艾】四通电磁阀\QX102910\II代\SAV500\康普艾</t>
  </si>
  <si>
    <t>【康普艾】四通电磁阀\91B192\I代\SAV500\康普艾</t>
  </si>
  <si>
    <t>【康普艾】TV电磁阀\301EAQ861\I代\SAV500\康普艾</t>
  </si>
  <si>
    <t>【康普艾】IVO电磁阀\91B249\常闭 适用于AirSmart控制器\SAV500\康普艾</t>
  </si>
  <si>
    <t>【康普艾】IVC电磁阀\91B243\常开 适用于AirSmart控制器\SAV500\康普艾</t>
  </si>
  <si>
    <t>【康普艾】IVO电磁阀\91B208\常闭 I代\SAV500\康普艾</t>
  </si>
  <si>
    <t>【康普艾】IVC电磁阀\91B143\常开 I代\SAV500\康普艾</t>
  </si>
  <si>
    <t>【康普艾】压差开关\88H195\SAV500\康普艾</t>
  </si>
  <si>
    <t>【康普艾】温度传感器\21D264\SAV500\康普艾</t>
  </si>
  <si>
    <t>【康普艾】BDV泄放电磁阀\91B250\适用于AirSmart控制器\SAV500\康普艾</t>
  </si>
  <si>
    <t>【康普艾】相位继电器\QX185083\L220G\康普艾</t>
  </si>
  <si>
    <t>【康普艾】安全阀10BAR\QX100659\L220G\康普艾</t>
  </si>
  <si>
    <t>【康普艾】安全阀8BAR\QX100662\L220G\康普艾</t>
  </si>
  <si>
    <t>【康普艾】安全阀7BAR\QX100661\L220G\康普艾</t>
  </si>
  <si>
    <t>【康普艾】后部冷却器\QX103395\风冷 350hp\L220G\康普艾</t>
  </si>
  <si>
    <t>【康普艾】后部冷却器\QX103397\风冷 250hp/300hp\L220G\康普艾</t>
  </si>
  <si>
    <t>【康普艾】油冷却器\QX103396\风冷 350hp\L220G\康普艾</t>
  </si>
  <si>
    <t>【康普艾】油冷却器\QX103398\风冷 250hp/300hp\L220G\康普艾</t>
  </si>
  <si>
    <t>【康普艾】后部冷却器\QX103270\水冷 350hp\L220G\康普艾</t>
  </si>
  <si>
    <t>【康普艾】后部冷却器\QX103389\水冷 250hp/300hp\L220G\康普艾</t>
  </si>
  <si>
    <t>【康普艾】油冷却器\QX102880\水冷 350hp\L220G\康普艾</t>
  </si>
  <si>
    <t>【康普艾】油冷却器\QX103388\水冷 250hp/300hp\L220G\康普艾</t>
  </si>
  <si>
    <t>【康普艾】热控制阀阀芯\QX103233\68°C（II代）\L220G\康普艾</t>
  </si>
  <si>
    <t>【康普艾】热控制阀阀芯\QX103232\57°C（II代）\L220G\康普艾</t>
  </si>
  <si>
    <t>【康普艾】热控制阀阀芯\2109364\160℉（I代）\L220G\康普艾</t>
  </si>
  <si>
    <t>【康普艾】热控制阀阀芯\2109365\150℉（I代）\L220G\康普艾</t>
  </si>
  <si>
    <t>【康普艾】通讯模块\301ETK1173\L220G\康普艾</t>
  </si>
  <si>
    <t>【康普艾】AirSmart控制器\300ETK1173\L220G\康普艾</t>
  </si>
  <si>
    <t>【康普艾】AirSmart中文显示面板\301ETK375\L220G\康普艾</t>
  </si>
  <si>
    <t>【康普艾】ES+控制器\302EAU1173\L220G\康普艾</t>
  </si>
  <si>
    <t>【康普艾】旋转阀维修包\315SSU6013\L220G\康普艾</t>
  </si>
  <si>
    <t>【康普艾】旋转电磁阀O型圈维修包\307EAQ6013\L220G\康普艾</t>
  </si>
  <si>
    <t>【康普艾】电气控制元件包\206EAP6013\I代\L220G\康普艾</t>
  </si>
  <si>
    <t>【康普艾】气动控制元件及仪表包\203EAU6013\L220G\康普艾</t>
  </si>
  <si>
    <t>【康普艾】衬垫维修包\333SSU6013\L220G\康普艾</t>
  </si>
  <si>
    <t>【康普艾】轴封维修包\302SSU6013\L220G\康普艾</t>
  </si>
  <si>
    <t>【康普艾】压力传感器\VP1011577\适用于AirSmart控制器\L220G\康普艾</t>
  </si>
  <si>
    <t>【康普艾】压力传感器\88H359\I代\L220G\康普艾</t>
  </si>
  <si>
    <t>【康普艾】Y型过滤器\82E50\L220G\康普艾</t>
  </si>
  <si>
    <t>【康普艾】电机润滑剂\QX103893\高压电机\L220G\康普艾</t>
  </si>
  <si>
    <t>【康普艾】电机润滑剂\100009999\L220G\康普艾</t>
  </si>
  <si>
    <t>【康普艾】联轴器弹性体\QX103661\国产350HP\L220G\康普艾</t>
  </si>
  <si>
    <t>【康普艾】油细分离器\QX201654\LA55A\康普艾</t>
  </si>
  <si>
    <t>【康普艾】管路过滤器\04.25.00009\12bar\LA55A\康普艾</t>
  </si>
  <si>
    <t>【康普艾】管道过滤器\04.04.6.0005\7-10bar\LA55A\康普艾</t>
  </si>
  <si>
    <t>【康普艾】电磁阀\05.18.00047\LA55A\康普艾</t>
  </si>
  <si>
    <t>【康普艾】进气阀组立\04.05.1.0033\LA55A\康普艾</t>
  </si>
  <si>
    <t>【康普艾】空滤芯\QX201658\7-12bar\LA55A\康普艾</t>
  </si>
  <si>
    <t>【康普艾】空滤组立\04.04.2.0046\LA55A\康普艾</t>
  </si>
  <si>
    <t>【康普艾】控制器组立\QX201463\ALG\LA55A\康普艾</t>
  </si>
  <si>
    <t>【康普艾】控制器组立\SC05-483\LA\LA55A\康普艾</t>
  </si>
  <si>
    <t>【康普艾】启动盘组立\04.17.00217\(55KW 12bar,75KW 7-12bar)\LA55A\康普艾</t>
  </si>
  <si>
    <t>【康普艾】控制气路总成\A11502307\L132\康普艾</t>
  </si>
  <si>
    <t>【康普艾】压力传感器\11507074\L07\康普艾</t>
  </si>
  <si>
    <t>【康普艾】电磁阀\RPT-6\40M\30M\20M\康普艾</t>
  </si>
  <si>
    <t>【康普艾】继电器\MY2NJ\40M\30M\20M\康普艾</t>
  </si>
  <si>
    <t>【康普艾】加热器\JL-X-014A-005\40M\30M\20M\康普艾</t>
  </si>
  <si>
    <t>【康普艾】电加热管\JL-X-014A-004\40M\30M\20M\康普艾</t>
  </si>
  <si>
    <t>【康普艾】冷干机电加热元件\JL-X-014A-003\1.5KW\40M\30M\20M\康普艾</t>
  </si>
  <si>
    <t>【康普艾】电加热管\JL-X-014A-002\40M\30M\20M\康普艾</t>
  </si>
  <si>
    <t>【康普艾】电器箱\JL-X-013A-004\40M\30M\20M\康普艾</t>
  </si>
  <si>
    <t>【康普艾】电器箱\JL-X-013A-003\40M\30M\20M\康普艾</t>
  </si>
  <si>
    <t>【康普艾】电器箱\JL-X-013A-002\40M\30M\20M\康普艾</t>
  </si>
  <si>
    <t>【康普艾】气动薄膜片\JL-X-012A-005\40M\30M\20M\康普艾</t>
  </si>
  <si>
    <t>【康普艾】气动薄膜片\JL-X-012A-003\40M\30M\20M\康普艾</t>
  </si>
  <si>
    <t>【康普艾】气动薄膜片\JL-X-012A-002\40M\30M\20M\康普艾</t>
  </si>
  <si>
    <t>【康普艾】气动薄膜片\JL-X-012A-001\40M\30M\20M\康普艾</t>
  </si>
  <si>
    <t>【康普艾】M过滤减压阀\JL-X-010A-006\40M\30M\20M\康普艾</t>
  </si>
  <si>
    <t>【康普艾】M过滤减压阀\JL-X-010A-005\40M\30M\20M\康普艾</t>
  </si>
  <si>
    <t>【康普艾】M过滤减压阀\JL-X-010A-002\40M\30M\20M\康普艾</t>
  </si>
  <si>
    <t>【康普艾】M过滤减压阀\JL-X-009A-003\40M\30M\20M\康普艾</t>
  </si>
  <si>
    <t>【康普艾】M过滤减压阀\JL-X-009A-002\40M\30M\20M\康普艾</t>
  </si>
  <si>
    <t>【康普艾】M过滤减压阀\JL-X-009A-001\40M\30M\20M\康普艾</t>
  </si>
  <si>
    <t>【康普艾】止回阀\JL-X-008A-007\40M\30M\20M\康普艾</t>
  </si>
  <si>
    <t>【康普艾】止回阀\JL-X-008A-006\40M\30M\20M\康普艾</t>
  </si>
  <si>
    <t>【康普艾】止回阀\JL-X-008A-005\40M\30M\20M\康普艾</t>
  </si>
  <si>
    <t>【康普艾】止回阀\JL-X-008A-004\40M\30M\20M\康普艾</t>
  </si>
  <si>
    <t>【康普艾】止回阀\JL-X-008A-003\40M\30M\20M\康普艾</t>
  </si>
  <si>
    <t>【康普艾】衬套\C20466-9\6150N\康普艾</t>
  </si>
  <si>
    <t>【康普艾】排液过滤器\98224-326\6150N\康普艾</t>
  </si>
  <si>
    <t>【康普艾】最小压力阀\C20600-80\6150N\康普艾</t>
  </si>
  <si>
    <t>【康普艾】齿轮\C20439-477\小齿轮\6150N\康普艾</t>
  </si>
  <si>
    <t>【康普艾】齿轮\C20439-517\大齿轮\6150N\康普艾</t>
  </si>
  <si>
    <t>【康普艾】尼龙管\98617-9\附铜套\6150N\康普艾</t>
  </si>
  <si>
    <t>【康普艾】尼龙管\98617-8\附铜套\6150N\康普艾</t>
  </si>
  <si>
    <t>【康普艾】压力开关\98612-113\6150N\康普艾</t>
  </si>
  <si>
    <t>【康普艾】电磁阀\98650-143\6150N\康普艾</t>
  </si>
  <si>
    <t>【康普艾】压力开关\98612-115\6150N\康普艾</t>
  </si>
  <si>
    <t>【康普艾】阀杆\C20600-374\6150N\康普艾</t>
  </si>
  <si>
    <t>【康普艾】梭阀\98650-32\6150N\康普艾</t>
  </si>
  <si>
    <t>【康普艾】密封\95602-69\6150N\康普艾</t>
  </si>
  <si>
    <t>【康普艾】恒温旁通阀\98650-281\6150N\康普艾</t>
  </si>
  <si>
    <t>【康普艾】轴套\C20466-405\6150N\康普艾</t>
  </si>
  <si>
    <t>【康普艾】齿轴\C20466-8\6150N\康普艾</t>
  </si>
  <si>
    <t>【康普艾】旁通阀阀芯\98603-2\6150N\康普艾</t>
  </si>
  <si>
    <t>【康普艾】油温探头\98612-111\6150N\康普艾</t>
  </si>
  <si>
    <t>【康普艾】排水电磁阀\98652-37\6150N\康普艾</t>
  </si>
  <si>
    <t>【康普艾】卸载电磁阀\98652-21\6150N\康普艾</t>
  </si>
  <si>
    <t>【康普艾】风扇空气开关\98143-45\6150N\康普艾</t>
  </si>
  <si>
    <t>【康普艾】急停开关\98524-48\6150N\康普艾</t>
  </si>
  <si>
    <t>【康普艾】控制面板\C20606-120\6150N\康普艾</t>
  </si>
  <si>
    <t>【康普艾】压力传感器\98612-120\6150N\康普艾</t>
  </si>
  <si>
    <t>【康普艾】安全阀\98650-343\6150N\康普艾</t>
  </si>
  <si>
    <t>【康普艾】泄放阀阀芯\98650-371\6150N\康普艾</t>
  </si>
  <si>
    <t>【康普艾】泄放阀\98650-370\6150N\康普艾</t>
  </si>
  <si>
    <t>【康普艾】快速放气阀\98650-359\6150N\康普艾</t>
  </si>
  <si>
    <t>【康普艾】抗震压力表\A3777-60M\6150N\康普艾</t>
  </si>
  <si>
    <t>【康普艾】最小压力阀维修包\C11158-5660\6150N\康普艾</t>
  </si>
  <si>
    <t>【康普艾】反向调节器隔膜\C11158-1043\6150N\康普艾</t>
  </si>
  <si>
    <t>【康普艾】反向调节器\98650-2\6150N\康普艾</t>
  </si>
  <si>
    <t>【康普艾】吸气调节气维修包\C11158-5975\6150N\康普艾</t>
  </si>
  <si>
    <t>【康普艾】温度传感器\QX104521\LB132\康普艾</t>
  </si>
  <si>
    <t>【康普艾】压力传感器\ZS1050642\LB132\康普艾</t>
  </si>
  <si>
    <t>【康普艾】DECOS-BD控制器\SC05-483\LB132\康普艾</t>
  </si>
  <si>
    <t>【康普艾】进气软管\QX104571\LB132\康普艾</t>
  </si>
  <si>
    <t>【康普艾】进气阀\QX103765\吸气调节器\LB132\康普艾</t>
  </si>
  <si>
    <t>【康普艾】进气阀维修包\QX193542\含各类密封件\LB132\康普艾</t>
  </si>
  <si>
    <t>【康普艾】电磁阀\QX186104\LB132\康普艾</t>
  </si>
  <si>
    <t>【康普艾】变压器\05.03.00033\LA55A\康普艾</t>
  </si>
  <si>
    <t>【康普艾】热继电器\05.05.00031\LA55A\康普艾</t>
  </si>
  <si>
    <t>【康普艾】中间继电器\05.05.00033\LA55A\康普艾</t>
  </si>
  <si>
    <t>【康普艾】接触器\05.02.00042\LA55A\康普艾</t>
  </si>
  <si>
    <t>【康普艾】接触器\05.02.00025\LA55A\康普艾</t>
  </si>
  <si>
    <t>【康普艾】接触器\05.02.00009\LA55A\康普艾</t>
  </si>
  <si>
    <t>【康普艾】启动盘组立\04.17.00216\55KW 7-10bar\LA55A\康普艾</t>
  </si>
  <si>
    <t>【康普艾】风扇\04.16.00011\LA55A\康普艾</t>
  </si>
  <si>
    <t>【康普艾】中心托架\04.06.00041\LA55A\康普艾</t>
  </si>
  <si>
    <t>【康普艾】冷却器\04.13.00063\LA55A\康普艾</t>
  </si>
  <si>
    <t>【康普艾】油气桶组立\04.10.00041\LA55A\康普艾</t>
  </si>
  <si>
    <t>【康普艾】机体\04.03.1.0085\LA55A\康普艾</t>
  </si>
  <si>
    <t>【康普艾】电机\04.02.075.075\12bar\LA55A\康普艾</t>
  </si>
  <si>
    <t>【康普艾】电机\04.02.055.023\7-10bar\LA55A\康普艾</t>
  </si>
  <si>
    <t>【康普艾】空气端总成\100002623\L55\康普艾</t>
  </si>
  <si>
    <t>【康普艾】油视镜\A98340-1\L55\康普艾</t>
  </si>
  <si>
    <t>【康普艾】直角接头\A93581680\L55\康普艾</t>
  </si>
  <si>
    <t>【康普艾】衬套\A93614310\L55\康普艾</t>
  </si>
  <si>
    <t>【康普艾】尼龙管\A91801140\L55\康普艾</t>
  </si>
  <si>
    <t>【康普艾】衬套\A93614120\L55\康普艾</t>
  </si>
  <si>
    <t>【康普艾】空滤支架\SC07-51\L55\康普艾</t>
  </si>
  <si>
    <t>【康普艾】进气过滤器\11323274KIT\L55\康普艾</t>
  </si>
  <si>
    <t>【康普艾】皮带\11033274\L55\康普艾</t>
  </si>
  <si>
    <t>【康普艾】卡箍\93616020\L55\康普艾</t>
  </si>
  <si>
    <t>【康普艾】内衬套\29813650\18mm\L250\康普艾</t>
  </si>
  <si>
    <t>【康普艾】卡箍\8mm\L250\康普艾</t>
  </si>
  <si>
    <t>【康普艾】卡箍\18mm\L250\康普艾</t>
  </si>
  <si>
    <t>【康普艾】空气软管\29236044\18mm\L250\康普艾</t>
  </si>
  <si>
    <t>【康普艾】空气软管\29235997\8mm\L250\康普艾</t>
  </si>
  <si>
    <t>【康普艾】安全阀\3638049\进口\L250\康普艾</t>
  </si>
  <si>
    <t>【康普艾】最小压力阀总成\3666711\L250\康普艾</t>
  </si>
  <si>
    <t>【康普艾】最小压力阀总成\03666711\L250\康普艾</t>
  </si>
  <si>
    <t>【康普艾】进气阀总成\31848846\L250\康普艾</t>
  </si>
  <si>
    <t>【康普艾】风扇总成\31848210\L250\康普艾</t>
  </si>
  <si>
    <t>【康普艾】冷却风扇电机\31848210-2\L250\康普艾</t>
  </si>
  <si>
    <t>【康普艾】冷却风扇\31848210-1\L250\康普艾</t>
  </si>
  <si>
    <t>【康普艾】加大型油交换器\38533216\L250\康普艾</t>
  </si>
  <si>
    <t>【康普艾】空气交换器\41082802\水冷的后冷\L250\康普艾</t>
  </si>
  <si>
    <t>【康普艾】油交换器\38535031\水冷的油冷\L250\康普艾</t>
  </si>
  <si>
    <t>【康普艾】空气交换器\3666584\空冷的后冷\L250\康普艾</t>
  </si>
  <si>
    <t>【康普艾】油交换器\31848826\2块/套\L250\康普艾</t>
  </si>
  <si>
    <t>【康普艾】油交换器\31848826\L250\康普艾</t>
  </si>
  <si>
    <t>【康普艾】电脑控制面板\31848887\L250\康普艾</t>
  </si>
  <si>
    <t>【康普艾】油视镜修包\29236006-KIT\L250\康普艾</t>
  </si>
  <si>
    <t>【康普艾】轴封套件修包\29688015-KIT\含轴封*1、轴套*1及乐泰胶\L250\康普艾</t>
  </si>
  <si>
    <t>【康普艾】尼龙管及接头修包\29235997-KIT\L250\康普艾</t>
  </si>
  <si>
    <t>【康普艾】进气软管\3666457\L250\康普艾</t>
  </si>
  <si>
    <t>【康普艾】压力阀维修包\31847419\密封圈、导套、垫等\L250\康普艾</t>
  </si>
  <si>
    <t>【康普艾】调节器总成维修包\31847488\L250\康普艾</t>
  </si>
  <si>
    <t>【康普艾】温度控制阀\03666743\L250\康普艾</t>
  </si>
  <si>
    <t>【康普艾】密封圈\03665055-1\L250\康普艾</t>
  </si>
  <si>
    <t>【康普艾】柔性接头\03665055\L250\康普艾</t>
  </si>
  <si>
    <t>【康普艾】油滤压差开关\12740660\L250\康普艾</t>
  </si>
  <si>
    <t>【康普艾】油气分离压差开关\01754991\L250\康普艾</t>
  </si>
  <si>
    <t>【康普艾】后冷却器垫片\29678539\L132C\康普艾</t>
  </si>
  <si>
    <t>【康普艾】密封垫\29676006\L132C\康普艾</t>
  </si>
  <si>
    <t>【康普艾】最小压力阀垫片\29676006\L132C\康普艾</t>
  </si>
  <si>
    <t>【康普艾】分离桶密封\19578789\L132C\康普艾</t>
  </si>
  <si>
    <t>【康普艾】油气分离器\34657878\L132C\康普艾</t>
  </si>
  <si>
    <t>【康普艾】油滤器芯\1409322\L132C\康普艾</t>
  </si>
  <si>
    <t>【康普艾】空气滤芯\93962917\L132C\康普艾</t>
  </si>
  <si>
    <t>【康普艾】吸音棉\L132C08A\L132C\康普艾</t>
  </si>
  <si>
    <t>【康普艾】空气端总成\A05700174\L132C\康普艾</t>
  </si>
  <si>
    <t>【康普艾】压缩空气过滤器滤芯\JHF-7-10 1um\处理量20m3/min，精度＜0.5μm\L132C\康普艾</t>
  </si>
  <si>
    <t>【康普艾】压缩空气过滤器滤芯\JHF-9-10 3um\处理量20m3/min，精度＜1μm\L132C\康普艾</t>
  </si>
  <si>
    <t>【康普艾】最小压力阀\100011406\LB132\康普艾</t>
  </si>
  <si>
    <t>【康普艾】油分芯垫\A93199150\LB132\康普艾</t>
  </si>
  <si>
    <t>【康普艾】油分离器芯\QX103383\LB132\康普艾</t>
  </si>
  <si>
    <t>【康普艾】油过滤器芯\QX105047\LB132\康普艾</t>
  </si>
  <si>
    <t>【康普艾】空气过滤器芯\QX104542\LB132\康普艾</t>
  </si>
  <si>
    <t>【康普艾】油路冷却剂\29340854/S/6\18升/桶；0.0155吨/桶\LB132\康普艾</t>
  </si>
  <si>
    <t>【康普艾】温控旁通阀\36667433\LB132\康普艾</t>
  </si>
  <si>
    <t>【康普艾】温度传感器\QX33285\LB132\康普艾</t>
  </si>
  <si>
    <t>【康普艾】压力传感器\QX334539\LB132\康普艾</t>
  </si>
  <si>
    <t>【康普艾】BD控制器\QX01746\LB132\康普艾</t>
  </si>
  <si>
    <t>【康普艾】进气软管\QX33302\LB132\康普艾</t>
  </si>
  <si>
    <t>【康普艾】吸气调节器\QX33045\LB132\康普艾</t>
  </si>
  <si>
    <t>【康普艾】进气阀维修包\QX61637\含各类密封件\LB132\康普艾</t>
  </si>
  <si>
    <t>【康普艾】电磁阀\QX59263\LB132\康普艾</t>
  </si>
  <si>
    <t>【康普艾】最小压力止回阀\31850766\LB132\康普艾</t>
  </si>
  <si>
    <t>【康普艾】分离桶密封\29681258\LB132\康普艾</t>
  </si>
  <si>
    <t>【康普艾】油气分离器\QX32924\LB132\康普艾</t>
  </si>
  <si>
    <t>【康普艾】油滤器芯\QX33454\LB132\康普艾</t>
  </si>
  <si>
    <t>【康普艾】空气滤芯\QX33294\LB132\康普艾</t>
  </si>
  <si>
    <t>【康普艾】后置过滤器\SJ-L-005-040\LB110\康普艾</t>
  </si>
  <si>
    <t>【康普艾】前置过滤器\SJ-L-007-040\LB110\康普艾</t>
  </si>
  <si>
    <t>【康普艾】滤芯\M072-B\精度＜0.01μm\LB110\康普艾</t>
  </si>
  <si>
    <t>【康普艾】滤芯\M072-A\精度＜0.5μm\LB110\康普艾</t>
  </si>
  <si>
    <t>【康普艾】滤芯\M072-V\精度＜1μm\LB110\康普艾</t>
  </si>
  <si>
    <t>【康普艾】微热再生吸干机滤芯\XJK-XG2E3\LB110\康普艾</t>
  </si>
  <si>
    <t>【康普艾】挠性接头\100012145\柔性卡箍\LB110\康普艾</t>
  </si>
  <si>
    <t>【康普艾】弹簧\QP93301290\LB300\康普艾</t>
  </si>
  <si>
    <t>【康普艾】阀板\QP11910474\LB300\康普艾</t>
  </si>
  <si>
    <t>【康普艾】冷却风扇\32114968\LB300\康普艾</t>
  </si>
  <si>
    <t>【康普艾】控制器总成\61655096\LB300\康普艾</t>
  </si>
  <si>
    <t>【康普艾】空滤压差开关\34548962\LB300\康普艾</t>
  </si>
  <si>
    <t>【康普艾】温度传感器\33286943\LB300\康普艾</t>
  </si>
  <si>
    <t>【康普艾】压力传感器\33459936\LB300\康普艾</t>
  </si>
  <si>
    <t>【康普艾】DELCOS-BD485通讯模块\QX186122\LB300\康普艾</t>
  </si>
  <si>
    <t>【康普艾】水冷式油冷却器\33715605\LB300\康普艾</t>
  </si>
  <si>
    <t>【康普艾】水冷式后冷却器\33715924\LB300\康普艾</t>
  </si>
  <si>
    <t>【康普艾】控制电磁阀\33985987\LB300\康普艾</t>
  </si>
  <si>
    <t>【康普艾】卸载电磁阀\59247770\LB300\康普艾</t>
  </si>
  <si>
    <t>【康普艾】加油塞密封圈\95602-79\LB300\康普艾</t>
  </si>
  <si>
    <t>【康普艾】O型圈\55759554\LB300\康普艾</t>
  </si>
  <si>
    <t>【康普艾】最小压力阀\33381210\LB300\康普艾</t>
  </si>
  <si>
    <t>【康普艾】螺杆专用油\29340854\18升/桶；0.0155吨/桶\LB300\康普艾</t>
  </si>
  <si>
    <t>【康普艾】油分芯\33582482\LB300\康普艾</t>
  </si>
  <si>
    <t>【康普艾】油滤芯\33454458\LB300\康普艾</t>
  </si>
  <si>
    <t>【康普艾】空气滤芯\33293630\LB300\康普艾</t>
  </si>
  <si>
    <t>【康普艾】吸油阀\SC09-144-1\100007590\L45G\康普艾</t>
  </si>
  <si>
    <t>【康普艾】吸油阀总成\SC09-144\L45G\康普艾</t>
  </si>
  <si>
    <t>【康普艾】吸气管\100008786\L45G\康普艾</t>
  </si>
  <si>
    <t>【康普艾】联轴器芯\100008875\L45G\康普艾</t>
  </si>
  <si>
    <t>【康普艾】联轴器\100008854\L45G\康普艾</t>
  </si>
  <si>
    <t>【康普艾】温控阀\100010137\71C\L45G\康普艾</t>
  </si>
  <si>
    <t>【康普艾】温控阀\100010134\55C\L45G\康普艾</t>
  </si>
  <si>
    <t>【康普艾】轴封套件\A11830674\L45G\康普艾</t>
  </si>
  <si>
    <t>【康普艾】压力传感器\ZS1050642\L45G\康普艾</t>
  </si>
  <si>
    <t>【康普艾】温度传感器\100010275\100003018\L45G\康普艾</t>
  </si>
  <si>
    <t>【康普艾】最小压力阀\100007663\L45G\康普艾</t>
  </si>
  <si>
    <t>【康普艾】吸调器放气电磁阀\100012564\Y4\L45G\康普艾</t>
  </si>
  <si>
    <t>【康普艾】卸载电磁阀\100012563\Y1\L45G\康普艾</t>
  </si>
  <si>
    <t>【康普艾】离心风扇\100008755\L45G\康普艾</t>
  </si>
  <si>
    <t>【康普艾】吸气管\100010612\L45G\康普艾</t>
  </si>
  <si>
    <t>【康普艾】吸调器维修包\100010409\密封圈、膜片、组合垫\L45G\康普艾</t>
  </si>
  <si>
    <t>【康普艾】吸调器模块\100010089-3\L45G\康普艾</t>
  </si>
  <si>
    <t>【康普艾】吸调器\100010089\L45G\康普艾</t>
  </si>
  <si>
    <t>【康普艾】压差开关\QP10848374\L45G\康普艾</t>
  </si>
  <si>
    <t>【康普艾】开关线\SC05-196\L45G\康普艾</t>
  </si>
  <si>
    <t>【康普艾】接头\SC09-52\L45G\康普艾</t>
  </si>
  <si>
    <t>【康普艾】空滤压差开关总成\SC15-29\L45G\康普艾</t>
  </si>
  <si>
    <t>【康普艾】后置过滤器\JLF71F700\处理量20m3/min，精度＜0.01μm\L132C\康普艾</t>
  </si>
  <si>
    <t>【康普艾】前置过滤器\JLF52F700\处理量20m3/min，精度＜0.5μm\L132C\康普艾</t>
  </si>
  <si>
    <t>【康普艾】空气干燥器蒸发器\GL-200A\流量：20m3/min；空气压力：0.7MPa；入口温度＜40℃\L132C\康普艾</t>
  </si>
  <si>
    <t>【康普艾】空气干燥器冷凝器（风冷）\GL-200A\流量：20m3/min；空气压力：0.7MPa；入口温度＜40℃\L132C\康普艾</t>
  </si>
  <si>
    <t>【康普艾】干燥器蒸发器\JY-HF300ZF\JAL-25M\L132C\康普艾</t>
  </si>
  <si>
    <t>【康普艾】BDV泄放电磁阀\91B70\I代\SAV500\康普艾</t>
  </si>
  <si>
    <t>【康普艾】最小压力阀维修包\QX103234\SAV500\康普艾</t>
  </si>
  <si>
    <t>【康普艾】最小压力阀\QX102801\II代\SAV500\康普艾</t>
  </si>
  <si>
    <t>【康普艾】最小压力阀维修包\308EAY6013\I代\SAV500\康普艾</t>
  </si>
  <si>
    <t>【康普艾】最小压力阀\200ESV527A\I代\SAV500\康普艾</t>
  </si>
  <si>
    <t>【康普艾】进气阀维修包\QX103235\SAV500\康普艾</t>
  </si>
  <si>
    <t>【康普艾】进气阀总成\QX102790\II代\SAV500\康普艾</t>
  </si>
  <si>
    <t>【康普艾】INLETVALVEKIT进气阀维修包\322SSY6013\SAV500\康普艾</t>
  </si>
  <si>
    <t>【康普艾】进气阀总成\S11541D\I代\SAV500\康普艾</t>
  </si>
  <si>
    <t>【康普艾】ULTIMA8000冷却液\QX111167\208L/桶\SAV500\康普艾</t>
  </si>
  <si>
    <t>【康普艾】ULTIMA8000冷却液\QX108106\18.9升/桶\SAV500\康普艾</t>
  </si>
  <si>
    <t>【康普艾】油分芯\QX108891\SAV500\康普艾</t>
  </si>
  <si>
    <t>【康普艾】油分芯2\QX104009\SAV500\康普艾</t>
  </si>
  <si>
    <t>【康普艾】油分芯1\QX104008\SAV500\康普艾</t>
  </si>
  <si>
    <t>【康普艾】油分芯\VP1036501\SAV500\康普艾</t>
  </si>
  <si>
    <t>【康普艾】主机油滤芯\26A43\SAV500\康普艾</t>
  </si>
  <si>
    <t>【康普艾】主油滤芯\QX104006\SAV500\康普艾</t>
  </si>
  <si>
    <t>【康普艾】空滤芯\QX104004\SAV500\康普艾</t>
  </si>
  <si>
    <t>【康普艾】滤芯\2605530160\SA120\康普艾</t>
  </si>
  <si>
    <t>【康普艾】滤芯\2605530180\SA120\康普艾</t>
  </si>
  <si>
    <t>【康普艾】空滤\2605542100\SA120\康普艾</t>
  </si>
  <si>
    <t>【康普艾】油滤\5588000308P\S341\康普艾</t>
  </si>
  <si>
    <t>【康普艾】油分滤芯\575000101P\S341\康普艾</t>
  </si>
  <si>
    <t>【康普艾】温控阀套件\242035367P\含温控阀*1，及相关密封件\S341\康普艾</t>
  </si>
  <si>
    <t>【康普艾】初效过滤器\243003721\597*805*45\S341\康普艾</t>
  </si>
  <si>
    <t>【康普艾】螺塞\520007000P\S341\康普艾</t>
  </si>
  <si>
    <t>【康普艾】油分出口软管\4MPa-DN64\S341\康普艾</t>
  </si>
  <si>
    <t>【康普艾】加载电磁阀\644004401P\S341\康普艾</t>
  </si>
  <si>
    <t>【康普艾】空气过滤器\C910099\S341\康普艾</t>
  </si>
  <si>
    <t>【康普艾】传动装置\EA98666\10根/组\S341\康普艾</t>
  </si>
  <si>
    <t>【康普艾】放气电磁阀\QX106222\S341\康普艾</t>
  </si>
  <si>
    <t>【康普艾】油管\A11380774\油分桶-油冷却器\Relly 060\康普艾</t>
  </si>
  <si>
    <t>【康普艾】气管\A11381074\后冷却器-出口法兰\Relly 060\康普艾</t>
  </si>
  <si>
    <t>【康普艾】联轴器\QX101402\国产350HP\L220G\康普艾</t>
  </si>
  <si>
    <t>【康普艾】联轴器弹性体\QX103660\国产250-300\L220G\康普艾</t>
  </si>
  <si>
    <t>【康普艾】联轴器\QX101101\国产250-300\L220G\康普艾</t>
  </si>
  <si>
    <t>【康普艾】连轴器弹性体维修包进口\2118274\L220G\康普艾</t>
  </si>
  <si>
    <t>【康普艾】连轴器进口\51L224\L220G\康普艾</t>
  </si>
  <si>
    <t>【康普艾】减震垫\49C48\L220G\康普艾</t>
  </si>
  <si>
    <t>【康普艾】弹性管接头维修包\2117161\旧件号：2109775 用于64EB密封圈\L220G\康普艾</t>
  </si>
  <si>
    <t>【康普艾】油位计浮子\QX101393\旧件号：200EAU303\L220G\康普艾</t>
  </si>
  <si>
    <t>【康普艾】油过滤器端盖\2118343\L220G\康普艾</t>
  </si>
  <si>
    <t>【康普艾】梭动阀\90AR1034\L220G\康普艾</t>
  </si>
  <si>
    <t>【康普艾】止回阀\QX102687\L220G\康普艾</t>
  </si>
  <si>
    <t>【康普艾】气动泄放阀\90AR1083\L220G\康普艾</t>
  </si>
  <si>
    <t>【康普艾】膨胀节\300EAU535\L220G\康普艾</t>
  </si>
  <si>
    <t>【康普艾】压力调节器\88H367\旧件号88H139\L220G\康普艾</t>
  </si>
  <si>
    <t>【康普艾】TV电磁阀\VP1021223\适用于AirSmart控制器\L220G\康普艾</t>
  </si>
  <si>
    <t>【康普艾】TV电磁阀\301EAQ861\I代\L220G\康普艾</t>
  </si>
  <si>
    <t>【康普艾】IVO电磁阀\91B244\常闭 适用于AirSmart控制器\L220G\康普艾</t>
  </si>
  <si>
    <t>【康普艾】IVC电磁阀\91B243\常开 适用于AirSmart控制器\L220G\康普艾</t>
  </si>
  <si>
    <t>【康普艾】IVO电磁阀\91B81\常闭 I代\L220G\康普艾</t>
  </si>
  <si>
    <t>【康普艾】IVC电磁阀\91B143\常开 I代\L220G\康普艾</t>
  </si>
  <si>
    <t>【康普艾】压差开关\88H195\L220G\康普艾</t>
  </si>
  <si>
    <t>【康普艾】温度传感器\89857539\II代\L220G\康普艾</t>
  </si>
  <si>
    <t>【康普艾】温度传感器\21D264\I代\L220G\康普艾</t>
  </si>
  <si>
    <t>【康普艾】BDV泄放电磁阀\91B250\适用于AirSmart控制器\L220G\康普艾</t>
  </si>
  <si>
    <t>【康普艾】BDV泄放电磁阀\91B70\适用于ES+控制器\L220G\康普艾</t>
  </si>
  <si>
    <t>【康普艾】最小压力阀（国产）维修包\QX103231\II代\L220G\康普艾</t>
  </si>
  <si>
    <t>【康普艾】最小压力阀（国产）\QX101284\II代\L220G\康普艾</t>
  </si>
  <si>
    <t>【康普艾】最小压力阀维修包\2116855\I代（密封圈、垫片、弹簧\L220G\康普艾</t>
  </si>
  <si>
    <t>【康普艾】最小压力阀\201EDM527\I代\L220G\康普艾</t>
  </si>
  <si>
    <t>【康普艾】维护备件包2000H\WHBY-2000-FM55\FM55\康普艾</t>
  </si>
  <si>
    <t>【康普艾】维护备件包8000H\WHBY-8000-LB150\LB150\康普艾</t>
  </si>
  <si>
    <t>【康普艾】维护备件包6000H\WHBY-6000-LB150\LB150\康普艾</t>
  </si>
  <si>
    <t>【康普艾】维护备件包4000H\WHBY-4000-LB150\LB150\康普艾</t>
  </si>
  <si>
    <t>【康普艾】维护备件包2000H\WHBY-2000-LB150\LB150\康普艾</t>
  </si>
  <si>
    <t>【康普艾】维护备件包8000H\WHBY-8000-LB132\LB132\康普艾</t>
  </si>
  <si>
    <t>【康普艾】维护备件包6000H\WHBY-6000-LB132\LB132\康普艾</t>
  </si>
  <si>
    <t>【康普艾】维护备件包4000H\WHBY-4000-LB132\LB132\康普艾</t>
  </si>
  <si>
    <t>【康普艾】维护备件包2000H\WHBY-2000-LB132\LB132\康普艾</t>
  </si>
  <si>
    <t>【康普艾】维护备件包8000H\WHBY-8000-LB110\LB110\康普艾</t>
  </si>
  <si>
    <t>【康普艾】维护备件包6000H\WHBY-6000-LB110\LB110\康普艾</t>
  </si>
  <si>
    <t>【康普艾】维护备件包4000H\WHBY-4000-LB110\LB110\康普艾</t>
  </si>
  <si>
    <t>【康普艾】维护备件包2000H\WHBY-2000-LB110\LB110\康普艾</t>
  </si>
  <si>
    <t>【康普艾】维护备件包8000H\WHBY-8000-L55G\L55G\康普艾</t>
  </si>
  <si>
    <t>【康普艾】维护备件包6000H\WHBY-6000-L55G\L55G\康普艾</t>
  </si>
  <si>
    <t>【康普艾】维护备件包4000H\WHBY-4000-L55G\L55G\康普艾</t>
  </si>
  <si>
    <t>【康普艾】维护备件包2000H\WHBY-2000-L55G\L55G\康普艾</t>
  </si>
  <si>
    <t>【康普艾】维护备件包8000H\WHBY-8000-6150N\6150N\康普艾</t>
  </si>
  <si>
    <t>【康普艾】维护备件包6000H\WHBY-6000-6150N\6150N\康普艾</t>
  </si>
  <si>
    <t>【康普艾】维护备件包4000H\WHBY-4000-6150N\6150N\康普艾</t>
  </si>
  <si>
    <t>【康普艾】维护备件包2000H\WHBY-2000-6150N\6150N\康普艾</t>
  </si>
  <si>
    <t>【康普艾】维护备件包8000H\WHBY-8000-LB300\LB300\康普艾</t>
  </si>
  <si>
    <t>【康普艾】维护备件包6000H\WHBY-6000-LB300\LB300\康普艾</t>
  </si>
  <si>
    <t>【康普艾】维护备件包4000H\WHBY-4000-LB300\LB300\康普艾</t>
  </si>
  <si>
    <t>【康普艾】维护备件包2000H\WHBY-2000-LB300\LB300\康普艾</t>
  </si>
  <si>
    <t>【康普艾】维护备件包8000H\WHBY-8000-L132C\L132C\康普艾</t>
  </si>
  <si>
    <t>【康普艾】维护备件包6000H\WHBY-6000-L132C\L132C\康普艾</t>
  </si>
  <si>
    <t>【康普艾】维护备件包4000H\WHBY-4000-L132C\L132C\康普艾</t>
  </si>
  <si>
    <t>【康普艾】维护备件包2000H\WHBY-2000-L132C\L132C\康普艾</t>
  </si>
  <si>
    <t>【康普艾】维护备件包8000H（老机型）\WHBY-8000-L250-O\L250\康普艾</t>
  </si>
  <si>
    <t>【康普艾】维护备件包6000H（老机型）\WHBY-6000-L250-O\L250\康普艾</t>
  </si>
  <si>
    <t>【康普艾】后置滤芯\JHF7-50\LB260\康普艾</t>
  </si>
  <si>
    <t>【康普艾】气动蝶阀\DN65 JAL21A117\Dn65\LB260\康普艾</t>
  </si>
  <si>
    <t>【康普艾】气动蝶阀\JL-X-001A-004\DN100\LB260\康普艾</t>
  </si>
  <si>
    <t>【康普艾】干燥机气化器\JAL49B678\LB260\康普艾</t>
  </si>
  <si>
    <t>【康普艾】INLETVALVEKIT进气阀维修包\64203917\LB260\康普艾</t>
  </si>
  <si>
    <t>【康普艾】最小压力阀维修包\32876114\密封圈、导套、垫等\LB260\康普艾</t>
  </si>
  <si>
    <t>【康普艾】气动泄放阀\28696910\LB260\康普艾</t>
  </si>
  <si>
    <t>【康普艾】止回阀\32702866\LB260\康普艾</t>
  </si>
  <si>
    <t>【康普艾】弹性管接头\20637898\LB260\康普艾</t>
  </si>
  <si>
    <t>【康普艾】弹性管接头维修包\67425509\密封圈\LB260\康普艾</t>
  </si>
  <si>
    <t>【康普艾】弯头\A93581660\LB250\康普艾</t>
  </si>
  <si>
    <t>【康普艾】油分芯\335824\LB250\康普艾</t>
  </si>
  <si>
    <t>【康普艾】油滤芯\334544\LB250\康普艾</t>
  </si>
  <si>
    <t>【康普艾】空气滤芯\332936\LB250\康普艾</t>
  </si>
  <si>
    <t>【康普艾】水路控制阀\QX39076433\LB250\康普艾</t>
  </si>
  <si>
    <t>【康普艾】压力传输开关\QX36646732\LB250\康普艾</t>
  </si>
  <si>
    <t>【康普艾】温度传输开关\QX33855649\LB250\康普艾</t>
  </si>
  <si>
    <t>【康普艾】进气软管\343115\LB250\康普艾</t>
  </si>
  <si>
    <t>【康普艾】进气软管\338019\LB250\康普艾</t>
  </si>
  <si>
    <t>【康普艾】冷却器\QX105868\LB250\康普艾</t>
  </si>
  <si>
    <t>【康普艾】冷却器\QX105867\LB250\康普艾</t>
  </si>
  <si>
    <t>【康普艾】变压器\QX185093\L335G\康普艾</t>
  </si>
  <si>
    <t>【康普艾】电流变送器\QX185092\L335G\康普艾</t>
  </si>
  <si>
    <t>【康普艾】相位继电器\QX185083\L335G\康普艾</t>
  </si>
  <si>
    <t>【康普艾】进气阀维修包\QX103235\L220G\康普艾</t>
  </si>
  <si>
    <t>【康普艾】进气阀总成\QX102790\II代\L220G\康普艾</t>
  </si>
  <si>
    <t>【康普艾】INLETVALVEKIT进气阀维修包\201SSU6003\L220G\康普艾</t>
  </si>
  <si>
    <t>【康普艾】吸气软管\11012374\L55\康普艾</t>
  </si>
  <si>
    <t>【康普艾】电磁阀膜片\11520174\L55\康普艾</t>
  </si>
  <si>
    <t>【康普艾】管\A11016174\油分桶－油冷却器\L55\康普艾</t>
  </si>
  <si>
    <t>【康普艾】管\A11012274\L55\康普艾</t>
  </si>
  <si>
    <t>【康普艾】油冷却器出口至温控阀连接管\A11013974\L55\康普艾</t>
  </si>
  <si>
    <t>【康普艾】油过滤器出口至空气端喷油扣连接管\A11018274\L55\康普艾</t>
  </si>
  <si>
    <t>【康普艾】油分桶至温控阀进口连接管\A11017174\L55\康普艾</t>
  </si>
  <si>
    <t>【康普艾】空气端至油分桶连接管\QP11009474\空气端－油分桶\L55\康普艾</t>
  </si>
  <si>
    <t>【康普艾】油滤压差开关\A10653974\L55\康普艾</t>
  </si>
  <si>
    <t>【康普艾】单向阀\A11342374\L55\康普艾</t>
  </si>
  <si>
    <t>【康普艾】回油管单向阀\A11176974\L55\康普艾</t>
  </si>
  <si>
    <t>【康普艾】油位镜接头\A93595660\L55\康普艾</t>
  </si>
  <si>
    <t>【康普艾】油位镜\A01365899\管子，0.15M\L55\康普艾</t>
  </si>
  <si>
    <t>【康普艾】密封圈\A93189280\L55\康普艾</t>
  </si>
  <si>
    <t>【康普艾】温控旁通阀\A10594074\L55\康普艾</t>
  </si>
  <si>
    <t>【康普艾】反向调节器隔膜\A10135874\L55\康普艾</t>
  </si>
  <si>
    <t>张</t>
  </si>
  <si>
    <t>【康普艾】反向调节器\98650-2\L55\康普艾</t>
  </si>
  <si>
    <t>【康普艾】空气过滤压差开关\03454896\L250\康普艾</t>
  </si>
  <si>
    <t>【康普艾】加载电磁阀\31848621\L250\康普艾</t>
  </si>
  <si>
    <t>【康普艾】隔膜\31849959\L250\康普艾</t>
  </si>
  <si>
    <t>【康普艾】电磁阀\31849958\L250\康普艾</t>
  </si>
  <si>
    <t>【康普艾】压力探头\31848132\L250\康普艾</t>
  </si>
  <si>
    <t>【康普艾】温度探头\31850406\L250\康普艾</t>
  </si>
  <si>
    <t>【康普艾】反向调节器\00314609\L250\康普艾</t>
  </si>
  <si>
    <t>【康普艾】减压阀\03794864\L250\康普艾</t>
  </si>
  <si>
    <t>【康普艾】传送装置\03669832\10根/组\L250\康普艾</t>
  </si>
  <si>
    <t>【康普艾】带糟密封圈\03666902-4\L250\康普艾</t>
  </si>
  <si>
    <t>【康普艾】卡箍密封总成\03666902\L250\康普艾</t>
  </si>
  <si>
    <t>【康普艾】带糟密封圈\03666934-4\L250\康普艾</t>
  </si>
  <si>
    <t>【康普艾】卡箍密封总成\03666934\L250\康普艾</t>
  </si>
  <si>
    <t>【康普艾】带糟密封圈\03666870-4\L250\康普艾</t>
  </si>
  <si>
    <t>【康普艾】卡箍密封总成\03666870\L250\康普艾</t>
  </si>
  <si>
    <t>【康普艾】油路冷却剂\29340854/S/6\18升/桶；0.0155吨/桶\L250\康普艾</t>
  </si>
  <si>
    <t>【康普艾】分离桶密封\29678640\L250\康普艾</t>
  </si>
  <si>
    <t>【康普艾】油气分离器\36393229\L250\康普艾</t>
  </si>
  <si>
    <t>【康普艾】油滤器芯\01409322\L250\康普艾</t>
  </si>
  <si>
    <t>【康普艾】空气滤芯\03667826\L250\康普艾</t>
  </si>
  <si>
    <t>【康普艾】软木垫\3642921\L132C\康普艾</t>
  </si>
  <si>
    <t>【康普艾】控制面板\31848887\L132C\康普艾</t>
  </si>
  <si>
    <t>【康普艾】急停开关\17420382\L132C\康普艾</t>
  </si>
  <si>
    <t>【康普艾】急停开关\17643312\L132C\康普艾</t>
  </si>
  <si>
    <t>【康普艾】冷却风扇总成\35401191\风冷\L132C\康普艾</t>
  </si>
  <si>
    <t>【康普艾】冷却风扇总成\35717942\水冷\L132C\康普艾</t>
  </si>
  <si>
    <t>【康普艾】限流阀\12957560\L132C\康普艾</t>
  </si>
  <si>
    <t>【康普艾】安全阀\38582802\油气分离器罐上的（15BAR)\L132C\康普艾</t>
  </si>
  <si>
    <t>【康普艾】安全阀\38579617\油气分离器罐上的（13BAR)\L132C\康普艾</t>
  </si>
  <si>
    <t>【康普艾】安全阀\38576433\油气分离器罐上的（12BAR)\L132C\康普艾</t>
  </si>
  <si>
    <t>【康普艾】安全阀\38573248\油气分离器罐上的（11BAR)\L132C\康普艾</t>
  </si>
  <si>
    <t>【康普艾】安全阀\38570063\油气分离器罐上的（9.5BAR)\L132C\康普艾</t>
  </si>
  <si>
    <t>【康普艾】油视镜\20232729\L132C\康普艾</t>
  </si>
  <si>
    <t>【康普艾】灰用干燥器冷凝器\JY-HF60LN\JAL-25M\L132C\康普艾</t>
  </si>
  <si>
    <t>【康普艾】组合式干燥器压缩机\HZBG124DBEE\JAL-25M\L132C\康普艾</t>
  </si>
  <si>
    <t>【康普艾】后置过滤器滤芯\P-280-35\SDL-45\SDL-25精度＜0.01μm\L132C\康普艾</t>
  </si>
  <si>
    <t>【康普艾】前置过滤器滤芯\C－280－35\SDL-45\SDL-25精度＜0.5μm\L132C\康普艾</t>
  </si>
  <si>
    <t>【康普艾】前置过滤器滤芯\C-280-51\SDL-45\SDL-25精度＜0.5μm\L132C\康普艾</t>
  </si>
  <si>
    <t>【康普艾】制冷剂\R22\JAL-25M\L132C\康普艾</t>
  </si>
  <si>
    <t>【康普艾】热力膨胀阀\TDEX7.5\JAL-25M\L132C\康普艾</t>
  </si>
  <si>
    <t>【康普艾】冷却风扇\11115973\L132C\康普艾</t>
  </si>
  <si>
    <t>【康普艾】轴套\A05735974\L132C\康普艾</t>
  </si>
  <si>
    <t>【康普艾】轴封\93221080\L132C\康普艾</t>
  </si>
  <si>
    <t>【康普艾】阀板\11447574\L132C\康普艾</t>
  </si>
  <si>
    <t>【康普艾】活塞环\11449574\L132C\康普艾</t>
  </si>
  <si>
    <t>【康普艾】皮带轮\11137774\L132-09空气端皮带轮\L132C\康普艾</t>
  </si>
  <si>
    <t>【康普艾】弹簧\A93303580\L132C\康普艾</t>
  </si>
  <si>
    <t>【康普艾】最小压力维修包\100012308\密封圈、导套、垫等\L45G\康普艾</t>
  </si>
  <si>
    <t>【康普艾】最小压力阀修包\100009910\国产（密封圈、导套、垫等）\L45G\康普艾</t>
  </si>
  <si>
    <t>【康普艾】卡箍密封\C11158-5493\L45G\康普艾</t>
  </si>
  <si>
    <t>【康普艾】卡箍总成\98156-50\L45G\康普艾</t>
  </si>
  <si>
    <t>【康普艾】油分垫\100004702\L45G\康普艾</t>
  </si>
  <si>
    <t>【康普艾】4000小时专用油\92130280-S-18\18升/桶；0.0155吨/桶\L45G\康普艾</t>
  </si>
  <si>
    <t>【康普艾】油分离器芯\100007587\L45G\康普艾</t>
  </si>
  <si>
    <t>【康普艾】油过滤器芯\A11381974\L45G\康普艾</t>
  </si>
  <si>
    <t>【康普艾】止回阀\JL-X-008A-002(25)\40M\30M\20M\康普艾</t>
  </si>
  <si>
    <t>【康普艾】消声器\JL-X-006B-003\40M\30M\20M\康普艾</t>
  </si>
  <si>
    <t>【康普艾】消声器\JL-X-006A-005\40M\30M\20M\康普艾</t>
  </si>
  <si>
    <t>【康普艾】消声器\JL-X-006A-003\40M\30M\20M\康普艾</t>
  </si>
  <si>
    <t>【康普艾】消声器\JL-X-006A-002\40M\30M\20M\康普艾</t>
  </si>
  <si>
    <t>【康普艾】扩散器\JL-X-005A-007\40M\30M\20M\康普艾</t>
  </si>
  <si>
    <t>【康普艾】扩散器\JL-X-005A-004\40M\30M\20M\康普艾</t>
  </si>
  <si>
    <t>【康普艾】扩散器\JL-X-005A-002\40M\30M\20M\康普艾</t>
  </si>
  <si>
    <t>【康普艾】角座阀\JL-X-004A-003\40M\30M\20M\康普艾</t>
  </si>
  <si>
    <t>【康普艾】角座阀\JL-X-004A-002\40M\30M\20M\康普艾</t>
  </si>
  <si>
    <t>【康普艾】常开气动薄膜阀\JL-X-003A-006\40M\30M\20M\康普艾</t>
  </si>
  <si>
    <t>【康普艾】常开气动薄膜阀\JL-X-003A-005\40M\30M\20M\康普艾</t>
  </si>
  <si>
    <t>【康普艾】常开气动薄膜阀\JL-X-003A-003\40M\30M\20M\康普艾</t>
  </si>
  <si>
    <t>【康普艾】气动薄膜阀\JL-X-003A-002\40M\30M\20M\康普艾</t>
  </si>
  <si>
    <t>【康普艾】气动薄膜阀\JL-X-002A-006\40M\30M\20M\康普艾</t>
  </si>
  <si>
    <t>【康普艾】气动薄膜阀\JL-X-002A-005\40M\30M\20M\康普艾</t>
  </si>
  <si>
    <t>【康普艾】气动薄膜阀\JL-X-002A-003\40M\30M\20M\康普艾</t>
  </si>
  <si>
    <t>【康普艾】常闭气动薄膜阀\JL-X-002-003\40M\30M\20M\康普艾</t>
  </si>
  <si>
    <t>【康普艾】安全阀10BAR\QX100659\L335G\康普艾</t>
  </si>
  <si>
    <t>【康普艾】安全阀8BAR\QX100662\L335G\康普艾</t>
  </si>
  <si>
    <t>【康普艾】安全阀7BAR\QX100661\L335G\康普艾</t>
  </si>
  <si>
    <t>【康普艾】油冷却器\QX102799\(水冷）GD铭牌\L335G\康普艾</t>
  </si>
  <si>
    <t>【康普艾】后冷却器\QX102800\(水冷）GD铭牌\L335G\康普艾</t>
  </si>
  <si>
    <t>【康普艾】油冷却器\QX103627\(水冷）SCCC铭牌\L335G\康普艾</t>
  </si>
  <si>
    <t>【康普艾】后冷却器\QX103626\(水冷）SCCC铭牌\L335G\康普艾</t>
  </si>
  <si>
    <t>【康普艾】主机排气膨胀节\QX100842\L335G\康普艾</t>
  </si>
  <si>
    <t>【康普艾】消音器\43E2\L335G\康普艾</t>
  </si>
  <si>
    <t>【康普艾】消音器\43E4\L335G\康普艾</t>
  </si>
  <si>
    <t>【康普艾】温控阀维修包\QX105669\温控阀芯、弹簧、密封圈\L335G\康普艾</t>
  </si>
  <si>
    <t>【康普艾】温控阀\QX105667\L335G\康普艾</t>
  </si>
  <si>
    <t>【康普艾】温控阀维修包\QX105668\温控阀芯、弹簧、密封圈\L335G\康普艾</t>
  </si>
  <si>
    <t>【康普艾】温控阀\QX102885\L335G\康普艾</t>
  </si>
  <si>
    <t>【康普艾】热控制阀阀芯(180℉)\2109084\L335G\康普艾</t>
  </si>
  <si>
    <t>【康普艾】AirSmart控制器\300ETK1173\L335G\康普艾</t>
  </si>
  <si>
    <t>【康普艾】AirSmart中文显示面板\301ETK375\L335G\康普艾</t>
  </si>
  <si>
    <t>【康普艾】ES+控制器\302EAU1173\L335G\康普艾</t>
  </si>
  <si>
    <t>【康普艾】旋转阀维修包\321SSY6013\L335G\康普艾</t>
  </si>
  <si>
    <t>【康普艾】轴封维修包\201SSY6013\含轴封*1、轴套*1及乐泰胶\L335G\康普艾</t>
  </si>
  <si>
    <t>【康普艾】压力传感器（II代）\VP1011577\替代QX103081\L335G\康普艾</t>
  </si>
  <si>
    <t>【康普艾】联轴器弹性体\QX103662\L335G\康普艾</t>
  </si>
  <si>
    <t>【康普艾】连轴器(国产）\QX101102\L335G\康普艾</t>
  </si>
  <si>
    <t>【康普艾】减震垫\49C48\L335G\康普艾</t>
  </si>
  <si>
    <t>【康普艾】弹性管接头\64EB802\L335G\康普艾</t>
  </si>
  <si>
    <t>【康普艾】梭动阀\90AR1006\L335G\康普艾</t>
  </si>
  <si>
    <t>【康普艾】止回阀\QX102687\L335G\康普艾</t>
  </si>
  <si>
    <t>【康普艾】气动泄放阀KZ90-2\90AR262\L335G\康普艾</t>
  </si>
  <si>
    <t>【康普艾】气动阀QT100-5\90AR114\L335G\康普艾</t>
  </si>
  <si>
    <t>【康普艾】除尘、除油过滤器滤芯\E5-PV\40M\30M\20M\康普艾</t>
  </si>
  <si>
    <t>【康普艾】除油过滤器滤芯\E5-28\40M\30M\20M\康普艾</t>
  </si>
  <si>
    <t>【康普艾】过滤器滤芯\JHF-7-40C\40M\30M\20M\康普艾</t>
  </si>
  <si>
    <t>【康普艾】过滤器滤芯\JHF-5-40C\40M\30M\20M\康普艾</t>
  </si>
  <si>
    <t>【康普艾】冷媒干燥过滤器\QX30164\40M\30M\20M\康普艾</t>
  </si>
  <si>
    <t>【康普艾】管道精滤芯\450P\20M³\康普艾</t>
  </si>
  <si>
    <t>【康普艾】电子排水器\QX22D567\220V 4分口径横装\20M³\康普艾</t>
  </si>
  <si>
    <t>【康普艾】消声器\QX006B003\20M³\康普艾</t>
  </si>
  <si>
    <t>【康普艾】干燥机气动门体\QX40A782\20M³\康普艾</t>
  </si>
  <si>
    <t>【康普艾】水冷凝器\QX39B762\20M³\康普艾</t>
  </si>
  <si>
    <t>【康普艾】MDN25电子排水器\QX22D870\20M³\康普艾</t>
  </si>
  <si>
    <t>【康普艾】干燥过滤器\QX0305\20M³\康普艾</t>
  </si>
  <si>
    <t>【康普艾】管接头DL28\100006580\FM55\康普艾</t>
  </si>
  <si>
    <t>【康普艾】接头R1/4外φ6\QX170616\FM55\康普艾</t>
  </si>
  <si>
    <t>【康普艾】接头R1/4外φ6\QX170204\FM55\康普艾</t>
  </si>
  <si>
    <t>【康普艾】接头1/4\QX170209\FM55\康普艾</t>
  </si>
  <si>
    <t>【康普艾】接头R1/4外*φ6\QX170612\FM55\康普艾</t>
  </si>
  <si>
    <t>【康普艾】接头R3/8\QX171831\FM55\康普艾</t>
  </si>
  <si>
    <t>【康普艾】接头R1/8\QX170601\FM55\康普艾</t>
  </si>
  <si>
    <t>【康普艾】密封\95602-19\FM55\康普艾</t>
  </si>
  <si>
    <t>【康普艾】油管\QX112744\FM55\康普艾</t>
  </si>
  <si>
    <t>【康普艾】服务包\QX150412\FM55\康普艾</t>
  </si>
  <si>
    <t>【康普艾】油分芯\QX112493\FM55\康普艾</t>
  </si>
  <si>
    <t>【康普艾】油过滤芯\QX112653\FM55\康普艾</t>
  </si>
  <si>
    <t>【康普艾】空滤芯\QX113002\FM55\康普艾</t>
  </si>
  <si>
    <t>【康普艾】滤芯\EL-020A\A-090L\康普艾</t>
  </si>
  <si>
    <t>【康普艾】卡箍\921003\8mm\6150N\康普艾</t>
  </si>
  <si>
    <t>【康普艾】卡箍\921002\6mm\6150N\康普艾</t>
  </si>
  <si>
    <t>【康普艾】卡箍\921001\4mm\6150N\康普艾</t>
  </si>
  <si>
    <t>【康普艾】卡箍\921004\10mm\6150N\康普艾</t>
  </si>
  <si>
    <t>【康普艾】油分离器滤芯\98262-162\6075N\康普艾</t>
  </si>
  <si>
    <t>【康普艾】空过滤器芯\A29504376\6075N\康普艾</t>
  </si>
  <si>
    <t>【康普艾】通用CompAir空压机4000HR润滑油\29340854\18升/桶；0.0155吨/桶\康普艾机型通用\康普艾</t>
  </si>
  <si>
    <t>【康普艾】空滤\6296777\老款\L250\康普艾</t>
  </si>
  <si>
    <t>【康普艾】软管\10016142\L250\康普艾</t>
  </si>
  <si>
    <t>【康普艾】冷却器进口-温控阀\11089374\机头\L250\康普艾</t>
  </si>
  <si>
    <t>【康普艾】油分桶-冷却器进口\100011946\L250\康普艾</t>
  </si>
  <si>
    <t>【康普艾】高性能组合传送带\10689774\6000V\L250\康普艾</t>
  </si>
  <si>
    <t>【康普艾】活塞\A11059074\L132C\康普艾</t>
  </si>
  <si>
    <t>【康普艾】阀杆\A05884574\L132C\康普艾</t>
  </si>
  <si>
    <t>【康普艾】皮带轮\11138274\L132-07空气端皮带轮\L132C\康普艾</t>
  </si>
  <si>
    <t>【康普艾】回油管\11449774\L132C\康普艾</t>
  </si>
  <si>
    <t>【康普艾】卡箍\93616890\L132C\康普艾</t>
  </si>
  <si>
    <t>【康普艾】油冷却器\11136174\水冷\L132C\康普艾</t>
  </si>
  <si>
    <t>【康普艾】空气冷却器\11136274\水冷\L132C\康普艾</t>
  </si>
  <si>
    <t>【康普艾】空气冷却器\11059374\空冷式\L132C\康普艾</t>
  </si>
  <si>
    <t>【康普艾】油冷却器\11059274\2个接口均在上面\L132C\康普艾</t>
  </si>
  <si>
    <t>【康普艾】油冷却器\100000819\上下接口\L132C\康普艾</t>
  </si>
  <si>
    <t>【康普艾】软木垫\11438774\L132C\康普艾</t>
  </si>
  <si>
    <t>【康普艾】控制面板\100005506\L132C\康普艾</t>
  </si>
  <si>
    <t>【康普艾】急停开关\SC05-47\L132C\康普艾</t>
  </si>
  <si>
    <t>【康普艾】急停开关\SC05-54\L132C\康普艾</t>
  </si>
  <si>
    <t>【康普艾】冷却风扇总成\A11115974\原装进口风冷\L132C\康普艾</t>
  </si>
  <si>
    <t>【康普艾】冷却风扇总成\A11115974\国内组装风冷\L132C\康普艾</t>
  </si>
  <si>
    <t>【康普艾】冷却风扇总成\A11045874\水冷\L132C\康普艾</t>
  </si>
  <si>
    <t>【康普艾】限流阀\A04068674\L132C\康普艾</t>
  </si>
  <si>
    <t>【康普艾】油气分离器罐上的安全阀\SC12-11-5\15BAR 空压机13.5BAR\L132C\康普艾</t>
  </si>
  <si>
    <t>【康普艾】连轴器\100005644\L55G\康普艾</t>
  </si>
  <si>
    <t>【康普艾】Delcos3100控制面板\100005506\L55G\康普艾</t>
  </si>
  <si>
    <t>【康普艾】油滤压差开关\SC05-236(237)\新号\L55G\康普艾</t>
  </si>
  <si>
    <t>【康普艾】离心风扇\100006956\L55G\康普艾</t>
  </si>
  <si>
    <t>【康普艾】离心风扇\100005344\L75G\康普艾</t>
  </si>
  <si>
    <t>【康普艾】温度控制阀\A11175374\70℃\L55G\康普艾</t>
  </si>
  <si>
    <t>【康普艾】温度控制阀\A11175274\55℃\L55G\康普艾</t>
  </si>
  <si>
    <t>【康普艾】温度传感器\100010275\L55G\康普艾</t>
  </si>
  <si>
    <t>【康普艾】压力传感器\100003136\L55G\康普艾</t>
  </si>
  <si>
    <t>【康普艾】放气电磁阀隔膜\100008872\L55G\康普艾</t>
  </si>
  <si>
    <t>【康普艾】压力控制阀\100006491\L55G\康普艾</t>
  </si>
  <si>
    <t>【康普艾】放气电磁阀\100008869\L55G\康普艾</t>
  </si>
  <si>
    <t>【康普艾】卸载电磁阀\100009003\L55G\康普艾</t>
  </si>
  <si>
    <t>【康普艾】最小压力阀维修包\100005325\各类密封件\L55G\康普艾</t>
  </si>
  <si>
    <t>【康普艾】最小压力阀\100011542\G50\L55G\康普艾</t>
  </si>
  <si>
    <t>【康普艾】金属软管\100005735\NW25\L55G\康普艾</t>
  </si>
  <si>
    <t>【康普艾】金属软管\100005734\L55G\康普艾</t>
  </si>
  <si>
    <t>【康普艾】金属软管\100006168\L55G\康普艾</t>
  </si>
  <si>
    <t>【康普艾】O型圈\A93198780\R10*1.5\L55G\康普艾</t>
  </si>
  <si>
    <t>【康普艾】联轴器弹性块\100006944\L55G\康普艾</t>
  </si>
  <si>
    <t>【康普艾】密封圈\A93190430\94.29*2.62\L55G\康普艾</t>
  </si>
  <si>
    <t>【康普艾】阀杆槽型密封圈\A93323270\L55G\康普艾</t>
  </si>
  <si>
    <t>【康普艾】阀杆\A11317974\L55G\康普艾</t>
  </si>
  <si>
    <t>【康普艾】活塞密封\A11403974\L55G\康普艾</t>
  </si>
  <si>
    <t>【康普艾】阀体衬套\A05839274\L55G\康普艾</t>
  </si>
  <si>
    <t>【康普艾】锥型密封圈阀门\100010966\L55G\康普艾</t>
  </si>
  <si>
    <t>【康普艾】O型圈\93190030\L55G\康普艾</t>
  </si>
  <si>
    <t>【康普艾】油管\A11089574\油滤器-空气端\Relly 060\康普艾</t>
  </si>
  <si>
    <t>【康普艾】油气混合管\A11380574\空气端-油分桶\Relly 060\康普艾</t>
  </si>
  <si>
    <t>【康普艾】气管\A11380974\最小压力阀-后冷却器\Relly 060\康普艾</t>
  </si>
  <si>
    <t>【康普艾】套管接头\A93596660\Relly 060\康普艾</t>
  </si>
  <si>
    <t>【康普艾】接头\A93581040\Relly 060\康普艾</t>
  </si>
  <si>
    <t>【康普艾】三通\A93602320\Relly 060\康普艾</t>
  </si>
  <si>
    <t>【康普艾】直角接头\SC09-30\93581640\Relly 060\康普艾</t>
  </si>
  <si>
    <t>【康普艾】风扇\A11384674\Relly 060\康普艾</t>
  </si>
  <si>
    <t>【康普艾】吸气软管\A11383774\Relly 060\康普艾</t>
  </si>
  <si>
    <t>【康普艾】安全阀\98650-311-5\Relly 060\康普艾</t>
  </si>
  <si>
    <t>【康普艾】安全阀\98650-311-2\98650-311-1或-2或-3或-4\Relly 060\康普艾</t>
  </si>
  <si>
    <t>【康普艾】温控旁通阀\A11375374\45\Relly 060\康普艾</t>
  </si>
  <si>
    <t>【康普艾】最小压力阀\A10520874\MPVL32\Relly 060\康普艾</t>
  </si>
  <si>
    <t>【康普艾】卸载-放气电磁阀隔膜\100008872\11520174\Relly 060\康普艾</t>
  </si>
  <si>
    <t>【康普艾】放气电磁阀\100008869\2-2（原11520074-100004439）\Relly 060\康普艾</t>
  </si>
  <si>
    <t>【康普艾】放气电磁阀\100008868\2-2，原11383874\Relly 060\康普艾</t>
  </si>
  <si>
    <t>【康普艾】卸载电磁阀\100009003\2-3，原11030074-100004440\Relly 060\康普艾</t>
  </si>
  <si>
    <t>【康普艾】卸载电磁阀\A11383974\2-3\Relly 060\康普艾</t>
  </si>
  <si>
    <t>【康普艾】蝶阀式吸气调节器修包\A11388474\密封圈、阀板、垫\Relly 060\康普艾</t>
  </si>
  <si>
    <t>【康普艾】蝶阀式吸气调节器\A11383574\HAKG 65\Relly 060\康普艾</t>
  </si>
  <si>
    <t>【康普艾】反向调节器隔膜\A10135874\Relly 060\康普艾</t>
  </si>
  <si>
    <t>【康普艾】常闭气动薄膜阀\JL-X-001B-005\40M\30M\20M\康普艾</t>
  </si>
  <si>
    <t>【康普艾】气动蝶阀\JL-X-001B-004\40M\30M\20M\康普艾</t>
  </si>
  <si>
    <t>【康普艾】常闭气动薄膜阀\JL-X-001A-005\40M\30M\20M\康普艾</t>
  </si>
  <si>
    <t>【康普艾】压差表\JL-T-010A-001\40M\30M\20M\康普艾</t>
  </si>
  <si>
    <t>【康普艾】保温材料(管材）\JL-T-009A-002\40M\30M\20M\康普艾</t>
  </si>
  <si>
    <t>【康普艾】保温材料(板料）\JL-T-009A-001\40M\30M\20M\康普艾</t>
  </si>
  <si>
    <t>平方米</t>
  </si>
  <si>
    <t>【康普艾】MPU管\JL-T-008A-001\40M\30M\20M\康普艾</t>
  </si>
  <si>
    <t>【康普艾】吸气调节气隔膜\C20600-191\6150N\康普艾</t>
  </si>
  <si>
    <t>【康普艾】调节气路过滤器\98262-57\6150N\康普艾</t>
  </si>
  <si>
    <t>【康普艾】密封圈\C11158-1033\6150N\康普艾</t>
  </si>
  <si>
    <t>【康普艾】轴封\98505-44\6150N\康普艾</t>
  </si>
  <si>
    <t>【康普艾】柔性联轴器\C11158-5494\驱动块\6150N\康普艾</t>
  </si>
  <si>
    <t>【康普艾】大修包\CK8005-1\6150N\康普艾</t>
  </si>
  <si>
    <t>【康普艾】分离器修包\CK6005-78\6150N\康普艾</t>
  </si>
  <si>
    <t>【康普艾】服务修包\CK2005-2\6150N\康普艾</t>
  </si>
  <si>
    <t>【康普艾】4000小时专用油\92130280/S/18\18升/桶；0.0155吨/桶\6150N\康普艾</t>
  </si>
  <si>
    <t>【康普艾】油分芯垫\C26150-5\6150N\康普艾</t>
  </si>
  <si>
    <t>【康普艾】油分离器芯\98262-78\6150N\康普艾</t>
  </si>
  <si>
    <t>【康普艾】油过滤器芯\98262-219\6150N\康普艾</t>
  </si>
  <si>
    <t>【康普艾】空气过滤器芯\C11158-1390\6150N\康普艾</t>
  </si>
  <si>
    <t>【康普艾】油管\100009330\L30G\康普艾</t>
  </si>
  <si>
    <t>【康普艾】油管\100010616\L30G\康普艾</t>
  </si>
  <si>
    <t>【康普艾】油管\100009329\L30G\康普艾</t>
  </si>
  <si>
    <t>【康普艾】油管\100009328\L30G\康普艾</t>
  </si>
  <si>
    <t>【康普艾】补芯\SC09-144-3\L30G\康普艾</t>
  </si>
  <si>
    <t>【康普艾】软管\SC09-31\SC09-144-2\L30G\康普艾</t>
  </si>
  <si>
    <t>【康普艾】吸油阀\SC09-144-1\100007590\L30G\康普艾</t>
  </si>
  <si>
    <t>【康普艾】吸油阀总成\SC09-144\L30G\康普艾</t>
  </si>
  <si>
    <t>【康普艾】联轴器芯\100008875\L30G\康普艾</t>
  </si>
  <si>
    <t>【康普艾】联轴器\100008854\L30G\康普艾</t>
  </si>
  <si>
    <t>【康普艾】温控阀\100010137\71C\L30G\康普艾</t>
  </si>
  <si>
    <t>【康普艾】温控阀\100010134\55C\L30G\康普艾</t>
  </si>
  <si>
    <t>【康普艾】轴封套件\A11830674\L30G\康普艾</t>
  </si>
  <si>
    <t>【康普艾】轴封套件EK140NG\A11830474\含轴封*1、轴套*1及乐泰胶\L30G\康普艾</t>
  </si>
  <si>
    <t>【康普艾】压力传感器\100003136\原11507074\L30G\康普艾</t>
  </si>
  <si>
    <t>【康普艾】温度传感器\100010275\100003018\L30G\康普艾</t>
  </si>
  <si>
    <t>【康普艾】吸调器放气电磁阀\100012564\Y4\L30G\康普艾</t>
  </si>
  <si>
    <t>【康普艾】卸载电磁阀\100012563\Y1\L30G\康普艾</t>
  </si>
  <si>
    <t>【康普艾】大修箱\CK8140-2\L30G\康普艾</t>
  </si>
  <si>
    <t>【康普艾】离心风扇\100009055\L30G\康普艾</t>
  </si>
  <si>
    <t>【康普艾】O形圈\QX175016\LB110\康普艾</t>
  </si>
  <si>
    <t>【康普艾】油冷回油管\QX104311\LB110\康普艾</t>
  </si>
  <si>
    <t>【康普艾】油冷进油管\QX104310\LB110\康普艾</t>
  </si>
  <si>
    <t>【康普艾】可调直接头\QX170147\LB110\康普艾</t>
  </si>
  <si>
    <t>【康普艾】可调弯头\QX170451\LB110\康普艾</t>
  </si>
  <si>
    <t>【康普艾】接头\QX170148\LB110\康普艾</t>
  </si>
  <si>
    <t>【康普艾】O形圈\QX175014\LB110\康普艾</t>
  </si>
  <si>
    <t>【康普艾】机头进油管\QX104456\LB110\康普艾</t>
  </si>
  <si>
    <t>【康普艾】油分离桶进气管路\QX104308\LB110\康普艾</t>
  </si>
  <si>
    <t>【康普艾】O形圈\QX175017\LB110\康普艾</t>
  </si>
  <si>
    <t>【康普艾】后冷供气管路\QX103670\LB110\康普艾</t>
  </si>
  <si>
    <t>【康普艾】后冷进气管路\QX104157\LB110\康普艾</t>
  </si>
  <si>
    <t>【康普艾】风扇电机\QX104540\LB110\康普艾</t>
  </si>
  <si>
    <t>【康普艾】离心风扇\QX104903\LB110\康普艾</t>
  </si>
  <si>
    <t>【康普艾】空气/油冷却器\QX103381\LB110\康普艾</t>
  </si>
  <si>
    <t>【康普艾】衬套\A93614140\LB110\康普艾</t>
  </si>
  <si>
    <t>【康普艾】透明软管\A91801060\LB110\康普艾</t>
  </si>
  <si>
    <t>【康普艾】直角接头\A93581670\LB110\康普艾</t>
  </si>
  <si>
    <t>【康普艾】O型圈\A93199140\最小压力阀与油分盖之间\LB110\康普艾</t>
  </si>
  <si>
    <t>【康普艾】O型圈\95602-79\LB110\康普艾</t>
  </si>
  <si>
    <t>【康普艾】加油口盖\C27323-136\LB110\康普艾</t>
  </si>
  <si>
    <t>【康普艾】球阀\QX100599\LB110\康普艾</t>
  </si>
  <si>
    <t>【康普艾】高性能组合传送带\10689874\10000V\L250\康普艾</t>
  </si>
  <si>
    <t>【康普艾】螺纹管接头\A93581140\L250\康普艾</t>
  </si>
  <si>
    <t>【康普艾】门锁\L250 11005674\L250\康普艾</t>
  </si>
  <si>
    <t>【康普艾】电机皮带轮\11518674\L250\康普艾</t>
  </si>
  <si>
    <t>【康普艾】空气端皮带轮\11522674\L250\康普艾</t>
  </si>
  <si>
    <t>【康普艾】油管\SC09-268\L250\康普艾</t>
  </si>
  <si>
    <t>【康普艾】冷却器出口-温控阀\100015581\L250\康普艾</t>
  </si>
  <si>
    <t>【康普艾】油管\100015581\L250\康普艾</t>
  </si>
  <si>
    <t>【康普艾】油管\100015579\L250\康普艾</t>
  </si>
  <si>
    <t>【康普艾】脱碳清洗剂\SC98262-90\25kg/桶\L250\康普艾</t>
  </si>
  <si>
    <t>【康普艾】放油螺栓\11516374\L250\康普艾</t>
  </si>
  <si>
    <t>【康普艾】限流阀\4068674\L250\康普艾</t>
  </si>
  <si>
    <t>【康普艾】带槽密封圈\93210050\L250\康普艾</t>
  </si>
  <si>
    <t>【康普艾】止回压簧\93301290\L250\康普艾</t>
  </si>
  <si>
    <t>【康普艾】活塞\11911874\L250\康普艾</t>
  </si>
  <si>
    <t>【康普艾】缸体\11910774\L250\康普艾</t>
  </si>
  <si>
    <t>【康普艾】吸调器气缸维修包\A11910774-KIT\L250\康普艾</t>
  </si>
  <si>
    <t>【康普艾】止回阀\11910474\L250\康普艾</t>
  </si>
  <si>
    <t>【康普艾】轴套挡圈\SC04-98\L250\康普艾</t>
  </si>
  <si>
    <t>【康普艾】轴封\93220370\L250\康普艾</t>
  </si>
  <si>
    <t>【康普艾】轴套\11978374\L250\康普艾</t>
  </si>
  <si>
    <t>【康普艾】回油管接头\95440-229\(弯头)93581750\L250\康普艾</t>
  </si>
  <si>
    <t>【康普艾】回油管接头\SC09-48\(盖板)93605020\L250\康普艾</t>
  </si>
  <si>
    <t>【康普艾】回油管\91100080\6.0X1.0\L250\康普艾</t>
  </si>
  <si>
    <t>【康普艾】回油管套件\91100080-KIT\L250\康普艾</t>
  </si>
  <si>
    <t>【康普艾】控制器总成\61655096\LB250\康普艾</t>
  </si>
  <si>
    <t>【康普艾】空滤压差开关\34548962\LB250\康普艾</t>
  </si>
  <si>
    <t>【康普艾】温度传感器\33286943\LB250\康普艾</t>
  </si>
  <si>
    <t>【康普艾】压力传感器\33459936\LB250\康普艾</t>
  </si>
  <si>
    <t>【康普艾】DELCOS-BD485通讯模块\QX186122\LB250\康普艾</t>
  </si>
  <si>
    <t>【康普艾】水冷式油冷却器\33715605\LB250\康普艾</t>
  </si>
  <si>
    <t>【康普艾】水冷式后冷却器\33715924\LB250\康普艾</t>
  </si>
  <si>
    <t>【康普艾】控制电磁阀\33985987\LB250\康普艾</t>
  </si>
  <si>
    <t>【康普艾】卸载电磁阀\59247770\LB250\康普艾</t>
  </si>
  <si>
    <t>【康普艾】加油塞密封圈\95602-79\LB250\康普艾</t>
  </si>
  <si>
    <t>【康普艾】O型圈\55759554\LB250\康普艾</t>
  </si>
  <si>
    <t>【康普艾】最小压力阀\33381210\LB250\康普艾</t>
  </si>
  <si>
    <t>【康普艾】螺杆专用油\29340854\18.9升/桶\LB250\康普艾</t>
  </si>
  <si>
    <t>【康普艾】空压机油滤\QX105067\LB250\康普艾</t>
  </si>
  <si>
    <t>【康普艾】容调阀\QX330461-01\LB250\康普艾</t>
  </si>
  <si>
    <t>【康普艾】电磁阀阀座\QX714765\LB250\康普艾</t>
  </si>
  <si>
    <t>【康普艾】前置散热器\QX36665840\LB250\康普艾</t>
  </si>
  <si>
    <t>【康普艾】油冷却器\QX339503\LB250\康普艾</t>
  </si>
  <si>
    <t>【康普艾】油分离器芯\QX335824\LB250\康普艾</t>
  </si>
  <si>
    <t>【康普艾】油过滤器芯\QX334545\LB250\康普艾</t>
  </si>
  <si>
    <t>【康普艾】空气过滤器芯\QX332936\LB250\康普艾</t>
  </si>
  <si>
    <t>【康普艾】冷却风扇\QX105851\LB220\康普艾</t>
  </si>
  <si>
    <t>【康普艾】压力调节器\88H367\旧件号88H139\L335G\康普艾</t>
  </si>
  <si>
    <t>【康普艾】四通电磁阀（II代）\QX102910\L335G\康普艾</t>
  </si>
  <si>
    <t>【康普艾】IVO电磁阀\91B249\常闭 适用于AirSmart控制器\L335G\康普艾</t>
  </si>
  <si>
    <t>【康普艾】IVC电磁阀\91B243\常开 适用于AirSmart控制器\L335G\康普艾</t>
  </si>
  <si>
    <t>【康普艾】压差开关\88H195\L335G\康普艾</t>
  </si>
  <si>
    <t>【康普艾】温度传感器\21D264\L335G\康普艾</t>
  </si>
  <si>
    <t>【康普艾】BDV泄放电磁阀\91B250\适用于AirSmart控制器\L335G\康普艾</t>
  </si>
  <si>
    <t>【康普艾】最小压力阀维修包（II代）\QX103234\L335G\康普艾</t>
  </si>
  <si>
    <t>【康普艾】最小压力阀（II代）\QX102801\L335G\康普艾</t>
  </si>
  <si>
    <t>【康普艾】反向调节器\A11137074\Relly 060\康普艾</t>
  </si>
  <si>
    <t>【康普艾】压力传感器\100003136\原11507074\Relly 060\康普艾</t>
  </si>
  <si>
    <t>【康普艾】轴封套件\A10226974\含轴封*1、轴套*1及相关零配件\Relly 060\康普艾</t>
  </si>
  <si>
    <t>【康普艾】4000小时专用油\92130280-S-18\18升/桶；0.0155吨/桶\Relly 060\康普艾</t>
  </si>
  <si>
    <t>【康普艾】油分离器芯\A10525274\Relly 060\康普艾</t>
  </si>
  <si>
    <t>【康普艾】油过滤器芯\A11381974\Relly 060\康普艾</t>
  </si>
  <si>
    <t>【康普艾】空气过滤器芯\11380674\Relly 060\康普艾</t>
  </si>
  <si>
    <t>【康普艾】空气过滤器芯\QX34614\LB55\康普艾</t>
  </si>
  <si>
    <t>【康普艾】油滤底座\QX102256\LB260\康普艾</t>
  </si>
  <si>
    <t>【康普艾】压力表\32516878\LB260\康普艾</t>
  </si>
  <si>
    <t>【康普艾】温度巡检仪\58978343\LB260\康普艾</t>
  </si>
  <si>
    <t>【康普艾】紧停开关\58946178\LB260\康普艾</t>
  </si>
  <si>
    <t>【康普艾】回油管组立\13662428\LA132\康普艾</t>
  </si>
  <si>
    <t>【康普艾】回油管平垫\19141720\LA132\康普艾</t>
  </si>
  <si>
    <t>【康普艾】安全阀(7bar)\12904475\LA132\康普艾</t>
  </si>
  <si>
    <t>【康普艾】高压软管接头(A1版本)\191461817\LA132\康普艾</t>
  </si>
  <si>
    <t>【康普艾】不锈钢管(A2版本)\13726133\LA132\康普艾</t>
  </si>
  <si>
    <t>【康普艾】高压软管(A1版本)\13439611\LA132\康普艾</t>
  </si>
  <si>
    <t>【康普艾】O形圈\13089191\LA132\康普艾</t>
  </si>
  <si>
    <t>【康普艾】泄放电磁阀(A1版本)\16496818\LA132\康普艾</t>
  </si>
  <si>
    <t>【康普艾】高压软管接头(A1版本)\19146182\LA132\康普艾</t>
  </si>
  <si>
    <t>【康普艾】密封垫片\13121024\LA132\康普艾</t>
  </si>
  <si>
    <t>【康普艾】高压软管(A1版本)\13439610\LA132\康普艾</t>
  </si>
  <si>
    <t>【康普艾】止回阀\12914021\LA132\康普艾</t>
  </si>
  <si>
    <t>【康普艾】进气阀总成\204SSU4013\I代\L220G\康普艾</t>
  </si>
  <si>
    <t>【康普艾】ULTIMA8000冷却液\QX108106\18.9L/桶；8000H\L220G\康普艾</t>
  </si>
  <si>
    <t>【康普艾】油分2\QX104000\L220G\康普艾</t>
  </si>
  <si>
    <t>【康普艾】油分1\55B29\L220G\康普艾</t>
  </si>
  <si>
    <t>【康普艾】油分\9VX14118\L220G\康普艾</t>
  </si>
  <si>
    <t>【康普艾】油滤\QX104002\L220G\康普艾</t>
  </si>
  <si>
    <t>【康普艾】空滤\QX104004\L220G</t>
  </si>
  <si>
    <t>【康普艾】最小压力阀备件\100002043\L22\康普艾</t>
  </si>
  <si>
    <t>【康普艾】最小压力阀\100009603\L22\康普艾</t>
  </si>
  <si>
    <t>【康普艾】后冷却器\100001571\L22\康普艾</t>
  </si>
  <si>
    <t>【康普艾】风扇\100001565\L22\康普艾</t>
  </si>
  <si>
    <t>【康普艾】油分离器芯\A13010174\L22\康普艾</t>
  </si>
  <si>
    <t>【康普艾】控制面板\100001494\.DELCOS1000\L22\康普艾</t>
  </si>
  <si>
    <t>【康普艾】温控旁通阀\35679216\L22\康普艾</t>
  </si>
  <si>
    <t>【康普艾】卸载电磁阀\31847951\L22\康普艾</t>
  </si>
  <si>
    <t>【康普艾】油分离器芯\33519980\原13010174\L22\康普艾</t>
  </si>
  <si>
    <t>【康普艾】油过滤器芯\1535023\L22\康普艾</t>
  </si>
  <si>
    <t>【康普艾】空气过滤器芯\31847646\L22\康普艾</t>
  </si>
  <si>
    <t>【康普艾】油分离器芯\3496768\L22\康普艾</t>
  </si>
  <si>
    <t>【康普艾】压力传感器\11507074\L22\康普艾</t>
  </si>
  <si>
    <t>【康普艾】温度传感器\100003018\L22\康普艾</t>
  </si>
  <si>
    <t>【康普艾】轴封套件\93220370-KIT\含轴封*1、轴套*1及乐泰胶\L200\康普艾</t>
  </si>
  <si>
    <t>【康普艾】柔性卡箍密封\03666934-4\L200\康普艾</t>
  </si>
  <si>
    <t>【康普艾】柔性卡箍密封\03666902-4\L200\康普艾</t>
  </si>
  <si>
    <t>【康普艾】软管\A93615710\L200\康普艾</t>
  </si>
  <si>
    <t>【康普艾】最小压力阀出口卡箍密封总成\11513974\L200\康普艾</t>
  </si>
  <si>
    <t>【康普艾】软管卡箍\A93610360\L200\康普艾</t>
  </si>
  <si>
    <t>【康普艾】油过滤器\A1470190\L200\康普艾</t>
  </si>
  <si>
    <t>【康普艾】尼龙管\91801180\18mm\L200\康普艾</t>
  </si>
  <si>
    <t>【康普艾】尼龙管\91801030\L200\康普艾</t>
  </si>
  <si>
    <t>【康普艾】温控阀芯\A11513574\L200\康普艾</t>
  </si>
  <si>
    <t>【康普艾】软管\SC09-268\L200\康普艾</t>
  </si>
  <si>
    <t>【康普艾】吸气软管\11512674\L200\康普艾</t>
  </si>
  <si>
    <t>【康普艾】接头\A93601120\1-4“X8\L55\康普艾</t>
  </si>
  <si>
    <t>【康普艾】管接头\95440.84\1-4“X8\L55\康普艾</t>
  </si>
  <si>
    <t>【康普艾】反向调节器套件\98650-2-KIT\反向调节器及密封\L55\康普艾</t>
  </si>
  <si>
    <t>【康普艾】温度传感器\100010275\原10630674,100003018\L55\康普艾</t>
  </si>
  <si>
    <t>【康普艾】压力传感器\100003136\原11507074\L55\康普艾</t>
  </si>
  <si>
    <t>【康普艾】最小压力阀\A11009374\MPVL40\L55\康普艾</t>
  </si>
  <si>
    <t>【康普艾】最小压力阀修包\A11029374\90-663605\L55\康普艾</t>
  </si>
  <si>
    <t>【康普艾】轴衬\A05351574\L55\康普艾</t>
  </si>
  <si>
    <t>【康普艾】挡尘环\A93343510\L55\康普艾</t>
  </si>
  <si>
    <t>【康普艾】轴封\A93221230\L55\康普艾</t>
  </si>
  <si>
    <t>【康普艾】减震垫圈\100002438\LB110\康普艾</t>
  </si>
  <si>
    <t>【康普艾】O型圈\QX175012\排气转换座与空气端之间\LB110\康普艾</t>
  </si>
  <si>
    <t>【康普艾】O型圈\A93191300\转接头与排气转换座之间\LB110\康普艾</t>
  </si>
  <si>
    <t>【康普艾】转接头\100012157\LB110\康普艾</t>
  </si>
  <si>
    <t>【康普艾】排气转换座\QX103646\LB110\康普艾</t>
  </si>
  <si>
    <t>【康普艾】连轴器\QX101074\LB110\康普艾</t>
  </si>
  <si>
    <t>【康普艾】钟罩\QX100961\LB110\康普艾</t>
  </si>
  <si>
    <t>【康普艾】减震器\SC04-202\LB110\康普艾</t>
  </si>
  <si>
    <t>【康普艾】纸垫\QX176248\进器阀下\LB110\康普艾</t>
  </si>
  <si>
    <t>【康普艾】卡箍\QX100563\吸调器侧\LB110\康普艾</t>
  </si>
  <si>
    <t>【康普艾】4000小时专用油\92130280/S/18\18升/桶；0.0155吨/桶\LB110\康普艾</t>
  </si>
  <si>
    <t>【康普艾】温控旁通阀\A11513574\55℃\LB110\康普艾</t>
  </si>
  <si>
    <t>【康普艾】水冷油冷却器\11190074\L55\康普艾</t>
  </si>
  <si>
    <t>【康普艾】风冷空冷却器\11011674\L55\康普艾</t>
  </si>
  <si>
    <t>【康普艾】风冷油冷却器\11011574\L55\康普艾</t>
  </si>
  <si>
    <t>【康普艾】皮带风扇\100006956\L55\康普艾</t>
  </si>
  <si>
    <t>【康普艾】空冷却器\100007671\L30G\康普艾</t>
  </si>
  <si>
    <t>【康普艾】油冷却器\100007671\L30G\康普艾</t>
  </si>
  <si>
    <t>【康普艾】温度传感器线缆\11523674\L55G\康普艾</t>
  </si>
  <si>
    <t>【康普艾】压力传感器线缆\11523774\L55G\康普艾</t>
  </si>
  <si>
    <t>【康普艾】风冷空冷却器\100005281\L55G\康普艾</t>
  </si>
  <si>
    <t>【康普艾】温控阀\A11513574\LB300\康普艾</t>
  </si>
  <si>
    <t>【康普艾】制冷剂\6001047HB\LB300\康普艾</t>
  </si>
  <si>
    <t>【康普艾】制冷剂\6001022FH\LB300\康普艾</t>
  </si>
  <si>
    <t>【康普艾】上门阀\6000080ZW\LB300\康普艾</t>
  </si>
  <si>
    <t>【康普艾】止回阀\6000100ZW\LB300\康普艾</t>
  </si>
  <si>
    <t>【康普艾】组合式电加热器\6003500JR\LB300\康普艾</t>
  </si>
  <si>
    <t>【康普艾】柔性卡箍\308209-51\LB55\康普艾</t>
  </si>
  <si>
    <t>【康普艾】热控阀\QX102258\LB260\康普艾</t>
  </si>
  <si>
    <t>【康普艾】通讯模块\301ETK1173\LB260\康普艾</t>
  </si>
  <si>
    <t>【康普艾】控制器\300ETK1173\LB260\康普艾</t>
  </si>
  <si>
    <t>【康普艾】空气过滤器芯\100009925\L45G\康普艾</t>
  </si>
  <si>
    <t>【康普艾】空气端\100002624\L37\康普艾</t>
  </si>
  <si>
    <t>【康普艾】密封圈\A93190960\L37\康普艾</t>
  </si>
  <si>
    <t>【康普艾】皮带轮\A11602074\电机皮带轮\L37\康普艾</t>
  </si>
  <si>
    <t>【康普艾】皮带轮\A11507274\L37\康普艾</t>
  </si>
  <si>
    <t>【康普艾】皮带轮\A11382674\空气端皮带轮\L37\康普艾</t>
  </si>
  <si>
    <t>【康普艾】后冷却器\A11377374\L37\康普艾</t>
  </si>
  <si>
    <t>【康普艾】油冷却器\A11377074\L37\康普艾</t>
  </si>
  <si>
    <t>【康普艾】皮带\A11097874\L37\康普艾</t>
  </si>
  <si>
    <t>【康普艾】压力传感器线缆\11523874\L37\康普艾</t>
  </si>
  <si>
    <t>【康普艾】进水电磁阀膜片\100001929\L37\康普艾</t>
  </si>
  <si>
    <t>【康普艾】弯头\A93581660\L37\康普艾</t>
  </si>
  <si>
    <t>【康普艾】油管\A11380774\油分桶-油冷却器\L37\康普艾</t>
  </si>
  <si>
    <t>【康普艾】气管\A11381074\后冷却器-出口法兰\L37\康普艾</t>
  </si>
  <si>
    <t>【康普艾】油管\A11089574\油滤器-空气端\L37\康普艾</t>
  </si>
  <si>
    <t>【康普艾】气管\A11380974\最小压力阀----后冷却器\L37\康普艾</t>
  </si>
  <si>
    <t>【康普艾】气管\A11380974\最小压力阀-后冷却器\L37\康普艾</t>
  </si>
  <si>
    <t>【康普艾】套管接头\A93596660\L37\康普艾</t>
  </si>
  <si>
    <t>【康普艾】接头\A93581040\L37\康普艾</t>
  </si>
  <si>
    <t>【康普艾】三通\A93602320\L37\康普艾</t>
  </si>
  <si>
    <t>【康普艾】直角接头\SC09-30\93581640\L37\康普艾</t>
  </si>
  <si>
    <t>【康普艾】风扇\A11384674\L37\康普艾</t>
  </si>
  <si>
    <t>【康普艾】吸气软管\A11383774\L37\康普艾</t>
  </si>
  <si>
    <t>【康普艾】安全阀\98650-311-5\L37\康普艾</t>
  </si>
  <si>
    <t>【康普艾】安全阀\98650-311-2\98650-311-1或-2或-3或-4\L37\康普艾</t>
  </si>
  <si>
    <t>【康普艾】温控旁通阀\A11375374\45\L37\康普艾</t>
  </si>
  <si>
    <t>【康普艾】最小压力阀\A10520874\MPVL32\L37\康普艾</t>
  </si>
  <si>
    <t>【康普艾】卸载-放气电磁阀隔膜11520174\100008872\L37\康普艾</t>
  </si>
  <si>
    <t>【康普艾】放气电磁阀\100008869\2-2（原11520074-100004439）\L37\康普艾</t>
  </si>
  <si>
    <t>【康普艾】放气电磁阀\100008868\2-2，原11383874\L37\康普艾</t>
  </si>
  <si>
    <t>【康普艾】卸载电磁阀\100009003\2-3，原11030074-100004440\L37\康普艾</t>
  </si>
  <si>
    <t>【康普艾】卸载电磁阀\A11383974\2-3\L37\康普艾</t>
  </si>
  <si>
    <t>【康普艾】蝶阀式吸气调节器修包\A11388474\阀板、密封圈、垫、杆、螺塞\L37\康普艾</t>
  </si>
  <si>
    <t>【康普艾】耐震空气压力表\JL-T-007A-002\40M\30M\20M\康普艾</t>
  </si>
  <si>
    <t>【康普艾】耐震空气压力表\JL-T-007A-001\40M\30M\20M\康普艾</t>
  </si>
  <si>
    <t>【康普艾】进气阀维修包（II代）\QX103235\L335G\康普艾</t>
  </si>
  <si>
    <t>【康普艾】进气阀总成（II代）\QX102790\L335G\康普艾</t>
  </si>
  <si>
    <t>【康普艾】8000专用润滑剂\QX108106\每桶18.9升/桶\L335G\康普艾</t>
  </si>
  <si>
    <t>【康普艾】油分芯2\QX104009\L335G\康普艾</t>
  </si>
  <si>
    <t>【康普艾】油分芯1\QX104008\L335G\康普艾</t>
  </si>
  <si>
    <t>【康普艾】主机油滤芯\26A43\L335G\康普艾</t>
  </si>
  <si>
    <t>【康普艾】主油滤芯\QX104006\L335G\康普艾</t>
  </si>
  <si>
    <t>【康普艾】空滤芯\QX104004\L335G\康普艾</t>
  </si>
  <si>
    <t>【康普艾】密封圈\QX175059\L335G\康普艾</t>
  </si>
  <si>
    <t>【康普艾】密封圈\QX175061\M30-8/3\L335G\康普艾</t>
  </si>
  <si>
    <t>【康普艾】密封圈\QX175058\M40-12/5\L335G\康普艾</t>
  </si>
  <si>
    <t>【康普艾】密封圈\QX175060\M35-12/5\L335G\康普艾</t>
  </si>
  <si>
    <t>【康普艾】过滤显示器\2109125\XS500\L335G\康普艾</t>
  </si>
  <si>
    <t>【康普艾】隔板总成\2109369\GB100*20\L335G\康普艾</t>
  </si>
  <si>
    <t>【康普艾】密封圈\258C204\M50-15/6\L335G\康普艾</t>
  </si>
  <si>
    <t>【康普艾】热控制阀阀芯\2109084\180℉\L335G\康普艾</t>
  </si>
  <si>
    <t>【康普艾】热控制阀阀芯\2109365\150℉\L335G\康普艾</t>
  </si>
  <si>
    <t>【康普艾】管接头密封圈\2117160\L335G\康普艾</t>
  </si>
  <si>
    <t>【康普艾】8000专用润滑液\AEON 9000 28H110\每桶208升\L335G\康普艾</t>
  </si>
  <si>
    <t>【康普艾】8000专用润滑液\SC16-55\每桶208升\L335G\康普艾</t>
  </si>
  <si>
    <t>【康普艾】压力传感器\11507074\L30G\康普艾</t>
  </si>
  <si>
    <t>【康普艾】温度传感器\100003018\L30G\康普艾</t>
  </si>
  <si>
    <t>【康普艾】压力表\QX102103\旧件号：2116732\L260G\康普艾</t>
  </si>
  <si>
    <t>【康普艾】通用空压机4000小时专用油\92130280\18\18升/桶；0.0155吨/桶\康普艾机型通用\康普艾</t>
  </si>
  <si>
    <t>【康普艾】通用4000HR润滑油\4000HR\18升/桶；0.0155吨/桶\康普艾机型通用\康普艾</t>
  </si>
  <si>
    <t>【康普艾】通用4000H专用油\92130280/18\18升/桶；0.0155吨/桶\康普艾机型通用\康普艾</t>
  </si>
  <si>
    <t>【康普艾】空气端大修维护包\F000045C\FM55\康普艾</t>
  </si>
  <si>
    <t>【康普艾】空气端大修维护包\0006150C\6150N\康普艾</t>
  </si>
  <si>
    <t>【康普艾】空气端大修维护包\B000132C\LB132\康普艾</t>
  </si>
  <si>
    <t>【康普艾】空气端大修维护包\L000132C\L132C\康普艾</t>
  </si>
  <si>
    <t>【康普艾】空气端大修维护包\L000275C\LB275\康普艾</t>
  </si>
  <si>
    <t>【康普艾】空气端大修维护包\B000250C\LB250\康普艾</t>
  </si>
  <si>
    <t>【康普艾】空气端\38032401\LB132\康普艾</t>
  </si>
  <si>
    <t>【康普艾】空气端壳体\11977474\L250\康普艾</t>
  </si>
  <si>
    <t>【康普艾】轴承座\11977674\L250\康普艾</t>
  </si>
  <si>
    <t>【康普艾】缓冲圈\36669980\L250\康普艾</t>
  </si>
  <si>
    <t>【康普艾】阳螺杆\11978174\L250\康普艾</t>
  </si>
  <si>
    <t>【康普艾】阴螺杆\11978274\L250\康普艾</t>
  </si>
  <si>
    <t>【康普艾】主机端盖轴承座镶套件\E290D1010\L250\康普艾</t>
  </si>
  <si>
    <t>【康普艾】主机壳体轴承座镶套件\E290D1000\L250\康普艾</t>
  </si>
  <si>
    <t>【康普艾】空气端大修维护包\EK290250\L250\康普艾</t>
  </si>
  <si>
    <t>【康普艾】微油螺杆空气压缩机\LB250-08W\LB250\康普艾</t>
  </si>
  <si>
    <t>【康普艾】后置过滤器\SJ-L-005-040\LB150\康普艾</t>
  </si>
  <si>
    <t>【康普艾】前置过滤器\SJ-L-007-040\LB150\康普艾</t>
  </si>
  <si>
    <t>【康普艾】滤芯\M072-B\精度＜0.01μm\LB150\康普艾</t>
  </si>
  <si>
    <t>【康普艾】滤芯\M072-A\精度＜0.5μm\LB150\康普艾</t>
  </si>
  <si>
    <t>【康普艾】滤芯\M072-V\精度＜1μm\LB150\康普艾</t>
  </si>
  <si>
    <t>【康普艾】微热再生吸干机滤芯\XJK-XG2E3\LB150\康普艾</t>
  </si>
  <si>
    <t>【康普艾】挠性接头\100012145\柔性卡箍\LB150\康普艾</t>
  </si>
  <si>
    <t>【康普艾】O形圈\QX175016\LB150\康普艾</t>
  </si>
  <si>
    <t>【康普艾】可调直接头\QX170147\LB150\康普艾</t>
  </si>
  <si>
    <t>【康普艾】可调弯头\QX170451\LB150\康普艾</t>
  </si>
  <si>
    <t>【康普艾】接头\QX170148\LB150\康普艾</t>
  </si>
  <si>
    <t>【康普艾】接头\93581100\L250\康普艾</t>
  </si>
  <si>
    <t>【康普艾】接头\93581100\18mm\L250\康普艾</t>
  </si>
  <si>
    <t>【康普艾】内衬套\93614110\8mm\L250\康普艾</t>
  </si>
  <si>
    <t>【康普艾】管内衬套\93614860\L250\康普艾</t>
  </si>
  <si>
    <t>【康普艾】内衬套\93614860\18mm\L250\康普艾</t>
  </si>
  <si>
    <t>【康普艾】尼龙管\91801180\L250\康普艾</t>
  </si>
  <si>
    <t>【康普艾】空气软管\91801180\18mm\L250\康普艾</t>
  </si>
  <si>
    <t>【康普艾】安全阀\11423474\L250\康普艾</t>
  </si>
  <si>
    <t>【康普艾】最小压力阀总成\11513474\L250\康普艾</t>
  </si>
  <si>
    <t>【康普艾】风扇总成\100003381\L250\康普艾</t>
  </si>
  <si>
    <t>【康普艾】轴封修包\93221230-KIT\含轴封*1、轴套*1及乐泰胶\L55\康普艾</t>
  </si>
  <si>
    <t>【康普艾】O型圈\A93198780\L55\康普艾</t>
  </si>
  <si>
    <t>【康普艾】密封圈\A93323270\L55\康普艾</t>
  </si>
  <si>
    <t>【康普艾】阀体衬套\A05839274\L55\康普艾</t>
  </si>
  <si>
    <t>【康普艾】活塞密封\A11403974\L55\康普艾</t>
  </si>
  <si>
    <t>【康普艾】O型圈（管道密封）\A93190030\L55\康普艾</t>
  </si>
  <si>
    <t>【康普艾】进气门\100010966\11317574\L55\康普艾</t>
  </si>
  <si>
    <t>【康普艾】O型圈\A93190430\后盖密封圈\L55\康普艾</t>
  </si>
  <si>
    <t>【康普艾】阀杆\A11317974\L55\康普艾</t>
  </si>
  <si>
    <t>【康普艾】吸调器维修包2\100001110\L55\康普艾</t>
  </si>
  <si>
    <t>【康普艾】吸调器维修包1\100001110\L55\康普艾</t>
  </si>
  <si>
    <t>【康普艾】吸调器软木垫\A11319074\L55\康普艾</t>
  </si>
  <si>
    <t>【康普艾】吸调器\100003762\L55\康普艾</t>
  </si>
  <si>
    <t>【康普艾】大修箱\CK8145-2\水冷\L55\康普艾</t>
  </si>
  <si>
    <t>【康普艾】卸载电磁阀\100009003\2-3,原11030074-100004440\L55\康普艾</t>
  </si>
  <si>
    <t>【康普艾】放气电磁阀\100008869\2-2,原11520074-100004439\L55\康普艾</t>
  </si>
  <si>
    <t>【康普艾】最小压力阀修包\11029374\密封圈、导套、垫等\L55\康普艾</t>
  </si>
  <si>
    <t>【康普艾】大修箱（空冷）\CK8145-1\密封圈、垫片\L55\康普艾</t>
  </si>
  <si>
    <t>【康普艾】4000H专用油(空冷）\92130280-S-18\18升/桶；0.0155吨/桶\L55\康普艾</t>
  </si>
  <si>
    <t>【康普艾】油分离器芯\10525274\L55\康普艾</t>
  </si>
  <si>
    <t>【康普艾】油过滤器芯\4425274\L55\康普艾</t>
  </si>
  <si>
    <t>【康普艾】空气过滤器芯\11323374\L55\康普艾</t>
  </si>
  <si>
    <t>【康普艾】气管\QP100003067\冷却器\L07\康普艾</t>
  </si>
  <si>
    <t>【康普艾】空滤压差开关\34548961\L132C\康普艾</t>
  </si>
  <si>
    <t>【康普艾】密封垫\29676019\70X70X1.5\L132C\康普艾</t>
  </si>
  <si>
    <t>【康普艾】弯管\29130573\油分桶入口\L132C\康普艾</t>
  </si>
  <si>
    <t>【康普艾】弯管\29127388\空气端出口\L132C\康普艾</t>
  </si>
  <si>
    <t>【康普艾】空气端排气管至油分桶柔性接头\36668388\L132C\康普艾</t>
  </si>
  <si>
    <t>【康普艾】温控旁通阀修包\35810426-KIT\含温控阀*1，及相关密封件\L132C\康普艾</t>
  </si>
  <si>
    <t>【康普艾】吸气调节器\31847422\L132C\康普艾</t>
  </si>
  <si>
    <t>【康普艾】温控旁通阀\35810426\L132C\康普艾</t>
  </si>
  <si>
    <t>【康普艾】回油管直接头\30395171\接尼龙管 R1-4X∮8\L132C\康普艾</t>
  </si>
  <si>
    <t>【康普艾】回油管\29012764\∮6\L132C\康普艾</t>
  </si>
  <si>
    <t>【康普艾】回油管直接头\29810414\R1-4X∮6\L132C\康普艾</t>
  </si>
  <si>
    <t>【康普艾】回油管直角接头\30394977\L132C\康普艾</t>
  </si>
  <si>
    <t>【康普艾】进水电磁阀\31847550\水冷\L132C\康普艾</t>
  </si>
  <si>
    <t>【康普艾】加载电磁阀\31850000\L132C\康普艾</t>
  </si>
  <si>
    <t>【康普艾】隔膜\31849959\L132C\康普艾</t>
  </si>
  <si>
    <t>【康普艾】电磁阀\31849958\L132C\康普艾</t>
  </si>
  <si>
    <t>【康普艾】油压开关\33929853\L132C\康普艾</t>
  </si>
  <si>
    <t>【康普艾】温度探头\31850406\L132C\康普艾</t>
  </si>
  <si>
    <t>【康普艾】压力探头\31848132\L132C\康普艾</t>
  </si>
  <si>
    <t>【康普艾】进水过滤器\15572528\Dn32\L132C\康普艾</t>
  </si>
  <si>
    <t>【康普艾】进水过滤器\29136942\Dn40\L132C\康普艾</t>
  </si>
  <si>
    <t>【康普艾】活塞环\36463611\05884474\L132C\康普艾</t>
  </si>
  <si>
    <t>【康普艾】O型圈\29678605\L132C\康普艾</t>
  </si>
  <si>
    <t>【康普艾】密封圈\29687694\L132C\康普艾</t>
  </si>
  <si>
    <t>【康普艾】衬套\18741318\L132C\康普艾</t>
  </si>
  <si>
    <t>【康普艾】密封垫\29676022\L132C\康普艾</t>
  </si>
  <si>
    <t>【康普艾】密封垫\29676012\L132C\康普艾</t>
  </si>
  <si>
    <t>【康普艾】阀板\36457242\L132C\康普艾</t>
  </si>
  <si>
    <t>【康普艾】吸调器套件\31847487\L132C\康普艾</t>
  </si>
  <si>
    <t>【康普艾】REG-密封垫SEAL\36429216\L132C\康普艾</t>
  </si>
  <si>
    <t>【康普艾】止回活塞\36423802\L132C\康普艾</t>
  </si>
  <si>
    <t>【康普艾】O型圈\35185585\L132C\康普艾</t>
  </si>
  <si>
    <t>【康普艾】驱动带\35184949\L132C\康普艾</t>
  </si>
  <si>
    <t>【康普艾】油气分离器罐上的安全阀\SC12-11-4\13BAR 空压机11.5BAR\L132C\康普艾</t>
  </si>
  <si>
    <t>【康普艾】油气分离器罐上的安全阀\SC12-11-3\12BAR 空压机10.5BAR\L132C\康普艾</t>
  </si>
  <si>
    <t>【康普艾】油气分离器罐上的安全阀\SC12-11-2\11BAR 空压机9.5BAR\L132C\康普艾</t>
  </si>
  <si>
    <t>【康普艾】油气分离器罐上的安全阀\SC12-11-1\9.5BAR 空压机7.5BAR\L132C\康普艾</t>
  </si>
  <si>
    <t>【康普艾】油视镜\A06353077\L132C\康普艾</t>
  </si>
  <si>
    <t>【康普艾】空滤压差开关\A10848374\L132C\康普艾</t>
  </si>
  <si>
    <t>【康普艾】密封垫\A93182700\70X70X1.5\L132C\康普艾</t>
  </si>
  <si>
    <t>【康普艾】密封垫\A93181020\后冷却器入口\L132C\康普艾</t>
  </si>
  <si>
    <t>【康普艾】密封垫\A93182720\空气端到油分离器入口\L132C\康普艾</t>
  </si>
  <si>
    <t>【康普艾】弯管\sc09-147\油分桶入口\L132C\康普艾</t>
  </si>
  <si>
    <t>【康普艾】弯管\sc09-146\空气端出口\L132C\康普艾</t>
  </si>
  <si>
    <t>【康普艾】冷却风扇电机\100003381-2\L250\康普艾</t>
  </si>
  <si>
    <t>【康普艾】冷却风扇\100003381-1\L250\康普艾</t>
  </si>
  <si>
    <t>【康普艾】加大型油冷却器\SC12-10-1\L250\康普艾</t>
  </si>
  <si>
    <t>【康普艾】空气冷却器\SC12-9\水冷式\L250\康普艾</t>
  </si>
  <si>
    <t>【康普艾】空气冷却器\100000967\水冷式\L250\康普艾</t>
  </si>
  <si>
    <t>【康普艾】油冷却器\SC12-10\水冷式\L250\康普艾</t>
  </si>
  <si>
    <t>【康普艾】空气冷却器\11513074\空冷式\L250\康普艾</t>
  </si>
  <si>
    <t>【康普艾】油冷却器\100005313\2块/套\L250\康普艾</t>
  </si>
  <si>
    <t>【康普艾】油冷却器\100005313\L250\康普艾</t>
  </si>
  <si>
    <t>【康普艾】电脑控制面板\100005506\delcos3100\L250\康普艾</t>
  </si>
  <si>
    <t>【康普艾】油视镜修包\91801060-KIT\L250\康普艾</t>
  </si>
  <si>
    <t>【康普艾】轴封套件修包\93220370/KIT\含轴封*1、轴套*1及乐泰胶\L250\康普艾</t>
  </si>
  <si>
    <t>【康普艾】尼龙管及接头修包\91801030/kit\L250\康普艾</t>
  </si>
  <si>
    <t>【康普艾】进气软管\11512674\L250\康普艾</t>
  </si>
  <si>
    <t>【康普艾】最小压力阀修包\100000897\L250\康普艾</t>
  </si>
  <si>
    <t>【康普艾】吸调器维修包\100001112\L250\康普艾</t>
  </si>
  <si>
    <t>【康普艾】吸调器维修包\100001112KIT\L250\康普艾</t>
  </si>
  <si>
    <t>【康普艾】温控旁通阀\11513574\L250\康普艾</t>
  </si>
  <si>
    <t>【康普艾】冷却风扇\QX103137\LB220\康普艾</t>
  </si>
  <si>
    <t>【康普艾】控制器总成\QX193607\LB220\康普艾</t>
  </si>
  <si>
    <t>【康普艾】控制器总成\QX193597\LB220\康普艾</t>
  </si>
  <si>
    <t>【康普艾】空滤压差开关\QP10848374\LB220\康普艾</t>
  </si>
  <si>
    <t>【康普艾】温度传感器\QX104521\LB220\康普艾</t>
  </si>
  <si>
    <t>【康普艾】压力传感器\ZS1050642\LB220\康普艾</t>
  </si>
  <si>
    <t>【康普艾】DELCOS-BD485通讯模块\QX186122\LB220\康普艾</t>
  </si>
  <si>
    <t>【康普艾】水冷式油冷却器\QX105867\LB220\康普艾</t>
  </si>
  <si>
    <t>【康普艾】水冷式后冷却器\QX105868\LB220\康普艾</t>
  </si>
  <si>
    <t>【康普艾】控制电磁阀\ZS1067160\LB220\康普艾</t>
  </si>
  <si>
    <t>【康普艾】卸载电磁阀\QX186038\LB220\康普艾</t>
  </si>
  <si>
    <t>【康普艾】加油塞密封圈\95602-79\LB220\康普艾</t>
  </si>
  <si>
    <t>【康普艾】O型圈\QX175085\LB220\康普艾</t>
  </si>
  <si>
    <t>【康普艾】进气阀修包\QX150286\含各类密封件\LB220\康普艾</t>
  </si>
  <si>
    <t>【康普艾】进气阀\QX105880\LB220\康普艾</t>
  </si>
  <si>
    <t>【康普艾】最小压力阀\QX104817\LB220\康普艾</t>
  </si>
  <si>
    <t>【康普艾】润滑油\92130280-s-18\18升/桶；0.0155吨/桶\LB220\康普艾</t>
  </si>
  <si>
    <t>【康普艾】油分芯\QX105451\LB220\康普艾</t>
  </si>
  <si>
    <t>【康普艾】油滤芯\QX105047\LB220\康普艾</t>
  </si>
  <si>
    <t>【康普艾】空滤芯\QX104542\LB220\康普艾</t>
  </si>
  <si>
    <t>【康普艾】后置过滤器\SJ-L-005-040\LB160\康普艾</t>
  </si>
  <si>
    <t>【康普艾】前置过滤器\SJ-L-007-040\LB160\康普艾</t>
  </si>
  <si>
    <t>【康普艾】滤芯\M072-B\精度＜0.01μm\LB160\康普艾</t>
  </si>
  <si>
    <t>【康普艾】滤芯\M072-A\精度＜0.5μm\LB160\康普艾</t>
  </si>
  <si>
    <t>【康普艾】滤芯\M072-V\精度＜1μm\LB160\康普艾</t>
  </si>
  <si>
    <t>【康普艾】微热再生吸干机滤芯\XJK-XG2E3\LB160\康普艾</t>
  </si>
  <si>
    <t>【康普艾】挠性接头\100012145\柔性卡箍\LB160\康普艾</t>
  </si>
  <si>
    <t>【康普艾】O形圈\QX175016\LB160\康普艾</t>
  </si>
  <si>
    <t>【康普艾】油冷回油管\QX104311\LB160\康普艾</t>
  </si>
  <si>
    <t>【康普艾】油冷进油管\QX104310\LB160\康普艾</t>
  </si>
  <si>
    <t>【康普艾】可调直接头\QX170147\LB160\康普艾</t>
  </si>
  <si>
    <t>【康普艾】可调弯头\QX170451\LB160\康普艾</t>
  </si>
  <si>
    <t>【康普艾】接头\QX170148\LB160\康普艾</t>
  </si>
  <si>
    <t>【康普艾】紧停开关\QX185091\L260G\康普艾</t>
  </si>
  <si>
    <t>【康普艾】变压器\QX185093\L260G\康普艾</t>
  </si>
  <si>
    <t>【康普艾】电流变送器\QX185092\L260G\康普艾</t>
  </si>
  <si>
    <t>【康普艾】相位继电器\QX185083\L260G\康普艾</t>
  </si>
  <si>
    <t>【康普艾】安全阀\QX100659\10BAR\L260G\康普艾</t>
  </si>
  <si>
    <t>【康普艾】安全阀\QX100662\8BAR\L260G\康普艾</t>
  </si>
  <si>
    <t>【康普艾】安全阀\QX100661\7BAR\L260G\康普艾</t>
  </si>
  <si>
    <t>【康普艾】后部冷却器\QX103395\风冷 350hp\L260G\康普艾</t>
  </si>
  <si>
    <t>【康普艾】后部冷却器\QX103397\风冷 250hp/300hp\L260G\康普艾</t>
  </si>
  <si>
    <t>【康普艾】油冷却器\QX103396\风冷 350hp\L260G\康普艾</t>
  </si>
  <si>
    <t>【康普艾】油冷却器\QX103398\风冷 250hp/300hp\L260G\康普艾</t>
  </si>
  <si>
    <t>【康普艾】后部冷却器\QX103270\水冷 350hp\L260G\康普艾</t>
  </si>
  <si>
    <t>【康普艾】后部冷却器\QX103389\水冷 250hp/300hp\L260G\康普艾</t>
  </si>
  <si>
    <t>【康普艾】空气端排气管至油分桶柔性接头\A11513874\L132C\康普艾</t>
  </si>
  <si>
    <t>【康普艾】吸气调节器\100000907\L132C\康普艾</t>
  </si>
  <si>
    <t>【康普艾】温控旁通阀\A11244474\L132C\康普艾</t>
  </si>
  <si>
    <t>【康普艾】回油管直接头\95440.84\R1-4X∮8 接尼龙管\L132C\康普艾</t>
  </si>
  <si>
    <t>【康普艾】回油管\A91100080\∮6\L132C\康普艾</t>
  </si>
  <si>
    <t>【康普艾】回油管直接头\A93604700\R1-4X∮6\L132C\康普艾</t>
  </si>
  <si>
    <t>【康普艾】回油管直角接头\95440-229\L132C\康普艾</t>
  </si>
  <si>
    <t>【康普艾】进水电磁阀\100001307\水冷式\L132C\康普艾</t>
  </si>
  <si>
    <t>【康普艾】卸载电磁阀\100009003\原11030074-100004440\L132C\康普艾</t>
  </si>
  <si>
    <t>【康普艾】放气电磁阀隔膜\100008871\11482374\L132C\康普艾</t>
  </si>
  <si>
    <t>【康普艾】放气电磁阀\100008870\11482274\L132C\康普艾</t>
  </si>
  <si>
    <t>【康普艾】油滤压差开关\A10653974\L132C\康普艾</t>
  </si>
  <si>
    <t>【康普艾】温度传感器\100010275\原10630674,100003018\L132C\康普艾</t>
  </si>
  <si>
    <t>【康普艾】压力传感器\100003136\原11507474\L132C\康普艾</t>
  </si>
  <si>
    <t>【康普艾】进水过滤器\A04889774\口径32\L132C\康普艾</t>
  </si>
  <si>
    <t>【康普艾】进水过滤器\SC09-149\口径40\L132C\康普艾</t>
  </si>
  <si>
    <t>【康普艾】吸调器套件\100001111\L132C\康普艾</t>
  </si>
  <si>
    <t>【康普艾】REG-密封垫SEAL\A11438774\L132C\康普艾</t>
  </si>
  <si>
    <t>【康普艾】密封垫\QP93182660\L132C\康普艾</t>
  </si>
  <si>
    <t>【康普艾】密封垫\QP11066874\L132C\康普艾</t>
  </si>
  <si>
    <t>【康普艾】止回活塞\A11437074\L132C\康普艾</t>
  </si>
  <si>
    <t>【康普艾】橡胶金属垫\100005546\L55G\康普艾</t>
  </si>
  <si>
    <t>【康普艾】柔性卡箍\98156-51\L55G\康普艾</t>
  </si>
  <si>
    <t>【康普艾】进气软管\100006772\L55G\康普艾</t>
  </si>
  <si>
    <t>【康普艾】积碳清洗剂\SC98262-90\L55G\康普艾</t>
  </si>
  <si>
    <t>【康普艾】油路冷却剂\29340854/S/6\18升/桶；0.0155吨/桶\L55G\康普艾</t>
  </si>
  <si>
    <t>【康普艾】油分垫\A93196700\L55G\康普艾</t>
  </si>
  <si>
    <t>【康普艾】油分芯\100005424\L55G\康普艾</t>
  </si>
  <si>
    <t>【康普艾】油滤器芯\1409322\L55G\康普艾</t>
  </si>
  <si>
    <t>【康普艾】空滤\100006374\L55G\康普艾</t>
  </si>
  <si>
    <t>【康普艾】空气端大修维护包\L300275B\LB300\康普艾</t>
  </si>
  <si>
    <t>【康普艾】弹性管接头\64EB803\LB300\康普艾</t>
  </si>
  <si>
    <t>【康普艾】梭动阀\90AR1034\LB300\康普艾</t>
  </si>
  <si>
    <t>【康普艾】止回阀\QX102687\LB300\康普艾</t>
  </si>
  <si>
    <t>【康普艾】气动泄放阀\90AR1083\LB300\康普艾</t>
  </si>
  <si>
    <t>【康普艾】压差开关\88H195\LB300\康普艾</t>
  </si>
  <si>
    <t>【康普艾】温度传感器\21D264\LB300\康普艾</t>
  </si>
  <si>
    <t>【康普艾】进气阀总成\QX102790\LB300\康普艾</t>
  </si>
  <si>
    <t>【康普艾】8000H冷却剂\QX108106\LB300\康普艾</t>
  </si>
  <si>
    <t>【康普艾】一级油分芯\QX104001\LB300\康普艾</t>
  </si>
  <si>
    <t>【康普艾】二级油分芯\QX104000\LB300\康普艾</t>
  </si>
  <si>
    <t>【康普艾】油滤芯\QX104002\LB300\康普艾</t>
  </si>
  <si>
    <t>【康普艾】空气滤芯\QX104004\LB300\康普艾</t>
  </si>
  <si>
    <t>【康普艾】软管接头\54144904\LB300\康普艾</t>
  </si>
  <si>
    <t>【康普艾】软管\32042994\LB300\康普艾</t>
  </si>
  <si>
    <t>【康普艾】卡箍\31967834\LB300\康普艾</t>
  </si>
  <si>
    <t>【康普艾】水分离器后冷供气管路\33672611\LB300\康普艾</t>
  </si>
  <si>
    <t>【康普艾】O形圈\55715860\LB300\康普艾</t>
  </si>
  <si>
    <t>【康普艾】O形圈\55740446\LB300\康普艾</t>
  </si>
  <si>
    <t>【康普艾】O形圈\55736306\LB300\康普艾</t>
  </si>
  <si>
    <t>【康普艾】机头进油管\33900318\LB300\康普艾</t>
  </si>
  <si>
    <t>【康普艾】油冷回油管\33898726\LB300\康普艾</t>
  </si>
  <si>
    <t>【康普艾】油冷进油管\33766879\LB300\康普艾</t>
  </si>
  <si>
    <t>【康普艾】后冷供气管路\33691401\LB300\康普艾</t>
  </si>
  <si>
    <t>【康普艾】空滤\1016291\所有自洁式过滤器\康普艾</t>
  </si>
  <si>
    <t>【康普艾】自动排水器\1003153\所有过滤器及老冷干机上用\康普艾</t>
  </si>
  <si>
    <t>【康普艾】分子筛\1002317\所有吸干机\康普艾</t>
  </si>
  <si>
    <t>【康普艾】压力控制器\1000319\控制所有风冷冷干机的风扇\康普艾</t>
  </si>
  <si>
    <t>【康普艾】膨胀阀\1009722\80立方冷干机\80立方冷干机\康普艾</t>
  </si>
  <si>
    <t>【康普艾】膨胀阀\1010603\60立方冷干机\60立方冷干机\康普艾</t>
  </si>
  <si>
    <t>【康普艾】膨胀阀\1009677\40～50立方冷干机\40～50立方冷干机\康普艾</t>
  </si>
  <si>
    <t>【康普艾】膨胀阀\1009676\30立方冷干机\30立方冷干机\康普艾</t>
  </si>
  <si>
    <t>【康普艾】膨胀阀\1009675\20～25立方冷干机\20～25立方冷干机\康普艾</t>
  </si>
  <si>
    <t>【康普艾】高低压控制器\1000318\10立方以上所有冷干机\康普艾</t>
  </si>
  <si>
    <t>【康普艾】干燥滤芯\1000389\70及以上立方冷干机\康普艾</t>
  </si>
  <si>
    <t>【康普艾】干燥过滤器\1004709\60立方冷干机\60立方冷干机\康普艾</t>
  </si>
  <si>
    <t>【康普艾】干燥过滤器\1007508\40～50立方冷干机\40～50立方冷干机\康普艾</t>
  </si>
  <si>
    <t>【康普艾】油冷却器\QX102880\水冷 350hp\L260G\康普艾</t>
  </si>
  <si>
    <t>【康普艾】油冷却器\QX103388\水冷 250hp/300hp\L260G\康普艾</t>
  </si>
  <si>
    <t>【康普艾】热控制阀阀芯\QX103233\68°C（II代）\L260G\康普艾</t>
  </si>
  <si>
    <t>【康普艾】热控制阀阀芯\QX103232\57°C（II代）\L260G\康普艾</t>
  </si>
  <si>
    <t>【康普艾】热控制阀阀芯\2109364\160℉（I代）\L260G\康普艾</t>
  </si>
  <si>
    <t>【康普艾】热控制阀阀芯\2109365\150℉（I代）\L260G\康普艾</t>
  </si>
  <si>
    <t>【康普艾】通讯模块\301ETK1173\L260G\康普艾</t>
  </si>
  <si>
    <t>【康普艾】AirSmart控制器\300ETK1173\L260G\康普艾</t>
  </si>
  <si>
    <t>【康普艾】AirSmart中文显示面板\301ETK375\L260G\康普艾</t>
  </si>
  <si>
    <t>【康普艾】ES+控制器\302EAU1173\L260G\康普艾</t>
  </si>
  <si>
    <t>【康普艾】旋转阀维修包\315SSU6013\L260G\康普艾</t>
  </si>
  <si>
    <t>【康普艾】旋转电磁阀O型圈维修包\307EAQ6013\L260G\康普艾</t>
  </si>
  <si>
    <t>【康普艾】电气控制元件包\206EAP6013\I代\L260G\康普艾</t>
  </si>
  <si>
    <t>【康普艾】气动控制元件及仪表包\203EAU6013\L260G\康普艾</t>
  </si>
  <si>
    <t>【康普艾】衬垫维修包\333SSU6013\L260G\康普艾</t>
  </si>
  <si>
    <t>【康普艾】轴封维修包\302SSU6013\L260G\康普艾</t>
  </si>
  <si>
    <t>【康普艾】压力传感器\VP1011577\适用于AirSmart控制器\L260G\康普艾</t>
  </si>
  <si>
    <t>【康普艾】压力传感器\88H359\I代\L260G\康普艾</t>
  </si>
  <si>
    <t>【康普艾】O形圈\QX175014\LB150\康普艾</t>
  </si>
  <si>
    <t>【康普艾】机头进油管\QX104456\LB150\康普艾</t>
  </si>
  <si>
    <t>【康普艾】油分离桶进气管路\QX104308\LB150\康普艾</t>
  </si>
  <si>
    <t>【康普艾】O形圈\QX175017\LB150\康普艾</t>
  </si>
  <si>
    <t>【康普艾】后冷供气管路\QX103670\LB150\康普艾</t>
  </si>
  <si>
    <t>【康普艾】后冷进气管路\QX104157\LB150\康普艾</t>
  </si>
  <si>
    <t>【康普艾】风扇电机\QX104540\LB150\康普艾</t>
  </si>
  <si>
    <t>【康普艾】离心风扇\QX104903\LB150\康普艾</t>
  </si>
  <si>
    <t>【康普艾】空气/油冷却器\QX103381\LB150\康普艾</t>
  </si>
  <si>
    <t>【康普艾】衬套\A93614140\LB150\康普艾</t>
  </si>
  <si>
    <t>【康普艾】透明软管\A91801060\LB150\康普艾</t>
  </si>
  <si>
    <t>【康普艾】直角接头\A93581670\LB150\康普艾</t>
  </si>
  <si>
    <t>【康普艾】O型圈\A93199140\最小压力阀与油分盖之间\LB150\康普艾</t>
  </si>
  <si>
    <t>【康普艾】O型圈\95602-79\LB150\康普艾</t>
  </si>
  <si>
    <t>【康普艾】加油口盖\C27323-136\LB150\康普艾</t>
  </si>
  <si>
    <t>【康普艾】球阀\QX100599\LB150\康普艾</t>
  </si>
  <si>
    <t>【康普艾】减震垫圈\100002438\LB150\康普艾</t>
  </si>
  <si>
    <t>【康普艾】O型圈\QX175012\排气转换座与空气端之间\LB150\康普艾</t>
  </si>
  <si>
    <t>【康普艾】O型圈\A93191300\转接头与排气转换座之间\LB150\康普艾</t>
  </si>
  <si>
    <t>【康普艾】转接头\100012157\LB150\康普艾</t>
  </si>
  <si>
    <t>【康普艾】排气转换座\QX103646\LB150\康普艾</t>
  </si>
  <si>
    <t>【康普艾】连轴器\QX101074\LB150\康普艾</t>
  </si>
  <si>
    <t>【康普艾】钟罩\QX100961\LB150\康普艾</t>
  </si>
  <si>
    <t>【康普艾】减震器\SC04-202\LB150\康普艾</t>
  </si>
  <si>
    <t>【康普艾】密封圈(柔性接头，油管)\11508274/1\L250\康普艾</t>
  </si>
  <si>
    <t>【康普艾】柔性接头，油管\11508274\L250\康普艾</t>
  </si>
  <si>
    <t>【康普艾】油滤压差开关\SC05/237\L250\康普艾</t>
  </si>
  <si>
    <t>【康普艾】油滤压差开关\SC05/236\40005674\L250\康普艾</t>
  </si>
  <si>
    <t>【康普艾】油分芯压差开关\5510674\L250\康普艾</t>
  </si>
  <si>
    <t>【康普艾】空滤压差开关\10848374\L250\康普艾</t>
  </si>
  <si>
    <t>【康普艾】卸载电磁阀\100004670\11915974\L250\康普艾</t>
  </si>
  <si>
    <t>【康普艾】放气电磁阀隔膜\100008871\11482374\L250\康普艾</t>
  </si>
  <si>
    <t>【康普艾】放气电磁阀\100008870\11482274\L250\康普艾</t>
  </si>
  <si>
    <t>【康普艾】压力传感器\100003136\原11507474\L250\康普艾</t>
  </si>
  <si>
    <t>【康普艾】温度传感器\100010275\原10630674,100003018\L250\康普艾</t>
  </si>
  <si>
    <t>【康普艾】反向调节器\987874\L250\康普艾</t>
  </si>
  <si>
    <t>【康普艾】减压阀\11915874\L250\康普艾</t>
  </si>
  <si>
    <t>【康普艾】高性能组合传送带\11523274\10根/组\L250\康普艾</t>
  </si>
  <si>
    <t>【康普艾】柔性接头，油分离器入口\11514074/4\密封圈\L250\康普艾</t>
  </si>
  <si>
    <t>【康普艾】柔性接头，油分离器入口\11514074\卡箍密封总成\L250\康普艾</t>
  </si>
  <si>
    <t>【康普艾】柔性接头，空气端出气口\11514174/4\密封圈\L250\康普艾</t>
  </si>
  <si>
    <t>【康普艾】柔性接头，空气端出气口\11514174\卡箍密封总成\L250\康普艾</t>
  </si>
  <si>
    <t>【康普艾】终极排气管柔性接头\11513974/4\密封圈\L250\康普艾</t>
  </si>
  <si>
    <t>【康普艾】终极排气管柔性接头\11513974\卡箍密封总成\L250\康普艾</t>
  </si>
  <si>
    <t>【康普艾】4000小时专用油\92130280/S/18\18升/桶；0.0155吨/桶\L250\康普艾</t>
  </si>
  <si>
    <t>【康普艾】油分芯垫\93190930\L250\康普艾</t>
  </si>
  <si>
    <t>【康普艾】油分离器芯\11427474\200kw-250kw\L250\康普艾</t>
  </si>
  <si>
    <t>【康普艾】油过滤器芯\4425274\L250\康普艾</t>
  </si>
  <si>
    <t>【康普艾】空气过滤器芯\11516974\L250\康普艾</t>
  </si>
  <si>
    <t>【康普艾】干燥过滤器\1000298\30立方冷干机\30立方冷干机\康普艾</t>
  </si>
  <si>
    <t>【康普艾】干燥过滤器\1000299\15～25立方吸干机\15～25立方吸干机\康普艾</t>
  </si>
  <si>
    <t>【康普艾】旁通阀\1000281\30～50立方冷干机\30～50立方冷干机\康普艾</t>
  </si>
  <si>
    <t>【康普艾】旁通阀\1000280\10～25立方冷干机\10～25立方冷干机\康普艾</t>
  </si>
  <si>
    <t>【康普艾】旁通阀\1015605\30～50立方冷干机\30～50立方冷干机\康普艾</t>
  </si>
  <si>
    <t>【康普艾】旁通阀\1015604\10～25立方冷干机\10～25立方冷干机\康普艾</t>
  </si>
  <si>
    <t>【康普艾】冷冻液\1013847\5升/桶\康普艾</t>
  </si>
  <si>
    <t>【康普艾】冷冻液\1011427\4升/桶\康普艾</t>
  </si>
  <si>
    <t>【康普艾】压力表\1001720\1～13立方吸干机\1～13立方吸干机\康普艾</t>
  </si>
  <si>
    <t>【康普艾】压力表\1001722\15～以上立方吸干机\15～以上立方吸干机\康普艾</t>
  </si>
  <si>
    <t>【康普艾】过滤减压阀\1001718\老机器所有装蝶阀的吸干机\老机器所有装蝶阀的吸干机\康普艾</t>
  </si>
  <si>
    <t>【康普艾】过滤减压阀\1003604\所有吸干机\所有吸干机\康普艾</t>
  </si>
  <si>
    <t>【康普艾】高效扩散器\1001703\60～85立方吸干机\60～85立方吸干机\康普艾</t>
  </si>
  <si>
    <t>【康普艾】高效扩散器\1001702\50立方吸干机\50立方吸干机\康普艾</t>
  </si>
  <si>
    <t>【康普艾】高效扩散器\1001701\30～45立方吸干机\30～45立方吸干机\康普艾</t>
  </si>
  <si>
    <t>【康普艾】高效扩散器\1001700\15～25立方吸干机\15～25立方吸干机\康普艾</t>
  </si>
  <si>
    <t>【康普艾】不锈钢止回阀\1000409\60～80立方无热吸干机，200～250立方微热吸干机\60～80立方无热吸干机，200～250立方微热吸干机\康普艾</t>
  </si>
  <si>
    <t>【康普艾】变压器\59029299\LB260\康普艾</t>
  </si>
  <si>
    <t>【康普艾】24V电源\59042356\LB260\康普艾</t>
  </si>
  <si>
    <t>【康普艾】电流变送器\59048089\LB260\康普艾</t>
  </si>
  <si>
    <t>【康普艾】相位继电器\58943630\LB260\康普艾</t>
  </si>
  <si>
    <t>【康普艾】机体排气管\32590127\LB260\康普艾</t>
  </si>
  <si>
    <t>【康普艾】后部冷却器\32207961\风冷\LB260\康普艾</t>
  </si>
  <si>
    <t>【康普艾】油冷却器\32208280\风冷\LB260\康普艾</t>
  </si>
  <si>
    <t>【康普艾】通讯模块\95897229\LB260\康普艾</t>
  </si>
  <si>
    <t>【康普艾】控制器\95578757\LB260\康普艾</t>
  </si>
  <si>
    <t>【康普艾】旋转电磁阀O型圈维修包\97962197\LB260\康普艾</t>
  </si>
  <si>
    <t>【康普艾】主喷油管\32670382\LB260\康普艾</t>
  </si>
  <si>
    <t>【康普艾】气动控制元件及仪表包\64841178\LB260\康普艾</t>
  </si>
  <si>
    <t>【康普艾】轴封维修包\12094916\含轴封*1、轴套*1及乐泰胶\LB260\康普艾</t>
  </si>
  <si>
    <t>【康普艾】Y型过滤器\26273885\LB260\康普艾</t>
  </si>
  <si>
    <t>【康普艾】IVO电磁阀\29058598\常闭 适用于AirSmart控制\LB260\康普艾</t>
  </si>
  <si>
    <t>【康普艾】IVC电磁阀\29058280\常开 适用于AirSmart控制\LB260\康普艾</t>
  </si>
  <si>
    <t>【康普艾】压差开关\28087579\LB260\康普艾</t>
  </si>
  <si>
    <t>【康普艾】温度传感器\67719745\LB260\康普艾</t>
  </si>
  <si>
    <t>【康普艾】BDV泄放电磁阀\29060509\适用于AirSmart控制器\LB260\康普艾</t>
  </si>
  <si>
    <t>【康普艾】最小压力阀BL\32256050\LB260\康普艾</t>
  </si>
  <si>
    <t>【康普艾】进气阀总成\65035955\LB260\康普艾</t>
  </si>
  <si>
    <t>【康普艾】干燥机蒸发器\L-001-C-001\LB260\康普艾</t>
  </si>
  <si>
    <t>【康普艾】空压机干燥机电加热器\XL-380-6\LB260\康普艾</t>
  </si>
  <si>
    <t>【康普艾】电子排水器\T-002C-001\MIC-A 乔克\LB260\康普艾</t>
  </si>
  <si>
    <t>【康普艾】PLC模块\JL-D-005A-001\LB260\康普艾</t>
  </si>
  <si>
    <t>【康普艾】电磁阀两位五通\D-007A-002\LB260\康普艾</t>
  </si>
  <si>
    <t>【康普艾】高压压力开关\JAL46B222\KP5\LB260\康普艾</t>
  </si>
  <si>
    <t>【康普艾】低压压力开关\JAL46B738\KP1\LB260\康普艾</t>
  </si>
  <si>
    <t>【康普艾】减压阀\X-009A-001\BFR2000\LB260\康普艾</t>
  </si>
  <si>
    <t>【康普艾】热力旁通阀\JAL36B836\ADRPE-3-0/80\LB260\康普艾</t>
  </si>
  <si>
    <t>【康普艾】自动排水器\T-001A-001\LB260\康普艾</t>
  </si>
  <si>
    <t>【康普艾】干燥机气流扩散器\X-005A-007\LB260\康普艾</t>
  </si>
  <si>
    <t>【康普艾】联轴器\12961821\LA132\康普艾</t>
  </si>
  <si>
    <t>【康普艾】防震垫\13184715\LA132\康普艾</t>
  </si>
  <si>
    <t>【康普艾】空滤卡箍\19145860\LA132\康普艾</t>
  </si>
  <si>
    <t>【康普艾】吸气导管\13312362\LA132\康普艾</t>
  </si>
  <si>
    <t>【康普艾】变压器\16019119\LA132\康普艾</t>
  </si>
  <si>
    <t>【康普艾】DELCOS-BD控制器\SC01-746\LA132\康普艾</t>
  </si>
  <si>
    <t>【康普艾】油过滤器\QX346789\LA132\康普艾</t>
  </si>
  <si>
    <t>【康普艾】空滤芯\QX642197\LA132\康普艾</t>
  </si>
  <si>
    <t>【康普艾】油细分离器\QX642191\LA132\康普艾</t>
  </si>
  <si>
    <t>【康普艾】进气阀组立(A2版本)\04.05.1.0090\LA132\康普艾</t>
  </si>
  <si>
    <t>【康普艾】进气阀组立(A1版本)\04.05.1.0026\LA132\康普艾</t>
  </si>
  <si>
    <t>【康普艾】反比例阀(A1版本)\04.05.9.0002\LA132\康普艾</t>
  </si>
  <si>
    <t>【康普艾】热控阀\04.05.7.0014\LA132\康普艾</t>
  </si>
  <si>
    <t>【康普艾】油冷却器\04.13.00012\LA132\康普艾</t>
  </si>
  <si>
    <t>【康普艾】高压软管接头\06.01.19.0106\LA132\康普艾</t>
  </si>
  <si>
    <t>【康普艾】油过滤器压差开关\04.27.00006\LA132\康普艾</t>
  </si>
  <si>
    <t>【康普艾】热控阀芯\04.05.7.0015\LA132\康普艾</t>
  </si>
  <si>
    <t>【康普艾】尼龙管接头(A1版本)\06.01.19.0211\LA132\康普艾</t>
  </si>
  <si>
    <t>【康普艾】转换开关\JL-T-005A-010\40M\30M\20M\康普艾</t>
  </si>
  <si>
    <t>【康普艾】转换开关\JL-T-005A-009\40M\30M\20M\康普艾</t>
  </si>
  <si>
    <t>【康普艾】转换开关\JL-T-005A-008\40M\30M\20M\康普艾</t>
  </si>
  <si>
    <t>【康普艾】转换开关\JL-T-005A-007\40M\30M\20M\康普艾</t>
  </si>
  <si>
    <t>【康普艾】转换开关\JL-T-005A-006\40M\30M\20M\康普艾</t>
  </si>
  <si>
    <t>【康普艾】球阀\JL-T-003B-001\40M\30M\20M\康普艾</t>
  </si>
  <si>
    <t>【康普艾】电子排水器\JL-T-002D-002\DN25\40M\30M\20M\康普艾</t>
  </si>
  <si>
    <t>【康普艾】电子排水器\JL-T-002C-001\40M\30M\20M\康普艾</t>
  </si>
  <si>
    <t>【康普艾】自动排水器\JL-T-002B-001\40M\30M\20M\康普艾</t>
  </si>
  <si>
    <t>【康普艾】电子排水器\JL-T-002A-001\40M\30M\20M\康普艾</t>
  </si>
  <si>
    <t>【康普艾】自动排水器\JL-T-001C-002\40M\30M\20M\康普艾</t>
  </si>
  <si>
    <t>【康普艾】自动排水器\JL-T-001C-001\40M\30M\20M\康普艾</t>
  </si>
  <si>
    <t>【康普艾】耐震压力表\JL-F-007A-002\L250\康普艾</t>
  </si>
  <si>
    <t>【康普艾】自动排水器\JL-T-001A-001\L250\康普艾</t>
  </si>
  <si>
    <t>【康普艾】吸气过滤器\JL-L-009A-003\L250\康普艾</t>
  </si>
  <si>
    <t>【康普艾】冷媒低压表\JL-L-020A-002\"-1.0-3.6MPa"\L250\康普艾</t>
  </si>
  <si>
    <t>【康普艾】冷媒高压表\JL-L-020A-001\"-1.0-3.6MPa"\L250\康普艾</t>
  </si>
  <si>
    <t>【康普艾】电子排水器\JL-F-002A-001\DF-16B\L250\康普艾</t>
  </si>
  <si>
    <t>【康普艾】O形圈\QX175014\LB160\康普艾</t>
  </si>
  <si>
    <t>【康普艾】机头进油管\QX104456\LB160\康普艾</t>
  </si>
  <si>
    <t>【康普艾】油分离桶进气管路\QX104308\LB160\康普艾</t>
  </si>
  <si>
    <t>【康普艾】O形圈\QX175017\LB160\康普艾</t>
  </si>
  <si>
    <t>【康普艾】后冷供气管路\QX103670\LB160\康普艾</t>
  </si>
  <si>
    <t>【康普艾】后冷进气管路\QX104157\LB160\康普艾</t>
  </si>
  <si>
    <t>【康普艾】风扇电机\QX104540\LB160\康普艾</t>
  </si>
  <si>
    <t>【康普艾】离心风扇\QX104903\LB160\康普艾</t>
  </si>
  <si>
    <t>【康普艾】空气/油冷却器（A）\QX103381\LB160\康普艾</t>
  </si>
  <si>
    <t>【康普艾】衬套\A93614140\LB160\康普艾</t>
  </si>
  <si>
    <t>【康普艾】透明软管\A91801060\LB160\康普艾</t>
  </si>
  <si>
    <t>【康普艾】直角接头\A93581670\LB160\康普艾</t>
  </si>
  <si>
    <t>【康普艾】O型圈\A93199140\最小压力阀与油分盖之间\LB160\康普艾</t>
  </si>
  <si>
    <t>【康普艾】O型圈\95602-79\LB160\康普艾</t>
  </si>
  <si>
    <t>【康普艾】加油口盖\C27323-136\LB160\康普艾</t>
  </si>
  <si>
    <t>【康普艾】球阀\QX100599\LB160\康普艾</t>
  </si>
  <si>
    <t>【康普艾】减震垫圈\100002438\LB160\康普艾</t>
  </si>
  <si>
    <t>【康普艾】O型圈\QX175012\排气转换座与空气端之间\LB160\康普艾</t>
  </si>
  <si>
    <t>【康普艾】O型圈\A93191300\转接头与排气转换座之间\LB160\康普艾</t>
  </si>
  <si>
    <t>【康普艾】转接头\100012157\LB160\康普艾</t>
  </si>
  <si>
    <t>【康普艾】排气转换座\QX103646\LB160\康普艾</t>
  </si>
  <si>
    <t>【康普艾】连轴器\QX101074\LB160\康普艾</t>
  </si>
  <si>
    <t>【康普艾】减震器\SC04-202\LB160\康普艾</t>
  </si>
  <si>
    <t>【康普艾】纸垫\QX176248\进器阀下\LB160\康普艾</t>
  </si>
  <si>
    <t>【康普艾】卡箍\QX100563\吸调器侧\LB160\康普艾</t>
  </si>
  <si>
    <t>【康普艾】4000小时专用油\92130280/S/18\18升/桶；0.0155吨/桶\LB160\康普艾</t>
  </si>
  <si>
    <t>【康普艾】温控旁通阀\A11513574\55℃\LB160\康普艾</t>
  </si>
  <si>
    <t>【康普艾】温度传感器\QX104521\LB160\康普艾</t>
  </si>
  <si>
    <t>【康普艾】压力传感器\ZS1050642\LB160\康普艾</t>
  </si>
  <si>
    <t>【康普艾】DECOS-BD控制器\SC05-483\LB160\康普艾</t>
  </si>
  <si>
    <t>【康普艾】进气软管\QX104571\LB160\康普艾</t>
  </si>
  <si>
    <t>【康普艾】进气阀（吸气调节器）\QX103765\LB160\康普艾</t>
  </si>
  <si>
    <t>【康普艾】进气阀维修包\QX193542\含各类密封件\LB160\康普艾</t>
  </si>
  <si>
    <t>【康普艾】Y型过滤器\82E50\L260G\康普艾</t>
  </si>
  <si>
    <t>【康普艾】电机润滑剂(高压电机）\QX103893\L260G\康普艾</t>
  </si>
  <si>
    <t>【康普艾】电机润滑剂\100009999\L260G\康普艾</t>
  </si>
  <si>
    <t>【康普艾】联轴器弹性体\QX103661\国产350HP\L260G\康普艾</t>
  </si>
  <si>
    <t>【康普艾】联轴器\QX101402\国产350HP\L260G\康普艾</t>
  </si>
  <si>
    <t>【康普艾】联轴器弹性体\QX103660\国产250-300\L260G\康普艾</t>
  </si>
  <si>
    <t>【康普艾】联轴器\QX101101\国产250-300\L260G\康普艾</t>
  </si>
  <si>
    <t>【康普艾】连轴器弹性体维修包进口\2118274\L260G\康普艾</t>
  </si>
  <si>
    <t>【康普艾】连轴器进口\51L224\L260G\康普艾</t>
  </si>
  <si>
    <t>【康普艾】减震垫\49C48\L260G\康普艾</t>
  </si>
  <si>
    <t>【康普艾】弹性管接头维修包\2117161\旧件号：2109775 用于64EB（密封圈）\L260G\康普艾</t>
  </si>
  <si>
    <t>【康普艾】油位计浮子\QX101393\旧件号：200EAU303\L260G\康普艾</t>
  </si>
  <si>
    <t>【康普艾】油过滤器端盖\2118343\L260G\康普艾</t>
  </si>
  <si>
    <t>【康普艾】梭动阀\90AR1034\L260G\康普艾</t>
  </si>
  <si>
    <t>【康普艾】止回阀\QX102687\L260G\康普艾</t>
  </si>
  <si>
    <t>【康普艾】气动泄放阀\90AR1083\L260G\康普艾</t>
  </si>
  <si>
    <t>【康普艾】膨胀节\300EAU535\L260G\康普艾</t>
  </si>
  <si>
    <t>【康普艾】压力调节器\88H367\旧件号88H139\L260G\康普艾</t>
  </si>
  <si>
    <t>【康普艾】TV电磁阀\VP1021223\适用于AirSmart控制器\L260G\康普艾</t>
  </si>
  <si>
    <t>【康普艾】TV电磁阀\301EAQ861\I代\L260G\康普艾</t>
  </si>
  <si>
    <t>【康普艾】IVO电磁阀\91B244\常闭 适用于AirSmart控制器\L260G\康普艾</t>
  </si>
  <si>
    <t>【康普艾】IVC电磁阀\91B243\常开 适用于AirSmart控制器\L260G\康普艾</t>
  </si>
  <si>
    <t>【康普艾】IVO电磁阀\91B81\常开 I代\L260G\康普艾</t>
  </si>
  <si>
    <t>【康普艾】IVC电磁阀\91B143\常开 I代\L260G\康普艾</t>
  </si>
  <si>
    <t>【康普艾】压差开关\88H195\L260G\康普艾</t>
  </si>
  <si>
    <t>【康普艾】温度传感器\89857539\II代\L260G\康普艾</t>
  </si>
  <si>
    <t>【康普艾】温度传感器\21D264\I代\L260G\康普艾</t>
  </si>
  <si>
    <t>【康普艾】BDV泄放电磁阀\91B250\适用于AirSmart控制器\L260G\康普艾</t>
  </si>
  <si>
    <t>【康普艾】观油镜\04.24.00001\LA132\康普艾</t>
  </si>
  <si>
    <t>【康普艾】加油口盖(加密封圈)\06.01.01.0125\LA132\康普艾</t>
  </si>
  <si>
    <t>【康普艾】尼龙管接头\06.01.19.0208\LA132\康普艾</t>
  </si>
  <si>
    <t>【康普艾】管路过滤器(A2版)\04.04.6.0005\LA132\康普艾</t>
  </si>
  <si>
    <t>【康普艾】管路过滤器(A1版)\04.25.00006\LA132\康普艾</t>
  </si>
  <si>
    <t>【康普艾】密封垫片\04.12.00019\LA132\康普艾</t>
  </si>
  <si>
    <t>【康普艾】最小压力阀组立\04.05.3.0005\LA132\康普艾</t>
  </si>
  <si>
    <t>【康普艾】回油管组立\04.29.00024\LA132\康普艾</t>
  </si>
  <si>
    <t>【康普艾】回油管平垫\06.01.05.0014\LA132\康普艾</t>
  </si>
  <si>
    <t>【康普艾】安全阀(7bar)\04.05.2.0050\LA132\康普艾</t>
  </si>
  <si>
    <t>【康普艾】高压软管接头(A1版本)\06.01.19.0105\LA132\康普艾</t>
  </si>
  <si>
    <t>【康普艾】不锈钢管(A2版本)\04.31.00059\LA132\康普艾</t>
  </si>
  <si>
    <t>【康普艾】高压软管(A1版本)\04.22.00401\LA132\康普艾</t>
  </si>
  <si>
    <t>【康普艾】O形圈\04.11.00061\LA132\康普艾</t>
  </si>
  <si>
    <t>【康普艾】油分垫\93190930\L200\康普艾</t>
  </si>
  <si>
    <t>【康普艾】胶圈\A11513874\L200\康普艾</t>
  </si>
  <si>
    <t>【康普艾】软管\100015579\L200\康普艾</t>
  </si>
  <si>
    <t>【康普艾】软管\100015581\L200\康普艾</t>
  </si>
  <si>
    <t>【康普艾】空气过滤器滤芯\A11516974\L200\康普艾</t>
  </si>
  <si>
    <t>【康普艾】V型皮带组\11523274\L200\康普艾</t>
  </si>
  <si>
    <t>【康普艾】油分离器滤芯\A11427474\L200\康普艾</t>
  </si>
  <si>
    <t>【康普艾】吸气调节器维修包\100001112\L200\康普艾</t>
  </si>
  <si>
    <t>【康普艾】油过滤器滤芯\A04425274\L200\康普艾</t>
  </si>
  <si>
    <t>【康普艾】卡箍密封\100012145\L132G\康普艾</t>
  </si>
  <si>
    <t>【康普艾】单向阀\A11342374\10239874\L132G\康普艾</t>
  </si>
  <si>
    <t>【康普艾】联轴器芯\100011733\L132G\康普艾</t>
  </si>
  <si>
    <t>【康普艾】联轴器\QP100011043\L132G\康普艾</t>
  </si>
  <si>
    <t>【康普艾】加油塞\100002186\L132G\康普艾</t>
  </si>
  <si>
    <t>【康普艾】软管\100012447\L132G\康普艾</t>
  </si>
  <si>
    <t>【康普艾】油管\100004179\冷却器\L07\康普艾</t>
  </si>
  <si>
    <t>【康普艾】安全阀\A11424074\L07\康普艾</t>
  </si>
  <si>
    <t>【康普艾】压力开关\SC05-71\用于无操作面板机器\L07\康普艾</t>
  </si>
  <si>
    <t>【康普艾】O型圈\A93191150\L07\康普艾</t>
  </si>
  <si>
    <t>【康普艾】温控旁通阀\A11203274\L07\康普艾</t>
  </si>
  <si>
    <t>【康普艾】管接头密封\A93196080\29 X 2.5 FKM 80\L07\康普艾</t>
  </si>
  <si>
    <t>【康普艾】密封圈\100002517\EK 76 NK\L07\康普艾</t>
  </si>
  <si>
    <t>【康普艾】轴封\A93220090\37X 61,8-57X17\L07\康普艾</t>
  </si>
  <si>
    <t>【康普艾】空气端轴封\100003942\EK76NK\L07\康普艾</t>
  </si>
  <si>
    <t>【康普艾】温度传感器\100010275\原10630674,100003018\L07\康普艾</t>
  </si>
  <si>
    <t>【康普艾】压力传感器\100003136\原11507074\L07\康普艾</t>
  </si>
  <si>
    <t>【康普艾】卸载电磁阀\100003984\L07\康普艾</t>
  </si>
  <si>
    <t>【康普艾】吸气调节器电磁阀安装底座修包2\100003987\600。0\L07\康普艾</t>
  </si>
  <si>
    <t>【康普艾】吸气调节器修包\100003986\600。0282\L07\康普艾</t>
  </si>
  <si>
    <t>【康普艾】最小压力阀\100010827\100002123\L07\康普艾</t>
  </si>
  <si>
    <t>【康普艾】大修箱\CK8076-1\L07\康普艾</t>
  </si>
  <si>
    <t>【康普艾】中修箱\CK4076-335\含10533574 *1\L07\康普艾</t>
  </si>
  <si>
    <t>【康普艾】小修箱\CK2076-1\L07\康普艾</t>
  </si>
  <si>
    <t>【康普艾】4000小时专用油\92130280-S-18\18升/桶；0.0155吨/桶\L07\康普艾</t>
  </si>
  <si>
    <t>【康普艾】油分离器芯\A10533574\L07\康普艾</t>
  </si>
  <si>
    <t>【康普艾】空气过滤器芯\A11207674\L07\康普艾</t>
  </si>
  <si>
    <t>【康普艾】油过滤器芯\A04819974\L07\康普艾</t>
  </si>
  <si>
    <t>【康普艾】橡胶油管\C26351-16-1\6050\康普艾</t>
  </si>
  <si>
    <t>【康普艾】橡胶油管\C26351-16-2\6050\康普艾</t>
  </si>
  <si>
    <t>【康普艾】橡胶油管\C26351-12\6050\康普艾</t>
  </si>
  <si>
    <t>【康普艾】风扇叶片\C20078-51\6050\康普艾</t>
  </si>
  <si>
    <t>【康普艾】温控旁通阀\98603-15\6050\康普艾</t>
  </si>
  <si>
    <t>【康普艾】温度传感器\98612-27\6050\康普艾</t>
  </si>
  <si>
    <t>【康普艾】安全阀\98650-311\6050\康普艾</t>
  </si>
  <si>
    <t>【康普艾】压力开关\98612-61\6050\康普艾</t>
  </si>
  <si>
    <t>【康普艾】排水电磁阀\98652-37\6050\康普艾</t>
  </si>
  <si>
    <t>【康普艾】卸载电磁阀\98652-21\6050\康普艾</t>
  </si>
  <si>
    <t>【康普艾】快速放气阀\C10663\6050\康普艾</t>
  </si>
  <si>
    <t>【康普艾】最小压力阀套件\31848195\L132C\康普艾</t>
  </si>
  <si>
    <t>【康普艾】阀板\15159235\L132C\康普艾</t>
  </si>
  <si>
    <t>【康普艾】倒销\15191082\L132C\康普艾</t>
  </si>
  <si>
    <t>【康普艾】挡板\15222929\L132C\康普艾</t>
  </si>
  <si>
    <t>【康普艾】阀体\15063694\L132C\康普艾</t>
  </si>
  <si>
    <t>【康普艾】自动排水器\JL-T-001B-001\40M\30M\20M\康普艾</t>
  </si>
  <si>
    <t>【康普艾】冷冻油\JL-L-025A-001\40M\30M\20M\康普艾</t>
  </si>
  <si>
    <t>【康普艾】视液镜\JL-L-024A-001\40M\30M\20M\康普艾</t>
  </si>
  <si>
    <t>【康普艾】触头组\JL-L-023A-002\40M\30M\20M\康普艾</t>
  </si>
  <si>
    <t>【康普艾】触头组\JL-L-023A-001\40M\30M\20M\康普艾</t>
  </si>
  <si>
    <t>【康普艾】罐冲阀\JL-L-022A-001\40M\30M\20M\康普艾</t>
  </si>
  <si>
    <t>【康普艾】制冷剂\JL-L-021A-003\40M\30M\20M\康普艾</t>
  </si>
  <si>
    <t>【康普艾】制冷剂\JL-L-021A-002\40M\30M\20M\康普艾</t>
  </si>
  <si>
    <t>【康普艾】高压压力表\JL-L-020B-002\40M\30M\20M\康普艾</t>
  </si>
  <si>
    <t>【康普艾】低压压力表\JL-L-020B-001\40M\30M\20M\康普艾</t>
  </si>
  <si>
    <t>【康普艾】Y型水过滤器滤网\JL-L-019B-005\40M\30M\20M\康普艾</t>
  </si>
  <si>
    <t>【康普艾】Y型水过滤器滤网\JL-L-019B-004\40M\30M\20M\康普艾</t>
  </si>
  <si>
    <t>【康普艾】Y型水过滤器\JL-L-019A-004\40M\30M\20M\康普艾</t>
  </si>
  <si>
    <t>【康普艾】风扇电机\JL-L-017B-007\40M\30M\20M\康普艾</t>
  </si>
  <si>
    <t>【康普艾】风扇电机\JL-L-017A-005\40M\30M\20M\康普艾</t>
  </si>
  <si>
    <t>【康普艾】风扇电机\JL-L-017A-004\40M\30M\20M\康普艾</t>
  </si>
  <si>
    <t>【康普艾】风扇电机\JL-L-017A-003\40M\30M\20M\康普艾</t>
  </si>
  <si>
    <t>【康普艾】风扇电机\JL-L-017A-001\40M\30M\20M\康普艾</t>
  </si>
  <si>
    <t>【康普艾】预冷器\JL-L-016A-009\40M\30M\20M\康普艾</t>
  </si>
  <si>
    <t>【康普艾】吸气管\100010612\L30G\康普艾</t>
  </si>
  <si>
    <t>【康普艾】吸调器维修包\100010938\包括K1,K2\L30G\康普艾</t>
  </si>
  <si>
    <t>【康普艾】吸调器模块\510-0540\L30G\康普艾</t>
  </si>
  <si>
    <t>【康普艾】吸调器\100008729\L30G\康普艾</t>
  </si>
  <si>
    <t>【康普艾】吸调器维修包\ZS1055777\K2\L30G\康普艾</t>
  </si>
  <si>
    <t>【康普艾】吸调器维修包\ZS1066623\K1\L30G\康普艾</t>
  </si>
  <si>
    <t>【康普艾】吸调器\ZS1066624\L30G\康普艾</t>
  </si>
  <si>
    <t>【康普艾】压差开关\QP10848374\L30G\康普艾</t>
  </si>
  <si>
    <t>【康普艾】开关线\SC05-196\L30G\康普艾</t>
  </si>
  <si>
    <t>【康普艾】接头\SC09-52\L30G\康普艾</t>
  </si>
  <si>
    <t>【康普艾】空滤压差开关总成\SC15-29\L30G\康普艾</t>
  </si>
  <si>
    <t>【康普艾】最小压力维修包\100012308\L30G\康普艾</t>
  </si>
  <si>
    <t>【康普艾】最小压力阀修包\100009910\L30G\康普艾</t>
  </si>
  <si>
    <t>【康普艾】最小压力阀\100007663\L30G\康普艾</t>
  </si>
  <si>
    <t>【康普艾】卡箍密封\C11158-5493\L30G\康普艾</t>
  </si>
  <si>
    <t>【康普艾】卡箍总成\98156-50\L30G\康普艾</t>
  </si>
  <si>
    <t>【康普艾】油分垫\100004702\L30G\康普艾</t>
  </si>
  <si>
    <t>【康普艾】4000小时专用油\92130280-S-18\18升/桶；0.0155吨/桶\L30G\康普艾</t>
  </si>
  <si>
    <t>【康普艾】油分离器芯\100007587\L30G\康普艾</t>
  </si>
  <si>
    <t>【康普艾】油过滤器芯\A11381974\L30G\康普艾</t>
  </si>
  <si>
    <t>【康普艾】空气过滤器芯\100009925\L30G\康普艾</t>
  </si>
  <si>
    <t>【康普艾】空压机分体冷油器\100005313-1\半组\L250\康普艾</t>
  </si>
  <si>
    <t>【康普艾】修理空压机空气端\38141955\L250\康普艾</t>
  </si>
  <si>
    <t>【康普艾】吸调器总成\11910074\新款\L250\康普艾</t>
  </si>
  <si>
    <t>【康普艾】吸调器总成\100005375\L250\康普艾</t>
  </si>
  <si>
    <t>【康普艾】吸调器总成\11910074\老款\L250\康普艾</t>
  </si>
  <si>
    <t>【康普艾】空气端\11977074\L250\康普艾</t>
  </si>
  <si>
    <t>【康普艾】出水温度开关\11342274\水冷\L250\康普艾</t>
  </si>
  <si>
    <t>【康普艾】进水电磁阀\SC12-27\水冷\L250\康普艾</t>
  </si>
  <si>
    <t>【康普艾】进水过滤器\4889774\水冷\L250\康普艾</t>
  </si>
  <si>
    <t>【康普艾】油分芯\11427274\s160\L250\康普艾</t>
  </si>
  <si>
    <t>【康普艾】吸气软管\100002200\L250\康普艾</t>
  </si>
  <si>
    <t>【康普艾】温度传感器\QX104521\LB110\康普艾</t>
  </si>
  <si>
    <t>【康普艾】压力传感器\ZS1050642\LB110\康普艾</t>
  </si>
  <si>
    <t>【康普艾】DECOS-BD控制器\SC05-483\LB110\康普艾</t>
  </si>
  <si>
    <t>【康普艾】进气软管\QX104571\LB110\康普艾</t>
  </si>
  <si>
    <t>【康普艾】进气阀\QX103765\吸气调节器\LB110\康普艾</t>
  </si>
  <si>
    <t>【康普艾】BDV泄放电磁阀\91B70\适用于ES+控制器\L260G\康普艾</t>
  </si>
  <si>
    <t>【康普艾】最小压力阀（国产）维修包\QX103231\II代\L260G\康普艾</t>
  </si>
  <si>
    <t>【康普艾】最小压力阀（国产）\QX101284\II代\L260G\康普艾</t>
  </si>
  <si>
    <t>【康普艾】纸垫\QX176248\进器阀下\LB150\康普艾</t>
  </si>
  <si>
    <t>【康普艾】卡箍\QX100563\吸调器侧\LB150\康普艾</t>
  </si>
  <si>
    <t>【康普艾】4000小时专用油\92130280/S/18\18升/桶；0.0155吨/桶\LB150\康普艾</t>
  </si>
  <si>
    <t>【康普艾】温控旁通阀\A11513574\55℃\LB150\康普艾</t>
  </si>
  <si>
    <t>【康普艾】温度传感器\QX104521\LB150\康普艾</t>
  </si>
  <si>
    <t>【康普艾】压力传感器\ZS1050642\LB150\康普艾</t>
  </si>
  <si>
    <t>【康普艾】DECOS-BD控制器\SC05-483\LB150\康普艾</t>
  </si>
  <si>
    <t>【康普艾】进气阀\QX103765\吸气调节器\LB150\康普艾</t>
  </si>
  <si>
    <t>【康普艾】进气阀维修包\QX193542\含各类密封件\LB150\康普艾</t>
  </si>
  <si>
    <t>【康普艾】电磁阀\QX186104\LB150\康普艾</t>
  </si>
  <si>
    <t>【康普艾】最小压力阀\100011406\LB150\康普艾</t>
  </si>
  <si>
    <t>【康普艾】油分芯垫\A93199150\LB150\康普艾</t>
  </si>
  <si>
    <t>【康普艾】油分离器芯\QX103383\LB150\康普艾</t>
  </si>
  <si>
    <t>【康普艾】油过滤器芯\QX105047\LB150\康普艾</t>
  </si>
  <si>
    <t>【康普艾】空气过滤器芯\QX104542\LB150\康普艾</t>
  </si>
  <si>
    <t>【康普艾】油路冷却剂\29340854/S/6\18升/桶；0.0155吨/桶\LB150\康普艾</t>
  </si>
  <si>
    <t>【康普艾】温控旁通阀\36667433\LB150\康普艾</t>
  </si>
  <si>
    <t>【康普艾】温度传感器\QX33285\LB150\康普艾</t>
  </si>
  <si>
    <t>【康普艾】压力传感器\QX334539\LB150\康普艾</t>
  </si>
  <si>
    <t>【康普艾】BD控制器\QX01746\LB150\康普艾</t>
  </si>
  <si>
    <t>【康普艾】进气软管\QX33302\LB150\康普艾</t>
  </si>
  <si>
    <t>【康普艾】吸气调节器\QX33045\LB150\康普艾</t>
  </si>
  <si>
    <t>【康普艾】进气阀维修包\QX61637\含各类密封件\LB150\康普艾</t>
  </si>
  <si>
    <t>【康普艾】电磁阀\QX59263\LB150\康普艾</t>
  </si>
  <si>
    <t>【康普艾】最小压力止回阀\31850766\LB150\康普艾</t>
  </si>
  <si>
    <t>【康普艾】分离桶密封\29681258\LB150\康普艾</t>
  </si>
  <si>
    <t>【康普艾】油气分离器\QX32924\LB150\康普艾</t>
  </si>
  <si>
    <t>【康普艾】油滤器芯\QX33454\LB150\康普艾</t>
  </si>
  <si>
    <t>【康普艾】空气滤芯\QX33294\LB150\康普艾</t>
  </si>
  <si>
    <t>【康普艾】皮带\100001748\3根/组\L22\康普艾</t>
  </si>
  <si>
    <t>【康普艾】冷却器\100001570\L22\康普艾</t>
  </si>
  <si>
    <t>【康普艾】吸调器总成\100011257\L22\康普艾</t>
  </si>
  <si>
    <t>【康普艾】汽化器\JL-L-010-004\JAL-40M\L250\康普艾</t>
  </si>
  <si>
    <t>【康普艾】消音器\JL-X-006A-006\XY20\L250\康普艾</t>
  </si>
  <si>
    <t>【康普艾】制冷压缩机\JL-L-001B-011\JAL-40M\L250\康普艾</t>
  </si>
  <si>
    <t>【康普艾】热气旁通阀\JL-L-002A-002\JAL-40M\L250\康普艾</t>
  </si>
  <si>
    <t>【康普艾】热力膨胀阀\JL-L-003A-006\JAL-40M\L250\康普艾</t>
  </si>
  <si>
    <t>【康普艾】蒸发器\JL-L-001A-013\JAL-40M\L250\康普艾</t>
  </si>
  <si>
    <t>【康普艾】扩散器\JL-X-005A-006\DN100\L250\康普艾</t>
  </si>
  <si>
    <t>【康普艾】干燥过滤器\JL-L-006A-005\DCL305\L250\康普艾</t>
  </si>
  <si>
    <t>【康普艾】安全阀\A11423274\1.2-1.6Mpa\L250\康普艾</t>
  </si>
  <si>
    <t>【康普艾】气动切换阀\JL-X-001B-006\JAL-40M\L250\康普艾</t>
  </si>
  <si>
    <t>【康普艾】除油滤芯\JL-F-003C-005\处理量45m3/min，精度＜0.01μm\L250\康普艾</t>
  </si>
  <si>
    <t>【康普艾】除尘滤芯\JL-F-002C-005\处理量45m3/min，精度＜0.5μm\L250\康普艾</t>
  </si>
  <si>
    <t>【康普艾】压缩空气过滤器自动排水器\AD402-040.1－1.0MPa\L250\康普艾</t>
  </si>
  <si>
    <t>【康普艾】空压机空气端管接头\A11515874-A93581060\L250\康普艾</t>
  </si>
  <si>
    <t>【康普艾】直角接头\A93581640\L250\康普艾</t>
  </si>
  <si>
    <t>【康普艾】最小压力阀套件\11513474-A\密封圈、组合垫等\L250\康普艾</t>
  </si>
  <si>
    <t>【康普艾】变压器\11265674\L250\康普艾</t>
  </si>
  <si>
    <t>【康普艾】压力传感器线缆\11523774\带插头\L250\康普艾</t>
  </si>
  <si>
    <t>【康普艾】温度传感器线缆\11523674\带插头\L250\康普艾</t>
  </si>
  <si>
    <t>【康普艾】加油塞\C27323-136\L250\康普艾</t>
  </si>
  <si>
    <t>【康普艾】门板\L250\L250\康普艾</t>
  </si>
  <si>
    <t>【康普艾】温度巡检仪\XMZD/812\L250\康普艾</t>
  </si>
  <si>
    <t>【康普艾】安全阀\SC12-12-2\L250油气分离器罐上的11BAR\L250\康普艾</t>
  </si>
  <si>
    <t>【康普艾】接触器板\SC05-67(65)\L250\康普艾</t>
  </si>
  <si>
    <t>【康普艾】油分桶\11508974\L250\康普艾</t>
  </si>
  <si>
    <t>【康普艾】拆油滤芯扭力扳手\lk000500\L250\康普艾</t>
  </si>
  <si>
    <t>【康普艾】油冷却器配件包\100005313/KIT\L250\康普艾</t>
  </si>
  <si>
    <t>【康普艾】压簧\93300160\L250\康普艾</t>
  </si>
  <si>
    <t>【康普艾】门插销\10044474\L250\康普艾</t>
  </si>
  <si>
    <t>【康普艾】门锁\11078074\L250\康普艾</t>
  </si>
  <si>
    <t>【康普艾】高强度吸附剂\JL-X-007A-001\L250\康普艾</t>
  </si>
  <si>
    <t>【康普艾】活塞\15031847\L132C\康普艾</t>
  </si>
  <si>
    <t>【康普艾】O型圈\30446537\L132C\康普艾</t>
  </si>
  <si>
    <t>【康普艾】弹簧\29714525\L132C\康普艾</t>
  </si>
  <si>
    <t>【康普艾】阀盖\15127388\L132C\康普艾</t>
  </si>
  <si>
    <t>【康普艾】弹簧\29714484\L132C\康普艾</t>
  </si>
  <si>
    <t>【康普艾】密封垫\35244821\L132C\康普艾</t>
  </si>
  <si>
    <t>【康普艾】铜垫\30457101\L132C\康普艾</t>
  </si>
  <si>
    <t>【康普艾】螺钉\51746496\L132C\康普艾</t>
  </si>
  <si>
    <t>【康普艾】最小压力阀总成\35808515\L132C\康普艾</t>
  </si>
  <si>
    <t>【康普艾】水温开关，水冷机型\36121891\L132C\康普艾</t>
  </si>
  <si>
    <t>【康普艾】密封垫，后冷却器入口\29675484\L132C\康普艾</t>
  </si>
  <si>
    <t>【康普艾】密封垫，空气端到油分离器入口\29676025\L132C\康普艾</t>
  </si>
  <si>
    <t>【康普艾】轴封套件\18152146\含轴封*1、轴套*1及乐泰胶\L132C\康普艾</t>
  </si>
  <si>
    <t>【康普艾】柔性卡套\35464885\L132C\康普艾</t>
  </si>
  <si>
    <t>【康普艾】单向阀\36122210\10239874\L132C\康普艾</t>
  </si>
  <si>
    <t>【康普艾】先导阀\35818070\L132C\康普艾</t>
  </si>
  <si>
    <t>【康普艾】减压阀\36458515\L132C\康普艾</t>
  </si>
  <si>
    <t>【康普艾】进口进气管\36425394\L132C\康普艾</t>
  </si>
  <si>
    <t>【康普艾】国产进气管\36425394\L132C\康普艾</t>
  </si>
  <si>
    <t>【康普艾】油路冷却剂\29340854/S/6\18升/桶；0.0155吨/桶\L132C\康普艾</t>
  </si>
  <si>
    <t>【康普艾】传送装置\35229535\L132C\康普艾</t>
  </si>
  <si>
    <t>【康普艾】传送装置\35471573\L132C\康普艾</t>
  </si>
  <si>
    <t>【康普艾】传送装置\35471254\L132C\康普艾</t>
  </si>
  <si>
    <t>【康普艾】传送装置\35470936\L132C\康普艾</t>
  </si>
  <si>
    <t>【康普艾】大修箱\26147133\水冷\L132C\康普艾</t>
  </si>
  <si>
    <t>【康普艾】大修箱\26146815\空冷\L132C\康普艾</t>
  </si>
  <si>
    <t>【康普艾】中修箱\13410271\油分芯、垫片\L132C\康普艾</t>
  </si>
  <si>
    <t>【康普艾】小修箱\70385350\L132C\康普艾</t>
  </si>
  <si>
    <t>【康普艾】O型圈\11048274\L132C\康普艾</t>
  </si>
  <si>
    <t>【康普艾】驱动带\A11048074\L132C\康普艾</t>
  </si>
  <si>
    <t>【康普艾】最小压力阀套件\100003333\L132C\康普艾</t>
  </si>
  <si>
    <t>【康普艾】最小压力阀总成\A11243874\L132C\康普艾</t>
  </si>
  <si>
    <t>【康普艾】水温开关，水冷机型\A11342274\L132C\康普艾</t>
  </si>
  <si>
    <t>【康普艾】密封垫\QP93181020\后冷却器入口\L132C\康普艾</t>
  </si>
  <si>
    <t>【康普艾】密封垫\QP93182720\空气端到油分离器入口\L132C\康普艾</t>
  </si>
  <si>
    <t>【康普艾】轴封套件\A05699774\含轴封*1、轴套*1及乐泰胶\L132C\康普艾</t>
  </si>
  <si>
    <t>【康普艾】单向阀\A11342374\L132C\康普艾</t>
  </si>
  <si>
    <t>【康普艾】先导阀\A11246874\L132C\康普艾</t>
  </si>
  <si>
    <t>【康普艾】减压阀\A11447974\L132C\康普艾</t>
  </si>
  <si>
    <t>【康普艾】进气软管\A11437574\国产\L132C\康普艾</t>
  </si>
  <si>
    <t>【康普艾】进气软管\A11437574\进口\L132C\康普艾</t>
  </si>
  <si>
    <t>【康普艾】4000小时专用油(空冷）\92130280-S-18\18升/桶；0.0155吨/桶\L132C\康普艾</t>
  </si>
  <si>
    <t>【康普艾】高性能组合传送带\A11062074\6根/组\L132C\康普艾</t>
  </si>
  <si>
    <t>【康普艾】高性能组合传送带\A11138074\L132C-09、L132C-13\L132C\康普艾</t>
  </si>
  <si>
    <t>【康普艾】高性能组合传送带\A11137974\L132C-10、L132C-11\L132C\康普艾</t>
  </si>
  <si>
    <t>【康普艾】高性能组合传送带\A11137874\老包装\L132C\康普艾</t>
  </si>
  <si>
    <t>【康普艾】高性能组合传送带\A11137874\新包装\L132C\康普艾</t>
  </si>
  <si>
    <t>【康普艾】后冷却器垫片\A93190050\L132C\康普艾</t>
  </si>
  <si>
    <t>【康普艾】最小压力阀垫片\A93182660\L132C\康普艾</t>
  </si>
  <si>
    <t>【康普艾】油分离器垫\A00614774\L132C\康普艾</t>
  </si>
  <si>
    <t>【康普艾】油分离器芯\A10882574\L132C\康普艾</t>
  </si>
  <si>
    <t>【康普艾】油过滤器芯\A04425274\L132C\康普艾</t>
  </si>
  <si>
    <t>【康普艾】空气过滤器芯\A29504356\L132C\康普艾</t>
  </si>
  <si>
    <t>【康普艾】后置过滤器\SJ-L-005-040\处理量20m3/min，精度＜0.01μm\LB132\康普艾</t>
  </si>
  <si>
    <t>【康普艾】前置过滤器\SJ-L-007-040\处理量20m3/min，精度＜0.5μm\LB132\康普艾</t>
  </si>
  <si>
    <t>【康普艾】滤芯\M072-B\精度＜0.01μm\LB132\康普艾</t>
  </si>
  <si>
    <t>【康普艾】滤芯\M072-A\精度＜0.5μm\LB132\康普艾</t>
  </si>
  <si>
    <t>【康普艾】滤芯\M072-V\精度＜1μm\LB132\康普艾</t>
  </si>
  <si>
    <t>【康普艾】微热再生吸干机滤芯\XJK-XG2E3\LB132\康普艾</t>
  </si>
  <si>
    <t>【康普艾】挠性接头\100012145\柔性卡箍\LB132\康普艾</t>
  </si>
  <si>
    <t>【康普艾】MPV出口管\33396178\LB300\康普艾</t>
  </si>
  <si>
    <t>【康普艾】油冷出水管\33671019\LB300\康普艾</t>
  </si>
  <si>
    <t>【康普艾】水管\33899045\LB300\康普艾</t>
  </si>
  <si>
    <t>【康普艾】油冷后冷连接水管\33670701\LB300\康普艾</t>
  </si>
  <si>
    <t>【康普艾】气缸\33719745\LB300\康普艾</t>
  </si>
  <si>
    <t>【康普艾】安全阀\32057962\LB300\康普艾</t>
  </si>
  <si>
    <t>【康普艾】轴封套件\36594618\含轴封*1、轴套*1及乐泰胶\LB300\康普艾</t>
  </si>
  <si>
    <t>【康普艾】进气阀维修包\QX193542\含各类密封件\LB110\康普艾</t>
  </si>
  <si>
    <t>【康普艾】电磁阀\QX186104\LB110\康普艾</t>
  </si>
  <si>
    <t>【康普艾】最小压力阀\100011406\LB110\康普艾</t>
  </si>
  <si>
    <t>【康普艾】油分芯垫\A93199150\LB110\康普艾</t>
  </si>
  <si>
    <t>【康普艾】油分离器芯\QX103383\LB110\康普艾</t>
  </si>
  <si>
    <t>【康普艾】油过滤器芯\QX105047\LB110\康普艾</t>
  </si>
  <si>
    <t>【康普艾】空气过滤器芯\QX104542\LB110\康普艾</t>
  </si>
  <si>
    <t>【康普艾】油路冷却剂\29340854/S/6\18升/桶；0.0155吨/桶\LB110\康普艾</t>
  </si>
  <si>
    <t>【康普艾】温控旁通阀\36667433\LB110\康普艾</t>
  </si>
  <si>
    <t>【康普艾】温度传感器\QX33285\LB110\康普艾</t>
  </si>
  <si>
    <t>【康普艾】压力传感器\QX334539\LB110\康普艾</t>
  </si>
  <si>
    <t>【康普艾】BD控制器\QX01746\LB110\康普艾</t>
  </si>
  <si>
    <t>【康普艾】进气软管\QX33302\LB110\康普艾</t>
  </si>
  <si>
    <t>【康普艾】吸气调节器\QX33045\LB110\康普艾</t>
  </si>
  <si>
    <t>【康普艾】进气阀维修包\QX61637\含各类密封件\LB110\康普艾</t>
  </si>
  <si>
    <t>【康普艾】电磁阀\QX59263\LB110\康普艾</t>
  </si>
  <si>
    <t>【康普艾】最小压力止回阀\31850766\LB110\康普艾</t>
  </si>
  <si>
    <t>【康普艾】分离桶密封\29681258\LB110\康普艾</t>
  </si>
  <si>
    <t>【康普艾】油气分离器\QX32924\LB110\康普艾</t>
  </si>
  <si>
    <t>【康普艾】油滤器芯\QX33454\LB110\康普艾</t>
  </si>
  <si>
    <t>【康普艾】空气滤芯\QX33294\LB110\康普艾</t>
  </si>
  <si>
    <t>【康普艾】油过滤器芯\A04425274\L55G\康普艾</t>
  </si>
  <si>
    <t>【康普艾】轴封维修保养包\A11929274\含轴封*1、轴套*1及乐泰胶\L55G\康普艾</t>
  </si>
  <si>
    <t>【康普艾】吸气调节器总成\100006522\L55G\康普艾</t>
  </si>
  <si>
    <t>【康普艾】油冷却器\100006283\55KW\L55G\康普艾</t>
  </si>
  <si>
    <t>【康普艾】一字门钥匙\A05906674\L55G\康普艾</t>
  </si>
  <si>
    <t>【康普艾】油滤压差开关\40005674\老号\L55G\康普艾</t>
  </si>
  <si>
    <t>【康普艾】空气端出口密封总成\36669344\L250\康普艾</t>
  </si>
  <si>
    <t>【康普艾】吸气调节器总成\37930172\L250\康普艾</t>
  </si>
  <si>
    <t>【康普艾】三通及衬套\93599040\三通、衬套\L55\康普艾</t>
  </si>
  <si>
    <t>【康普艾】管道精滤芯\Q-150\L250\康普艾</t>
  </si>
  <si>
    <t>【康普艾】润滑油\599015165P\S341\20升/桶\康普艾</t>
  </si>
  <si>
    <t>【康普艾】高压油管\100029165\L250\康普艾</t>
  </si>
  <si>
    <t>【康普艾】超强专用分子筛\JL-X-007B-001\L250\康普艾</t>
  </si>
  <si>
    <t>【康普艾】减压阀\10827774\L250\康普艾</t>
  </si>
  <si>
    <t>【康普艾】维护备件包4000H（老机型）\WHBY-4000-L250-O\L250\康普艾</t>
  </si>
  <si>
    <t>【康普艾】维护备件包2000H（老机型）\WHBY-2000-L250-O\L250\康普艾</t>
  </si>
  <si>
    <t>【康普艾】维护备件包8000H\WHBY-8000-L250\L250\康普艾</t>
  </si>
  <si>
    <t>【康普艾】维护备件包6000H\WHBY-6000-L250\L250\康普艾</t>
  </si>
  <si>
    <t>【康普艾】维护备件包4000H\WHBY-4000-L250\L250\康普艾</t>
  </si>
  <si>
    <t>【康普艾】维护备件包2000H\WHBY-2000-L250\L250\康普艾</t>
  </si>
  <si>
    <t>【康普艾】精细油分芯\31849550\L30-50G\康普艾</t>
  </si>
  <si>
    <t>【康普艾】吸油阀\31849551\L30-50G\康普艾</t>
  </si>
  <si>
    <t>【康普艾】接头\QX104405\LB150\康普艾</t>
  </si>
  <si>
    <t>【康普艾】弹簧\93308380\L55G\康普艾</t>
  </si>
  <si>
    <t>【康普艾】化学清洁药水\SC98262/90\25kg/桶\通用\康普艾</t>
  </si>
  <si>
    <t>【康普艾】自动排水阀\HAD-20B\通用\康普艾</t>
  </si>
  <si>
    <t>【康普艾】8000H螺杆润滑剂\SC16-05\18.9L/桶；8000H\通用\康普艾</t>
  </si>
  <si>
    <t>【康普艾】康普艾空压机润滑剂\28H109\18.9L/桶；8000H\通用\康普艾</t>
  </si>
  <si>
    <t>【康普艾】空压机油\29340853\18升/桶；0.0155吨/桶\通用\康普艾</t>
  </si>
  <si>
    <t>【康普艾】干燥机气动门执行机构\QD1337\后处理\康普艾</t>
  </si>
  <si>
    <t>【康普艾】油水分离器\QSL-25\后处理\康普艾</t>
  </si>
  <si>
    <t>【康普艾】滤芯\EL-020T\T-090L\康普艾</t>
  </si>
  <si>
    <t>【康普艾】制冷压缩机\60001240S\SMD-090\康普艾</t>
  </si>
  <si>
    <t>【康普艾】气动蝶阀总成\60011080D\SMD-090\康普艾</t>
  </si>
  <si>
    <t>【康普艾】不锈钢水冷凝器\60009020R\SMD-090</t>
  </si>
  <si>
    <t>【康普艾】蒸发器\60008090Z\SMD-090\康普艾</t>
  </si>
  <si>
    <t>【康普艾】减压阀\600jy300\SMD-090\康普艾</t>
  </si>
  <si>
    <t>【康普艾】加热管\60024002K\SMD-090\康普艾</t>
  </si>
  <si>
    <t>【康普艾】温度传感器\600230100P\SMD-090\康普艾</t>
  </si>
  <si>
    <t>【康普艾】控制电磁阀\600170251\SMD-090\康普艾</t>
  </si>
  <si>
    <t>【康普艾】压缩机SY240\SY240-120-1\16KW\SMD-090\康普艾</t>
  </si>
  <si>
    <t>【康普艾】扩散器\600130125\SJ200\SMD-090\康普艾</t>
  </si>
  <si>
    <t>【康普艾】氧化铝\60012003\60A-5\SMD-090\康普艾</t>
  </si>
  <si>
    <t>【康普艾】消音器\SJ002-100-00\FX500\SMD-090\康普艾</t>
  </si>
  <si>
    <t>【康普艾】压力表\QX102103\旧件号：2116732\SAV500\康普艾</t>
  </si>
  <si>
    <t>【康普艾】电磁阀\QX186104\LB160\康普艾</t>
  </si>
  <si>
    <t>【康普艾】最小压力阀\100011406\LB160\康普艾</t>
  </si>
  <si>
    <t>【康普艾】油分芯垫\A93199150\LB160\康普艾</t>
  </si>
  <si>
    <t>【康普艾】油分离器芯\QX103383\LB160\康普艾</t>
  </si>
  <si>
    <t>【康普艾】油过滤器芯\QX105047\LB160\康普艾</t>
  </si>
  <si>
    <t>【康普艾】空气过滤器芯\QX104542\LB160\康普艾</t>
  </si>
  <si>
    <t>【康普艾】油路冷却剂\29340854/S/6\18升/桶；0.0155吨/桶\LB160\康普艾</t>
  </si>
  <si>
    <t>【康普艾】温控旁通阀\36667433\LB160\康普艾</t>
  </si>
  <si>
    <t>【康普艾】温度传感器\QX33285\LB160\康普艾</t>
  </si>
  <si>
    <t>【康普艾】压力传感器\QX334539\LB160\康普艾</t>
  </si>
  <si>
    <t>【康普艾】BD控制器\QX01746\LB160\康普艾</t>
  </si>
  <si>
    <t>【康普艾】进气软管\QX33302\LB160\康普艾</t>
  </si>
  <si>
    <t>【康普艾】吸气调节器\QX33045\LB160\康普艾</t>
  </si>
  <si>
    <t>【康普艾】进气阀维修包\QX61637\含各类密封件\LB160\康普艾</t>
  </si>
  <si>
    <t>【康普艾】电磁阀\QX59263\LB160\康普艾</t>
  </si>
  <si>
    <t>【康普艾】最小压力止回阀\31850766\LB160\康普艾</t>
  </si>
  <si>
    <t>【康普艾】分离桶密封\29681258\LB160\康普艾</t>
  </si>
  <si>
    <t>【康普艾】油气分离器\QX32924\LB160\康普艾</t>
  </si>
  <si>
    <t>【康普艾】油滤器芯\QX33454\LB160\康普艾</t>
  </si>
  <si>
    <t>【康普艾】空气滤芯\QX33294\LB160\康普艾</t>
  </si>
  <si>
    <t>【康普艾】ULTIMA8000冷却液\QX108106\18.9升/桶\LB160\康普艾</t>
  </si>
  <si>
    <t>【康普艾】一级油分\QX104001\LB160\康普艾</t>
  </si>
  <si>
    <t>【康普艾】二级油分\QX104000\LB160\康普艾</t>
  </si>
  <si>
    <t>【康普艾】油滤\QX104002\LB160\康普艾</t>
  </si>
  <si>
    <t>【康普艾】空滤\QX104004\LB160\康普艾</t>
  </si>
  <si>
    <t>【康普艾】油冷回油管\QX105002\LB150\康普艾</t>
  </si>
  <si>
    <t>【康普艾】油冷回油管\QX105000\LB150\康普艾</t>
  </si>
  <si>
    <t>【康普艾】油冷进油管\QX105001\LB150\康普艾</t>
  </si>
  <si>
    <t>【康普艾】油冷进油管\QX104159\LB150\康普艾</t>
  </si>
  <si>
    <t>【康普艾】卡箍\QX100571\LB150\康普艾</t>
  </si>
  <si>
    <t>【康普艾】油冷进油管\QX104999\LB150\康普艾</t>
  </si>
  <si>
    <t>【康普艾】油冷回油管\QX104466\LB150\康普艾</t>
  </si>
  <si>
    <t>【康普艾】进气软管\QX714054\LB150\康普艾</t>
  </si>
  <si>
    <t>【康普艾】最小压力阀维修包\2116855\I代\L260G\康普艾</t>
  </si>
  <si>
    <t>【康普艾】露点仪控制线缆\600191142\LB300\康普艾</t>
  </si>
  <si>
    <t>【康普艾】露点仪底座\600190143\LB300\康普艾</t>
  </si>
  <si>
    <t>【康普艾】显示屏\ZH60-022\LB300\康普艾</t>
  </si>
  <si>
    <t>【康普艾】PLC扩展模块\ZH60-021\LB300\康普艾</t>
  </si>
  <si>
    <t>【康普艾】PLC控制器\ZH60-020\LB300\康普艾</t>
  </si>
  <si>
    <t>【康普艾】露点仪\600190142\LB300\康普艾</t>
  </si>
  <si>
    <t>【康普艾】智能排水器\60018000D\LB300\康普艾</t>
  </si>
  <si>
    <t>【康普艾】电磁阀\600170250\LB300\康普艾</t>
  </si>
  <si>
    <t>【康普艾】后置滤芯\600160200\LB300\康普艾</t>
  </si>
  <si>
    <t>【康普艾】前置滤芯\600150200\LB300\康普艾</t>
  </si>
  <si>
    <t>【康普艾】消音装置\60014020X\LB300\康普艾</t>
  </si>
  <si>
    <t>【康普艾】扩散器\600130100\LB300\康普艾</t>
  </si>
  <si>
    <t>【康普艾】高强度吸附剂\60012003Y\LB300\康普艾</t>
  </si>
  <si>
    <t>【康普艾】气动蝶阀总成\60011065D\LB300\康普艾</t>
  </si>
  <si>
    <t>【康普艾】气动蝶阀总成\60010125D\LB300\康普艾</t>
  </si>
  <si>
    <t>【康普艾】冷凝器\60009012R\LB300\康普艾</t>
  </si>
  <si>
    <t>【康普艾】蒸发器\60008050Z\LB300\康普艾</t>
  </si>
  <si>
    <t>【康普艾】气分器\600072080\LB300\康普艾</t>
  </si>
  <si>
    <t>【康普艾】油水分离器\600065203\LB300\康普艾</t>
  </si>
  <si>
    <t>【康普艾】旁路阀\60005003A\LB300\康普艾</t>
  </si>
  <si>
    <t>【康普艾】气体膨胀阀\60004016R\LB300\康普艾</t>
  </si>
  <si>
    <t>【康普艾】压控开关\60003015K\LB300\康普艾</t>
  </si>
  <si>
    <t>【康普艾】制冷过滤器\60002165S\LB300\康普艾</t>
  </si>
  <si>
    <t>【康普艾】压缩机\60001147S\LB300\康普艾</t>
  </si>
  <si>
    <t>【康普艾】止回导向杆\QP11910574\LB300\康普艾</t>
  </si>
  <si>
    <t>【康普艾】进气阀总成\QX105880\LB300\康普艾</t>
  </si>
  <si>
    <t>【康普艾】不锈钢止回阀\1001693\40～50立方无热吸干机，120～150立方微热吸干机\40～50立方无热吸干机，120～150立方微热吸干机\康普艾</t>
  </si>
  <si>
    <t>【康普艾】不锈钢止回阀\1003080\25～30立方无热吸干机，50～60立方微热吸干机\25～30立方无热吸干机，50～60立方微热吸干机\康普艾</t>
  </si>
  <si>
    <t>【康普艾】不锈钢止回阀\1004049\15～20立方无热吸干机，50～60立方微热吸干机\15～20立方无热吸干机，50～60立方微热吸干机\康普艾</t>
  </si>
  <si>
    <t>【康普艾】微热控制器I型\1004267\\康普艾</t>
  </si>
  <si>
    <t>【康普艾】无热控制器II型\1004516\\康普艾</t>
  </si>
  <si>
    <t>【康普艾】滤芯\SCCE7-48\25立方过滤器\25立方过滤器\康普艾</t>
  </si>
  <si>
    <t>【康普艾】滤芯\SCCE7-44\20立方过滤器\20立方过滤器\康普艾</t>
  </si>
  <si>
    <t>【康普艾】滤芯\SCCE7-40\15立方过滤器\15立方过滤器\康普艾</t>
  </si>
  <si>
    <t>【康普艾】滤芯\SCCE7-36\10立方过滤器\10立方过滤器\康普艾</t>
  </si>
  <si>
    <t>【康普艾】气动对夹式蝶阀\1000371\60～80立方吸干机，150～200立方上的排气\60～80立方吸干机，150～200立方上的排气\康普艾</t>
  </si>
  <si>
    <t>【康普艾】气动对夹式蝶阀\1000749\40～50立方吸干机，100～120立方上的排气\40～50立方吸干机，100～120立方上的排气\康普艾</t>
  </si>
  <si>
    <t>【康普艾】气动对夹式蝶阀\1003903\25～30立方吸干机，40～50立方上的排气阀门\25～30立方吸干机，40～50立方上的排气阀门\康普艾</t>
  </si>
  <si>
    <t>【康普艾】气动对夹式蝶阀\1000752\15～20立方吸干机，40～50立方上的排气阀门\15～20立方吸干机，40～50立方上的排气阀门\康普艾</t>
  </si>
  <si>
    <t>【康普艾】气动对夹式蝶阀\1000338\25～30立方排气阀门\25～30立方排气阀门\康普艾</t>
  </si>
  <si>
    <t>【康普艾】消声器\1001765\15～以上吸干机\15～以上吸干机\康普艾</t>
  </si>
  <si>
    <t>【康普艾】消声器\1001764\10～12立方吸干机\10～12立方吸干机\康普艾</t>
  </si>
  <si>
    <t>【康普艾】可编程控制器\1002809\24个输出点\使用PLC的控制器的吸干机\康普艾</t>
  </si>
  <si>
    <t>【康普艾】可编程控制器\1002957\16个输出点\使用PLC的控制器的吸干机\康普艾</t>
  </si>
  <si>
    <t>【康普艾】电磁阀\1003319\所有吸干机\康普艾</t>
  </si>
  <si>
    <t>【康普艾】组合式电加热器\1003938\80立方微热吸干机\80立方微热吸干机\康普艾</t>
  </si>
  <si>
    <t>【康普艾】组合式电加热器\1011891\60立方微热吸干机\60立方微热吸干机\康普艾</t>
  </si>
  <si>
    <t>【康普艾】组合式电加热器\1000012\50立方微热吸干机\50立方微热吸干机\康普艾</t>
  </si>
  <si>
    <t>【康普艾】组合式电加热器\1000034\40立方微热吸干机\40立方微热吸干机\康普艾</t>
  </si>
  <si>
    <t>【康普艾】组合式电加热器\1000041\30立方微热吸干机\30立方微热吸干机\康普艾</t>
  </si>
  <si>
    <t>【康普艾】组合式电加热器\1004047\25立方微热吸干机\25立方微热吸干机\康普艾</t>
  </si>
  <si>
    <t>【康普艾】组合式电加热器\1005240\20立方微热吸干机\20立方微热吸干机\康普艾</t>
  </si>
  <si>
    <t>【康普艾】气动薄膜阀\1017664\60～80立方吸干机\60～80立方吸干机\康普艾</t>
  </si>
  <si>
    <t>【康普艾】气动薄膜阀\1015328\30～45立方吸干机\30～45立方吸干机\康普艾</t>
  </si>
  <si>
    <t>【康普艾】气动薄膜阀\1015326\15～25立方吸干机\15～25立方吸干机\康普艾</t>
  </si>
  <si>
    <t>【康普艾】制冷剂\1011657\R22型制冷剂(每瓶22.7kg)\冷冻干燥机\康普艾</t>
  </si>
  <si>
    <t>【康普艾】制冷剂\1002706\R407C型制冷剂(每瓶10kg)\冷冻干燥机\康普艾</t>
  </si>
  <si>
    <t>【康普艾】制冷剂\1026485\R134a型制冷剂(每瓶13.6kg)\冷冻干燥机\康普艾</t>
  </si>
  <si>
    <t>【康普艾】消音器\X-006B-003\LB260\康普艾</t>
  </si>
  <si>
    <t>【康普艾】热力膨胀阀\JL-L-003A003\TGEX15TR\LB260\康普艾</t>
  </si>
  <si>
    <t>【康普艾】热控制阀阀芯\32876433\57℃\LB260\康普艾</t>
  </si>
  <si>
    <t>【康普艾】中文显示面板\95979299\LB260\康普艾</t>
  </si>
  <si>
    <t>【康普艾】压力传感器\32215828\适用于AirSmart控制器\LB260\康普艾</t>
  </si>
  <si>
    <t>【康普艾】压力调节器\28142356\旧号号88H139\LB260\康普艾</t>
  </si>
  <si>
    <t>【康普艾】一级油分\33121337\LB260\康普艾</t>
  </si>
  <si>
    <t>【康普艾】二级油分\33121019\LB260\康普艾</t>
  </si>
  <si>
    <t>【康普艾】压力表\QX102103\旧件号：2116732\LB260\康普艾</t>
  </si>
  <si>
    <t>【康普艾】气动切换阀\21R369\L250\康普艾</t>
  </si>
  <si>
    <t>【康普艾】油冷却器\100000944\水冷式油冷\L250\康普艾</t>
  </si>
  <si>
    <t>【康普艾】控制气路高压胶管\QX106140\LB250\康普艾</t>
  </si>
  <si>
    <t>【康普艾】皮带\A10496874\L200\康普艾</t>
  </si>
  <si>
    <t>【康普艾】卸载电磁阀\11915974\L250\康普艾</t>
  </si>
  <si>
    <t>【康普艾】软管\11089574\L200\康普艾</t>
  </si>
  <si>
    <t>【康普艾】软管\A11381074\L200\康普艾</t>
  </si>
  <si>
    <t>【康普艾】软管\11380774\L160\康普艾</t>
  </si>
  <si>
    <t>【康普艾】油管\QX106028\LB250\康普艾</t>
  </si>
  <si>
    <t>【康普艾】皮管接头\93613080\L55G\康普艾</t>
  </si>
  <si>
    <t>【康普艾】气动切换阀\JAL21A973\L250\康普艾</t>
  </si>
  <si>
    <t>【康普艾】滤芯\JAL21E711\L250\康普艾</t>
  </si>
  <si>
    <t>【康普艾】油分桶-冷却器进口\31850938\L250\康普艾</t>
  </si>
  <si>
    <t>【康普艾】除尘过滤器滤芯\P-280-51\1μm\40M³\康普艾</t>
  </si>
  <si>
    <t>【康普艾】柔性接头，油分离器入口\36669025\L250\康普艾</t>
  </si>
  <si>
    <t>【康普艾】密封圈\93190830\L250\康普艾</t>
  </si>
  <si>
    <t>【康普艾】密封圈\93193200\L250\康普艾</t>
  </si>
  <si>
    <t>【康普艾】轴封套件\11929274\含轴封*1、轴套*1及相关零配件\FM55\康普艾</t>
  </si>
  <si>
    <t>【康普艾】轴封套件\37991318\含轴封*1、轴套*1及相关零配件\FM55\康普艾</t>
  </si>
  <si>
    <t>【康普艾】吸气调节器\QX113126\FM55\康普艾</t>
  </si>
  <si>
    <t>【康普艾】空压机主进气管\QX112908\FM55\康普艾</t>
  </si>
  <si>
    <t>【康普艾】温度传感器\10630674\L132G\康普艾</t>
  </si>
  <si>
    <t>【康普艾】温度传感器\10630674\L55\康普艾</t>
  </si>
  <si>
    <t>【康普艾】温度传感器\10630674\L07\康普艾</t>
  </si>
  <si>
    <t>【康普艾】温度传感器\10630674\L250\康普艾</t>
  </si>
  <si>
    <t>【康普艾】中文显示面板\301ETK375\LB260\康普艾</t>
  </si>
  <si>
    <t>【康普艾】旋转电磁阀O型圈维修包\307EAQ6013\LB260\康普艾</t>
  </si>
  <si>
    <t>【康普艾】主喷油管\QX102585\LB260\康普艾</t>
  </si>
  <si>
    <t>【康普艾】气动控制元件及仪表包\203EAU6013\LB260\康普艾</t>
  </si>
  <si>
    <t>【康普艾】轴封维修包\37916408\直连，含轴封*1、轴套*1及乐泰胶\LB260\康普艾</t>
  </si>
  <si>
    <t>【康普艾】轴封维修包\37946638\含轴封*1、轴套*1及乐泰胶\LB260\康普艾</t>
  </si>
  <si>
    <t>【康普艾】压力传感器\VP1011577\适用于AirSmart控制器\LB260\康普艾</t>
  </si>
  <si>
    <t>【康普艾】Y型过滤器\8.2E+51\LB260\康普艾</t>
  </si>
  <si>
    <t>【康普艾】连轴器\QX102263\LB260\康普艾</t>
  </si>
  <si>
    <t>【康普艾】弹性管接头维修包\2117161\旧件号：2109775密封圈\LB260\康普艾</t>
  </si>
  <si>
    <t>【康普艾】弹性管接头\64EB803\LB260\康普艾</t>
  </si>
  <si>
    <t>【康普艾】油过滤器端盖\2118343\LB260\康普艾</t>
  </si>
  <si>
    <t>【康普艾】梭动阀\90AR1034\LB260\康普艾</t>
  </si>
  <si>
    <t>【康普艾】止回阀\QX102687\LB260\康普艾</t>
  </si>
  <si>
    <t>【康普艾】气动泄放阀\90AR1083\LB260\康普艾</t>
  </si>
  <si>
    <t>【康普艾】蝶阀式吸气调节器\A11383574\HAKG 65\L37\康普艾</t>
  </si>
  <si>
    <t>【康普艾】反向调节器隔膜\A10135874\L37\康普艾</t>
  </si>
  <si>
    <t>【康普艾】反向调节器\A11137074\L37\康普艾</t>
  </si>
  <si>
    <t>【康普艾】压力传感器\100003136\原11507074\L37\康普艾</t>
  </si>
  <si>
    <t>【康普艾】轴封套件\A10226974\含轴封*1、轴套*1及乐泰胶\L37\康普艾</t>
  </si>
  <si>
    <t>【康普艾】4000小时专用油\92130280-S-18\18升/桶；0.0155吨/桶\L37\康普艾</t>
  </si>
  <si>
    <t>【康普艾】油分离器芯\A10525274\L37\康普艾</t>
  </si>
  <si>
    <t>【康普艾】最小压力阀\201EDM527\I代\L260G\康普艾</t>
  </si>
  <si>
    <t>【康普艾】进气阀维修包\QX103235\L260G\康普艾</t>
  </si>
  <si>
    <t>【康普艾】进气阀总成\QX102790\II代\L260G\康普艾</t>
  </si>
  <si>
    <t>【康普艾】INLETVALVEKIT进气阀维修包\201SSU6003\L260G</t>
  </si>
  <si>
    <t>【康普艾】进气阀总成\204SSU4013\I代\L260G\康普艾</t>
  </si>
  <si>
    <t>【康普艾】ULTIMA8000冷却液\QX108106\L260G\康普艾</t>
  </si>
  <si>
    <t>【康普艾】油分2\QX104000\L260G\康普艾</t>
  </si>
  <si>
    <t>【康普艾】油分1\55B29\L260G\康普艾</t>
  </si>
  <si>
    <t>【康普艾】油分\9VX14118\L260G\康普艾</t>
  </si>
  <si>
    <t>【康普艾】油滤\QX104002\L260G\康普艾</t>
  </si>
  <si>
    <t>【康普艾】空滤\QX104004\L260G\康普艾</t>
  </si>
  <si>
    <t>【康普艾】油冷却器\31848825\国产\L250\康普艾</t>
  </si>
  <si>
    <t>【康普艾】阳螺杆\A11978174\L250\康普艾</t>
  </si>
  <si>
    <t>【康普艾】消音器\3442/101/4\L250\康普艾</t>
  </si>
  <si>
    <t>【康普艾】皮带轮\A11522574\电机皮带轮\L250\康普艾</t>
  </si>
  <si>
    <t>【康普艾】电机皮带轮\A11522474\电机皮带轮\L250\康普艾</t>
  </si>
  <si>
    <t>【康普艾】反向调节器喷嘴\A05226974\L250\康普艾</t>
  </si>
  <si>
    <t>【康普艾】电机模板\SC04-8\L250\康普艾</t>
  </si>
  <si>
    <t>【康普艾】空压机冷却风机电机\10003381\YLS3500W-4P 功率3500W 50HZ 防护等级IP44 转速 14\L250\康普艾</t>
  </si>
  <si>
    <t>【康普艾】空压机离线清洗剂\力克舒\L250\康普艾</t>
  </si>
  <si>
    <t>【康普艾】管道精滤芯\E5-36\E5-36\L250\康普艾</t>
  </si>
  <si>
    <t>【康普艾】皮带轮\A11522774\空气端皮带轮\L250\康普艾</t>
  </si>
  <si>
    <t>【康普艾】皮带轮\A11519074\13BAR空气端皮带轮\L250\康普艾</t>
  </si>
  <si>
    <t>【康普艾】空气端\A11976574\11977074\L250\康普艾</t>
  </si>
  <si>
    <t>【康普艾】皮带轮\A11522874\电机皮带轮\L250\康普艾</t>
  </si>
  <si>
    <t>【康普艾】后冷却器\A11522074\L250\康普艾</t>
  </si>
  <si>
    <t>【康普艾】主电机\QP11521974\L250\康普艾</t>
  </si>
  <si>
    <t>【康普艾】皮带轮\A11518574\6000V电机皮带轮\L250\康普艾</t>
  </si>
  <si>
    <t>【康普艾】油冷却器\A11513274\L250\康普艾</t>
  </si>
  <si>
    <t>【康普艾】皮带\A10496874\L250\康普艾</t>
  </si>
  <si>
    <t>【康普艾】空气端维修包\轴承6套件、轴封、轴套\10000464\L250</t>
  </si>
  <si>
    <t>【康普艾】吸气调节器缸体\A11910774\L250\康普艾</t>
  </si>
  <si>
    <t>【康普艾】安全阀\A11424074\L22\康普艾</t>
  </si>
  <si>
    <t>【康普艾】油管\QP100001572\L22\康普艾</t>
  </si>
  <si>
    <t>【康普艾】油管\QP100004203\L22\康普艾</t>
  </si>
  <si>
    <t>【康普艾】油气分离器接管\QP11981774\L22\康普艾</t>
  </si>
  <si>
    <t>【康普艾】温控旁通阀\A11203274\L22\康普艾</t>
  </si>
  <si>
    <t>【康普艾】卸载电磁阀\100002569\L22\康普艾</t>
  </si>
  <si>
    <t>【康普艾】温度传感器\100010275\原10630674\L22\康普艾</t>
  </si>
  <si>
    <t>【康普艾】压力传感器\100003136\L22\康普艾</t>
  </si>
  <si>
    <t>【康普艾】最小压力阀\100001574\M.P.V.LC20F\L22\康普艾</t>
  </si>
  <si>
    <t>【康普艾】密封圈\A93191170\L22\康普艾</t>
  </si>
  <si>
    <t>【康普艾】密封圈\A93190560\L22\康普艾</t>
  </si>
  <si>
    <t>【康普艾】密封圈\A93210050\L22\康普艾</t>
  </si>
  <si>
    <t>【康普艾】密封圈\A93147390\L22\康普艾</t>
  </si>
  <si>
    <t>【康普艾】密封圈\A93190940\L22\康普艾</t>
  </si>
  <si>
    <t>【康普艾】轴封kit\A11979374\含轴封*1、轴套*1及乐泰胶\L22\康普艾</t>
  </si>
  <si>
    <t>【康普艾】大修箱\CK8100-1\油分芯、垫片\L22\康普艾</t>
  </si>
  <si>
    <t>【康普艾】中修箱\CK4100-841\油滤、空滤、垫片\L22\康普艾</t>
  </si>
  <si>
    <t>【康普艾】小修箱\CK2100-1\L22\康普艾</t>
  </si>
  <si>
    <t>【康普艾】空气端卡子\A93649360\L22\康普艾</t>
  </si>
  <si>
    <t>【康普艾】4000小时专用油\92130280-S-18\18升/桶；0.0155吨/桶\L22\康普艾</t>
  </si>
  <si>
    <t>【康普艾】油分离器芯\A10525274\L22\康普艾</t>
  </si>
  <si>
    <t>【康普艾】油过滤器芯\A04819974\L22\康普艾</t>
  </si>
  <si>
    <t>【康普艾】空气过滤器芯\100001611\L22\康普艾</t>
  </si>
  <si>
    <t>【康普艾】专用冷却液\92130280-S-18\18升/桶；0.0155吨/桶\LA55A\康普艾</t>
  </si>
  <si>
    <t>【康普艾】前置过滤网\04.26.00012\LA55A\康普艾</t>
  </si>
  <si>
    <t>【康普艾】内外牙螺纹球阀\04.05.8.0003\LA55A\康普艾</t>
  </si>
  <si>
    <t>【康普艾】配气块法兰\04.20.00252\LA55A\康普艾</t>
  </si>
  <si>
    <t>【康普艾】压力表\04.15.00025\LA55A\康普艾</t>
  </si>
  <si>
    <t>【康普艾】压力传感器\05.15.00056\LA55A\康普艾</t>
  </si>
  <si>
    <t>【康普艾】感温棒\05.15.00014\LA55A\康普艾</t>
  </si>
  <si>
    <t>【康普艾】出油口接头Ⅱ\06.01.19.0064\LA55A\康普艾</t>
  </si>
  <si>
    <t>【康普艾】止回阀\04.05.5.0025\LA55A\康普艾</t>
  </si>
  <si>
    <t>【康普艾】油过滤器接头\06.01.19.0243\LA55A\康普艾</t>
  </si>
  <si>
    <t>【康普艾】管道过滤器芯\CE0372C\后置\L250\康普艾</t>
  </si>
  <si>
    <t>【康普艾】管道过滤器芯\CE0372B\前置\L250\康普艾</t>
  </si>
  <si>
    <t>【康普艾】温度巡检仪\QX185192\LB260\康普艾</t>
  </si>
  <si>
    <t>【康普艾】紧停开关\QX185091\LB260\康普艾</t>
  </si>
  <si>
    <t>【康普艾】变压器\QX185352\LB260\康普艾</t>
  </si>
  <si>
    <t>【康普艾】24V电源\QX185393\LB260\康普艾</t>
  </si>
  <si>
    <t>【康普艾】电流变送器\QX185411\LB260\康普艾</t>
  </si>
  <si>
    <t>【康普艾】相位继电器\QX185083\LB260\康普艾</t>
  </si>
  <si>
    <t>【康普艾】安全阀\QX100659\10BAR\LB260\康普艾</t>
  </si>
  <si>
    <t>【康普艾】安全阀\QX100662\8BAR\LB260\康普艾</t>
  </si>
  <si>
    <t>【康普艾】安全阀\QX100661\7BAR\LB260\康普艾</t>
  </si>
  <si>
    <t>【康普艾】卡套式直角接头\86E60\LB260\康普艾</t>
  </si>
  <si>
    <t>【康普艾】特氟纶管\85G3\LB260\康普艾</t>
  </si>
  <si>
    <t>【康普艾】垫片\QX176233\LB260\康普艾</t>
  </si>
  <si>
    <t>【康普艾】O型圈\QX175025\LB260\康普艾</t>
  </si>
  <si>
    <t>【康普艾】O型圈\QX175041\LB260\康普艾</t>
  </si>
  <si>
    <t>【康普艾】O型圈\QX175012\LB260\康普艾</t>
  </si>
  <si>
    <t>【康普艾】减震垫\49C48\LB260\康普艾</t>
  </si>
  <si>
    <t>【康普艾】机体排气管\QX102333\LB260\康普艾</t>
  </si>
  <si>
    <t>【康普艾】后部冷却器\QX101133\风冷\LB260\康普艾</t>
  </si>
  <si>
    <t>【康普艾】油冷却器\QX101134\风冷\LB260\康普艾</t>
  </si>
  <si>
    <t>【康普艾】后部冷却器\QX102254\水冷\LB260\康普艾</t>
  </si>
  <si>
    <t>【康普艾】油冷却器\QX102255\水冷\LB260\康普艾</t>
  </si>
  <si>
    <t>【康普艾】热控制阀阀芯\QX103233\68℃\LB260\康普艾</t>
  </si>
  <si>
    <t>【康普艾】热控阀\QX102432\LB260\康普艾</t>
  </si>
  <si>
    <t>【康普艾】热控制阀阀芯\QX103232\57℃\LB260\康普艾</t>
  </si>
  <si>
    <t>【康普艾】泄放电磁阀(A1版本)\05.18.00008\LA132\康普艾</t>
  </si>
  <si>
    <t>【康普艾】高压软管接头(A1版本)\06.01.19.0113\LA132\康普艾</t>
  </si>
  <si>
    <t>【康普艾】密封垫片\04.12.00018\LA132\康普艾</t>
  </si>
  <si>
    <t>【康普艾】高压软管(A1版本)\04.22.00400\LA132\康普艾</t>
  </si>
  <si>
    <t>【康普艾】止回阀\04.05.5.0026\LA132\康普艾</t>
  </si>
  <si>
    <t>【康普艾】联轴器\04.07.00119\LA132\康普艾</t>
  </si>
  <si>
    <t>【康普艾】防震垫\04.14.00004\LA132\康普艾</t>
  </si>
  <si>
    <t>【康普艾】空滤卡箍\06.01.18.0004\LA132\康普艾</t>
  </si>
  <si>
    <t>【康普艾】吸气导管\04.18.00818\LA132\康普艾</t>
  </si>
  <si>
    <t>【康普艾】变压器\05.03.00034\LA132\康普艾</t>
  </si>
  <si>
    <t>【康普艾】DELCOS-BD控制器\SC05-483\LA132\康普艾</t>
  </si>
  <si>
    <t>【康普艾】空滤芯\QX201650\LA132\康普艾</t>
  </si>
  <si>
    <t>【康普艾】专用润滑油\92130280-S-209\209升/桶\LA132\康普艾</t>
  </si>
  <si>
    <t>【康普艾】专用润滑油\92130280-S-18\18升/桶\LA132\康普艾</t>
  </si>
  <si>
    <t>【康普艾】油过滤器\ZS1088918\LA132\康普艾</t>
  </si>
  <si>
    <t>【康普艾】空滤芯\2118349\LA132\康普艾</t>
  </si>
  <si>
    <t>【康普艾】油细分离器\QX201648\LA132\康普艾</t>
  </si>
  <si>
    <t>【康普艾】进水过滤器\100005426\L75G\康普艾</t>
  </si>
  <si>
    <t>【康普艾】轴封维修保养包\11926274\含轴封*1、轴套*1及乐泰胶\L75G\康普艾</t>
  </si>
  <si>
    <t>【康普艾】后冷却器\SC12-29\L75G\康普艾</t>
  </si>
  <si>
    <t>【康普艾】油冷却器\SC12-28\L75G\康普艾</t>
  </si>
  <si>
    <t>【康普艾】密封圈\93190830\L75G\康普艾</t>
  </si>
  <si>
    <t>【康普艾】换热器\YL18.8A PART NO.SC12/28\L75G\康普艾</t>
  </si>
  <si>
    <t>【康普艾】卡箍\93616880\AS100-120\L55G\康普艾</t>
  </si>
  <si>
    <t>【康普艾】轴封套件\37991318\含轴封*1、轴套*1及乐泰胶\L55G\康普艾</t>
  </si>
  <si>
    <t>【康普艾】卡箍\93616890\AS130-150\L55G\康普艾</t>
  </si>
  <si>
    <t>【康普艾】进水过滤器\100005426\L55G\康普艾</t>
  </si>
  <si>
    <t>【康普艾】轴封维修保养包\11926274\含轴封*1、轴套*1及乐泰胶\L55G\康普艾</t>
  </si>
  <si>
    <t>【康普艾】后冷却器\SC12-29\L55G\康普艾</t>
  </si>
  <si>
    <t>【康普艾】油冷却器\SC12-28\水冷式油冷\L55G\康普艾</t>
  </si>
  <si>
    <t>【康普艾】密封圈\93190830\L55G\康普艾</t>
  </si>
  <si>
    <t>【康普艾】温控阀压盖密封圈\93190550\L55G\康普艾</t>
  </si>
  <si>
    <t>【康普艾】换热器\YL18.8A PART NO.SC12/28\L55G\康普艾</t>
  </si>
  <si>
    <t>【康普艾】软管\100012426\L132G\康普艾</t>
  </si>
  <si>
    <t>【康普艾】软管\100007853\L132G\康普艾</t>
  </si>
  <si>
    <t>【康普艾】吸气管\QP100012147\L132G\康普艾</t>
  </si>
  <si>
    <t>【康普艾】吸气调节器维修包\ZS1046981\阀板、密封圈\L132G\康普艾</t>
  </si>
  <si>
    <t>【康普艾】吸气调节器\100012146\老款\L132G\康普艾</t>
  </si>
  <si>
    <t>【康普艾】吸气调节器气缸\QX200052\L132G\康普艾</t>
  </si>
  <si>
    <t>【康普艾】阀体维修包\QX104140\阀体密封、活塞密封、垫等\L132G\康普艾</t>
  </si>
  <si>
    <t>【康普艾】放空阀组件\QX104139\L132G\康普艾</t>
  </si>
  <si>
    <t>【康普艾】卸载电磁阀线圈\QX104138\L132G\康普艾</t>
  </si>
  <si>
    <t>【康普艾】吸气调节器\SC04-179\新款\L132G\康普艾</t>
  </si>
  <si>
    <t>【康普艾】油过滤器芯\A11381974\L37\康普艾</t>
  </si>
  <si>
    <t>【康普艾】空气过滤器芯\11380674\L37\康普艾</t>
  </si>
  <si>
    <t>【康普艾】压力传输开关\QX36646732\L335G\康普艾</t>
  </si>
  <si>
    <t>【康普艾】温度传输开关\QX33855649\L335G\康普艾</t>
  </si>
  <si>
    <t>【康普艾】进气软管\343115\L335G\康普艾</t>
  </si>
  <si>
    <t>【康普艾】进气软管\338019\L335G\康普艾</t>
  </si>
  <si>
    <t>【康普艾】冷却器\QX105868\水冷式后冷\L335G\康普艾</t>
  </si>
  <si>
    <t>【康普艾】冷却器\QX105867\水冷式油冷\L335G\康普艾</t>
  </si>
  <si>
    <t>【康普艾】露点仪控制线缆\600191142\L335G\康普艾</t>
  </si>
  <si>
    <t>【康普艾】露点仪底座\600190143\L335G\康普艾</t>
  </si>
  <si>
    <t>【康普艾】显示屏\ZH60-022\L335G\康普艾</t>
  </si>
  <si>
    <t>【康普艾】PLC扩展模块\ZH60-021\L335G\康普艾</t>
  </si>
  <si>
    <t>【康普艾】智能排水器\60018000D\L335G\康普艾</t>
  </si>
  <si>
    <t>【康普艾】电磁阀\600170250\L335G\康普艾</t>
  </si>
  <si>
    <t>【康普艾】后置滤芯\600160200\L335G\康普艾</t>
  </si>
  <si>
    <t>【康普艾】前置滤芯\600150200\L335G\康普艾</t>
  </si>
  <si>
    <t>【康普艾】消音装置\60014020X\L335G\康普艾</t>
  </si>
  <si>
    <t>【康普艾】扩散器\600130100\L335G\康普艾</t>
  </si>
  <si>
    <t>【康普艾】气动蝶阀总成\60011065D\L335G\康普艾</t>
  </si>
  <si>
    <t>【康普艾】气动蝶阀总成\60010125D\L335G\康普艾</t>
  </si>
  <si>
    <t>【康普艾】冷凝器\60009012R\L335G\康普艾</t>
  </si>
  <si>
    <t>【康普艾】蒸发器\60008050Z\L335G\康普艾</t>
  </si>
  <si>
    <t>【康普艾】气分器\600072080\L335G\康普艾</t>
  </si>
  <si>
    <t>【康普艾】油水分离器\600065203\L335G\康普艾</t>
  </si>
  <si>
    <t>【康普艾】气体膨胀阀\60004016R\L335G\康普艾</t>
  </si>
  <si>
    <t>【康普艾】压控开关\60003015K\L335G\康普艾</t>
  </si>
  <si>
    <t>【康普艾】储液器\JL-L-014A-003\40M\30M\20M\康普艾</t>
  </si>
  <si>
    <t>【康普艾】储液器\JL-L-014A-001\40M\30M\20M\康普艾</t>
  </si>
  <si>
    <t>【康普艾】换热器总成\JL-L-013A-013\40M\30M\20M\康普艾</t>
  </si>
  <si>
    <t>【康普艾】换热器总成\JL-L-012A-013\40M\30M\20M\康普艾</t>
  </si>
  <si>
    <t>【康普艾】换热器总成\JL-L-012A-012\40M\30M\20M\康普艾</t>
  </si>
  <si>
    <t>【康普艾】蒸发器\JL-L-011A-014\40M\30M\20M\康普艾</t>
  </si>
  <si>
    <t>【康普艾】蒸发器\JL-L-011A-012\40M\30M\20M\康普艾</t>
  </si>
  <si>
    <t>【康普艾】汽化器\JL-L-010A-004\40M\30M\20M\康普艾</t>
  </si>
  <si>
    <t>【康普艾】汽化器\JL-L-010A-003\40M\30M\20M\康普艾</t>
  </si>
  <si>
    <t>【康普艾】高低压控制器\JL-L-008A-006\40M\30M\20M\康普艾</t>
  </si>
  <si>
    <t>【康普艾】高低压控制器\JL-L-008A-005\40M\30M\20M\康普艾</t>
  </si>
  <si>
    <t>【康普艾】冷媒低压控制器\JL-L-008A-004\40M\30M\20M\康普艾</t>
  </si>
  <si>
    <t>【康普艾】冷媒低压控制器\JL-L-008A-003\40M\30M\20M\康普艾</t>
  </si>
  <si>
    <t>【康普艾】冷媒高压控制器\JL-L-008A-002\40M\30M\20M\康普艾</t>
  </si>
  <si>
    <t>【康普艾】压力控制器\JL-L-008A-001\40M\30M\20M\康普艾</t>
  </si>
  <si>
    <t>【康普艾】水量调节阀\JL-L-007A-004\DN40\40M\30M\20M\康普艾</t>
  </si>
  <si>
    <t>【康普艾】冷媒干燥过滤器\JL-L-006A-004\40M\30M\20M\康普艾</t>
  </si>
  <si>
    <t>【康普艾】水冷凝器\JL-L-005B-003\40M\30M\20M\康普艾</t>
  </si>
  <si>
    <t>【康普艾】水冷凝器\JL-L-005B-002\40M\30M\20M\康普艾</t>
  </si>
  <si>
    <t>【康普艾】水冷凝器\JL-L-005A-004\40M\30M\20M\康普艾</t>
  </si>
  <si>
    <t>【康普艾】水冷凝器\JL-L-005A-003\40M\30M\20M\康普艾</t>
  </si>
  <si>
    <t>【康普艾】风冷凝器\JL-L-004A-012\40M\30M\20M\康普艾</t>
  </si>
  <si>
    <t>【康普艾】风冷凝器\JL-L-004A-011\40M\30M\20M\康普艾</t>
  </si>
  <si>
    <t>【康普艾】热力膨胀阀\JL-L-003A-005\40M\30M\20M\康普艾</t>
  </si>
  <si>
    <t>【康普艾】热力膨胀阀\JL-L-003A-004\40M\30M\20M\康普艾</t>
  </si>
  <si>
    <t>【康普艾】热气旁通阀\JL-L-002B-002\自力式调节阀\40M\30M\20M\康普艾</t>
  </si>
  <si>
    <t>【康普艾】热气旁通阀\JL-L-002B-001\40M\30M\20M\康普艾</t>
  </si>
  <si>
    <t>【康普艾】热气旁通阀\JL-L-002A-001\40M\30M\20M\康普艾</t>
  </si>
  <si>
    <t>【康普艾】冷媒压缩机\JL-L-001H-003\40M\30M\20M\康普艾</t>
  </si>
  <si>
    <t>【康普艾】冷媒压缩机\JL-L-001B-010\40M\30M\20M\康普艾</t>
  </si>
  <si>
    <t>【康普艾】冷媒压缩机\JL-L-001B-009\40M\30M\20M\康普艾</t>
  </si>
  <si>
    <t>【康普艾】除油过滤器滤芯\JL-F-004C-005\40M\30M\20M\康普艾</t>
  </si>
  <si>
    <t>【阿特拉斯】O型圈\663210840\GA250</t>
  </si>
  <si>
    <t>阿特拉斯•科普柯（上海）贸易有限公司</t>
  </si>
  <si>
    <t>阿特拉斯</t>
  </si>
  <si>
    <t>WZSCCG-2019-HB-003</t>
  </si>
  <si>
    <t>国家能源e购商城阿特拉斯空压机备品备件集团级长协采购框架协议</t>
  </si>
  <si>
    <t>阿特拉斯·科普柯(上海)贸易有限公司</t>
  </si>
  <si>
    <t>【阿特拉斯】温控阀\1202586903\GA250</t>
  </si>
  <si>
    <t>【阿特拉斯】油滤\1614806599\GA250</t>
  </si>
  <si>
    <t>【阿特拉斯】8000小时保养备件包\2906090400\GA250</t>
  </si>
  <si>
    <t>【阿特拉斯】张紧轮\1615603480\GA250</t>
  </si>
  <si>
    <t>【阿特拉斯】8000小时保养备件包\13bar\2906091000\GA250</t>
  </si>
  <si>
    <t>【阿特拉斯】O型圈\663210263\GA250</t>
  </si>
  <si>
    <t>【阿特拉斯】O型圈\2205177553\GA250</t>
  </si>
  <si>
    <t>【阿特拉斯】最小压力阀保养备件包\2906087000\GA250</t>
  </si>
  <si>
    <t>【阿特拉斯】密封垫\1614695700\GA250</t>
  </si>
  <si>
    <t>【阿特拉斯】弹簧\1622318500\GA250</t>
  </si>
  <si>
    <t>【阿特拉斯】密封垫\1622097700\GA250</t>
  </si>
  <si>
    <t>【阿特拉斯】疏水阀\1613946380\GA250</t>
  </si>
  <si>
    <t>【阿特拉斯】门杆\2252723700\GA250</t>
  </si>
  <si>
    <t>【阿特拉斯】O型圈69.5X3\663713800\GA250</t>
  </si>
  <si>
    <t>【阿特拉斯】O型圈\663211118\GA250</t>
  </si>
  <si>
    <t>【阿特拉斯】O型圈\663211206\GA250</t>
  </si>
  <si>
    <t>【阿特拉斯】O型圈\663210600\GA250</t>
  </si>
  <si>
    <t>【阿特拉斯】O型圈\663210677\GA250</t>
  </si>
  <si>
    <t>【阿特拉斯】O型圈\663210788\GA250</t>
  </si>
  <si>
    <t>【阿特拉斯】8000小时保养备件包\2906045000\ZR400</t>
  </si>
  <si>
    <t>【阿特拉斯】中间冷却器保养备件包\2906044600\ZR400</t>
  </si>
  <si>
    <t>【阿特拉斯】后冷却器保养备件包\2906044700\ZR400</t>
  </si>
  <si>
    <t>【阿特拉斯】16000小时保养备件包\2906045200\ZR400</t>
  </si>
  <si>
    <t>【阿特拉斯】单向阀保养备件包\2906054100\ZR400</t>
  </si>
  <si>
    <t>【阿特拉斯】空油滤保养备件包\2906044500\ZR400</t>
  </si>
  <si>
    <t>【阿特拉斯】油泵保养备件包\2906044100\ZR400</t>
  </si>
  <si>
    <t>【阿特拉斯】联轴器\1619646706\ZR400</t>
  </si>
  <si>
    <t>【阿特拉斯】低压转子\1616630582\ZR400</t>
  </si>
  <si>
    <t>【阿特拉斯】高压转子\1616580382\ZR400</t>
  </si>
  <si>
    <t>【阿特拉斯】冷却器芯\1621700508\ZR400</t>
  </si>
  <si>
    <t>【阿特拉斯】O型圈\663210608\GA250</t>
  </si>
  <si>
    <t>【阿特拉斯】O型圈\663210696\GA250</t>
  </si>
  <si>
    <t>【阿特拉斯】O型圈\663210809\GA250</t>
  </si>
  <si>
    <t>【阿特拉斯】O型圈\663210844\GA250</t>
  </si>
  <si>
    <t>【阿特拉斯】O型圈\663211141\GA250</t>
  </si>
  <si>
    <t>【阿特拉斯】O型圈\663313500\GA250</t>
  </si>
  <si>
    <t>【阿特拉斯】O型圈\663210904\GA250</t>
  </si>
  <si>
    <t>【阿特拉斯】O型圈\663210597\GA250</t>
  </si>
  <si>
    <t>【阿特拉斯】转子安装备件包\2906058900\GA250</t>
  </si>
  <si>
    <t>【阿特拉斯】O型圈\663210432\GA250</t>
  </si>
  <si>
    <t>【阿特拉斯】O型圈\663211548\GA250</t>
  </si>
  <si>
    <t>【阿特拉斯】O型圈\663210477\G250/W、GA250/W</t>
  </si>
  <si>
    <t>【阿特拉斯】O型圈\663210712\GA250</t>
  </si>
  <si>
    <t>【阿特拉斯】软管组件\1621208500\G250W</t>
  </si>
  <si>
    <t>【阿特拉斯】O型圈\663210617\GA250</t>
  </si>
  <si>
    <t>【阿特拉斯】进口瞬载阀总成\1621039900\GA250</t>
  </si>
  <si>
    <t>【阿特拉斯】除灰空压机卸荷阀\1614900883\GA250</t>
  </si>
  <si>
    <t>【阿特拉斯】O型圈\663210195\GA132</t>
  </si>
  <si>
    <t>【阿特拉斯】O型圈\1627418057\GA132</t>
  </si>
  <si>
    <t>【阿特拉斯】O型圈\663211224\GA132</t>
  </si>
  <si>
    <t>【阿特拉斯】导风罩\1614922300\GA132</t>
  </si>
  <si>
    <t>【阿特拉斯】O型圈\663713400\GA132</t>
  </si>
  <si>
    <t>【阿特拉斯】O型圈\663210647\GA132</t>
  </si>
  <si>
    <t>【阿特拉斯】O型圈\663715300\GA250</t>
  </si>
  <si>
    <t>【阿特拉斯】O型圈\1504221585\GA250</t>
  </si>
  <si>
    <t>【阿特拉斯】过滤器保养备件包\13bar\2906090800\GA250</t>
  </si>
  <si>
    <t>【阿特拉斯】密封条\1623209700\GA250</t>
  </si>
  <si>
    <t>【阿特拉斯】4000小时保养备件包\10bar\2906090300\GA250</t>
  </si>
  <si>
    <t>【阿特拉斯】4000小时保养备件包\13bar\2906090900\GA250</t>
  </si>
  <si>
    <t>【阿特拉斯】电控柜内接触器\1089039884\GA250</t>
  </si>
  <si>
    <t>【阿特拉斯】水箱盖\1092067600\GA250</t>
  </si>
  <si>
    <t>【阿特拉斯】O型圈\1625390808\GA250</t>
  </si>
  <si>
    <t>【阿特拉斯】O型圈\663713200\GA250</t>
  </si>
  <si>
    <t>【阿特拉斯】O型圈\1504221588\GA250</t>
  </si>
  <si>
    <t>【阿特拉斯】O型圈\663211128\GA250</t>
  </si>
  <si>
    <t>【阿特拉斯】O型圈\663210715\GA250</t>
  </si>
  <si>
    <t>【阿特拉斯】密封垫\1621901100\GA250</t>
  </si>
  <si>
    <t>【阿特拉斯】O型圈\663211425\GA250</t>
  </si>
  <si>
    <t>【阿特拉斯】O型圈\663211247\GA250</t>
  </si>
  <si>
    <t>【阿特拉斯】热保护器\1092002168\GA250</t>
  </si>
  <si>
    <t>【阿特拉斯】接头处挡圈\1623222200\GA315</t>
  </si>
  <si>
    <t>【阿特拉斯】O型圈\663210200\GA250</t>
  </si>
  <si>
    <t>【阿特拉斯】传感器数据线\1614851902\GA250</t>
  </si>
  <si>
    <t>【阿特拉斯】O型圈\663211412\GA250</t>
  </si>
  <si>
    <t>【阿特拉斯】O型圈\663210762\GA250</t>
  </si>
  <si>
    <t>【阿特拉斯】气管\1614963500\GA250</t>
  </si>
  <si>
    <t>【阿特拉斯】O型圈\663210475\G250/W、GA250/W</t>
  </si>
  <si>
    <t>【阿特拉斯】O型圈\663210740\G250/W、GA250/W</t>
  </si>
  <si>
    <t>【阿特拉斯】O型圈\663210818\G250/W、GA250/W</t>
  </si>
  <si>
    <t>【阿特拉斯】O型圈\663211184\G250/W、GA250/W</t>
  </si>
  <si>
    <t>【阿特拉斯】O型圈\663210323\G250/W</t>
  </si>
  <si>
    <t>【阿特拉斯】O型圈\663211201\G250/W</t>
  </si>
  <si>
    <t>【阿特拉斯】O型圈\1625102461\G250/W</t>
  </si>
  <si>
    <t>【阿特拉斯】O型圈\663210887\G250/W、GA250/W</t>
  </si>
  <si>
    <t>【阿特拉斯】O型圈\1420050310\G250W</t>
  </si>
  <si>
    <t>【阿特拉斯】水冷油冷却器\1614958800\G250W</t>
  </si>
  <si>
    <t>【阿特拉斯】水冷风冷却器\1614959000\G250W</t>
  </si>
  <si>
    <t>【阿特拉斯】O型圈\663210890\GA110</t>
  </si>
  <si>
    <t>【阿特拉斯】冷却风扇电机\1092114221\GA110</t>
  </si>
  <si>
    <t>【阿特拉斯】O型圈\663210483\GA110</t>
  </si>
  <si>
    <t>【阿特拉斯】O型圈\1627418072\GA110</t>
  </si>
  <si>
    <t>【阿特拉斯】灰库恒温阀保养备件包\2901161600\GA37</t>
  </si>
  <si>
    <t>【阿特拉斯】灰库油管\574800275\GA37</t>
  </si>
  <si>
    <t>【阿特拉斯】灰库油管\574991006\GA37</t>
  </si>
  <si>
    <t>【阿特拉斯】灰库回油管\574991101\GA37</t>
  </si>
  <si>
    <t>【阿特拉斯】灰库油管\574991802\GA37</t>
  </si>
  <si>
    <t>【阿特拉斯】灰库过滤器保养备件包\2901032600\GA37</t>
  </si>
  <si>
    <t>【阿特拉斯】灰库油分保养备件包\2901056602\GA37</t>
  </si>
  <si>
    <t>【阿特拉斯】O型圈\663983900\GA22</t>
  </si>
  <si>
    <t>【阿特拉斯】油滤\1613872000\GA22</t>
  </si>
  <si>
    <t>【阿特拉斯】最小压力阀保养备件包\2901000600\GA22</t>
  </si>
  <si>
    <t>【阿特拉斯】水气分离器备件包\2901074800\GA22</t>
  </si>
  <si>
    <t>【阿特拉斯】油分备件包\2901077900\GA22</t>
  </si>
  <si>
    <t>【阿特拉斯】O型圈\2205431463\GA22</t>
  </si>
  <si>
    <t>【阿特拉斯】O型圈\663211379\GA160</t>
  </si>
  <si>
    <t>【阿特拉斯】密封条\3002603742\GA160</t>
  </si>
  <si>
    <t>【阿特拉斯】O型圈\1291000905\GA160</t>
  </si>
  <si>
    <t>【阿特拉斯】O型圈\663987000\GA160</t>
  </si>
  <si>
    <t>【阿特拉斯】O型圈\663210373\GA160</t>
  </si>
  <si>
    <t>【阿特拉斯】O型圈\663210602\GA250</t>
  </si>
  <si>
    <t>【阿特拉斯】O型圈\663210681\GA250</t>
  </si>
  <si>
    <t>【阿特拉斯】O型圈\663210805\GA250</t>
  </si>
  <si>
    <t>【阿特拉斯】O型圈\663210841\GA250</t>
  </si>
  <si>
    <t>【阿特拉斯】O型圈\663211196\GA250</t>
  </si>
  <si>
    <t>【阿特拉斯】O型圈\663210730\GA250</t>
  </si>
  <si>
    <t>【阿特拉斯】O型圈\663315000\GA250</t>
  </si>
  <si>
    <t>【阿特拉斯】主齿轮\1614967600\GA250</t>
  </si>
  <si>
    <t>【阿特拉斯】O型圈\663210320\GA250</t>
  </si>
  <si>
    <t>【阿特拉斯】O型圈\663903600\GA250</t>
  </si>
  <si>
    <t>【阿特拉斯】O型圈\663211143\GA250</t>
  </si>
  <si>
    <t>【阿特拉斯】8000小时保养备件包\2906059300\GA250</t>
  </si>
  <si>
    <t>【阿特拉斯】4000小时保养备件包\2906059200\GA250</t>
  </si>
  <si>
    <t>【阿特拉斯】过滤器保养备件包\2906077000\G355</t>
  </si>
  <si>
    <t>【阿特拉斯】排水阀保养备件包\2906077300\G355</t>
  </si>
  <si>
    <t>【阿特拉斯】断油阀保养备件包\3001172200\G355</t>
  </si>
  <si>
    <t>【阿特拉斯】单向阀\2906069300\G355</t>
  </si>
  <si>
    <t>【阿特拉斯】O型圈\663210810\G355</t>
  </si>
  <si>
    <t>【阿特拉斯】卸荷阀保养备件包\2906077200\G355</t>
  </si>
  <si>
    <t>【阿特拉斯】O型圈\663756400\G250/W、GA250/W</t>
  </si>
  <si>
    <t>【阿特拉斯】O型圈\663210797\G250/W、GA250/W</t>
  </si>
  <si>
    <t>【阿特拉斯】阀体\1623038500\G250/W</t>
  </si>
  <si>
    <t>【阿特拉斯】软管\574991145\G250/W</t>
  </si>
  <si>
    <t>【阿特拉斯】电控柜内接触器\1089039880\GA250</t>
  </si>
  <si>
    <t>【阿特拉斯】活塞杆\1622178900\GA250</t>
  </si>
  <si>
    <t>【阿特拉斯】接触器外壳\1089918922\GA250</t>
  </si>
  <si>
    <t>【阿特拉斯】冷却器芯\1621600908\ZR400</t>
  </si>
  <si>
    <t>【阿特拉斯】密封环\1621601700\ZR400</t>
  </si>
  <si>
    <t>【阿特拉斯】密封环\1621617500\ZR400</t>
  </si>
  <si>
    <t>【阿特拉斯】O型圈\663311800\ZR250/ZR400</t>
  </si>
  <si>
    <t>【阿特拉斯】O型圈\663211167\GA250</t>
  </si>
  <si>
    <t>【阿特拉斯】传感器\1089065963\GA250</t>
  </si>
  <si>
    <t>【阿特拉斯】O型圈\663755500\GA250</t>
  </si>
  <si>
    <t>【阿特拉斯】O型圈\663313700\GA250</t>
  </si>
  <si>
    <t>【阿特拉斯】O型圈\1420050739\GA250</t>
  </si>
  <si>
    <t>【阿特拉斯】从动齿轮\1614967700\GA250</t>
  </si>
  <si>
    <t>【阿特拉斯】O型圈\663974200\GA250</t>
  </si>
  <si>
    <t>【阿特拉斯】O型圈\1625102458\GA250</t>
  </si>
  <si>
    <t>【阿特拉斯】O型圈\1613973106\GA250</t>
  </si>
  <si>
    <t>【阿特拉斯】后冷\1621490618\GA250</t>
  </si>
  <si>
    <t>【阿特拉斯】风扇总成\1614960801\GA250</t>
  </si>
  <si>
    <t>【阿特拉斯】止回阀\2901107700\G250/W、GA250/W</t>
  </si>
  <si>
    <t>【阿特拉斯】O型圈\663313800\G250/W、GA250/W</t>
  </si>
  <si>
    <t>【阿特拉斯】O型圈\663211207\G355</t>
  </si>
  <si>
    <t>【阿特拉斯】冷却器保养备件包\2906056700\G355</t>
  </si>
  <si>
    <t>【阿特拉斯】LH转子安装备件\2906077500\G355</t>
  </si>
  <si>
    <t>【阿特拉斯】转子\2989015900\GA37</t>
  </si>
  <si>
    <t>【阿特拉斯】冷却器\1622018200\GA37</t>
  </si>
  <si>
    <t>【阿特拉斯】卸荷阀保养备件包\2901021100\GA37</t>
  </si>
  <si>
    <t>【阿特拉斯】单向阀保养备件包\2901050300\GA37</t>
  </si>
  <si>
    <t>【阿特拉斯】最小压力阀保养备件包\2901021800\GA37</t>
  </si>
  <si>
    <t>【阿特拉斯】断油阀保养备件包\2901021700\GA37</t>
  </si>
  <si>
    <t>【阿特拉斯】疏水器保养备件包\2901021900\GA37</t>
  </si>
  <si>
    <t>【阿特拉斯】联轴器\2903101501\GA37</t>
  </si>
  <si>
    <t>【阿特拉斯】灰库油分保养备件包\2901162600\GA55</t>
  </si>
  <si>
    <t>【阿特拉斯】灰库过滤器保养备件包\2901194802\GA55</t>
  </si>
  <si>
    <t>【阿特拉斯】灰库GA55转子\1616728190\GA55</t>
  </si>
  <si>
    <t>【阿特拉斯】O型圈\1291000907\GA160</t>
  </si>
  <si>
    <t>【阿特拉斯】O型圈\1621509984\GA160</t>
  </si>
  <si>
    <t>【阿特拉斯】O型圈\1291000903\GA160</t>
  </si>
  <si>
    <t>【阿特拉斯】单向阀-断油阀备件包\2906096100\GA160</t>
  </si>
  <si>
    <t>【阿特拉斯】O型圈\1625102452\GA160</t>
  </si>
  <si>
    <t>【阿特拉斯】O型圈\663210900\GA160</t>
  </si>
  <si>
    <t>【阿特拉斯】O型圈\1625390810\GA160</t>
  </si>
  <si>
    <t>【阿特拉斯】O型圈\1625390811\GA160</t>
  </si>
  <si>
    <t>【阿特拉斯】冷却器\1621536300\GA160</t>
  </si>
  <si>
    <t>【阿特拉斯】O型圈\1901003539\GA160</t>
  </si>
  <si>
    <t>【阿特拉斯】电机侧靠背轮\1623037600\GA160</t>
  </si>
  <si>
    <t>【阿特拉斯】RH转子安装备件\2906077400\G355</t>
  </si>
  <si>
    <t>【阿特拉斯】密封条\1320407323\G355</t>
  </si>
  <si>
    <t>【阿特拉斯】O型圈\1901057046\G355</t>
  </si>
  <si>
    <t>【阿特拉斯】O型圈\663210864\G355</t>
  </si>
  <si>
    <t>【阿特拉斯】齿轮组\1621242200\G355</t>
  </si>
  <si>
    <t>【阿特拉斯】齿轮组\1621242100\G355</t>
  </si>
  <si>
    <t>【阿特拉斯】温控阀\1202586902\G355</t>
  </si>
  <si>
    <t>【阿特拉斯】联轴器\1621144600\G355</t>
  </si>
  <si>
    <t>【阿特拉斯】转子\1616754090\G355</t>
  </si>
  <si>
    <t>【阿特拉斯】调节阀\1623453300\GA132</t>
  </si>
  <si>
    <t>【阿特拉斯】密封垫\1622466403\G355</t>
  </si>
  <si>
    <t>【阿特拉斯】O型圈\663210435\G250/W、GA250/W</t>
  </si>
  <si>
    <t>【阿特拉斯】断油阀总成\3001172000\G250/W、GA250/W</t>
  </si>
  <si>
    <t>【阿特拉斯】皮带\1092200530\G250</t>
  </si>
  <si>
    <t>【阿特拉斯】最小压力阀总成\2906601900\G250/W、GA250/W</t>
  </si>
  <si>
    <t>【阿特拉斯】GA55电子排污阀\2901146551\GA55</t>
  </si>
  <si>
    <t>【阿特拉斯】最小压力阀保养备件包\2901145300\GA55</t>
  </si>
  <si>
    <t>【阿特拉斯】卸荷阀保养备件包\2901162200\GA55</t>
  </si>
  <si>
    <t>【阿特拉斯】组合阀保养备件包\2901021704\GA55</t>
  </si>
  <si>
    <t>【阿特拉斯】EWD330保养备件包\2901063320\GA55</t>
  </si>
  <si>
    <t>【阿特拉斯】回油管\574991144\GA55</t>
  </si>
  <si>
    <t>【阿特拉斯】冷却风扇总成\1622858760\GA55</t>
  </si>
  <si>
    <t>【阿特拉斯】O型圈\663210039\GA55</t>
  </si>
  <si>
    <t>【阿特拉斯】过滤器保养备件包\3001501002\GA355</t>
  </si>
  <si>
    <t>【阿特拉斯】油分保养备件包\3001531109\GA355</t>
  </si>
  <si>
    <t>【阿特拉斯】O型圈\663210878\GA250</t>
  </si>
  <si>
    <t>【阿特拉斯】机头侧靠背轮\1623037400\GA160</t>
  </si>
  <si>
    <t>【阿特拉斯】O型圈\663210619\GA160</t>
  </si>
  <si>
    <t>【阿特拉斯】密封垫\1623740700\GA160</t>
  </si>
  <si>
    <t>【阿特拉斯】套管\1622179705\GA160</t>
  </si>
  <si>
    <t>【阿特拉斯】O型圈\663210801\GA160</t>
  </si>
  <si>
    <t>【阿特拉斯】O型圈\663212500\GA160</t>
  </si>
  <si>
    <t>【阿特拉斯】O型圈\663210861\GA160</t>
  </si>
  <si>
    <t>【阿特拉斯】8000小时保养备件包\1625005530\GAe22</t>
  </si>
  <si>
    <t>【阿特拉斯】空滤\1622788700\GAe22</t>
  </si>
  <si>
    <t>【阿特拉斯】油滤\2903752500\GAe22</t>
  </si>
  <si>
    <t>【阿特拉斯】4000小时保养备件包\1625005520\GAe22</t>
  </si>
  <si>
    <t>【阿特拉斯】O型圈\663210794\G355</t>
  </si>
  <si>
    <t>【阿特拉斯】O型圈\663211031\G355</t>
  </si>
  <si>
    <t>【阿特拉斯】进气软软管\1621146300\G355</t>
  </si>
  <si>
    <t>【阿特拉斯】进气软软管\1621146400\G355</t>
  </si>
  <si>
    <t>【阿特拉斯】加卸载电磁阀\1621424100\G355</t>
  </si>
  <si>
    <t>【阿特拉斯】O型圈\663210979\G355</t>
  </si>
  <si>
    <t>【阿特拉斯】O型圈\663612900\G355</t>
  </si>
  <si>
    <t>【阿特拉斯】O型圈\1625102459\G355</t>
  </si>
  <si>
    <t>【阿特拉斯】安全阀\830100814\G355</t>
  </si>
  <si>
    <t>【阿特拉斯】后冷却器\1621267708\G355</t>
  </si>
  <si>
    <t>【阿特拉斯】油冷\1614866408\G355</t>
  </si>
  <si>
    <t>【阿特拉斯】密封圈\663210611\GA132</t>
  </si>
  <si>
    <t>【阿特拉斯】密封圈\663210618\GA132</t>
  </si>
  <si>
    <t>【阿特拉斯】密封圈\663210620\GA132</t>
  </si>
  <si>
    <t>【阿特拉斯】密封圈\663210777\GA132</t>
  </si>
  <si>
    <t>【阿特拉斯】密封圈\663210968\GA132</t>
  </si>
  <si>
    <t>【阿特拉斯】O型圈\1291000865\GA132</t>
  </si>
  <si>
    <t>【阿特拉斯】O型圈\663210436\GA132</t>
  </si>
  <si>
    <t>【阿特拉斯】排污阀保养备件包\2901056300\GA132</t>
  </si>
  <si>
    <t>【阿特拉斯】软管\1621913700\GA132</t>
  </si>
  <si>
    <t>【阿特拉斯】软管\2903100102\GA132</t>
  </si>
  <si>
    <t>【阿特拉斯】软管\1621913900\GA132</t>
  </si>
  <si>
    <t>【阿特拉斯】风扇\1614645300\G250</t>
  </si>
  <si>
    <t>【阿特拉斯】安装备件包\1625102455\G250/W</t>
  </si>
  <si>
    <t>【阿特拉斯】O型圈\1625102454\G250/W</t>
  </si>
  <si>
    <t>【阿特拉斯】空压机大修备件包\2906097300\G250/W</t>
  </si>
  <si>
    <t>【阿特拉斯】O型圈\663210958\G250/W</t>
  </si>
  <si>
    <t>【阿特拉斯】O型圈\663211188\G250/W</t>
  </si>
  <si>
    <t>【阿特拉斯】O型圈\663210974\G250/W、GA250/W</t>
  </si>
  <si>
    <t>【阿特拉斯】空压机主机大修备件包\3002603160\G250/W</t>
  </si>
  <si>
    <t>【阿特拉斯】电机润滑脂\2908851400\G250/W、GA250/W</t>
  </si>
  <si>
    <t>【阿特拉斯】润滑脂枪\2908851300\G250/W、GA250/W</t>
  </si>
  <si>
    <t>【阿特拉斯】O型圈\1420050332\G250/W、GA250/W</t>
  </si>
  <si>
    <t>【阿特拉斯】O型圈\663210048\GA250</t>
  </si>
  <si>
    <t>【阿特拉斯】O型圈\1625390806\GA250</t>
  </si>
  <si>
    <t>【阿特拉斯】空滤外壳\1635040880\GA200</t>
  </si>
  <si>
    <t>【阿特拉斯】O型圈\663211390\GA250</t>
  </si>
  <si>
    <t>【阿特拉斯】O型圈\663714500\GA250</t>
  </si>
  <si>
    <t>【阿特拉斯】O型圈\663210837\GA250</t>
  </si>
  <si>
    <t>【阿特拉斯】O型圈\663210865\GA250</t>
  </si>
  <si>
    <t>【阿特拉斯】O型圈\663210180\GA250</t>
  </si>
  <si>
    <t>【阿特拉斯】8000小时保养备件包\1504221596\GA250</t>
  </si>
  <si>
    <t>【阿特拉斯】压差传感器\1089962536\GA250</t>
  </si>
  <si>
    <t>【阿特拉斯】O型圈\1610624700\GA250</t>
  </si>
  <si>
    <t>【阿特拉斯】4000小时保养备件包\2901129200\GA37+</t>
  </si>
  <si>
    <t>【阿特拉斯】8000小时保养备件包\2901129241\GA37+</t>
  </si>
  <si>
    <t>【阿特拉斯】空滤\1622507381\GA37+</t>
  </si>
  <si>
    <t>【阿特拉斯】油滤\2903752600\GA37+</t>
  </si>
  <si>
    <t>【阿特拉斯】O型圈\663614700\G110</t>
  </si>
  <si>
    <t>【阿特拉斯】恒温阀保养备件包\1619756000\G110</t>
  </si>
  <si>
    <t>【阿特拉斯】排水阀保养备件包\2901074900\G110</t>
  </si>
  <si>
    <t>【阿特拉斯】空/油滤保养备件包\3001500621\G110</t>
  </si>
  <si>
    <t>【阿特拉斯】组合阀保养备件包\2906096000\G110</t>
  </si>
  <si>
    <t>【阿特拉斯】最小压力阀保养备件包\3001500626\G110</t>
  </si>
  <si>
    <t>【阿特拉斯】卸荷阀保养备件包\2906095700\G110</t>
  </si>
  <si>
    <t>【阿特拉斯】油冷\1614866508\G355</t>
  </si>
  <si>
    <t>【阿特拉斯】润滑油\209L/桶\2901170200\G355</t>
  </si>
  <si>
    <t>【阿特拉斯】8000小时保养备件包\2901084001\GA90</t>
  </si>
  <si>
    <t>【阿特拉斯】O型圈\663210967\GA110</t>
  </si>
  <si>
    <t>【阿特拉斯】O型圈\1320310403\GA132</t>
  </si>
  <si>
    <t>【阿特拉斯】步进电机\3005800683\GA132</t>
  </si>
  <si>
    <t>【阿特拉斯】空压机齿轮箱大修备件包\2906020900\GA132</t>
  </si>
  <si>
    <t>【阿特拉斯】出口压力传感器\3003173185\GA132</t>
  </si>
  <si>
    <t>【阿特拉斯】从动齿轮\1614932700\GA132</t>
  </si>
  <si>
    <t>【阿特拉斯】空压机大修备件包\2906057700\GA132</t>
  </si>
  <si>
    <t>【阿特拉斯】O型圈\663210614\GA132</t>
  </si>
  <si>
    <t>【阿特拉斯】软管\1092003027\GA132</t>
  </si>
  <si>
    <t>【阿特拉斯】软管\1621485800\GA132</t>
  </si>
  <si>
    <t>【阿特拉斯】软管\1621485900\GA132</t>
  </si>
  <si>
    <t>【阿特拉斯】O型圈\1627418015\GA132</t>
  </si>
  <si>
    <t>【阿特拉斯】软管\1621914400\GA132</t>
  </si>
  <si>
    <t>【阿特拉斯】齿轮\1092003637\G355W</t>
  </si>
  <si>
    <t>【阿特拉斯】齿轮\1092003638\G355W</t>
  </si>
  <si>
    <t>【阿特拉斯】O型圈\663613800\G355W</t>
  </si>
  <si>
    <t>【阿特拉斯】O型圈\1625178889\G355W</t>
  </si>
  <si>
    <t>【阿特拉斯】加卸载电磁阀\1089059024\G355W</t>
  </si>
  <si>
    <t>【阿特拉斯】O型圈\663210930\G355W</t>
  </si>
  <si>
    <t>【阿特拉斯】O型圈\1625102456\G355W</t>
  </si>
  <si>
    <t>【阿特拉斯】O型圈\663210796\G355W</t>
  </si>
  <si>
    <t>【阿特拉斯】O型圈\1420050459\G355W</t>
  </si>
  <si>
    <t>【阿特拉斯】电机\1092094808\G355W</t>
  </si>
  <si>
    <t>【阿特拉斯】O型圈\663313200\G355W</t>
  </si>
  <si>
    <t>【阿特拉斯】O型圈\663211244\GA250</t>
  </si>
  <si>
    <t>【阿特拉斯】O型圈\663210598\GA250</t>
  </si>
  <si>
    <t>【阿特拉斯】O型圈\663210663\GA250</t>
  </si>
  <si>
    <t>【阿特拉斯】O型圈\663210765\GA250</t>
  </si>
  <si>
    <t>【阿特拉斯】O型圈\663211686\GA250</t>
  </si>
  <si>
    <t>【阿特拉斯】O型圈\1504221583\GA250</t>
  </si>
  <si>
    <t>【阿特拉斯】O型圈\1504221597\GA250</t>
  </si>
  <si>
    <t>【阿特拉斯】密封条\1621407900\GA250</t>
  </si>
  <si>
    <t>【阿特拉斯】密封条\1621484500\GA250</t>
  </si>
  <si>
    <t>【阿特拉斯】O型圈\1504221590\GA250</t>
  </si>
  <si>
    <t>【阿特拉斯】O型圈\1610624300\GA250</t>
  </si>
  <si>
    <t>【阿特拉斯】联轴器\1623037500\GA160</t>
  </si>
  <si>
    <t>【阿特拉斯】O型圈\663210839\GA160</t>
  </si>
  <si>
    <t>【阿特拉斯】主齿轮\1092109900\GA160</t>
  </si>
  <si>
    <t>【阿特拉斯】从动齿轮\1092109800\GA160</t>
  </si>
  <si>
    <t>【阿特拉斯】通讯模块\1900520033\GA160</t>
  </si>
  <si>
    <t>【阿特拉斯】控制器\1900520013\GA160</t>
  </si>
  <si>
    <t>【阿特拉斯】油冷\1621411100\GA160</t>
  </si>
  <si>
    <t>【阿特拉斯】后冷\1621411000\GA160</t>
  </si>
  <si>
    <t>【阿特拉斯】O型圈\663615200\GA160</t>
  </si>
  <si>
    <t>【阿特拉斯】转子\1616734582\GA160</t>
  </si>
  <si>
    <t>【阿特拉斯】O型圈\663210731\GA160</t>
  </si>
  <si>
    <t>【阿特拉斯】控制器\2230501590\GA110</t>
  </si>
  <si>
    <t>【阿特拉斯】冷却器\1613951200\GA90</t>
  </si>
  <si>
    <t>【阿特拉斯】冷却器\1614920100\GA90</t>
  </si>
  <si>
    <t>【阿特拉斯】冷却器\1630990192\GA132</t>
  </si>
  <si>
    <t>【阿特拉斯】冷却器\1630990163\GA132</t>
  </si>
  <si>
    <t>【阿特拉斯】冷却器\1613951100\GA110</t>
  </si>
  <si>
    <t>【阿特拉斯】O型圈\663210686\GA110</t>
  </si>
  <si>
    <t>【阿特拉斯】O型圈\1901003560\GA132</t>
  </si>
  <si>
    <t>【阿特拉斯】螺栓\147110751\GA132</t>
  </si>
  <si>
    <t>【阿特拉斯】密封圈\653110000\GA132</t>
  </si>
  <si>
    <t>【阿特拉斯】密封圈\661100045\GA132</t>
  </si>
  <si>
    <t>【阿特拉斯】O型圈\1627418050\GA250</t>
  </si>
  <si>
    <t>【阿特拉斯】进气阀堵头\2250252800\GA250</t>
  </si>
  <si>
    <t>【阿特拉斯】抱箍\634100145\GA250</t>
  </si>
  <si>
    <t>【阿特拉斯】O型圈\663210789\GA250</t>
  </si>
  <si>
    <t>【阿特拉斯】O型圈\663211384\GA250</t>
  </si>
  <si>
    <t>【阿特拉斯】O型圈\663210800\GA250</t>
  </si>
  <si>
    <t>【阿特拉斯】O型圈\663210749\GA250</t>
  </si>
  <si>
    <t>【阿特拉斯】球阀\1619615310\GA132</t>
  </si>
  <si>
    <t>【阿特拉斯】温度传感器\1089063724\GA250</t>
  </si>
  <si>
    <t>【阿特拉斯】油管\1614963800\GA250</t>
  </si>
  <si>
    <t>【阿特拉斯】软管\1621954800\GA132</t>
  </si>
  <si>
    <t>【阿特拉斯】O型圈\1630046700\GA132</t>
  </si>
  <si>
    <t>【阿特拉斯】软管\1091604300\GA132</t>
  </si>
  <si>
    <t>【阿特拉斯】软管\574800222\GA132</t>
  </si>
  <si>
    <t>【阿特拉斯】O型圈\663210847\GA250</t>
  </si>
  <si>
    <t>【阿特拉斯】密封垫\661100040\G250/W</t>
  </si>
  <si>
    <t>【阿特拉斯】O型圈\663210932\G250/W</t>
  </si>
  <si>
    <t>【阿特拉斯】O型圈\663210657\G250/W</t>
  </si>
  <si>
    <t>【阿特拉斯】密封垫\661100044\G250/W</t>
  </si>
  <si>
    <t>【阿特拉斯】O型圈\663714400\G250/W</t>
  </si>
  <si>
    <t>【阿特拉斯】油管\1623512100\G250/W</t>
  </si>
  <si>
    <t>【阿特拉斯】密封条\1619614200\G250/W</t>
  </si>
  <si>
    <t>【阿特拉斯】油管\1092002300\G250/W</t>
  </si>
  <si>
    <t>【阿特拉斯】O型圈\663211684\G250/W</t>
  </si>
  <si>
    <t>【阿特拉斯】气管\1614971700\G250/W</t>
  </si>
  <si>
    <t>【阿特拉斯】O型圈\663210866\G250/W</t>
  </si>
  <si>
    <t>【阿特拉斯】油坦克减震块\1623577700\G355W</t>
  </si>
  <si>
    <t>【阿特拉斯】高压转子更换备件包\2906038700\ZR250</t>
  </si>
  <si>
    <t>【阿特拉斯】加卸载软管\574823431\G355W</t>
  </si>
  <si>
    <t>【阿特拉斯】冷却器回油管\1092003150\G355W</t>
  </si>
  <si>
    <t>【阿特拉斯】冷却器进油管\1092003151\G355W</t>
  </si>
  <si>
    <t>【阿特拉斯】抱箍\1614950900\G355W</t>
  </si>
  <si>
    <t>【阿特拉斯】联轴器\1613960901\G355W</t>
  </si>
  <si>
    <t>【阿特拉斯】O型圈\663211634\G355W</t>
  </si>
  <si>
    <t>【阿特拉斯】O型圈\663210790\G355W</t>
  </si>
  <si>
    <t>【阿特拉斯】软管\1614896200\GA132</t>
  </si>
  <si>
    <t>【阿特拉斯】传感器数据线\1092003291\G355W</t>
  </si>
  <si>
    <t>【阿特拉斯】O型圈\663713100\GA250</t>
  </si>
  <si>
    <t>【阿特拉斯】空压机用接触器\1089948926\GA250</t>
  </si>
  <si>
    <t>【阿特拉斯】密封条\2906096800\GA250</t>
  </si>
  <si>
    <t>【阿特拉斯】空压机过载保护器\1089955338\GA250</t>
  </si>
  <si>
    <t>【阿特拉斯】导向带\1622179000\GA250</t>
  </si>
  <si>
    <t>【阿特拉斯】O型圈\663929600\GA250</t>
  </si>
  <si>
    <t>【阿特拉斯】O型圈\663210793\GA250</t>
  </si>
  <si>
    <t>【阿特拉斯】O型圈\663211638\GA250</t>
  </si>
  <si>
    <t>【阿特拉斯】O型圈\663211123\GA250</t>
  </si>
  <si>
    <t>【阿特拉斯】O型圈\663210262\GA250</t>
  </si>
  <si>
    <t>【阿特拉斯】O型圈\800002879\GA250</t>
  </si>
  <si>
    <t>【阿特拉斯】接触器\1092002165\GA160</t>
  </si>
  <si>
    <t>【阿特拉斯】O型圈\663312800\GA160</t>
  </si>
  <si>
    <t>【阿特拉斯】O型圈\663210776\GA160</t>
  </si>
  <si>
    <t>【阿特拉斯】O型圈\1627418036\GA160</t>
  </si>
  <si>
    <t>【阿特拉斯】O型圈\1627418046\GA160</t>
  </si>
  <si>
    <t>【阿特拉斯】O型圈\1627418014\GA160</t>
  </si>
  <si>
    <t>【阿特拉斯】O型圈\1420170222\GA160</t>
  </si>
  <si>
    <t>【阿特拉斯】O型圈\1504221571\GA160</t>
  </si>
  <si>
    <t>【阿特拉斯】气管\574823635\GA160</t>
  </si>
  <si>
    <t>【阿特拉斯】O型圈\663210931\GA160</t>
  </si>
  <si>
    <t>【阿特拉斯】O型圈\663715000\GA160</t>
  </si>
  <si>
    <t>【阿特拉斯】O型圈\663210599\G250/W</t>
  </si>
  <si>
    <t>【阿特拉斯】软管\2903100203\GA132</t>
  </si>
  <si>
    <t>【阿特拉斯】软管\1621963500\GA132</t>
  </si>
  <si>
    <t>【阿特拉斯】水垢清洗剂\3003203568\G250/W、GA250/W</t>
  </si>
  <si>
    <t>【阿特拉斯】五型控制器\2230501809\G250/W、GA250/W</t>
  </si>
  <si>
    <t>【阿特拉斯】温感线\1614812603\G250/W、GA250/W</t>
  </si>
  <si>
    <t>【阿特拉斯】电磁阀\24V/8W\1089066820\G250/W、GA250/W</t>
  </si>
  <si>
    <t>【阿特拉斯】急停开关\1091636351\G250/W、GA250/W</t>
  </si>
  <si>
    <t>【阿特拉斯】销\2811111780\G250/W、GA250/W</t>
  </si>
  <si>
    <t>【阿特拉斯】电磁阀\1089070213\G250/W、GA250/W</t>
  </si>
  <si>
    <t>【阿特拉斯】齿轮\1621927700\G250/W、GA250/W</t>
  </si>
  <si>
    <t>【阿特拉斯】O型圈\663211337\G250/W、GA250/W</t>
  </si>
  <si>
    <t>【阿特拉斯】O型圈\663211165\G250/W、GA250/W</t>
  </si>
  <si>
    <t>【阿特拉斯】弹簧\1616538000\G250/W、GA250/W</t>
  </si>
  <si>
    <t>【阿特拉斯】O型圈\1504221578\GA250</t>
  </si>
  <si>
    <t>【阿特拉斯】O型圈\663210103\GA250</t>
  </si>
  <si>
    <t>【阿特拉斯】O型圈\663211149\GA250</t>
  </si>
  <si>
    <t>【阿特拉斯】O型圈\663211216\GA250</t>
  </si>
  <si>
    <t>【阿特拉斯】O型圈\663210978\GA250</t>
  </si>
  <si>
    <t>【阿特拉斯】O型圈\663210862\GA250</t>
  </si>
  <si>
    <t>【阿特拉斯】O型圈\663210171\GA250</t>
  </si>
  <si>
    <t>【阿特拉斯】O型圈\663211177\GA250</t>
  </si>
  <si>
    <t>【阿特拉斯】空压机主机大修备件包\2906018601\GA250</t>
  </si>
  <si>
    <t>【阿特拉斯】O型圈\663211157\GA250</t>
  </si>
  <si>
    <t>【阿特拉斯】O型圈\1625180701\GA250</t>
  </si>
  <si>
    <t>【阿特拉斯】油分保养备件包\3001500624\G110</t>
  </si>
  <si>
    <t>【阿特拉斯】管道连接备件包\3001500622\G110</t>
  </si>
  <si>
    <t>【阿特拉斯】冷却器保养备件包\2906056600\G110</t>
  </si>
  <si>
    <t>【阿特拉斯】转子安装备件包\2906097100\G110</t>
  </si>
  <si>
    <t>【阿特拉斯】空压机齿轮箱大修备件包\2906096900\G110</t>
  </si>
  <si>
    <t>【阿特拉斯】空滤\1621737600\G110</t>
  </si>
  <si>
    <t>【阿特拉斯】油滤\1621737800\G110</t>
  </si>
  <si>
    <t>【阿特拉斯】O型圈\663210507\G110</t>
  </si>
  <si>
    <t>【阿特拉斯】O型圈\663210697\G110</t>
  </si>
  <si>
    <t>【阿特拉斯】加卸载电磁阀\1089066821\G110</t>
  </si>
  <si>
    <t>【阿特拉斯】安全阀\1092012512\G110</t>
  </si>
  <si>
    <t>【阿特拉斯】O型圈\1625390800\GA250</t>
  </si>
  <si>
    <t>【阿特拉斯】O型圈\663210463\GA250</t>
  </si>
  <si>
    <t>【阿特拉斯】O型圈\663212061\GA250</t>
  </si>
  <si>
    <t>【阿特拉斯】O型圈\663210732\GA250</t>
  </si>
  <si>
    <t>【阿特拉斯】空滤外壳\1613871900\G22</t>
  </si>
  <si>
    <t>【阿特拉斯】O型圈\663210963\GA250</t>
  </si>
  <si>
    <t>【阿特拉斯】电机\1092090513\GA132</t>
  </si>
  <si>
    <t>【阿特拉斯】电机\1092131551\GA110</t>
  </si>
  <si>
    <t>【阿特拉斯】电机\1092121021\GA90</t>
  </si>
  <si>
    <t>【阿特拉斯】电机配件\1614997104\GA132</t>
  </si>
  <si>
    <t>【阿特拉斯】电机配件\1614997118\GA132</t>
  </si>
  <si>
    <t>【阿特拉斯】电机配件\1092003023\GA132</t>
  </si>
  <si>
    <t>【阿特拉斯】堵头\1614914600\GA132</t>
  </si>
  <si>
    <t>【阿特拉斯】O型圈\663210701\GA132</t>
  </si>
  <si>
    <t>【阿特拉斯】防火开关\1089063716\GA132</t>
  </si>
  <si>
    <t>【阿特拉斯】分子筛\1624608149\GA132</t>
  </si>
  <si>
    <t>【阿特拉斯】风扇\1614928700\GA132</t>
  </si>
  <si>
    <t>【阿特拉斯】软管\574823126\GA132</t>
  </si>
  <si>
    <t>【阿特拉斯】O型圈\1504221591\GA250/W</t>
  </si>
  <si>
    <t>【阿特拉斯】O型圈\1504221581\GA250/W</t>
  </si>
  <si>
    <t>【阿特拉斯】O型圈\663210561\GA250/W</t>
  </si>
  <si>
    <t>【阿特拉斯】O型圈\663210623\GA250/W</t>
  </si>
  <si>
    <t>【阿特拉斯】O型圈\663210352\GA250/W</t>
  </si>
  <si>
    <t>【阿特拉斯】O型圈\663211174\GA250/W</t>
  </si>
  <si>
    <t>【阿特拉斯】O型圈\663211151\GA250/W</t>
  </si>
  <si>
    <t>【阿特拉斯】空压机大修备件包\2906018600\GA250/W</t>
  </si>
  <si>
    <t>【阿特拉斯】O型圈\663987200\GA250/W</t>
  </si>
  <si>
    <t>【阿特拉斯】O型圈\663211199\GA250/W</t>
  </si>
  <si>
    <t>【阿特拉斯】油管\1092003297\G355W</t>
  </si>
  <si>
    <t>【阿特拉斯】8000小时保养备件包\2901990064\G355W</t>
  </si>
  <si>
    <t>【阿特拉斯】油滤\3002600502\G22</t>
  </si>
  <si>
    <t>【阿特拉斯】空滤\1092200283\G22</t>
  </si>
  <si>
    <t>【阿特拉斯】过滤器保养备件包\1625005691\G22</t>
  </si>
  <si>
    <t>【阿特拉斯】最小压力阀保养备件包\1625005540\G22</t>
  </si>
  <si>
    <t>【阿特拉斯】O型圈\663210228\G22</t>
  </si>
  <si>
    <t>【阿特拉斯】O型圈\1901006164\G22</t>
  </si>
  <si>
    <t>【阿特拉斯】油分芯\1625005590\G22</t>
  </si>
  <si>
    <t>【阿特拉斯】转子\2989015401\G22</t>
  </si>
  <si>
    <t>【阿特拉斯】O型圈\663210759\G355W</t>
  </si>
  <si>
    <t>【阿特拉斯】O型圈\663314300\GA250</t>
  </si>
  <si>
    <t>【阿特拉斯】O型圈\663211180\GA250</t>
  </si>
  <si>
    <t>【阿特拉斯】O型圈\663211193\GA250</t>
  </si>
  <si>
    <t>【阿特拉斯】8000小时保养备件包\3002603100\G250</t>
  </si>
  <si>
    <t>【阿特拉斯】空油滤保养备件包\3002603090\G250</t>
  </si>
  <si>
    <t>【阿特拉斯】油分备件包\2906075300\G250</t>
  </si>
  <si>
    <t>【阿特拉斯】最小压力阀保养备件包\2906020100\G250</t>
  </si>
  <si>
    <t>【阿特拉斯】单向断油阀保养备件包\3001172100\G250</t>
  </si>
  <si>
    <t>【阿特拉斯】RXD空压机油\20L/桶\2901170100\G250</t>
  </si>
  <si>
    <t>【阿特拉斯】矿物油\20L/桶\1630091800\G250</t>
  </si>
  <si>
    <t>【阿特拉斯】转子\1616734592\G250</t>
  </si>
  <si>
    <t>【阿特拉斯】气管\1092003900\GA160</t>
  </si>
  <si>
    <t>【阿特拉斯】O型圈\1420050955\GA160</t>
  </si>
  <si>
    <t>【阿特拉斯】冷却风机风叶\1092005009\GA160</t>
  </si>
  <si>
    <t>【阿特拉斯】O型圈\663614200\GA160</t>
  </si>
  <si>
    <t>【阿特拉斯】O型圈\1901048206\GA160</t>
  </si>
  <si>
    <t>【阿特拉斯】O型圈\663210554\GA160</t>
  </si>
  <si>
    <t>【阿特拉斯】O型圈\663210431\GA250</t>
  </si>
  <si>
    <t>【阿特拉斯】O型圈\663210603\GA160</t>
  </si>
  <si>
    <t>【阿特拉斯】O型圈\663210690\GA160</t>
  </si>
  <si>
    <t>【阿特拉斯】O型圈\663210723\GA160</t>
  </si>
  <si>
    <t>【阿特拉斯】O型圈\663210843\GA160</t>
  </si>
  <si>
    <t>【阿特拉斯】O型圈\663617900\GA250/W</t>
  </si>
  <si>
    <t>【阿特拉斯】联轴器\2255019610\GA250/W</t>
  </si>
  <si>
    <t>【阿特拉斯】联轴器\2255019615\GA250/W</t>
  </si>
  <si>
    <t>【阿特拉斯】软管\1614976900\GA250/W</t>
  </si>
  <si>
    <t>【阿特拉斯】软管\1092001237\GA250/W</t>
  </si>
  <si>
    <t>【阿特拉斯】软管\1621491800\GA250/W</t>
  </si>
  <si>
    <t>【阿特拉斯】软管\1614953100\GA250/W</t>
  </si>
  <si>
    <t>【阿特拉斯】软管\1614944800\GA250/W</t>
  </si>
  <si>
    <t>【阿特拉斯】软管\1614951200\GA250/W</t>
  </si>
  <si>
    <t>【阿特拉斯】滤芯\1629054716\DD780F</t>
  </si>
  <si>
    <t>【阿特拉斯】滤芯\1629053716\PD780F</t>
  </si>
  <si>
    <t>【阿特拉斯】电磁阀\1089062120\G355W</t>
  </si>
  <si>
    <t>【阿特拉斯】O型圈\663210476\G22</t>
  </si>
  <si>
    <t>【阿特拉斯】皮带\1092200128\G22</t>
  </si>
  <si>
    <t>【阿特拉斯】软管\574823532\GA132</t>
  </si>
  <si>
    <t>【阿特拉斯】软管\574884543\GA132</t>
  </si>
  <si>
    <t>【阿特拉斯】O型圈\1420051018\GA132</t>
  </si>
  <si>
    <t>【阿特拉斯】软管\1091600600\GA132</t>
  </si>
  <si>
    <t>【阿特拉斯】O型圈\1420050954\GA132</t>
  </si>
  <si>
    <t>【阿特拉斯】软管\1613956600\GA132</t>
  </si>
  <si>
    <t>【阿特拉斯】软管\574823537\GA132</t>
  </si>
  <si>
    <t>【阿特拉斯】软管\574823545\GA132</t>
  </si>
  <si>
    <t>【阿特拉斯】O型圈\663210848\GA132</t>
  </si>
  <si>
    <t>【阿特拉斯】润滑油\20L/桶\3003100220\GA132</t>
  </si>
  <si>
    <t>【阿特拉斯】润滑脂\3003202468\GA132</t>
  </si>
  <si>
    <t>【阿特拉斯】温度传感器\3003600768\GA132</t>
  </si>
  <si>
    <t>【阿特拉斯】温度开关\3003600868\GA132</t>
  </si>
  <si>
    <t>【阿特拉斯】O型圈\663210867\GA132</t>
  </si>
  <si>
    <t>【阿特拉斯】O型圈\1621509983\GA132</t>
  </si>
  <si>
    <t>【阿特拉斯】卸荷阀保养备件包\2901044800\GA132</t>
  </si>
  <si>
    <t>【阿特拉斯】O型圈\663211659\GA132</t>
  </si>
  <si>
    <t>【阿特拉斯】氧化铝\3-5mm/25kg/袋\1624608146\GA132</t>
  </si>
  <si>
    <t>【阿特拉斯】氧化铝\4-6mm/25kg/袋\3003000069\GA132</t>
  </si>
  <si>
    <t>【阿特拉斯】O型圈\663210761\GA132</t>
  </si>
  <si>
    <t>【阿特拉斯】O型圈\663210437\GA132</t>
  </si>
  <si>
    <t>【阿特拉斯】油分\2906056400\GA132</t>
  </si>
  <si>
    <t>【阿特拉斯】软管组件\2906057100\G250/W、GA250/W</t>
  </si>
  <si>
    <t>【阿特拉斯】O型圈\2806634062\G250/W、GA250/W</t>
  </si>
  <si>
    <t>【阿特拉斯】O型圈\1625167000\G250/W、GA250/W</t>
  </si>
  <si>
    <t>【阿特拉斯】O型圈\663211204\G250/W、GA250/W</t>
  </si>
  <si>
    <t>【阿特拉斯】O型圈\663211324\G250/W、GA250/W</t>
  </si>
  <si>
    <t>【阿特拉斯】O型圈\663210289\G250/W、GA250/W</t>
  </si>
  <si>
    <t>【阿特拉斯】O型圈\663210149\G250/W、GA250/W</t>
  </si>
  <si>
    <t>【阿特拉斯】过渡阀保养备件包\3002604470\G250/W、GA250/W</t>
  </si>
  <si>
    <t>【阿特拉斯】O型圈\1901003461\G250/W</t>
  </si>
  <si>
    <t>【阿特拉斯】O型圈\3003411768\G250/W</t>
  </si>
  <si>
    <t>【阿特拉斯】O型圈\663210403\G250/W</t>
  </si>
  <si>
    <t>【阿特拉斯】过滤器保养备件包\2901086501\G5</t>
  </si>
  <si>
    <t>【阿特拉斯】O型圈\1901002335\G5</t>
  </si>
  <si>
    <t>【阿特拉斯】O型圈\663210478\G5</t>
  </si>
  <si>
    <t>【阿特拉斯】O型圈\663210546\G5</t>
  </si>
  <si>
    <t>【阿特拉斯】O型圈\663211694\G5</t>
  </si>
  <si>
    <t>【阿特拉斯】O型圈\663210474\G5</t>
  </si>
  <si>
    <t>【阿特拉斯】O型圈\663210724\GA250</t>
  </si>
  <si>
    <t>【阿特拉斯】O型圈\3003421280\GA250</t>
  </si>
  <si>
    <t>【阿特拉斯】放空阀总成\1622369480\GA250</t>
  </si>
  <si>
    <t>【阿特拉斯】O型圈\1625390801\GA250</t>
  </si>
  <si>
    <t>【阿特拉斯】密封条\1619614300\GA250</t>
  </si>
  <si>
    <t>【阿特拉斯】O型圈\663614400\GA250</t>
  </si>
  <si>
    <t>【阿特拉斯】O型圈\663210975\GA250</t>
  </si>
  <si>
    <t>【阿特拉斯】密封条\661100027\GA250</t>
  </si>
  <si>
    <t>【阿特拉斯】O型圈\663210812\GA250</t>
  </si>
  <si>
    <t>【阿特拉斯】O型圈\663615400\GA250</t>
  </si>
  <si>
    <t>【阿特拉斯】O型圈\663210928\GA250</t>
  </si>
  <si>
    <t>【阿特拉斯】梅花垫\1623037800\G110</t>
  </si>
  <si>
    <t>【阿特拉斯】机头侧靠背轮\1623037700\G110</t>
  </si>
  <si>
    <t>【阿特拉斯】电机侧靠背轮\1623037901\G110</t>
  </si>
  <si>
    <t>【阿特拉斯】O型圈\663210792\G110</t>
  </si>
  <si>
    <t>【阿特拉斯】液位计\1614918400\G110</t>
  </si>
  <si>
    <t>【阿特拉斯】8000小时保养备件包\2906057500\GA132</t>
  </si>
  <si>
    <t>【阿特拉斯】空滤油滤保养备件包\2906009200\GA132</t>
  </si>
  <si>
    <t>【阿特拉斯】单向阀保养备件包\2906009300\GA132</t>
  </si>
  <si>
    <t>【阿特拉斯】断油阀保养备件包\2906009400\GA132</t>
  </si>
  <si>
    <t>【阿特拉斯】最小压力阀保养备件包\2906009500\GA132</t>
  </si>
  <si>
    <t>【阿特拉斯】卸荷阀保养备件包\2906056300\GA132</t>
  </si>
  <si>
    <t>【阿特拉斯】O型圈\663211410\GA250</t>
  </si>
  <si>
    <t>【阿特拉斯】密封垫\650010064\GA250</t>
  </si>
  <si>
    <t>【阿特拉斯】安全阀\1092001919\G22</t>
  </si>
  <si>
    <t>【阿特拉斯】O型圈\1420050460\G22</t>
  </si>
  <si>
    <t>【阿特拉斯】电机\1092200004\G22</t>
  </si>
  <si>
    <t>【阿特拉斯】油坦克减震块\1604013400\G22</t>
  </si>
  <si>
    <t>【阿特拉斯】冷却器回油管\574800127\G22</t>
  </si>
  <si>
    <t>【阿特拉斯】冷却器进油管\574800124\G22</t>
  </si>
  <si>
    <t>【阿特拉斯】压力传感器\1089057554\G22</t>
  </si>
  <si>
    <t>【阿特拉斯】油冷却器\1614866108\GA132</t>
  </si>
  <si>
    <t>【阿特拉斯】转子安装备件包\2906097200\G250</t>
  </si>
  <si>
    <t>【阿特拉斯】空压机齿轮箱大修备件包\2906097000\G250</t>
  </si>
  <si>
    <t>【阿特拉斯】O型圈\1901020941\G250</t>
  </si>
  <si>
    <t>【阿特拉斯】O型圈\663210838\G250</t>
  </si>
  <si>
    <t>【阿特拉斯】O型圈\1627418010\G250</t>
  </si>
  <si>
    <t>【阿特拉斯】活塞\1635408300\G250</t>
  </si>
  <si>
    <t>【阿特拉斯】O型圈\663210973\G250</t>
  </si>
  <si>
    <t>【阿特拉斯】密封条\1320407013\G250</t>
  </si>
  <si>
    <t>【阿特拉斯】O型圈\663211446\G250</t>
  </si>
  <si>
    <t>【阿特拉斯】管道软连接保养备件包\2906059100\G250</t>
  </si>
  <si>
    <t>【阿特拉斯】冷却器保养备件包\水冷\3002603130\G250</t>
  </si>
  <si>
    <t>【阿特拉斯】O型圈\663211549\GA250</t>
  </si>
  <si>
    <t>【阿特拉斯】O型圈\663211416\GA250</t>
  </si>
  <si>
    <t>【阿特拉斯】O型圈\663210325\GA250</t>
  </si>
  <si>
    <t>【阿特拉斯】O型圈\663210884\GA160</t>
  </si>
  <si>
    <t>【阿特拉斯】O型圈\663211158\GA160</t>
  </si>
  <si>
    <t>【阿特拉斯】O型圈\663210954\GA160</t>
  </si>
  <si>
    <t>【阿特拉斯】O型圈\663714700\GA160</t>
  </si>
  <si>
    <t>【阿特拉斯】O型圈\663210815\GA160</t>
  </si>
  <si>
    <t>【阿特拉斯】O型圈\663210100\GA160</t>
  </si>
  <si>
    <t>【阿特拉斯】O型圈\663210763\GA160</t>
  </si>
  <si>
    <t>【阿特拉斯】轴封\1616574200\GA160</t>
  </si>
  <si>
    <t>【阿特拉斯】安全阀\1617224800\GA160</t>
  </si>
  <si>
    <t>【阿特拉斯】O型圈\663210613\GA160</t>
  </si>
  <si>
    <t>【阿特拉斯】O型圈\1420050729\GA160</t>
  </si>
  <si>
    <t>【阿特拉斯】加热桶\830101010\AD630</t>
  </si>
  <si>
    <t>【阿特拉斯】O型圈\663211166\AD630</t>
  </si>
  <si>
    <t>【阿特拉斯】O型圈\663210756\AD630</t>
  </si>
  <si>
    <t>【阿特拉斯】O型圈\1089962512\AD630</t>
  </si>
  <si>
    <t>【阿特拉斯】切换阀\1624825101\AD630</t>
  </si>
  <si>
    <t>【阿特拉斯】切换阀\1617907480\AD630</t>
  </si>
  <si>
    <t>【阿特拉斯】指示表\872100064\AD630</t>
  </si>
  <si>
    <t>【阿特拉斯】O型圈\663210024\AD630</t>
  </si>
  <si>
    <t>【阿特拉斯】三位四通气动阀\9093003271\AD630</t>
  </si>
  <si>
    <t>【阿特拉斯】二位三通控制阀\8204094109\AD630</t>
  </si>
  <si>
    <t>【阿特拉斯】控制PC软管\1/4\70600243\AD630</t>
  </si>
  <si>
    <t>【阿特拉斯】8000小时保养备件包\3002600177\G22</t>
  </si>
  <si>
    <t>【阿特拉斯】O型圈\663210513\GX4</t>
  </si>
  <si>
    <t>【阿特拉斯】空滤\1622065800\GX4</t>
  </si>
  <si>
    <t>【阿特拉斯】过滤器保养备件包\2901141600\GX4</t>
  </si>
  <si>
    <t>【阿特拉斯】油分芯\2903062301\GX4</t>
  </si>
  <si>
    <t>【阿特拉斯】转子\1616710390\GX4</t>
  </si>
  <si>
    <t>【阿特拉斯】温控阀\2901109500\GX4</t>
  </si>
  <si>
    <t>【阿特拉斯】皮带\367010057\GX4</t>
  </si>
  <si>
    <t>【阿特拉斯】电磁阀\2200599770\GX4</t>
  </si>
  <si>
    <t>【阿特拉斯】安全阀\1092001960\GX4</t>
  </si>
  <si>
    <t>【阿特拉斯】O型圈\1420050509\GX4</t>
  </si>
  <si>
    <t>【阿特拉斯】密封条\661100062\G250</t>
  </si>
  <si>
    <t>【阿特拉斯】电机\1092111223\G250</t>
  </si>
  <si>
    <t>【阿特拉斯】O型圈\663210742\GA250</t>
  </si>
  <si>
    <t>【阿特拉斯】O型圈\663210326\GA250</t>
  </si>
  <si>
    <t>【阿特拉斯】O型圈\663210321\GA250</t>
  </si>
  <si>
    <t>【阿特拉斯】低压回油管总成\1614963600\GA250</t>
  </si>
  <si>
    <t>【阿特拉斯】O型圈\1503297700\GA250</t>
  </si>
  <si>
    <t>【阿特拉斯】油管\575012147\GA250</t>
  </si>
  <si>
    <t>【阿特拉斯】O型圈\663715100\GA250</t>
  </si>
  <si>
    <t>【阿特拉斯】密封垫\300027603\GA250</t>
  </si>
  <si>
    <t>【阿特拉斯】弹簧\1622566200\GA250</t>
  </si>
  <si>
    <t>【阿特拉斯】O型圈\1291000862\GA132</t>
  </si>
  <si>
    <t>【阿特拉斯】O型圈\2204132102\GA132</t>
  </si>
  <si>
    <t>【阿特拉斯】回油管\574800278\GA132</t>
  </si>
  <si>
    <t>【阿特拉斯】回油管\1091604200\GA132</t>
  </si>
  <si>
    <t>【阿特拉斯】机头\1616740990\GA90</t>
  </si>
  <si>
    <t>【阿特拉斯】机头\2989016300\GA110</t>
  </si>
  <si>
    <t>【阿特拉斯】O型圈\800001472\GA132</t>
  </si>
  <si>
    <t>【阿特拉斯】积碳清洗剂\3002604190\GA132</t>
  </si>
  <si>
    <t>【阿特拉斯】线束\1604701000\GA132</t>
  </si>
  <si>
    <t>【阿特拉斯】接头\1079584019\GA132</t>
  </si>
  <si>
    <t>【阿特拉斯】卡箍\347612100\GA132</t>
  </si>
  <si>
    <t>【阿特拉斯】油分\2901085800\GA132</t>
  </si>
  <si>
    <t>【阿特拉斯】油分\3003101468\GA132</t>
  </si>
  <si>
    <t>【阿特拉斯】密封垫\663210781\GA132</t>
  </si>
  <si>
    <t>【阿特拉斯】油冷短接\1621913800\GA132</t>
  </si>
  <si>
    <t>【阿特拉斯】O型圈\663312400\GA132</t>
  </si>
  <si>
    <t>【阿特拉斯】油滤\1621737890\GA132</t>
  </si>
  <si>
    <t>【阿特拉斯】油滤\1613610590\GA132</t>
  </si>
  <si>
    <t>【阿特拉斯】油滤\3003201268\GA132</t>
  </si>
  <si>
    <t>【阿特拉斯】轴封\3003407668\GA132</t>
  </si>
  <si>
    <t>【阿特拉斯】轴套\3003408568\GA132</t>
  </si>
  <si>
    <t>【阿特拉斯】主机安装备件包\2906020800\GA132</t>
  </si>
  <si>
    <t>【阿特拉斯】主机轴承\3003800168\GA132</t>
  </si>
  <si>
    <t>【阿特拉斯】主机轴承\3003800868\GA132</t>
  </si>
  <si>
    <t>【阿特拉斯】主机轴承\3003800968\GA132</t>
  </si>
  <si>
    <t>【阿特拉斯】主机轴承\3003801068\GA132</t>
  </si>
  <si>
    <t>【阿特拉斯】转换接头\2236026400\GA132</t>
  </si>
  <si>
    <t>【阿特拉斯】组合阀保养备件包\2901108401\GA132</t>
  </si>
  <si>
    <t>【阿特拉斯】O型圈\1621510083\GA132</t>
  </si>
  <si>
    <t>【阿特拉斯】油滤\1614727399\GA250</t>
  </si>
  <si>
    <t>【阿特拉斯】空滤\1621510700\GA250</t>
  </si>
  <si>
    <t>【阿特拉斯】过滤器保养备件包\2906090200\GA250</t>
  </si>
  <si>
    <t>【阿特拉斯】O型圈\663210622\GA250</t>
  </si>
  <si>
    <t>【阿特拉斯】O型圈\663210905\G250/W</t>
  </si>
  <si>
    <t>【阿特拉斯】O型圈\663211116\G250/W</t>
  </si>
  <si>
    <t>【阿特拉斯】油滤到断油阀软管\1623454200\G250/W</t>
  </si>
  <si>
    <t>【阿特拉斯】O型圈\663717700\G250/W</t>
  </si>
  <si>
    <t>【阿特拉斯】冷却器到油滤软管\1092112503\G250/W</t>
  </si>
  <si>
    <t>【阿特拉斯】O型圈\663210727\G250/W、GA250/W</t>
  </si>
  <si>
    <t>【阿特拉斯】O型圈\663210726\G250/W、GA250/W</t>
  </si>
  <si>
    <t>【阿特拉斯】O型圈\663930700\G250/W、GA250/W</t>
  </si>
  <si>
    <t>【阿特拉斯】分油器吸管总成\1614952500\G250/W、GA250/W</t>
  </si>
  <si>
    <t>【阿特拉斯】O型圈\663210728\G250/W、GA250/W</t>
  </si>
  <si>
    <t>【阿特拉斯】O型圈\1901003580\G250/W、GA250/W</t>
  </si>
  <si>
    <t>【阿特拉斯】O型圈\1627418000\G355W</t>
  </si>
  <si>
    <t>【阿特拉斯】风扇电机\1092114241\G250</t>
  </si>
  <si>
    <t>【阿特拉斯】油压传感器\1089962513\G250</t>
  </si>
  <si>
    <t>【阿特拉斯】出口压差传感器\1089962518\G250</t>
  </si>
  <si>
    <t>【阿特拉斯】联轴器\1635328900\G250</t>
  </si>
  <si>
    <t>【阿特拉斯】安全阀\1092000175\G250</t>
  </si>
  <si>
    <t>【阿特拉斯】密封条\1623172500\G250</t>
  </si>
  <si>
    <t>【阿特拉斯】齿轮箱传动齿轮\1092110408\G250</t>
  </si>
  <si>
    <t>【阿特拉斯】齿轮箱传动齿轮\1092110407\G250</t>
  </si>
  <si>
    <t>【阿特拉斯】齿轮箱传动齿轮\1092110410\G250</t>
  </si>
  <si>
    <t>【阿特拉斯】O型圈\663210778\GA250</t>
  </si>
  <si>
    <t>【阿特拉斯】O型圈\663210758\GA250</t>
  </si>
  <si>
    <t>【阿特拉斯】O型圈\663210177\GA250</t>
  </si>
  <si>
    <t>【阿特拉斯】空压机齿轮箱大修备件包\2906059000\GA250</t>
  </si>
  <si>
    <t>【阿特拉斯】O型圈\663210739\GA250</t>
  </si>
  <si>
    <t>【阿特拉斯】O型圈\663211173\GA250</t>
  </si>
  <si>
    <t>【阿特拉斯】O型圈\1625181925\GA250</t>
  </si>
  <si>
    <t>【阿特拉斯】空压机卸荷阀阀座\1614900802\GA250</t>
  </si>
  <si>
    <t>【阿特拉斯】最小压力阀衬套\1635408400\GA250</t>
  </si>
  <si>
    <t>【阿特拉斯】密封垫\1622318300\GA250</t>
  </si>
  <si>
    <t>【阿特拉斯】O型圈\1625390802\GA250</t>
  </si>
  <si>
    <t>【阿特拉斯】油冷却器\1614936500\GA132</t>
  </si>
  <si>
    <t>【阿特拉斯】转子\1616725691\GA132</t>
  </si>
  <si>
    <t>【阿特拉斯】导流罩\1614942800\GA132</t>
  </si>
  <si>
    <t>【阿特拉斯】油管\1614913700\GA132</t>
  </si>
  <si>
    <t>【阿特拉斯】8000小时保养备件包\2906039800\ZR250</t>
  </si>
  <si>
    <t>【阿特拉斯】冷却器保养备件包\2906073400\ZR250</t>
  </si>
  <si>
    <t>【阿特拉斯】润滑油\ROTOFluid/20L/桶\2908850101\ZR250/ZR400</t>
  </si>
  <si>
    <t>【阿特拉斯】O型圈\663210178\GA250</t>
  </si>
  <si>
    <t>【阿特拉斯】从动齿轮\1614930000\GA160</t>
  </si>
  <si>
    <t>【阿特拉斯】油冷\1614918900\GA160</t>
  </si>
  <si>
    <t>【阿特拉斯】O型圈\663613600\GA160</t>
  </si>
  <si>
    <t>【阿特拉斯】O型圈\663213200\GA160</t>
  </si>
  <si>
    <t>【阿特拉斯】压差传感器\1089057520\GA160</t>
  </si>
  <si>
    <t>【阿特拉斯】O型圈\661100042\GA160</t>
  </si>
  <si>
    <t>【阿特拉斯】O型圈\663211386\GA160</t>
  </si>
  <si>
    <t>【阿特拉斯】O型圈\663210197\GA160</t>
  </si>
  <si>
    <t>【阿特拉斯】接触器\1092002163\GA160</t>
  </si>
  <si>
    <t>【阿特拉斯】O型圈\663919100\GA250</t>
  </si>
  <si>
    <t>【阿特拉斯】O型圈\1625102457\GA250</t>
  </si>
  <si>
    <t>【阿特拉斯】消音器\1617616405\AD630</t>
  </si>
  <si>
    <t>【阿特拉斯】O型圈\663210969\GA250</t>
  </si>
  <si>
    <t>【阿特拉斯】氧化铝\4-6mm/25kg/袋\3003000369\AD630</t>
  </si>
  <si>
    <t>【阿特拉斯】氧化铝\3-5mm/25kg/袋\3003000269\AD630</t>
  </si>
  <si>
    <t>【阿特拉斯】氧化铝\6-8mm/25kg/袋\3003000469\AD630</t>
  </si>
  <si>
    <t>【阿特拉斯】O型圈\2205160209\G11P</t>
  </si>
  <si>
    <t>【阿特拉斯】空滤油滤保养备件包\3002600640\G11P</t>
  </si>
  <si>
    <t>【阿特拉斯】油分保养备件包\2202929450\G11P</t>
  </si>
  <si>
    <t>【阿特拉斯】转子安装备件包\2901350100\G11P</t>
  </si>
  <si>
    <t>【阿特拉斯】卸荷阀保养备件包\2200900961\G11P</t>
  </si>
  <si>
    <t>【阿特拉斯】O型圈\663210472\G11P</t>
  </si>
  <si>
    <t>【阿特拉斯】电机\1091631954\GX4</t>
  </si>
  <si>
    <t>【阿特拉斯】冷却器回油管\2202260835\GX4</t>
  </si>
  <si>
    <t>【阿特拉斯】冷却器进油管\2202260837\GX4</t>
  </si>
  <si>
    <t>【阿特拉斯】压力开关\2200600682\GX4</t>
  </si>
  <si>
    <t>【阿特拉斯】温度开关\2202742100\GX4</t>
  </si>
  <si>
    <t>【阿特拉斯】O型圈\663983200\GA132</t>
  </si>
  <si>
    <t>【阿特拉斯】O型圈\1901008511\GA132</t>
  </si>
  <si>
    <t>【阿特拉斯】联轴器\1619531801\GA132</t>
  </si>
  <si>
    <t>【阿特拉斯】O型圈\663211205\GA250</t>
  </si>
  <si>
    <t>【阿特拉斯】O型圈\1625390805\GA250</t>
  </si>
  <si>
    <t>【阿特拉斯】O型圈\663210823\GA250</t>
  </si>
  <si>
    <t>【阿特拉斯】齿轮箱传动齿轮\1092110409\G250</t>
  </si>
  <si>
    <t>【阿特拉斯】齿轮箱传动齿轮\1092110412\G250</t>
  </si>
  <si>
    <t>【阿特拉斯】O型圈\1625390804\G355W</t>
  </si>
  <si>
    <t>【阿特拉斯】过滤器保养备件包\1320310404\G355W</t>
  </si>
  <si>
    <t>【阿特拉斯】单向阀保养备件包\3001501006\G355W</t>
  </si>
  <si>
    <t>【阿特拉斯】O型圈\1291000835\G355W</t>
  </si>
  <si>
    <t>【阿特拉斯】O型圈\663210745\G355W</t>
  </si>
  <si>
    <t>【阿特拉斯】O型圈\663211208\G355W</t>
  </si>
  <si>
    <t>【阿特拉斯】油分保养备件包\3001501005\G355W</t>
  </si>
  <si>
    <t>【阿特拉斯】油分芯\1092003018\G355W</t>
  </si>
  <si>
    <t>【阿特拉斯】冷却器保养备件包\3002603040\G355W</t>
  </si>
  <si>
    <t>【阿特拉斯】O型圈\663211685\G355W</t>
  </si>
  <si>
    <t>【阿特拉斯】垫片\1614727900\GA250</t>
  </si>
  <si>
    <t>【阿特拉斯】膜片\1901000254\GA250</t>
  </si>
  <si>
    <t>【阿特拉斯】O型圈\1092014700\GA250</t>
  </si>
  <si>
    <t>【阿特拉斯】O型圈\663211146\GA250</t>
  </si>
  <si>
    <t>【阿特拉斯】O型圈\663210658\GA250</t>
  </si>
  <si>
    <t>【阿特拉斯】衬套\1622369000\GA250</t>
  </si>
  <si>
    <t>【阿特拉斯】油管\574823131\GA250</t>
  </si>
  <si>
    <t>【阿特拉斯】O型圈\663210319\GA250</t>
  </si>
  <si>
    <t>【阿特拉斯】O型圈\663210226\GA250</t>
  </si>
  <si>
    <t>【阿特拉斯】O型圈\663210894\GA250</t>
  </si>
  <si>
    <t>【阿特拉斯】O型圈\663211035\GA250</t>
  </si>
  <si>
    <t>【阿特拉斯】油分保养备件包\2906056500\GA132</t>
  </si>
  <si>
    <t>【阿特拉斯】软管连接保养备件包\2906057200\GA132</t>
  </si>
  <si>
    <t>【阿特拉斯】温度传感器\1089057470\GA132</t>
  </si>
  <si>
    <t>【阿特拉斯】压差传感器\1089962501\GA132</t>
  </si>
  <si>
    <t>【阿特拉斯】加卸载电磁阀\1635292500\GA132</t>
  </si>
  <si>
    <t>【阿特拉斯】转子安装备件包\2906021900\GA132</t>
  </si>
  <si>
    <t>【阿特拉斯】空压机齿轮箱大修备件包\2906056900\GA132</t>
  </si>
  <si>
    <t>【阿特拉斯】O型圈\663211658\GA132</t>
  </si>
  <si>
    <t>【阿特拉斯】联轴器\1614873800\GA132</t>
  </si>
  <si>
    <t>【阿特拉斯】冷却器\1614958400\GA132</t>
  </si>
  <si>
    <t>【阿特拉斯】O型圈\1420051086\GA132</t>
  </si>
  <si>
    <t>【阿特拉斯】O型圈\1504221574\GA250</t>
  </si>
  <si>
    <t>【阿特拉斯】电磁阀\1089062110\GA250</t>
  </si>
  <si>
    <t>【阿特拉斯】O型圈\1627418012\GA160</t>
  </si>
  <si>
    <t>【阿特拉斯】O型圈\1901077505\GA160</t>
  </si>
  <si>
    <t>【阿特拉斯】O型圈\663210833\GA160</t>
  </si>
  <si>
    <t>【阿特拉斯】O型圈\1291000861\GA160</t>
  </si>
  <si>
    <t>【阿特拉斯】油分保养备件包\3001500625\GA160</t>
  </si>
  <si>
    <t>【阿特拉斯】O型圈\1291000834\GA160</t>
  </si>
  <si>
    <t>【阿特拉斯】O型圈\1291000908\GA160</t>
  </si>
  <si>
    <t>【阿特拉斯】卸荷阀保养备件包\2906095800\GA160</t>
  </si>
  <si>
    <t>【阿特拉斯】连接件保养备件包\3001500623\GA160</t>
  </si>
  <si>
    <t>【阿特拉斯】O型圈\1901003540\GA110</t>
  </si>
  <si>
    <t>【阿特拉斯】O型圈\1901003567\GA110</t>
  </si>
  <si>
    <t>【阿特拉斯】靠背轮\2254735707\GA132</t>
  </si>
  <si>
    <t>【阿特拉斯】靠背轮\2254735701\GA132</t>
  </si>
  <si>
    <t>【阿特拉斯】空滤\1613950300\GA132</t>
  </si>
  <si>
    <t>【阿特拉斯】空滤\1630040899\GA132</t>
  </si>
  <si>
    <t>【阿特拉斯】O型圈\1901077503\GA132</t>
  </si>
  <si>
    <t>【阿特拉斯】空滤滤芯\3003001368\GA132</t>
  </si>
  <si>
    <t>【阿特拉斯】O型圈\663211160\GA132</t>
  </si>
  <si>
    <t>【阿特拉斯】控制器\1900071032\GA90</t>
  </si>
  <si>
    <t>【阿特拉斯】O型圈\663210548\GA132</t>
  </si>
  <si>
    <t>【阿特拉斯】O型圈\663210707\GA250</t>
  </si>
  <si>
    <t>【阿特拉斯】O型圈\663210814\GA250</t>
  </si>
  <si>
    <t>【阿特拉斯】O型圈\663210876\GA250</t>
  </si>
  <si>
    <t>【阿特拉斯】油分保养备件包\2906058800\GA250</t>
  </si>
  <si>
    <t>【阿特拉斯】齿轮箱传动齿轮\1092110411\G250</t>
  </si>
  <si>
    <t>【阿特拉斯】液晶显示板\2907012100\G250</t>
  </si>
  <si>
    <t>【阿特拉斯】控制器\1900071292\G250</t>
  </si>
  <si>
    <t>【阿特拉斯】加卸载电磁阀\1089062104\G250</t>
  </si>
  <si>
    <t>【阿特拉斯】高压转子改造备件\2906061900\ZR250</t>
  </si>
  <si>
    <t>【阿特拉斯】O型圈\663614300\GA250</t>
  </si>
  <si>
    <t>【阿特拉斯】O型圈\663210102\GA250</t>
  </si>
  <si>
    <t>【阿特拉斯】O型圈\1625390807\GA250</t>
  </si>
  <si>
    <t>【阿特拉斯】油分芯\1614952199\GA250</t>
  </si>
  <si>
    <t>【阿特拉斯】O型圈\663211200\GA250</t>
  </si>
  <si>
    <t>【阿特拉斯】O型圈\663210912\GA250</t>
  </si>
  <si>
    <t>【阿特拉斯】O型圈\663313400\GA250</t>
  </si>
  <si>
    <t>【阿特拉斯】O型圈\663211550\GA250</t>
  </si>
  <si>
    <t>【阿特拉斯】O型圈\663210609\GA250</t>
  </si>
  <si>
    <t>【阿特拉斯】O型圈\1625102462\GA250</t>
  </si>
  <si>
    <t>【阿特拉斯】联轴器\1614873900\GA250</t>
  </si>
  <si>
    <t>【阿特拉斯】滤芯\1613937893\GA250</t>
  </si>
  <si>
    <t>【阿特拉斯】O型圈\663210001\GA250</t>
  </si>
  <si>
    <t>【阿特拉斯】O型圈\1625102460\GA250</t>
  </si>
  <si>
    <t>【阿特拉斯】O型圈\663211945\GA250</t>
  </si>
  <si>
    <t>【阿特拉斯】O型圈\663987300\GA250</t>
  </si>
  <si>
    <t>【阿特拉斯】积碳清洗剂\3003904168\GA250</t>
  </si>
  <si>
    <t>【阿特拉斯】电机\1091604000\GA250</t>
  </si>
  <si>
    <t>【阿特拉斯】油坦克减震块\1614954100\GA250</t>
  </si>
  <si>
    <t>【阿特拉斯】加卸载软管\574991715\GA250</t>
  </si>
  <si>
    <t>【阿特拉斯】O型圈\1627418017\GA250</t>
  </si>
  <si>
    <t>【阿特拉斯】机组减震垫\1612558400\G250/W、GA250/W</t>
  </si>
  <si>
    <t>【阿特拉斯】O型圈\663211407\G250/W、GA250/W</t>
  </si>
  <si>
    <t>【阿特拉斯】齿轮箱\1616551400\G250/W、GA250/W</t>
  </si>
  <si>
    <t>【阿特拉斯】O型圈\663210774\G250/W、GA250/W</t>
  </si>
  <si>
    <t>【阿特拉斯】主电机\1614679500\G250/W、GA250/W</t>
  </si>
  <si>
    <t>【阿特拉斯】齿轮\1614968200\G250/W、GA250/W</t>
  </si>
  <si>
    <t>【阿特拉斯】安全阀\830100819\G250/W、GA250/W</t>
  </si>
  <si>
    <t>【阿特拉斯】隔热层\1604378601\GA250</t>
  </si>
  <si>
    <t>【阿特拉斯】后冷却器密封圈\663210331\GA250</t>
  </si>
  <si>
    <t>【阿特拉斯】油冷却器密封圈\1617510100\GA250</t>
  </si>
  <si>
    <t>【阿特拉斯】密封垫\2906057800\GA250</t>
  </si>
  <si>
    <t>【阿特拉斯】轴承\508115801\GA250</t>
  </si>
  <si>
    <t>【阿特拉斯】CAN数据线\995521042\GA250</t>
  </si>
  <si>
    <t>【阿特拉斯】O型圈\663210929\GA250</t>
  </si>
  <si>
    <t>【阿特拉斯】O型圈\663210943\GA250</t>
  </si>
  <si>
    <t>【阿特拉斯】O型圈\663211423\GA250</t>
  </si>
  <si>
    <t>【阿特拉斯】O型圈\653104600\GA250</t>
  </si>
  <si>
    <t>【阿特拉斯】O型圈\663210612\GA250</t>
  </si>
  <si>
    <t>【阿特拉斯】油管\574884153\GA250</t>
  </si>
  <si>
    <t>【阿特拉斯】O型圈\663210700\GA250</t>
  </si>
  <si>
    <t>【阿特拉斯】压缩机转子\1616747281\ZR250</t>
  </si>
  <si>
    <t>【阿特拉斯】低压转子\1616590482\ZR250</t>
  </si>
  <si>
    <t>【阿特拉斯】冷却器芯\1621700308\ZR250</t>
  </si>
  <si>
    <t>【阿特拉斯】密封环\1621315600\ZR250</t>
  </si>
  <si>
    <t>【阿特拉斯】冷却器芯\1621700208\ZR250</t>
  </si>
  <si>
    <t>【阿特拉斯】密封环\1621315700\ZR250</t>
  </si>
  <si>
    <t>【阿特拉斯】16000小时保养备件包\2906039900\ZR250</t>
  </si>
  <si>
    <t>【阿特拉斯】空油滤保养备件包\2906039300\ZR250</t>
  </si>
  <si>
    <t>【阿特拉斯】单向阀保养备件包\2906039000\ZR250</t>
  </si>
  <si>
    <t>【阿特拉斯】联轴胶\1619646704\ZR250</t>
  </si>
  <si>
    <t>【阿特拉斯】O型圈\663210185\GA160</t>
  </si>
  <si>
    <t>【阿特拉斯】O型圈\663211445\GA160</t>
  </si>
  <si>
    <t>【阿特拉斯】油管\575036118\GA160</t>
  </si>
  <si>
    <t>【阿特拉斯】O型圈\1504221575\GA160</t>
  </si>
  <si>
    <t>【阿特拉斯】O型圈\1420051017\GA160</t>
  </si>
  <si>
    <t>【阿特拉斯】O型圈\1627418048\GA250</t>
  </si>
  <si>
    <t>【阿特拉斯】O型圈\663210965\GA160</t>
  </si>
  <si>
    <t>【阿特拉斯】4000小时保养备件包\2906057300\GA160</t>
  </si>
  <si>
    <t>【阿特拉斯】O型圈\663210816\GA250</t>
  </si>
  <si>
    <t>【阿特拉斯】O型圈\1901057044\GA250</t>
  </si>
  <si>
    <t>【阿特拉斯】过滤器保养备件包\2906020000\GA250</t>
  </si>
  <si>
    <t>【阿特拉斯】8000小时保养备件包\3002600660\G11P</t>
  </si>
  <si>
    <t>【阿特拉斯】转子\1616753580\G11P</t>
  </si>
  <si>
    <t>【阿特拉斯】传动轮电机\1092200421\G11P</t>
  </si>
  <si>
    <t>【阿特拉斯】传动轮转子\1092200403\G11P</t>
  </si>
  <si>
    <t>【阿特拉斯】传动带\1092200133\G11P</t>
  </si>
  <si>
    <t>【阿特拉斯】温度传感器\1614928200\GA250</t>
  </si>
  <si>
    <t>【阿特拉斯】压力传感器\1089049235\G11P</t>
  </si>
  <si>
    <t>【阿特拉斯】O型圈\663211220\G11P</t>
  </si>
  <si>
    <t>【阿特拉斯】进气管\1092900879\G11P</t>
  </si>
  <si>
    <t>【阿特拉斯】软管\1092901316\G11P</t>
  </si>
  <si>
    <t>【阿特拉斯】软管\1092900855\G11P</t>
  </si>
  <si>
    <t>【阿特拉斯】O型圈\663211117\GA250</t>
  </si>
  <si>
    <t>【阿特拉斯】密封条\1621853000\GA250</t>
  </si>
  <si>
    <t>【阿特拉斯】O型圈\663210660\GA250</t>
  </si>
  <si>
    <t>【阿特拉斯】O型圈\663210746\GA250</t>
  </si>
  <si>
    <t>【阿特拉斯】瞬载阀保养备件包\2906070100\GA250</t>
  </si>
  <si>
    <t>【阿特拉斯】除灰油管\1614963400\GA250</t>
  </si>
  <si>
    <t>【阿特拉斯】O型圈\1627418054\GA250</t>
  </si>
  <si>
    <t>【阿特拉斯】除灰放空气管\574823530\GA250</t>
  </si>
  <si>
    <t>【阿特拉斯】除灰放空气管\574823541\GA250</t>
  </si>
  <si>
    <t>【阿特拉斯】除灰气管\575005834\GA250</t>
  </si>
  <si>
    <t>【阿特拉斯】滑块\686371601\GA250</t>
  </si>
  <si>
    <t>【阿特拉斯】O型圈\800001475\GA250</t>
  </si>
  <si>
    <t>【阿特拉斯】弹簧\1622079600\G250/W、GA250/W</t>
  </si>
  <si>
    <t>【阿特拉斯】O型圈\1625390812\G250/W</t>
  </si>
  <si>
    <t>【阿特拉斯】O型圈\1625390803\G250/W、GA250/W</t>
  </si>
  <si>
    <t>【阿特拉斯】O型圈\1320310405\G250/W</t>
  </si>
  <si>
    <t>【阿特拉斯】O型圈\663756300\G250/W、GA250/W</t>
  </si>
  <si>
    <t>【阿特拉斯】O型圈\663211026\G250/W、GA250/W</t>
  </si>
  <si>
    <t>【阿特拉斯】O型圈\663211170\G250/W</t>
  </si>
  <si>
    <t>【阿特拉斯】O型圈\1320314031\G250/W</t>
  </si>
  <si>
    <t>【阿特拉斯】O型圈\663211413\G250/W、GA250/W</t>
  </si>
  <si>
    <t>【阿特拉斯】O型圈\663210714\GA132</t>
  </si>
  <si>
    <t>【阿特拉斯】O型圈\663210834\GA132</t>
  </si>
  <si>
    <t>【阿特拉斯】密封垫\661100025\GA132</t>
  </si>
  <si>
    <t>【阿特拉斯】除灰油气分离器芯\1614905699\GA132</t>
  </si>
  <si>
    <t>【阿特拉斯】密封条\3002603741\GA110</t>
  </si>
  <si>
    <t>【阿特拉斯】密封条\665080078\GA110</t>
  </si>
  <si>
    <t>【阿特拉斯】8000小时保养备件包\3001500629\GA110</t>
  </si>
  <si>
    <t>【阿特拉斯】O型圈\1901003541\GA110</t>
  </si>
  <si>
    <t>【阿特拉斯】O型圈\1621509985\GA110</t>
  </si>
  <si>
    <t>【阿特拉斯】O型圈\1291000906\GA110</t>
  </si>
  <si>
    <t>【阿特拉斯】O型圈\1616605600\GA110</t>
  </si>
  <si>
    <t>【阿特拉斯】O型圈\663210699\GA250</t>
  </si>
  <si>
    <t>【阿特拉斯】O型圈\663211124\GA250</t>
  </si>
  <si>
    <t>【阿特拉斯】O型圈\663715400\GA250</t>
  </si>
  <si>
    <t>【阿特拉斯】O型圈\663715200\GA250</t>
  </si>
  <si>
    <t>【阿特拉斯】EWD330排水阀保养备件包\2901063300\GA250</t>
  </si>
  <si>
    <t>【阿特拉斯】O型圈\663210648\GA250</t>
  </si>
  <si>
    <t>【阿特拉斯】O型圈\663210858\GA250</t>
  </si>
  <si>
    <t>【阿特拉斯】安全阀\1617315300\GA250</t>
  </si>
  <si>
    <t>【阿特拉斯】油分导流罩\1092001236\GA250</t>
  </si>
  <si>
    <t>【阿特拉斯】卸荷阀保养备件包\2901000201\GA22</t>
  </si>
  <si>
    <t>【阿特拉斯】过滤器保养备件包\2901069501\GA22</t>
  </si>
  <si>
    <t>【阿特拉斯】O型圈\663713900\ZR250/ZR400</t>
  </si>
  <si>
    <t>【阿特拉斯】O型圈\663210184\ZR250/ZR400</t>
  </si>
  <si>
    <t>【阿特拉斯】智能控制\2230100300\ZR250/ZR400</t>
  </si>
  <si>
    <t>【阿特拉斯】普通接头\1088001728\ZR250/ZR400</t>
  </si>
  <si>
    <t>【阿特拉斯】服务接头\1088001727\ZR250/ZR400</t>
  </si>
  <si>
    <t>【阿特拉斯】网关\2230006800\ZR250/ZR400</t>
  </si>
  <si>
    <t>【阿特拉斯】O型圈\663714200\GA250</t>
  </si>
  <si>
    <t>【上海摩根】集电环\1.5MW DH300 S02EAG3.5普通型\转子电流550A\通用</t>
  </si>
  <si>
    <t>【上海摩根】集电环\1.5MW DH300 S02(92)普通型\转子电流550A\通用</t>
  </si>
  <si>
    <t>【上海摩根】集电环\1.5MW DH300 海洋型\转子电流550A\通用</t>
  </si>
  <si>
    <t>【上海摩根】集电环\1.5MW DH300 高原型\转子电流500A\通用</t>
  </si>
  <si>
    <t>【上海摩根】集电环\1.5MW DH300 普通型\转子电流500A\通用</t>
  </si>
  <si>
    <t>【上海摩根】集电环\1.65MW DH320 高原型\转子电流500A\通用</t>
  </si>
  <si>
    <t>【上海摩根】集电环\1.5MW DH320 高原型\转子电流500A\通用</t>
  </si>
  <si>
    <t>【上海摩根】集电环\1.5MW DH320 海洋型\转子电流500A\通用</t>
  </si>
  <si>
    <t>【上海摩根】集电环\1.5MW DH320 普通型\转子电流500A\通用</t>
  </si>
  <si>
    <t>【上海摩根】集电环\1.5MW DH280 普通型\转子电流500A\通用</t>
  </si>
  <si>
    <t>【上海摩根】集电环\1.5MW DH280 普通型\转子电流480A\通用</t>
  </si>
  <si>
    <t>【上海摩根】集电环\1.5MW DH320 高原型\转子电流381A\通用</t>
  </si>
  <si>
    <t>【上海摩根】接地碳刷恒压簧\RPR0718 配合DH320 接地，配12.5×25刷盒\通用</t>
  </si>
  <si>
    <t>【上海摩根】接地碳刷恒压簧\RPR0717 配合DH300 接地，配8×20刷盒\通用</t>
  </si>
  <si>
    <t>【上海摩根】相碳刷恒压簧\RPR0716 配合20×40单孔相碳刷刷盒\通用</t>
  </si>
  <si>
    <t>【上海摩根】相碳刷恒压簧\RPR0719 配合20×40双孔相碳刷刷盒\通用</t>
  </si>
  <si>
    <t>【上海摩根】主碳刷\MG1147 25×40×55\通用</t>
  </si>
  <si>
    <t>【上海摩根】防雷碳刷\MG1165 25×32×64\通用</t>
  </si>
  <si>
    <t>【上海摩根】主碳刷\MG1157 20×40×50\通用</t>
  </si>
  <si>
    <t>【上海摩根】防雷碳刷\MG1165 20×32×64\通用</t>
  </si>
  <si>
    <t>【上海摩根】防雷碳刷\MG1165 20×40×50\通用</t>
  </si>
  <si>
    <t>【上海摩根】发电机碳刷\NCC634\2*20*32*64</t>
  </si>
  <si>
    <t>【上海摩根】发电机接地碳刷\MA3447\8*20*32</t>
  </si>
  <si>
    <t>【上海摩根】发电机碳刷\NCC634\20*32*80</t>
  </si>
  <si>
    <t>【上海摩根】电机用碳刷\D374B\2*10*32*60</t>
  </si>
  <si>
    <t>【上海摩根】电机用碳刷\D214\12.5*25*32</t>
  </si>
  <si>
    <t>【上海摩根】电机用碳刷\TA45\1.125 *1.750* 2.25</t>
  </si>
  <si>
    <t>【上海摩根】电机用碳刷\TA45\0.75*1.75*2.25</t>
  </si>
  <si>
    <t>【上海摩根】电机用碳刷\T900\2*9.525*57.1*51.5</t>
  </si>
  <si>
    <t>【上海摩根】电机用碳刷\T825\2*9.525*57.1*51.5</t>
  </si>
  <si>
    <t>【上海摩根】电机用碳刷\T583\12.7*25.4*51.5874</t>
  </si>
  <si>
    <t>【上海摩根】电机用碳刷\R320\2*9.525*44.45*76.2</t>
  </si>
  <si>
    <t>【上海摩根】电机用碳刷\J206\25*32*65</t>
  </si>
  <si>
    <t>【上海摩根】电机用碳刷\J206\25*32*60</t>
  </si>
  <si>
    <t>【上海摩根】电机用碳刷\J204\25*32*65</t>
  </si>
  <si>
    <t>【上海摩根】电机用碳刷\J204\25*32*60</t>
  </si>
  <si>
    <t>【上海摩根】电机用碳刷\J204\25*30*50</t>
  </si>
  <si>
    <t>【上海摩根】电机用碳刷\J204\12.5*32*60</t>
  </si>
  <si>
    <t>【上海摩根】电机用碳刷\J204\12*12*30</t>
  </si>
  <si>
    <t>【上海摩根】电机用碳刷\J204\10*12*30</t>
  </si>
  <si>
    <t>【上海摩根】电机用碳刷\J201\16*32*60</t>
  </si>
  <si>
    <t>【上海摩根】电机用碳刷\J201\25*32*65</t>
  </si>
  <si>
    <t>【上海摩根】电机用碳刷\J201\25*32*60</t>
  </si>
  <si>
    <t>【上海摩根】电机用碳刷\J201\10*25*50</t>
  </si>
  <si>
    <t>【上海摩根】电机用碳刷\J201\8*20*32</t>
  </si>
  <si>
    <t>【上海摩根】电机用碳刷\J201\20*40*70</t>
  </si>
  <si>
    <t>【上海摩根】电机用碳刷\J201\12.5*40*60</t>
  </si>
  <si>
    <t>【上海摩根】电机用碳刷\J201\12*32*60</t>
  </si>
  <si>
    <t>【上海摩根】电机用碳刷\J164\25*32*65</t>
  </si>
  <si>
    <t>【上海摩根】电机用碳刷\J164\25*32*60</t>
  </si>
  <si>
    <t>【上海摩根】电机用碳刷\J164\25*32*50</t>
  </si>
  <si>
    <t>【上海摩根】电机用碳刷\J164\25*32*40</t>
  </si>
  <si>
    <t>【上海摩根】电机用碳刷\D382\16*32*50</t>
  </si>
  <si>
    <t>【上海摩根】电机用碳刷\D376(D374N)\2(12.5*40*62)</t>
  </si>
  <si>
    <t>【上海摩根】电机用碳刷\D376\2(12.5*32*55)</t>
  </si>
  <si>
    <t>【上海摩根】电机用碳刷\刷握\2*16*32*50</t>
  </si>
  <si>
    <t>【上海摩根】电机用碳刷\D374N\2*16*32*50</t>
  </si>
  <si>
    <t>【上海摩根】电机用碳刷\D374N\2*12.5*32*50</t>
  </si>
  <si>
    <t>【上海摩根】电机用碳刷\D374N\12.5*32*60</t>
  </si>
  <si>
    <t>【上海摩根】电机用碳刷\D374F\25*32*60</t>
  </si>
  <si>
    <t>【上海摩根】电机用碳刷\D374F\16*32*55</t>
  </si>
  <si>
    <t>【上海摩根】电机用碳刷\D374B\25*32*60</t>
  </si>
  <si>
    <t>【上海摩根】电机用碳刷\D374B\25*50*60</t>
  </si>
  <si>
    <t>【上海摩根】电机用碳刷\D374B\25*32*50</t>
  </si>
  <si>
    <t>【上海摩根】电机用碳刷\D374B\25*32*40</t>
  </si>
  <si>
    <t>【上海摩根】电机用碳刷\D374B\2*16*32*60</t>
  </si>
  <si>
    <t>【上海摩根】电机用碳刷\D374B\2*16*32*50</t>
  </si>
  <si>
    <t>【上海摩根】电机用碳刷\D374B\2(12.5*32*55)</t>
  </si>
  <si>
    <t>【上海摩根】电机用碳刷\刷握\2(12.5*32*50)</t>
  </si>
  <si>
    <t>【上海摩根】电机用碳刷\D374B\2(12.5*32*50)</t>
  </si>
  <si>
    <t>【上海摩根】电机用碳刷\D374B\2(10*32*64)</t>
  </si>
  <si>
    <t>【上海摩根】电机用碳刷\D374B\2*8*32*64</t>
  </si>
  <si>
    <t>【上海摩根】电机用碳刷\D374B\2(10*32*60)</t>
  </si>
  <si>
    <t>【上海摩根】电机用碳刷\D374B\16*32*60</t>
  </si>
  <si>
    <t>【上海摩根】电机用碳刷\D374B\12.5*32*60</t>
  </si>
  <si>
    <t>【上海摩根】电机用碳刷\D374B\12.5*25*50</t>
  </si>
  <si>
    <t>【上海摩根】电机用碳刷\D374B\10*32*60</t>
  </si>
  <si>
    <t>【上海摩根】电机用碳刷\D374B\10*16*40</t>
  </si>
  <si>
    <t>【上海摩根】电机用碳刷\D374\25*50*60</t>
  </si>
  <si>
    <t>【上海摩根】电机用碳刷\D374\25*40*50</t>
  </si>
  <si>
    <t>【上海摩根】电机用碳刷\D374\2*16*32*50</t>
  </si>
  <si>
    <t>【上海摩根】电机用碳刷\D374\25*32*50</t>
  </si>
  <si>
    <t>【上海摩根】电机用碳刷\D374\16*40*50</t>
  </si>
  <si>
    <t>【上海摩根】电机用碳刷\D374\12.5*40*50</t>
  </si>
  <si>
    <t>【上海摩根】电机用碳刷\D374\2*12.5*25*45</t>
  </si>
  <si>
    <t>【上海摩根】电机用碳刷\D374\12*25*40</t>
  </si>
  <si>
    <t>【上海摩根】电机用碳刷\D374\10*25*40</t>
  </si>
  <si>
    <t>【上海摩根】电机用碳刷\D374\10*20*32</t>
  </si>
  <si>
    <t>【上海摩根】电机用碳刷\D347B(T347B)\16*32*60</t>
  </si>
  <si>
    <t>【上海摩根】电机用碳刷\D308\10*12*30</t>
  </si>
  <si>
    <t>【上海摩根】电机用碳刷\D308\25*50*60</t>
  </si>
  <si>
    <t>【上海摩根】电机用碳刷\D308\25*32*60</t>
  </si>
  <si>
    <t>【上海摩根】电机用碳刷\D308\25*32*40</t>
  </si>
  <si>
    <t>【上海摩根】电机用碳刷\D308\20*32*60</t>
  </si>
  <si>
    <t>【上海摩根】电机用碳刷\D308\20*32*40</t>
  </si>
  <si>
    <t>【上海摩根】电机用碳刷\D308\2(12.5*32*50)</t>
  </si>
  <si>
    <t>【上海摩根】电机用碳刷\D308\2(10*32*50)</t>
  </si>
  <si>
    <t>【上海摩根】电机用碳刷\D308\16*32*40</t>
  </si>
  <si>
    <t>【上海摩根】电机用碳刷\D308\10*32*32</t>
  </si>
  <si>
    <t>【上海摩根】电机用碳刷\D252\25*32*50</t>
  </si>
  <si>
    <t>【上海摩根】电机用碳刷\D252\16*32*50</t>
  </si>
  <si>
    <t>【上海摩根】电机用碳刷\D252\15*30*50</t>
  </si>
  <si>
    <t>【上海摩根】电机用碳刷\D215\25*32*60</t>
  </si>
  <si>
    <t>【上海摩根】电机用碳刷\D214\25*50*60</t>
  </si>
  <si>
    <t>【上海摩根】电机用碳刷\D214\25*32*40</t>
  </si>
  <si>
    <t>【上海摩根】电机用碳刷\D214\20*32*60</t>
  </si>
  <si>
    <t>【上海摩根】电机用碳刷\D214\20*32*40</t>
  </si>
  <si>
    <t>【上海摩根】电机用碳刷\D214\16*32*60</t>
  </si>
  <si>
    <t>【上海摩根】电机用碳刷\D214\16*32*40</t>
  </si>
  <si>
    <t>【上海摩根】电机用碳刷\D214\16*25*40</t>
  </si>
  <si>
    <t>【上海摩根】电机用碳刷\D214\15*30*40</t>
  </si>
  <si>
    <t>【上海摩根】电机用碳刷\D214\12.5*32*60</t>
  </si>
  <si>
    <t>【上海摩根】电机用碳刷\D214\12.5*32*40</t>
  </si>
  <si>
    <t>【上海摩根】电机用碳刷\D214\10*32*32</t>
  </si>
  <si>
    <t>【上海摩根】电机用碳刷\D214\10*32*60</t>
  </si>
  <si>
    <t>【上海摩根】电机用碳刷\D214\10*25*40</t>
  </si>
  <si>
    <t>【上海摩根】电机用碳刷\D214\10*20*50</t>
  </si>
  <si>
    <t>【上海摩根】电机用碳刷\D214\10*16*32</t>
  </si>
  <si>
    <t>【上海摩根】电机用碳刷\D172\25*32*60</t>
  </si>
  <si>
    <t>【上海摩根】电机用碳刷\D104\20*50*60</t>
  </si>
  <si>
    <t>【上海摩根】电机用碳刷\D104\25*32*40</t>
  </si>
  <si>
    <t>【上海摩根】电机用碳刷\D104\25*25*50</t>
  </si>
  <si>
    <t>【上海摩根】电机用碳刷\D104\10*25*40</t>
  </si>
  <si>
    <t>【上海摩根】电机用碳刷\D104\20*32*40</t>
  </si>
  <si>
    <t>【上海摩根】电机用碳刷\D104\18*20*50</t>
  </si>
  <si>
    <t>【上海摩根】电机用碳刷\D104\16*32*60</t>
  </si>
  <si>
    <t>【上海摩根】电机用碳刷\D104\16*32*40</t>
  </si>
  <si>
    <t>【上海摩根】电机用碳刷\D104\12.5*32*60</t>
  </si>
  <si>
    <t>【上海摩根】电机用碳刷\D104\12.5*25*32</t>
  </si>
  <si>
    <t>【上海摩根】电机用碳刷\D104\12*32*55</t>
  </si>
  <si>
    <t>【上海摩根】电机用碳刷\D104\12*30*60</t>
  </si>
  <si>
    <t>【上海摩根】电机用碳刷\D104\10.5*32*60</t>
  </si>
  <si>
    <t>【上海摩根】电机用碳刷\D104\10*32*60</t>
  </si>
  <si>
    <t>【上海摩根】电机用碳刷\CH33\16*32*60</t>
  </si>
  <si>
    <t>【上海摩根】电机用碳刷\CH33\16*25*50</t>
  </si>
  <si>
    <t>【上海摩根】电机用碳刷\CH33\12.5*32*60</t>
  </si>
  <si>
    <t>【上海摩根】电机用碳刷\CH33\12.5*32*40</t>
  </si>
  <si>
    <t>【上海摩根】电机用碳刷\CH33\12*32*65</t>
  </si>
  <si>
    <t>【上海摩根】电机用碳刷\CH33\2*10*32*64</t>
  </si>
  <si>
    <t>【上海摩根】电机用碳刷\CH33\2*8*32*64</t>
  </si>
  <si>
    <t>【上海摩根】电机用碳刷\CH33\10*32*60</t>
  </si>
  <si>
    <t>【上海摩根】电机用碳刷\CH33\10*16*40</t>
  </si>
  <si>
    <t>【上海摩根】电机用碳刷\CE20\2(10*40*60)</t>
  </si>
  <si>
    <t>【上海摩根】刷架\2.0MW DH320 高原型\转子电流800A\通用</t>
  </si>
  <si>
    <t>【上海摩根】刷架\2.0MW DH300海洋型\转子电流650A\通用</t>
  </si>
  <si>
    <t>【上海摩根】刷架\3.0MW DH350 S04普通\转子电流1030A\通用</t>
  </si>
  <si>
    <t>【上海摩根】刷架\2.5MW DH350 海洋型\转子电流1000A\通用</t>
  </si>
  <si>
    <t>【上海摩根】刷架\3.0MW DH350 海洋型\转子电流978A\通用</t>
  </si>
  <si>
    <t>【上海摩根】刷架\2.0MW DH320 海洋型\转子电流800A\通用</t>
  </si>
  <si>
    <t>【上海摩根】刷架\1.5MW DH320 高原型\转子电流800A\通用</t>
  </si>
  <si>
    <t>【上海摩根】刷架\2.0MW DH320 普通型\转子电流800A\通用</t>
  </si>
  <si>
    <t>【上海摩根】刷架\2.0MW DH320 普通型\转子电流570A\通用</t>
  </si>
  <si>
    <t>【上海摩根】刷架\1.5MW DH320 普通型\转子电流800A\通用</t>
  </si>
  <si>
    <t>【上海摩根】刷架\2.0MW DH300 高原型\转子电流700A\通用</t>
  </si>
  <si>
    <t>【上海摩根】刷架\2.0MW DH320 S03FH海洋型\转子电流700A\通用</t>
  </si>
  <si>
    <t>【上海摩根】刷架\2.0MW DH300 S03F普通型\转子电流700A\通用</t>
  </si>
  <si>
    <t>【上海摩根】刷架\2.5MW DH350 普通型\转子电流690A\通用</t>
  </si>
  <si>
    <t>【上海摩根】刷架\2.0MW DH300 S03F-A普通型\转子电流650A\通用</t>
  </si>
  <si>
    <t>【上海摩根】刷架\2.0MW DH300 S03A普通型\转子电流650A\通用</t>
  </si>
  <si>
    <t>【上海摩根】刷架\2.0MW DH300 普通型\转子电流650A\通用</t>
  </si>
  <si>
    <t>【上海摩根】刷架\1.5MW DH300 S0294普通型\转子电流550A\通用</t>
  </si>
  <si>
    <t>【上海摩根】刷架\1.5MW DH300 S02EAG3.5普通型\转子电流550A\通用</t>
  </si>
  <si>
    <t>【上海摩根】刷架\1.5MW DH300 高原型\转子电流550A\通用</t>
  </si>
  <si>
    <t>【上海摩根】刷架\1.5MW DH300 海洋型\转子电流550A\通用</t>
  </si>
  <si>
    <t>【上海摩根】刷架\1.5MW DH320 普通型\转子电流500A\通用</t>
  </si>
  <si>
    <t>【上海摩根】刷架\1.5MW DH300 高原型\转子电流500A\通用</t>
  </si>
  <si>
    <t>【上海摩根】刷架\1.5MW DH300 普通型\转子电流500A\通用</t>
  </si>
  <si>
    <t>【上海摩根】刷架\1.5MW DH320 海洋型\转子电流500A\通用</t>
  </si>
  <si>
    <t>【上海摩根】刷架\1.5MW DH320 高原型\转子电流500A\通用</t>
  </si>
  <si>
    <t>【上海摩根】刷架\1.5MW DH280 普通型\转子电流480A\通用</t>
  </si>
  <si>
    <t>【上海摩根】刷架\1.5MW DH320 高原型\转子电流381A\通用</t>
  </si>
  <si>
    <t>【上海摩根】刷架\2.0MW DH300 S03普通型\转子电流350A\通用</t>
  </si>
  <si>
    <t>【上海摩根】集电环\1.5MW DH300 海洋型 S02EA\转子电流550A\通用</t>
  </si>
  <si>
    <t>【上海摩根】集电环\6.0MW DH450 海洋型\转子电流2000A\通用</t>
  </si>
  <si>
    <t>【上海摩根】集电环\3.2MW DH350 海洋型\转子电流1200A\通用</t>
  </si>
  <si>
    <t>【上海摩根】集电环\4.0MW DH320 海洋型\转子电流1159A\通用</t>
  </si>
  <si>
    <t>【上海摩根】集电环\3.6MW DH320 海洋型\转子电流1159A\通用</t>
  </si>
  <si>
    <t>【上海摩根】集电环\3.0MW DH350 海洋型\转子电流1100A\通用</t>
  </si>
  <si>
    <t>【上海摩根】集电环\3.0MW DH350 S04普通型\转子电流1030A\通用</t>
  </si>
  <si>
    <t>【上海摩根】集电环\2.5MW DH350 海洋型\转子电流1000A\通用</t>
  </si>
  <si>
    <t>【上海摩根】集电环\3.0MW DH350 海洋型\转子电流978A\通用</t>
  </si>
  <si>
    <t>【上海摩根】集电环\2.0MW DH320 普通型\转子电流900A\通用</t>
  </si>
  <si>
    <t>【上海摩根】集电环\2.0MW DH320 海洋型\转子电流800A\通用</t>
  </si>
  <si>
    <t>【上海摩根】集电环\2.0MW DH320 普通型\转子电流800A\通用</t>
  </si>
  <si>
    <t>【上海摩根】集电环\2.0MW DH300 S03G3.5高原型\转子电流700A\通用</t>
  </si>
  <si>
    <t>【上海摩根】集电环\2.0MW DH300 S03F普通型\转子电流700A\通用</t>
  </si>
  <si>
    <t>【上海摩根】集电环\2.5MW DH350普通型\转子电流690A\通用</t>
  </si>
  <si>
    <t>【上海摩根】集电环\2.0MW DH300 S03F-A普通型\转子电流650A\通用</t>
  </si>
  <si>
    <t>【上海摩根】集电环\2.0MW DH300 S03普通型\转子电流650\通用</t>
  </si>
  <si>
    <t>【上海摩根】集电环\2.0MW DH300 普通型\转子电流650A\通用</t>
  </si>
  <si>
    <t>【上海摩根】集电环\2.0MW DH300 海洋型\转子电流650A\通用</t>
  </si>
  <si>
    <t>【上海摩根】集电环\2.0MW DH320 普通型\转子电流570A\通用</t>
  </si>
  <si>
    <t>【上海摩根】集电环\1.5MW DH300 普通型\转子电流560A\通用</t>
  </si>
  <si>
    <t>【上海摩根】集电环\1.5MW DH300 S02EAG3.5-A普通型\转子电流550A\通用</t>
  </si>
  <si>
    <t>【上海摩根】集电环\1.5MW DH300 S02EA高原型\转子电流550A\通用</t>
  </si>
  <si>
    <t>【克莱德捞渣机】返回回转轮组-轴\CHS0283D-00</t>
  </si>
  <si>
    <t>克莱德贝尔格曼华通物料输送有限公司</t>
  </si>
  <si>
    <t>WZSCCG-2019-HB-004</t>
  </si>
  <si>
    <t>国家能源e购商城克莱德贝尔格曼华通湿式捞渣机备件长协采购</t>
  </si>
  <si>
    <t>【克莱德捞渣机】返回回转轮组-轴\CBBS-044(6)-5234-1</t>
  </si>
  <si>
    <t>【克莱德捞渣机】返回回转轮组-轴\C6196517-3\C6196415-3.1</t>
  </si>
  <si>
    <t>【克莱德捞渣机】返回回转轮组-轴\CBBS-031(2)5239</t>
  </si>
  <si>
    <t>【克莱德捞渣机】返回回转轮组-轮体\560PCD/REFKR4934\C6130409-3.2</t>
  </si>
  <si>
    <t>【克莱德捞渣机】返回回转轮组-轮体\560PCD\CBBS-044(6)-5234-2</t>
  </si>
  <si>
    <t>【克莱德捞渣机】返回回转轮组-轮体\560PCD\CBBS-031(2)5240</t>
  </si>
  <si>
    <t>【克莱德捞渣机】返回回转轮组-GR端轴承座\80mm/PEDESTALREFP05\C6130409-3.4.2</t>
  </si>
  <si>
    <t>【克莱德捞渣机】返回回转轮组-GR端轴承总成\80mm/BEARINGREF01B80MMGR\C6130409-3.4.1</t>
  </si>
  <si>
    <t>【克莱德捞渣机】返回回转轮组-EX端轴承座\80mm/PEDESTALREFP05\C6130409-3.3.2</t>
  </si>
  <si>
    <t>【克莱德捞渣机】返回回转轮组-EX端轴承总成\80mm/BEARINGREF01B80MMEX\C6130409-3.3.1</t>
  </si>
  <si>
    <t>【克莱德捞渣机】返回回转轮\560PCD\CHS0228D-00</t>
  </si>
  <si>
    <t>【克莱德捞渣机】返回回转轮\560PCD\CHS0290D-00</t>
  </si>
  <si>
    <t>【克莱德捞渣机】包角轮组总成\Φ36×126/B=2000\CBBS-031(2)5235</t>
  </si>
  <si>
    <t>【克莱德捞渣机】包角轮组总成\Φ34×136/B=2000\CHS70222C-00</t>
  </si>
  <si>
    <t>【克莱德捞渣机】包角轮总成\CHS0280C-00\CHS0280C-00</t>
  </si>
  <si>
    <t>【克莱德捞渣机】包角轮组总成\Φ36×126/B=2000\CBBS-007(1)502028</t>
  </si>
  <si>
    <t>【克莱德捞渣机】包角轮组总成\Φ36×126/B=2000\C6196415-2</t>
  </si>
  <si>
    <t>【克莱德捞渣机】包角轮组总成\350PCD/Φ34×136/B=2200\C6130409-2</t>
  </si>
  <si>
    <t>【克莱德捞渣机】包角轮组-轴\CBBS-031(2)5236</t>
  </si>
  <si>
    <t>【克莱德捞渣机】包角轮组-轴\C6196517-2\C6196415-2.1</t>
  </si>
  <si>
    <t>【克莱德捞渣机】包角轮组-轴\C6130506-2\C6130409-2.1</t>
  </si>
  <si>
    <t>【克莱德捞渣机】包角轮组-轴\CHS0281D-00</t>
  </si>
  <si>
    <t>【克莱德捞渣机】包角轮组-轮体\350PCD/RefNo.C6122538\C6130409-2.2</t>
  </si>
  <si>
    <t>【克莱德捞渣机】包角轮组-轮体\400PCD\CBBS-031(2)5237</t>
  </si>
  <si>
    <t>【克莱德捞渣机】包角轮\400PCD\CHS0289D-00</t>
  </si>
  <si>
    <t>【克莱德捞渣机】包角轮\400PCD\CHS0224D-00</t>
  </si>
  <si>
    <t>【克莱德捞渣机】尾部返回轮轴承座\SNL3234G\有定位环\CHS0282C-00</t>
  </si>
  <si>
    <t>【克莱德捞渣机】轴承座\SNL3044G</t>
  </si>
  <si>
    <t>【克莱德捞渣机】张紧轮组总成\Φ34×136/B=2000\CHS70234C-00</t>
  </si>
  <si>
    <t>【克莱德捞渣机】张紧轮组总成\Φ34×136 B=1600\CHS0285C-00</t>
  </si>
  <si>
    <t>【克莱德捞渣机】张紧轮组总成\Φ36×126/B=2000\CBBS-049(9)-5228</t>
  </si>
  <si>
    <t>【克莱德捞渣机】张紧轮组总成\Φ36×126/B=2000\CBBS-046(6)-5228</t>
  </si>
  <si>
    <t>【克莱德捞渣机】张紧轮组总成\Φ36×126/B=2000\CBBS-044(6)-5229</t>
  </si>
  <si>
    <t>【克莱德捞渣机】张紧轮组总成\Φ36×126/B=2000\C6196415-5</t>
  </si>
  <si>
    <t>【克莱德捞渣机】张紧轮组总成\Φ34×136/B=2200\C6130409-5</t>
  </si>
  <si>
    <t>【克莱德捞渣机】张紧轮组总成\BPWZ2.0-01/Φ36×126/B=2000\CBBS-031(2)5256</t>
  </si>
  <si>
    <t>【克莱德捞渣机】张紧轮组-轴\C6130506-5\C6130409-5.1</t>
  </si>
  <si>
    <t>【克莱德捞渣机】张紧轮组-轴承座\SNL230+22230CC/W33</t>
  </si>
  <si>
    <t>【克莱德捞渣机】轴承座\SNL 224 TG\含轴承，有定位环\CHS0285C-00</t>
  </si>
  <si>
    <t>【克莱德捞渣机】张紧轮组-轴\CBBS-044(6)-5229-1</t>
  </si>
  <si>
    <t>【克莱德捞渣机】张紧轮组-轴\C6196517-5\C6196415-5.1</t>
  </si>
  <si>
    <t>【克莱德捞渣机】张紧轮组-轴\CBBS-031(2)5257</t>
  </si>
  <si>
    <t>【克莱德捞渣机】张紧轮组-轮体\697PCD/REFKR4937\C6130409-5.2</t>
  </si>
  <si>
    <t>【克莱德捞渣机】尾部返回轮\KR4937</t>
  </si>
  <si>
    <t>【克莱德捞渣机】张紧轮组-轮体\726PCD\CBBS-044(6)-5229-2</t>
  </si>
  <si>
    <t>【克莱德捞渣机】张紧轮组-轮体\726PCD\CBBS-031(2)5258</t>
  </si>
  <si>
    <t>【克莱德捞渣机】张紧轮组-GR端轴承座\150mm/FLANGEREFP08\C6130409-5.4.2</t>
  </si>
  <si>
    <t>【克莱德捞渣机】张紧轮组-GR端轴承总成\150mm/BEARINGREF01B120MMEX\C6130409-5.4.1</t>
  </si>
  <si>
    <t>【克莱德捞渣机】张紧轮组-EX端轴承座\150mm/FLANGEREFP08\C6130409-5.3.2</t>
  </si>
  <si>
    <t>【克莱德捞渣机】张紧轮组-EX端轴承总成\150mm/BEARINGREF01B120MMEX\C6130409-5.3.1</t>
  </si>
  <si>
    <t>【克莱德捞渣机】张紧轮轴\CHS0286D-00</t>
  </si>
  <si>
    <t>【克莱德捞渣机】张紧轮\611PCD\CHS0236D-00</t>
  </si>
  <si>
    <t>【克莱德捞渣机】张紧轮\726PCD\CHS0292D-00</t>
  </si>
  <si>
    <t>【克莱德捞渣机】尾部返回轮组总成\Φ34×136/B=2000\CHS70230C-00</t>
  </si>
  <si>
    <t>【克莱德捞渣机】轴承\22216CC/W33\CHS0283C-00</t>
  </si>
  <si>
    <t>【克莱德捞渣机】尾部返回轮组总成\Φ36×126/B=2000\CBBS-049(9)-5227</t>
  </si>
  <si>
    <t>【克莱德捞渣机】尾部返回轮组总成\Φ36×126/B=2000\CBBS-046(6)-5227</t>
  </si>
  <si>
    <t>【克莱德捞渣机】尾部返回轮组总成\Φ36×126/B=2000\CBBS-044(6)-5231</t>
  </si>
  <si>
    <t>【克莱德捞渣机】尾部返回轮组总成\Φ36×126/B=2000\C6196415-4</t>
  </si>
  <si>
    <t>【克莱德捞渣机】尾部返回轮组总成\Φ34×136/B=2200\C6130409-4</t>
  </si>
  <si>
    <t>【克莱德捞渣机】尾部返回轮组总成\BPWF2.0-01\CBBS-031(2)5253</t>
  </si>
  <si>
    <t>【克莱德捞渣机】尾部返回轮组-轴承座(含轴承，有定位环)\SNL224+22224E</t>
  </si>
  <si>
    <t>【克莱德捞渣机】尾部返回轮组-轴承座\SNL224TG</t>
  </si>
  <si>
    <t>【克莱德捞渣机】尾部返回轮组-轴\C6130506-4\C6130409-4.1</t>
  </si>
  <si>
    <t>【克莱德捞渣机】尾部返回轮组-轴\CBBS-044(6)-5231-1</t>
  </si>
  <si>
    <t>【克莱德捞渣机】尾部返回轮组-轴\C6196517-4\C6196415-4.1</t>
  </si>
  <si>
    <t>【克莱德捞渣机】尾部返回轮组-轴\CBBS-031(2)5254</t>
  </si>
  <si>
    <t>【克莱德捞渣机】尾部返回轮组-轮体\726PCD\CBBS-044(6)-5231-2</t>
  </si>
  <si>
    <t>【克莱德捞渣机】尾部返回轮组-轮体\726PCD\CBBS-031(2)5255</t>
  </si>
  <si>
    <t>【克莱德捞渣机】尾部返回轮组-轮体\697PCD/REFKR4937\C6130409-4.2</t>
  </si>
  <si>
    <t>【克莱德捞渣机】尾部返回轮组-GR端轴承座\120mm/PEDESTALREFP08\C6130409-4.4.2</t>
  </si>
  <si>
    <t>【克莱德捞渣机】尾部返回轮组-GR端轴承总成\120mm/BEARINGREF01B120MMGR\C6130409-4.4.1</t>
  </si>
  <si>
    <t>【克莱德捞渣机】尾部返回轮组-EX端轴承座\120mm/PEDESTALREFP08\C6130409-4.3.2</t>
  </si>
  <si>
    <t>【克莱德捞渣机】尾部返回轮组-EX端轴承总成\120mm/BEARINGREF01B120MMEX\C6130409-4.3.1</t>
  </si>
  <si>
    <t>【克莱德捞渣机】尾部返回轮轴\CHS0284D-00</t>
  </si>
  <si>
    <t>【克莱德捞渣机】尾部返回轮\726PCD\CHS0291D-00</t>
  </si>
  <si>
    <t>【克莱德捞渣机】尾部返回轮\611PCD\CHS0232D-00</t>
  </si>
  <si>
    <t>【克莱德捞渣机】驱动主轴\CHS70281D-00</t>
  </si>
  <si>
    <t>【克莱德捞渣机】驱动主轴\CHS0295D-00</t>
  </si>
  <si>
    <t>【克莱德捞渣机】驱动头轮总成\CHS79029B-00</t>
  </si>
  <si>
    <t>【克莱德捞渣机】驱动轮组总成\CHS70129B-00</t>
  </si>
  <si>
    <t>【克莱德捞渣机】驱动轮组总成\CHS0535B-00</t>
  </si>
  <si>
    <t>【克莱德捞渣机】驱动轮组总成\CHS0294B-00</t>
  </si>
  <si>
    <t>【克莱德捞渣机】驱动轮组总成\CBBS-049(9)-5225</t>
  </si>
  <si>
    <t>【克莱德捞渣机】驱动轮组总成\CBBS-046(6)-5224</t>
  </si>
  <si>
    <t>【克莱德捞渣机】驱动轮组总成\CBBS-044(6)-5228</t>
  </si>
  <si>
    <t>【克莱德捞渣机】驱动轮组总成\C6196415-1</t>
  </si>
  <si>
    <t>【克莱德捞渣机】驱动轮组总成\C6130409-1</t>
  </si>
  <si>
    <t>【克莱德捞渣机】驱动轮组总成\CBBS-031(2)5232</t>
  </si>
  <si>
    <t>【克莱德捞渣机】驱动轮组-主轴\CBBS-049(9)-5225-1</t>
  </si>
  <si>
    <t>【克莱德捞渣机】驱动轮组-主轴\CBBS-044(6)-5228-1</t>
  </si>
  <si>
    <t>【克莱德捞渣机】驱动轮组-主轴\CBBS-031(2)5233</t>
  </si>
  <si>
    <t>【克莱德捞渣机】驱动轮组-主轴\C6196415-1.1</t>
  </si>
  <si>
    <t>【克莱德捞渣机】驱动轮组-主轴\C6130409-1.1</t>
  </si>
  <si>
    <t>【克莱德捞渣机】驱动轮组-轴承座\SNL3138G+23138CC/W33</t>
  </si>
  <si>
    <t>【克莱德捞渣机】驱动轮组-轴承座\SNL3138G</t>
  </si>
  <si>
    <t>【克莱德捞渣机】驱动轮组-链轮\CHS0278D-00</t>
  </si>
  <si>
    <t>【克莱德捞渣机】驱动轮组-链轮\CHS0536D-00</t>
  </si>
  <si>
    <t>【克莱德捞渣机】驱动轮组-链轮\CHS0219D-00</t>
  </si>
  <si>
    <t>【克莱德捞渣机】驱动轮组-链轮\CBBS-049(9)-5225-2</t>
  </si>
  <si>
    <t>【克莱德捞渣机】驱动轮组-链轮\CBBS-031(2)5278</t>
  </si>
  <si>
    <t>【克莱德捞渣机】浸水轮总成\560PCD/外置式/Φ36×126\CHS0539D-03</t>
  </si>
  <si>
    <t>【克莱德捞渣机】浸水轮总成\560PCD/内置式/Φ36×126\CBBS-031(2)5241</t>
  </si>
  <si>
    <t>【克莱德捞渣机】浸水轮总成\560PCD/内置式/Φ36×126\CBBS-049(9)-5229</t>
  </si>
  <si>
    <t>【克莱德捞渣机】浸水轮总成\560PCD/内置式/Φ36×126\CBBS-046(6)-5229</t>
  </si>
  <si>
    <t>【克莱德捞渣机】浸水轮总成\560PCD/内置式/Φ36×126\CBBS-044(6)-5233</t>
  </si>
  <si>
    <t>【克莱德捞渣机】浸水轮总成\560PCD/轴承内置式/Φ34×136/安装法兰螺栓孔8-Φ22(670\C6130409-6</t>
  </si>
  <si>
    <t>【克莱德捞渣机】刮板总成\刮板高度250mm，配牛角接头槽宽2200mm\C6130505-FB1</t>
  </si>
  <si>
    <t>【克莱德捞渣机】刮板\Φ26×91/B=800/二级刮板输送机用\C6196584-1</t>
  </si>
  <si>
    <t>【克莱德捞渣机】刮板\SSC012-0501-15-1</t>
  </si>
  <si>
    <t>【克莱德捞渣机】刮板\CHS70128D-00</t>
  </si>
  <si>
    <t>【克莱德捞渣机】刮板\Φ36×126/B=2000\CBBS-031(2)5225</t>
  </si>
  <si>
    <t>【克莱德捞渣机】返回回转轮组总成\Φ34×136/B=2000\CHS70226C-00</t>
  </si>
  <si>
    <t>【克莱德捞渣机】返回回转轮组总成\Φ34×136 B=1600\CHS0282C-00</t>
  </si>
  <si>
    <t>【克莱德捞渣机】返回回转轮组总成\Φ36×126/B=2000\CBBS-049(9)-5226</t>
  </si>
  <si>
    <t>【克莱德捞渣机】返回回转轮组总成\Φ36×126/B=2000\CBBS-046(6)-5226</t>
  </si>
  <si>
    <t>【克莱德捞渣机】返回回转轮组总成\Φ36×126/B=2000\CBBS-044(6)-5234</t>
  </si>
  <si>
    <t>【克莱德捞渣机】返回回转轮组总成\Φ36×126/B=2000\CBBS-007(1)502031</t>
  </si>
  <si>
    <t>【克莱德捞渣机】返回回转轮组总成\Φ36×126/B=2000\C6196415-3</t>
  </si>
  <si>
    <t>【克莱德捞渣机】返回回转轮组总成\Φ34×136/B=2200\C6130409-3</t>
  </si>
  <si>
    <t>【克莱德捞渣机】返回回转轮组总成\BPFH2.0-01/Φ36×126/B=2000\CBBS-031(2)5238</t>
  </si>
  <si>
    <t>【克莱德捞渣机】返回回转轮组-轴\C6130506-3\C6130409-3.1</t>
  </si>
  <si>
    <t>【克莱德气力输灰】切换阀密封圈\P1587C-05\DN150(silicone)</t>
  </si>
  <si>
    <t>国家能源e购商城克莱德贝尔格曼华通气力输灰备件长协采购</t>
  </si>
  <si>
    <t>【克莱德气力输灰】切换阀密封圈\P1587C-15\DN125(silicone)</t>
  </si>
  <si>
    <t>【克莱德气力输灰】切换阀密封圈\P1587C-12\DN100 (silicone)</t>
  </si>
  <si>
    <t>【克莱德气力输灰】切换阀密封圈\P1587C-16\DN80 (silicone)</t>
  </si>
  <si>
    <t>【克莱德气力输灰】切换阀密封圈\P5341C-04\DN300 (PHO)</t>
  </si>
  <si>
    <t>【克莱德气力输灰】切换阀密封圈\P5341C-01\DN250 (PHO)</t>
  </si>
  <si>
    <t>【克莱德气力输灰】切换阀密封圈\P1587C-07\DN200 (PHO)</t>
  </si>
  <si>
    <t>【克莱德气力输灰】切换阀密封圈\P1587C-05\DN150(PHO)</t>
  </si>
  <si>
    <t>【克莱德气力输灰】切换阀密封圈\P1587C-04\DN125(PHO)</t>
  </si>
  <si>
    <t>【克莱德气力输灰】切换阀密封圈\P1587C-03\DN100 (PHO)</t>
  </si>
  <si>
    <t>【克莱德气力输灰】切换阀密封圈\P1587C-02\DN80 (PHO)</t>
  </si>
  <si>
    <t>【克莱德气力输灰】气控角阀阀维修组件(B)\A2890B-W\2”</t>
  </si>
  <si>
    <t>【克莱德气力输灰】气控角阀阀维修组件(B)\A2889B-W\1-1/2”</t>
  </si>
  <si>
    <t>【克莱德气力输灰】气控角阀阀维修组件(B)\A2888B-W\1”</t>
  </si>
  <si>
    <t>【克莱德气力输灰】气控角阀阀维修组件(B)\A3936B-W\1-1/4”</t>
  </si>
  <si>
    <t>【克莱德气力输灰】气控角阀阀维修组件(A)\A2890A-W\2”</t>
  </si>
  <si>
    <t>【克莱德气力输灰】气控角阀阀维修组件(A)\A2889A-W\1-1/2”</t>
  </si>
  <si>
    <t>【克莱德气力输灰】气控角阀阀维修组件(A)\A2888A-W\1”</t>
  </si>
  <si>
    <t>【克莱德气力输灰】气控角阀阀维修组件(A)\A3936A-W\1-1/4”</t>
  </si>
  <si>
    <t>【克莱德气力输灰】库顶切换阀阀体(一分二)\CH0659D-02\DN150</t>
  </si>
  <si>
    <t>【克莱德气力输灰】库顶切换阀阀体\CH0699C-00\DN200</t>
  </si>
  <si>
    <t>【克莱德气力输灰】库顶切换阀阀体\CH1514D-00\DN150</t>
  </si>
  <si>
    <t>【克莱德气力输灰】止回阀橡胶垫\CH0880E-00\3"</t>
  </si>
  <si>
    <t>【克莱德气力输灰】止回阀橡胶垫\CH0082E-00\2"</t>
  </si>
  <si>
    <t>【克莱德气力输灰】止回阀橡胶垫\CH0074E-00\1-1/2"</t>
  </si>
  <si>
    <t>【克莱德气力输灰】止回阀橡胶垫\CH0022E-00\1"</t>
  </si>
  <si>
    <t>【克莱德气力输灰】止回阀橡胶垫\CH0017E-00\1/2"</t>
  </si>
  <si>
    <t>【克莱德气力输灰】止回阀阀芯\CH2917D-00\2-1/2"</t>
  </si>
  <si>
    <t>【克莱德气力输灰】止回阀阀芯\A3533X\3"</t>
  </si>
  <si>
    <t>【克莱德气力输灰】止回阀阀芯\A3382X\2"</t>
  </si>
  <si>
    <t>【克莱德气力输灰】套筒补偿器\CH2499D-00\DN225</t>
  </si>
  <si>
    <t>【克莱德气力输灰】套筒补偿器\CP30742D-00\DN100</t>
  </si>
  <si>
    <t>【克莱德气力输灰】套筒补偿器\CP30748D-00\DN250</t>
  </si>
  <si>
    <t>【克莱德气力输灰】套筒补偿器\CP28613D-00\DN200</t>
  </si>
  <si>
    <t>【克莱德气力输灰】陶瓷耐磨弯头\CH3620C-07-04\90°-DN225-5D</t>
  </si>
  <si>
    <t>【克莱德气力输灰】陶瓷耐磨弯头\CH3620C-07-03\60°-DN225-5D</t>
  </si>
  <si>
    <t>【克莱德气力输灰】陶瓷耐磨弯头\CH3620C-07-02\45°-DN225-5D</t>
  </si>
  <si>
    <t>【克莱德气力输灰】陶瓷耐磨弯头\CH3620C-07-01\30°-DN225-5D</t>
  </si>
  <si>
    <t>【克莱德气力输灰】陶瓷耐磨弯头\CH3620C-06-04\90°-DN200-5D</t>
  </si>
  <si>
    <t>【克莱德气力输灰】陶瓷耐磨弯头\CH3620C-06-03\60°-DN200-5D</t>
  </si>
  <si>
    <t>【克莱德气力输灰】陶瓷耐磨弯头\CH3620C-06-02\45°-DN200-5D</t>
  </si>
  <si>
    <t>【克莱德气力输灰】陶瓷耐磨弯头\CH3620C-06-01\30°-DN200-5D</t>
  </si>
  <si>
    <t>【克莱德气力输灰】陶瓷耐磨弯头\CH3620C-05-04\90°-DN175-5D</t>
  </si>
  <si>
    <t>【克莱德气力输灰】陶瓷耐磨弯头\CH3620C-05-03\60°-DN175-5D</t>
  </si>
  <si>
    <t>【克莱德气力输灰】陶瓷耐磨弯头\CH3620C-05-02\45°-DN175-5D</t>
  </si>
  <si>
    <t>【克莱德气力输灰】陶瓷耐磨弯头\CH3620C-05-01\30°-DN175-5D</t>
  </si>
  <si>
    <t>【克莱德气力输灰】陶瓷耐磨弯头\CH3620C-04-04\90°-DN150-5D</t>
  </si>
  <si>
    <t>【克莱德气力输灰】陶瓷耐磨弯头\CH3620C-04-03\60°-DN150-5D</t>
  </si>
  <si>
    <t>【克莱德气力输灰】陶瓷耐磨弯头\CH3620C-04-02\45°-DN150-5D</t>
  </si>
  <si>
    <t>【克莱德气力输灰】陶瓷耐磨弯头\CH3620C-04-01\30°-DN150-5D</t>
  </si>
  <si>
    <t>【克莱德气力输灰】陶瓷耐磨弯头\CH3620C-03-04\90°-DN125-5D</t>
  </si>
  <si>
    <t>【克莱德气力输灰】陶瓷耐磨弯头\CH3620C-03-03\60°-DN125-5D</t>
  </si>
  <si>
    <t>【克莱德气力输灰】陶瓷耐磨弯头\CH3620C-03-02\45°-DN125-5D</t>
  </si>
  <si>
    <t>【克莱德气力输灰】陶瓷耐磨弯头\CH3620C-03-01\30°-DN125-5D</t>
  </si>
  <si>
    <t>【克莱德气力输灰】陶瓷耐磨弯头\CH3620C-02-04\90°-DN100-5D</t>
  </si>
  <si>
    <t>【克莱德气力输灰】陶瓷耐磨弯头\CH3620C-02-03\60°-DN100-5D</t>
  </si>
  <si>
    <t>【克莱德气力输灰】陶瓷耐磨弯头\CH3620C-02-02\45°-DN100-5D</t>
  </si>
  <si>
    <t>【克莱德气力输灰】陶瓷耐磨弯头\CH3620C-02-01\30°-DN100-5D</t>
  </si>
  <si>
    <t>【克莱德气力输灰】陶瓷耐磨弯头\CH3620C-01-04\90°-DN80-5D</t>
  </si>
  <si>
    <t>【克莱德气力输灰】陶瓷耐磨弯头\CH3620C-01-03\60°-DN80-5D</t>
  </si>
  <si>
    <t>【克莱德气力输灰】陶瓷耐磨弯头\CH3620C-01-02\45°-DN80-5D</t>
  </si>
  <si>
    <t>【克莱德气力输灰】陶瓷耐磨弯头\CH3620C-01-01\30°-DN80-5D</t>
  </si>
  <si>
    <t>【克莱德气力输灰】流化管\CH2277D-00\DN225</t>
  </si>
  <si>
    <t>【克莱德气力输灰】流化管\CH2143D-00\DN175</t>
  </si>
  <si>
    <t>【克莱德气力输灰】流化管\CH1307D-00\DN125</t>
  </si>
  <si>
    <t>【克莱德气力输灰】流化管\CH0930D-00\DN100</t>
  </si>
  <si>
    <t>【克莱德气力输灰】铸件联轴器\CP17199B-00\DN300</t>
  </si>
  <si>
    <t>【克莱德气力输灰】支撑轴套\M3039\Φ40×Φ32×30 DN300</t>
  </si>
  <si>
    <t>【克莱德气力输灰】Y插轴套\P1914E-00\Φ27×Φ22×18/DN300</t>
  </si>
  <si>
    <t>【克莱德气力输灰】隔环\CP3721C-00\DN300</t>
  </si>
  <si>
    <t>【克莱德气力输灰】轴座\CP2484D-00\DN300</t>
  </si>
  <si>
    <t>【克莱德气力输灰】传动轴\CP2479C-00\DN300</t>
  </si>
  <si>
    <t>【克莱德气力输灰】密封调整垫\P5474E-00\DN300 0.4mm</t>
  </si>
  <si>
    <t>【克莱德气力输灰】密封调整垫\P5464E-00\DN300 1.5mm</t>
  </si>
  <si>
    <t>【克莱德气力输灰】密封调整垫\P5469E-00\DN300 0.8mm</t>
  </si>
  <si>
    <t>【克莱德气力输灰】密封垫\P2120A-04\DN300</t>
  </si>
  <si>
    <t>【克莱德气力输灰】调整垫片\P9277E-05\DN300</t>
  </si>
  <si>
    <t>【克莱德气力输灰】弹簧圆柱销\879 Φ20×120\Φ20×120 DN300</t>
  </si>
  <si>
    <t>【克莱德气力输灰】水冷O型密封圈\M1301\DN300</t>
  </si>
  <si>
    <t>【克莱德气力输灰】高温O型圈\M1204\DN300</t>
  </si>
  <si>
    <t>【克莱德气力输灰】V形防尘圈\M1202\Φ105 DN300</t>
  </si>
  <si>
    <t>【克莱德气力输灰】O形轴密封圈\M1298\Φ70 DN300</t>
  </si>
  <si>
    <t>【克莱德气力输灰】VARI密封圈\M1299\Φ70 DN300</t>
  </si>
  <si>
    <t>【克莱德气力输灰】O型密封圈\M5208\DN300</t>
  </si>
  <si>
    <t>【克莱德气力输灰】组合式轴承\P8013D-00\DN300</t>
  </si>
  <si>
    <t>【克莱德气力输灰】高温插入式密封圈\P17461C-01\DN300</t>
  </si>
  <si>
    <t>【克莱德气力输灰】插入式密封圈\P1826C-01\DN300</t>
  </si>
  <si>
    <t>【克莱德气力输灰】快速排气阀\A1067\1/2"</t>
  </si>
  <si>
    <t>【克莱德气力输灰】扇形气缸维修组件\A2028\DN250/300</t>
  </si>
  <si>
    <t>【克莱德气力输灰】旋转气缸(双作用)\A4716\DN250/300 S92-160</t>
  </si>
  <si>
    <t>【克莱德气力输灰】扇形气缸\A1537\140-100 DN250/300</t>
  </si>
  <si>
    <t>【克莱德气力输灰】密封组件\M3670\DN250</t>
  </si>
  <si>
    <t>【克莱德气力输灰】阀体\CP17330A-01\DN250</t>
  </si>
  <si>
    <t>【克莱德气力输灰】圆顶\CP2957A-00\DN250</t>
  </si>
  <si>
    <t>【克莱德气力输灰】顶部接头\CP29758B-00\DN250</t>
  </si>
  <si>
    <t>【克莱德气力输灰】顶部接头\CH2252B-00\DN225</t>
  </si>
  <si>
    <t>【克莱德气力输灰】底部接头\CP4356B-00\DN250</t>
  </si>
  <si>
    <t>【克莱德气力输灰】套环\CP29619D-00\DN250</t>
  </si>
  <si>
    <t>【克莱德气力输灰】支撑环\CP29618D-00\DN250</t>
  </si>
  <si>
    <t>【克莱德气力输灰】联轴器\CP17331C-00\DN250</t>
  </si>
  <si>
    <t>【克莱德气力输灰】止回阀阀芯\A3279X\1-1/2"</t>
  </si>
  <si>
    <t>【克莱德气力输灰】止回阀阀芯\A2969X\1"</t>
  </si>
  <si>
    <t>【克莱德气力输灰】止回阀阀芯\A2958X\1/2"</t>
  </si>
  <si>
    <t>【克莱德气力输灰】压力释放阀\508\508</t>
  </si>
  <si>
    <t>【克莱德气力输灰】止回阀\A2951\3/4"</t>
  </si>
  <si>
    <t>【克莱德气力输灰】止回阀\A1979\1/4"</t>
  </si>
  <si>
    <t>【克莱德气力输灰】止回阀\A3215\1/4"</t>
  </si>
  <si>
    <t>【克莱德气力输灰】止回阀\A3533\3"</t>
  </si>
  <si>
    <t>【克莱德气力输灰】止回阀\A3382\2"</t>
  </si>
  <si>
    <t>【克莱德气力输灰】止回阀\A3279\1-1/2"</t>
  </si>
  <si>
    <t>【克莱德气力输灰】止回阀\A2969\1"</t>
  </si>
  <si>
    <t>【克莱德气力输灰】止回阀\A2958\1/2"</t>
  </si>
  <si>
    <t>【克莱德气力输灰】气控阀(G)\A2891G\2-1/2"</t>
  </si>
  <si>
    <t>【克莱德气力输灰】气控阀(G)\A2890G\2"</t>
  </si>
  <si>
    <t>【克莱德气力输灰】气控阀(G)\A2889G\1-1/2"</t>
  </si>
  <si>
    <t>【克莱德气力输灰】气控阀(G)\A2888G\1"</t>
  </si>
  <si>
    <t>【克莱德气力输灰】气控阀(G)\A3936G\1-1/4"</t>
  </si>
  <si>
    <t>【克莱德气力输灰】气控阀(B)\A2891B\2-1/2"</t>
  </si>
  <si>
    <t>【克莱德气力输灰】气控阀(B)\A2890B\2"</t>
  </si>
  <si>
    <t>【克莱德气力输灰】气控阀(B)\A2889B\1-1/2"</t>
  </si>
  <si>
    <t>【克莱德气力输灰】气控阀(B)\A2888B\1"</t>
  </si>
  <si>
    <t>【克莱德气力输灰】气控阀(B)\A3936B\1-1/4"</t>
  </si>
  <si>
    <t>【克莱德气力输灰】气控阀(A)\A2891A\2-1/2"</t>
  </si>
  <si>
    <t>【克莱德气力输灰】气控阀(A)\A2890A\2"</t>
  </si>
  <si>
    <t>【克莱德气力输灰】气控阀(A)\A2889A\1-1/2"</t>
  </si>
  <si>
    <t>【克莱德气力输灰】气控阀(A)\A2888A\1"</t>
  </si>
  <si>
    <t>【克莱德气力输灰】气控阀(A)\A3936A\1-1/4"</t>
  </si>
  <si>
    <t>【克莱德气力输灰】气控阀\A1068\3/4"</t>
  </si>
  <si>
    <t>【克莱德气力输灰】气控阀\P16583B-BS450/PN10\4"</t>
  </si>
  <si>
    <t>【克莱德气力输灰】气控阀\P4348B-BS4504/10\2"</t>
  </si>
  <si>
    <t>【克莱德气力输灰】排气球阀\CA1022\DN15</t>
  </si>
  <si>
    <t>【克莱德气力输灰】排气球阀\A1158\DN20</t>
  </si>
  <si>
    <t>【克莱德气力输灰】管路切换阀\CH0086D-01\DN125</t>
  </si>
  <si>
    <t>【克莱德气力输灰】套筒补偿器\CH2144D-00\DN175</t>
  </si>
  <si>
    <t>【克莱德气力输灰】套筒补偿器\CP30641D-00\DN150</t>
  </si>
  <si>
    <t>【克莱德气力输灰】套筒补偿器\CP28061D-00\DN125</t>
  </si>
  <si>
    <t>【克莱德气力输灰】套筒补偿器\CP30470D-00\DN80</t>
  </si>
  <si>
    <t>【克莱德气力输灰】陶瓷耐磨直管\CH3620C-08-05\DN250,6mm</t>
  </si>
  <si>
    <t>【克莱德气力输灰】陶瓷耐磨直管\CH3620C-07-05\DN225,6mm</t>
  </si>
  <si>
    <t>【克莱德气力输灰】陶瓷耐磨直管\CH3620C-06-06\DN200,6mm</t>
  </si>
  <si>
    <t>【克莱德气力输灰】陶瓷耐磨直管\CH3620C-06-05\DN200,4mm</t>
  </si>
  <si>
    <t>【克莱德气力输灰】陶瓷耐磨直管\CH3620C-05-06\DN175,6mm</t>
  </si>
  <si>
    <t>【克莱德气力输灰】陶瓷耐磨直管\CH3620C-05-05\DN175,4.5mm</t>
  </si>
  <si>
    <t>【克莱德气力输灰】陶瓷耐磨直管\CH3620C-04-06\DN150,6mm</t>
  </si>
  <si>
    <t>【克莱德气力输灰】陶瓷耐磨直管\CH3620C-04-05\DN150,4mm</t>
  </si>
  <si>
    <t>【克莱德气力输灰】陶瓷耐磨直管\CH3620C-03-06\DN125,6mm</t>
  </si>
  <si>
    <t>【克莱德气力输灰】陶瓷耐磨直管\CH3620C-03-05\DN125,4mm</t>
  </si>
  <si>
    <t>【克莱德气力输灰】陶瓷耐磨直管\CH3620C-02-06\DN100,6mm</t>
  </si>
  <si>
    <t>【克莱德气力输灰】陶瓷耐磨直管\CH3620C-02-05\DN100,4.5mm</t>
  </si>
  <si>
    <t>【克莱德气力输灰】陶瓷耐磨直管\CH3620C-01-06\DN80，6mm</t>
  </si>
  <si>
    <t>【克莱德气力输灰】陶瓷耐磨直管\CH3620C-01-05\DN80，4mm</t>
  </si>
  <si>
    <t>【克莱德气力输灰】陶瓷耐磨弯头\CH3621C-08-04\90°-DN250-10D</t>
  </si>
  <si>
    <t>【克莱德气力输灰】陶瓷耐磨弯头\CH3621C-08-03\60°-DN250-10D</t>
  </si>
  <si>
    <t>【克莱德气力输灰】陶瓷耐磨弯头\CH3621C-08-02\45°-DN250-10D</t>
  </si>
  <si>
    <t>【克莱德气力输灰】陶瓷耐磨弯头\CH3621C-08-01\30°-DN250-10D</t>
  </si>
  <si>
    <t>【克莱德气力输灰】陶瓷耐磨弯头\CH3621C-07-04\90°-DN225-10D</t>
  </si>
  <si>
    <t>【克莱德气力输灰】陶瓷耐磨弯头\CH3621C-07-03\60°-DN225-10D</t>
  </si>
  <si>
    <t>【克莱德气力输灰】陶瓷耐磨弯头\CH3621C-07-02\45°-DN225-10D</t>
  </si>
  <si>
    <t>【克莱德气力输灰】陶瓷耐磨弯头\CH3621C-07-01\30°-DN225-10D</t>
  </si>
  <si>
    <t>【克莱德气力输灰】陶瓷耐磨弯头\CH3621C-06-04\90°-DN200-10D</t>
  </si>
  <si>
    <t>【克莱德气力输灰】陶瓷耐磨弯头\CH3621C-06-03\60°-DN200-10D</t>
  </si>
  <si>
    <t>【克莱德气力输灰】隔环\CP4963B-01\DN250</t>
  </si>
  <si>
    <t>【克莱德气力输灰】轴座\CP1915D-00\DN250</t>
  </si>
  <si>
    <t>【克莱德气力输灰】传动轴\CP1910C-00\DN250</t>
  </si>
  <si>
    <t>【克莱德气力输灰】密封调整垫\P5463E-00\DN250 1.5mm</t>
  </si>
  <si>
    <t>【克莱德气力输灰】密封调整垫\P5468E-00\DN250 0.8mm</t>
  </si>
  <si>
    <t>【克莱德气力输灰】密封调整垫\P5473E-00\DN250 0.4mm</t>
  </si>
  <si>
    <t>【克莱德气力输灰】调整垫片\P9277E-04\DN250</t>
  </si>
  <si>
    <t>【克莱德气力输灰】弹簧圆柱销\879 Φ16×100\Φ16×100 DN250</t>
  </si>
  <si>
    <t>【克莱德气力输灰】弹簧圆柱销\879 Φ16×110\Φ16×110 DN250</t>
  </si>
  <si>
    <t>【克莱德气力输灰】V形防尘圈\M1151\Φ95 DN250</t>
  </si>
  <si>
    <t>【克莱德气力输灰】O形轴密封圈\M1153\Φ60 DN250</t>
  </si>
  <si>
    <t>【克莱德气力输灰】VARI密封圈\M1342\Φ60 DN250</t>
  </si>
  <si>
    <t>【克莱德气力输灰】O型密封圈\M5207\DN250</t>
  </si>
  <si>
    <t>【克莱德气力输灰】组合式轴承\P8012D-00\DN250</t>
  </si>
  <si>
    <t>【克莱德气力输灰】插入式密封圈\P2936A-01\DN250</t>
  </si>
  <si>
    <t>【克莱德气力输灰】高温圆顶阀管件\CH-DVH200-GJN\DN200</t>
  </si>
  <si>
    <t>【克莱德气力输灰】圆顶阀管件\CH-DV200-GJB\DN200</t>
  </si>
  <si>
    <t>【克莱德气力输灰】圆顶阀管件\CH-DV200-GJK\DN200</t>
  </si>
  <si>
    <t>【克莱德气力输灰】圆顶阀管件\CH-DV200-GJN\DN200</t>
  </si>
  <si>
    <t>【克莱德气力输灰】水冷阀体\CP31215B-00\DN200</t>
  </si>
  <si>
    <t>【克莱德气力输灰】高温圆顶\CP2133B-00\DN200</t>
  </si>
  <si>
    <t>【克莱德气力输灰】高温圆顶\CH4124D-00\DN200</t>
  </si>
  <si>
    <t>【克莱德气力输灰】顶部接头\P29757B-00\DN200</t>
  </si>
  <si>
    <t>【克莱德气力输灰】底部接头\P4355B-00\DN200</t>
  </si>
  <si>
    <t>【克莱德气力输灰】流化管\CH1304D-00\DN250</t>
  </si>
  <si>
    <t>【克莱德气力输灰】隔热顶板\CH3565B-00\DN200</t>
  </si>
  <si>
    <t>【克莱德气力输灰】水冷顶板\CP30474B-01\DN200</t>
  </si>
  <si>
    <t>【克莱德气力输灰】水冷轴组件\P2696C-02\DN200</t>
  </si>
  <si>
    <t>【克莱德气力输灰】水冷转臂\CP29696B-02\DN200</t>
  </si>
  <si>
    <t>【克莱德气力输灰】水冷传动轴（含轴座）\CP29696B-01\DN200</t>
  </si>
  <si>
    <t>【克莱德气力输灰】O型圈(水冷)\M1172\DN200</t>
  </si>
  <si>
    <t>【克莱德气力输灰】防尘圈(水冷)\M1347\DN200</t>
  </si>
  <si>
    <t>【克莱德气力输灰】高温插入式密封圈\P17460C-01\DN200</t>
  </si>
  <si>
    <t>【克莱德气力输灰】直行程气缸\P22457E-00\Φ100×250 DN200</t>
  </si>
  <si>
    <t>【克莱德气力输灰】直行气缸维修组件\A2376\DN200</t>
  </si>
  <si>
    <t>【克莱德气力输灰】密封组件\M3231\DN200</t>
  </si>
  <si>
    <t>【克莱德气力输灰】阀体\CP26999B-01\DN200</t>
  </si>
  <si>
    <t>【克莱德气力输灰】圆顶\CP1158B-00\DN200</t>
  </si>
  <si>
    <t>【克莱德气力输灰】高压顶板\CP31733D-01\DN200</t>
  </si>
  <si>
    <t>【克莱德气力输灰】顶板\CP29669D-00\DN200</t>
  </si>
  <si>
    <t>【克莱德气力输灰】套环\CP29617D-00\DN200</t>
  </si>
  <si>
    <t>【克莱德气力输灰】支撑环\CP29616D-00\DN200</t>
  </si>
  <si>
    <t>【克莱德气力输灰】直行程气缸支架\P21583/P21584\DN200</t>
  </si>
  <si>
    <t>【克莱德气力输灰】联轴器\CP19643E-00\DN200</t>
  </si>
  <si>
    <t>【克莱德气力输灰】铸件联轴器\CP21761C-00\DN200</t>
  </si>
  <si>
    <t>【克莱德气力输灰】支撑轴套\P26124E-00\Φ30×Φ25×25 DN200</t>
  </si>
  <si>
    <t>【克莱德气力输灰】Y插轴套\M3017\Φ25×Φ20×20 DN200</t>
  </si>
  <si>
    <t>【克莱德气力输灰】隔环\CP2147C-00\DN200</t>
  </si>
  <si>
    <t>【克莱德气力输灰】陶瓷耐磨弯头\CH3621C-06-02\45°-DN200-10D</t>
  </si>
  <si>
    <t>【克莱德气力输灰】陶瓷耐磨弯头\CH3621C-06-01\30°-DN200-10D</t>
  </si>
  <si>
    <t>【克莱德气力输灰】陶瓷耐磨弯头\CH3621C-05-04\90°-DN175-10D</t>
  </si>
  <si>
    <t>【克莱德气力输灰】陶瓷耐磨弯头\CH3621C-05-03\60°-DN175-10D</t>
  </si>
  <si>
    <t>【克莱德气力输灰】方箱库顶切换阀\CP29584A-00\DN300</t>
  </si>
  <si>
    <t>【克莱德气力输灰】方箱库顶切换阀\CP23051A-00\DN250</t>
  </si>
  <si>
    <t>【克莱德气力输灰】方箱库顶切换阀\CH3557A-00\DN225</t>
  </si>
  <si>
    <t>【克莱德气力输灰】方箱库顶切换阀\CP38289B-00\DN125</t>
  </si>
  <si>
    <t>【克莱德气力输灰】方箱库顶切换阀\CH2736B-00\DN100</t>
  </si>
  <si>
    <t>【克莱德气力输灰】方箱库顶切换阀\CP22686B-00\DN80</t>
  </si>
  <si>
    <t>【克莱德气力输灰】方箱库顶切换阀\CP23861B-00\DN200</t>
  </si>
  <si>
    <t>【克莱德气力输灰】方箱库顶切换阀\CP24156B-00\DN175</t>
  </si>
  <si>
    <t>【克莱德气力输灰】方箱库顶切换阀\CP23041B-00\DN150</t>
  </si>
  <si>
    <t>【克莱德气力输灰】单向阀\B0232\DN125</t>
  </si>
  <si>
    <t>【克莱德气力输灰】单向阀\B0231\DN65</t>
  </si>
  <si>
    <t>【克莱德气力输灰】单向阀\B0315\DN40</t>
  </si>
  <si>
    <t>【克莱德气力输灰】单向阀\A3383\DN100</t>
  </si>
  <si>
    <t>【克莱德气力输灰】单向阀\A3470\DN50</t>
  </si>
  <si>
    <t>【克莱德气力输灰】CBH气动插板门\CH70690C-00\DN300</t>
  </si>
  <si>
    <t>【克莱德气力输灰】CBH气动插板门\CH70680C-00\DN250</t>
  </si>
  <si>
    <t>【克莱德气力输灰】CBH气动插板门\CH70670C-00\DN225</t>
  </si>
  <si>
    <t>【克莱德气力输灰】CBH气动插板门\CH70660C-00\DN200</t>
  </si>
  <si>
    <t>【克莱德气力输灰】CBH气动插板门\CH70650C-00\DN175</t>
  </si>
  <si>
    <t>【克莱德气力输灰】CBH气动插板门\CH70640C-00\DN150</t>
  </si>
  <si>
    <t>【克莱德气力输灰】CBH气动插板门\CH70630C-00\DN125</t>
  </si>
  <si>
    <t>【克莱德气力输灰】CBH气动插板门\CH70620C-00\DN100</t>
  </si>
  <si>
    <t>【克莱德气力输灰】CBH气动插板门\CH70610C-00\DN80</t>
  </si>
  <si>
    <t>【克莱德气力输灰】直行气缸维修组件\C1978/01/1-WX\DN400</t>
  </si>
  <si>
    <t>【克莱德气力输灰】直行程气缸\C1978/01/1\DN400</t>
  </si>
  <si>
    <t>【克莱德气力输灰】密封组件\M3669\DN400</t>
  </si>
  <si>
    <t>【克莱德气力输灰】圆顶\P14951A-00\DN400</t>
  </si>
  <si>
    <t>【克莱德气力输灰】顶板\P14917A-00\DN400</t>
  </si>
  <si>
    <t>【克莱德气力输灰】传动轴\P15023C-00\DN400</t>
  </si>
  <si>
    <t>【克莱德气力输灰】密封支撑环\P14919B-00\DN400</t>
  </si>
  <si>
    <t>【克莱德气力输灰】转臂\P15018B-00\DN400</t>
  </si>
  <si>
    <t>【克莱德气力输灰】套环\CP18200B-00\DN400</t>
  </si>
  <si>
    <t>【克莱德气力输灰】陶瓷耐磨弯头\CH3621C-05-02\45°-DN175-10D</t>
  </si>
  <si>
    <t>【克莱德气力输灰】陶瓷耐磨弯头\CH3621C-05-01\30°-DN175-10D</t>
  </si>
  <si>
    <t>【克莱德气力输灰】陶瓷耐磨弯头\CH3621C-04-04\90°-DN150-10D</t>
  </si>
  <si>
    <t>【克莱德气力输灰】陶瓷耐磨弯头\CH3621C-04-03\60°-DN150-10D</t>
  </si>
  <si>
    <t>【克莱德气力输灰】陶瓷耐磨弯头\CH3621C-04-02\45°-DN150-10D</t>
  </si>
  <si>
    <t>【克莱德气力输灰】陶瓷耐磨弯头\CH3621C-04-01\30°-DN150-10D</t>
  </si>
  <si>
    <t>【克莱德气力输灰】陶瓷耐磨弯头\CH3621C-03-04\90°-DN125-10D</t>
  </si>
  <si>
    <t>【克莱德气力输灰】陶瓷耐磨弯头\CH3621C-03-03\60°-DN125-10D</t>
  </si>
  <si>
    <t>【克莱德气力输灰】陶瓷耐磨弯头\CH3621C-03-02\45°-DN125-10D</t>
  </si>
  <si>
    <t>【克莱德气力输灰】陶瓷耐磨弯头\CH3621C-03-01\30°-DN125-10D</t>
  </si>
  <si>
    <t>【克莱德气力输灰】陶瓷耐磨弯头\CH3621C-02-04\90°-DN100-10D</t>
  </si>
  <si>
    <t>【克莱德气力输灰】陶瓷耐磨弯头\CH3621C-02-03\60°-DN100-10D</t>
  </si>
  <si>
    <t>【克莱德气力输灰】陶瓷耐磨弯头\CH3621C-02-02\45°-DN100-10D</t>
  </si>
  <si>
    <t>【克莱德气力输灰】陶瓷耐磨弯头\CH3621C-02-01\30°-DN100-10D</t>
  </si>
  <si>
    <t>【克莱德气力输灰】陶瓷耐磨弯头\CH3621C-01-04\90°-DN80-10D</t>
  </si>
  <si>
    <t>【克莱德气力输灰】陶瓷耐磨弯头\CH3621C-01-03\60°-DN80-10D</t>
  </si>
  <si>
    <t>【克莱德气力输灰】陶瓷耐磨弯头\CH3621C-01-02\45°-DN80-10D</t>
  </si>
  <si>
    <t>【克莱德气力输灰】陶瓷耐磨弯头\CH3621C-01-01\30°-DN80-10D</t>
  </si>
  <si>
    <t>【克莱德气力输灰】陶瓷耐磨弯头\CH3620C-08-04\90°-DN250-5D</t>
  </si>
  <si>
    <t>【克莱德气力输灰】陶瓷耐磨弯头\CH3620C-08-03\60°-DN250-5D</t>
  </si>
  <si>
    <t>【克莱德气力输灰】陶瓷耐磨弯头\CH3620C-08-02\45°-DN250-5D</t>
  </si>
  <si>
    <t>【克莱德气力输灰】陶瓷耐磨弯头\CH3620C-08-01\30°-DN250-5D</t>
  </si>
  <si>
    <t>【克莱德气力输灰】支撑轴套\P15019E-00\DN400</t>
  </si>
  <si>
    <t>【克莱德气力输灰】Y插轴套\P15022E-00\DN400</t>
  </si>
  <si>
    <t>【克莱德气力输灰】密封隔环\P17857D-00\DN400</t>
  </si>
  <si>
    <t>【克莱德气力输灰】轴座\P15025D-00\DN400</t>
  </si>
  <si>
    <t>【克莱德气力输灰】密封调整垫\P20557E-03\DN400 1.5mm</t>
  </si>
  <si>
    <t>【克莱德气力输灰】密封调整垫\P20557E-02\DN400 0.8mm</t>
  </si>
  <si>
    <t>【克莱德气力输灰】密封调整垫\P20557E-01\DN400 0.4mm</t>
  </si>
  <si>
    <t>【克莱德气力输灰】V形防尘圈\M3119\Φ115 DN400</t>
  </si>
  <si>
    <t>【克莱德气力输灰】O型密封圈\P22963E-00\DN400</t>
  </si>
  <si>
    <t>【克莱德气力输灰】VARI密封圈\M3118\Φ80 DN400</t>
  </si>
  <si>
    <t>【克莱德气力输灰】O形轴密封圈\M3117\Φ80 DN400</t>
  </si>
  <si>
    <t>【克莱德气力输灰】组合式轴承\P15024C-00\DN400</t>
  </si>
  <si>
    <t>【克莱德气力输灰】插入式密封圈\P20665C-00\DN400</t>
  </si>
  <si>
    <t>【克莱德气力输灰】插入式密封圈\P14880C-00\DN400</t>
  </si>
  <si>
    <t>【克莱德气力输灰】底部接头(含反法兰及连接件)\CP4357B-00\DN300</t>
  </si>
  <si>
    <t>【克莱德气力输灰】顶部接头(含反法兰及连接件)\CP29759B-00\DN300</t>
  </si>
  <si>
    <t>【克莱德气力输灰】水冷轴组件\P2696C-01\DN300</t>
  </si>
  <si>
    <t>【克莱德气力输灰】传动轴(右)\P32953D-00\DN300 PH3</t>
  </si>
  <si>
    <t>【克莱德气力输灰】传动轴(左)\P32954D-00\DN300 PH3</t>
  </si>
  <si>
    <t>【克莱德气力输灰】高温圆顶\P32952C-00\DN300</t>
  </si>
  <si>
    <t>【克莱德气力输灰】圆顶阀管件\CH-DV300-GJN\DN300</t>
  </si>
  <si>
    <t>【克莱德气力输灰】直行气缸维修组件\A2214\DN300</t>
  </si>
  <si>
    <t>【克莱德气力输灰】直行程气缸\P22458E-00（含P17188D-00）\Φ160×250 DN300 (含U型活塞接头)</t>
  </si>
  <si>
    <t>【克莱德气力输灰】U型活塞接头\P17188D-00\DN300</t>
  </si>
  <si>
    <t>【克莱德气力输灰】密封组件\M3233\DN300</t>
  </si>
  <si>
    <t>【克莱德气力输灰】阀体\CP26995A-00\DN300</t>
  </si>
  <si>
    <t>【克莱德气力输灰】圆顶\CP2401A-00\DN300</t>
  </si>
  <si>
    <t>【克莱德气力输灰】顶板\CP29671D-00\DN300</t>
  </si>
  <si>
    <t>【克莱德气力输灰】高压顶板\CP31976D-00\DN300</t>
  </si>
  <si>
    <t>【克莱德气力输灰】直行程气缸支架\CH-DV300-ZJ\DN300</t>
  </si>
  <si>
    <t>【克莱德气力输灰】支撑环\CP29620D-00\DN300</t>
  </si>
  <si>
    <t>【克莱德气力输灰】套环\CP29621D-00\DN300</t>
  </si>
  <si>
    <t>【克莱德气力输灰】轴座\CP19642E-00\DN200</t>
  </si>
  <si>
    <t>【克莱德气力输灰】传动轴\CP1016D-00\DN200</t>
  </si>
  <si>
    <t>【克莱德气力输灰】密封调整垫\P5462E-00\DN200 1.5mm</t>
  </si>
  <si>
    <t>【克莱德气力输灰】密封调整垫\P5467E-00\DN200 0.8mm</t>
  </si>
  <si>
    <t>【克莱德气力输灰】密封调整垫\P5472E-00\DN200 0.4mm</t>
  </si>
  <si>
    <t>【克莱德气力输灰】调整垫片\P9277E-07\DN200</t>
  </si>
  <si>
    <t>【克莱德气力输灰】弹簧圆柱销\Φ14×90/DN200/879\Φ14×90/DN200/879</t>
  </si>
  <si>
    <t>【克莱德气力输灰】弹簧圆柱销\Φ14×80/DN200/879\Φ14×80/DN200/879</t>
  </si>
  <si>
    <t>【克莱德气力输灰】弹簧圆柱销\Φ6×50/DN200&amp;DN300/879\Φ6×50/DN200&amp;DN300/879</t>
  </si>
  <si>
    <t>【克莱德气力输灰】V形防尘圈\M3415\Φ75 DN200</t>
  </si>
  <si>
    <t>【克莱德气力输灰】流化管\CP34636D-00\DN200</t>
  </si>
  <si>
    <t>【克莱德气力输灰】流化管\CP35045D-00\DN150</t>
  </si>
  <si>
    <t>【克莱德气力输灰】流化管\CH1308D-00\DN80</t>
  </si>
  <si>
    <t>【克莱德气力输灰】金属波纹补偿器\MHF100-7-1900-60/270-H\省煤器出口</t>
  </si>
  <si>
    <t>【克莱德气力输灰】金属波纹补偿器\MHF150-7-1900-60/270-H\省煤器出口</t>
  </si>
  <si>
    <t>【克莱德气力输灰】金属波纹补偿器\MHF80-7-1900-60/270-H\省煤器出口</t>
  </si>
  <si>
    <t>【克莱德气力输灰】调压单元组件\CH1874C-00\DN200</t>
  </si>
  <si>
    <t>【克莱德气力输灰】调压单元组件\CH1873C-00\DN150</t>
  </si>
  <si>
    <t>【克莱德气力输灰】调压单元组件\CH1861C-00\DN200</t>
  </si>
  <si>
    <t>【克莱德气力输灰】主进气组件\CH1328D-00\</t>
  </si>
  <si>
    <t>【克莱德气力输灰】配气段组件\CP23061E-00\1-1/2"</t>
  </si>
  <si>
    <t>【克莱德气力输灰】旁路补气组件,省煤器灰合并输送\CH1596C-00\</t>
  </si>
  <si>
    <t>【克莱德气力输灰】浓度稳定器组件\CP19034D-00\1/2”</t>
  </si>
  <si>
    <t>【克莱德气力输灰】浓度稳定器母管进气组件\CH1607C-00\</t>
  </si>
  <si>
    <t>【克莱德气力输灰】进气单元组件\CH1855C-00\DN175、DN200</t>
  </si>
  <si>
    <t>【克莱德气力输灰】进气单元组件\CH1854C-00\DN125、 DN150</t>
  </si>
  <si>
    <t>【克莱德气力输灰】进气单元组件\CH1853C-00\DN80、DN100</t>
  </si>
  <si>
    <t>【克莱德气力输灰】大MD泵流化补气管路组件(不含止回阀)\CH1818D-00\</t>
  </si>
  <si>
    <t>【克莱德气力输灰】出口补气管路组件\CH1490C-00\2”</t>
  </si>
  <si>
    <t>【克莱德气力输灰】补气单元组件\CH1883C-00\DN225、DN250</t>
  </si>
  <si>
    <t>【克莱德气力输灰】补气单元组件\CH1882C-00\DN175、DN200</t>
  </si>
  <si>
    <t>【克莱德气力输灰】直通杆式接头\CA0007\3/8"-Φ12</t>
  </si>
  <si>
    <t>【克莱德气力输灰】直通杆式接头\CA0008\1/4"-Φ8</t>
  </si>
  <si>
    <t>【克莱德气力输灰】直通杆式接头\CA0006\1/2"-Φ12</t>
  </si>
  <si>
    <t>【克莱德气力输灰】直角内丝弯头\CH102-6-1744\Φ8</t>
  </si>
  <si>
    <t>【克莱德气力输灰】直角内丝弯头\CH102-6-1743\Φ12</t>
  </si>
  <si>
    <t>【克莱德气力输灰】直角管接头\A1939\Φ8</t>
  </si>
  <si>
    <t>【克莱德气力输灰】直角杆式接头\CA0003\Φ8-Φ8</t>
  </si>
  <si>
    <t>【克莱德气力输灰】压力开关\A3985</t>
  </si>
  <si>
    <t>【克莱德气力输灰】外螺纹直通截流接头\CA0013\1/4*1.8-Φ8</t>
  </si>
  <si>
    <t>【克莱德气力输灰】外螺纹直通接头\A1926\1/2"-Φ8</t>
  </si>
  <si>
    <t>【克莱德气力输灰】O形轴密封圈\M1162\Φ50 DN200</t>
  </si>
  <si>
    <t>【克莱德气力输灰】VARI密封圈\M1171\Φ50 DN200</t>
  </si>
  <si>
    <t>【克莱德气力输灰】O型密封圈\M5206\DN200</t>
  </si>
  <si>
    <t>【克莱德气力输灰】组合式轴承\P8011D-00\DN200</t>
  </si>
  <si>
    <t>【克莱德气力输灰】插入式密封圈\P5524C-01\DN200</t>
  </si>
  <si>
    <t>【克莱德气力输灰】限位开关\A1011\DN150,200,250</t>
  </si>
  <si>
    <t>【克莱德气力输灰】快速排气阀\A1790\3/8"</t>
  </si>
  <si>
    <t>【克莱德气力输灰】圆顶阀管件\CH-DV150-GJB\DN150</t>
  </si>
  <si>
    <t>【克莱德气力输灰】圆顶阀管件\CH-DV150-GJK\DN150</t>
  </si>
  <si>
    <t>【克莱德气力输灰】扇形气缸(电控)\A3555\DN125/150/200</t>
  </si>
  <si>
    <t>【克莱德气力输灰】扇形气缸维修组件\A1390\DN125&amp;DN150&amp;DN200</t>
  </si>
  <si>
    <t>【克莱德气力输灰】旋转气缸维修组件\A4924\DN125/150/200</t>
  </si>
  <si>
    <t>【克莱德气力输灰】旋转气缸(双作用)\A4715\DN125/150/200 S92-127</t>
  </si>
  <si>
    <t>【克莱德气力输灰】扇形气缸\A1142\100-120/DN150&amp;DN200</t>
  </si>
  <si>
    <t>【克莱德气力输灰】密封组件\M3229\DN150</t>
  </si>
  <si>
    <t>【克莱德气力输灰】阀体\CP4672A-00\DN150</t>
  </si>
  <si>
    <t>【克莱德气力输灰】圆顶\CP4677B-00\DN150</t>
  </si>
  <si>
    <t>【克莱德气力输灰】顶部接头\CP29756B-00\DN150</t>
  </si>
  <si>
    <t>【克莱德气力输灰】底部接头\CP4354B-00\DN150</t>
  </si>
  <si>
    <t>【克莱德气力输灰】水冷顶板\CP33294B-01\DN150</t>
  </si>
  <si>
    <t>【克莱德气力输灰】顶板\CP31930D-00\DN150</t>
  </si>
  <si>
    <t>【克莱德气力输灰】顶板\CP29668D-00\DN150</t>
  </si>
  <si>
    <t>【克莱德气力输灰】套环\CP29615D-00\DN150</t>
  </si>
  <si>
    <t>【克莱德气力输灰】支撑环\CP29614D-00\DN150</t>
  </si>
  <si>
    <t>【克莱德气力输灰】气缸支架\CP4964B-00\DN150</t>
  </si>
  <si>
    <t>【克莱德气力输灰】联轴器\CP4965C-00\DN125,150</t>
  </si>
  <si>
    <t>【克莱德气力输灰】隔环\CP5406D-00\DN125,150</t>
  </si>
  <si>
    <t>【克莱德气力输灰】轴座\CP4678E-00\DN150</t>
  </si>
  <si>
    <t>【克莱德气力输灰】传动轴\CP4675D-00\DN150</t>
  </si>
  <si>
    <t>【克莱德气力输灰】密封垫\P2120A-13\DN150</t>
  </si>
  <si>
    <t>【克莱德气力输灰】密封调整垫\P5461E-00\DN150 1.5mm</t>
  </si>
  <si>
    <t>【克莱德气力输灰】密封调整垫\P5466E-00\DN150 0.8mm</t>
  </si>
  <si>
    <t>【克莱德气力输灰】密封调整垫\P5471E-00\DN150 0.4mm</t>
  </si>
  <si>
    <t>【克莱德气力输灰】调整垫片\P9277E-02\DN150</t>
  </si>
  <si>
    <t>【克莱德气力输灰】弹簧圆柱销\879 Φ14×70\Φ14×70/DN150/879</t>
  </si>
  <si>
    <t>【克莱德气力输灰】V形防尘圈\M1346\Φ67 DN150</t>
  </si>
  <si>
    <t>【克莱德气力输灰】O形轴密封圈\M2085\Φ40 DN150</t>
  </si>
  <si>
    <t>【克莱德气力输灰】VARI密封圈\M1365\Φ40 DN150</t>
  </si>
  <si>
    <t>【克莱德气力输灰】O型密封圈\M5205\DN150</t>
  </si>
  <si>
    <t>【克莱德气力输灰】组合式轴承\P8010D-00\DN150</t>
  </si>
  <si>
    <t>【克莱德气力输灰】高温插入式密封圈\P17459C-01\DN150</t>
  </si>
  <si>
    <t>【克莱德气力输灰】外螺纹直通\A2694\3/4"-Φ16</t>
  </si>
  <si>
    <t>【克莱德气力输灰】外螺纹直通\A1997\1/2"-Φ16</t>
  </si>
  <si>
    <t>【克莱德气力输灰】外螺纹接头\A2005\1/8"-Φ8</t>
  </si>
  <si>
    <t>【克莱德气力输灰】外螺纹接头\A1928\1/4"-Φ8</t>
  </si>
  <si>
    <t>【克莱德气力输灰】外插软管接头\CA0017\R1/2”-Φ10</t>
  </si>
  <si>
    <t>【克莱德气力输灰】外插软管接头\M3236\R2-1/2”-Φ63</t>
  </si>
  <si>
    <t>【克莱德气力输灰】外插软管接头\B0225\R3/4”-Φ20</t>
  </si>
  <si>
    <t>【克莱德气力输灰】外插软管接头\B0224\R1/2”-Φ12.5</t>
  </si>
  <si>
    <t>【克莱德气力输灰】外插软管接头\M3009\R2”-Φ50</t>
  </si>
  <si>
    <t>【克莱德气力输灰】外插软管接头\CA2022\R1”-Φ25</t>
  </si>
  <si>
    <t>【克莱德气力输灰】外插软管接头\CA2029\R1-1/2”-Φ40</t>
  </si>
  <si>
    <t>【克莱德气力输灰】外插软管接头\B0282\R3/8”-Φ10</t>
  </si>
  <si>
    <t>【克莱德气力输灰】铜螺母\A1773\Φ8</t>
  </si>
  <si>
    <t>【克莱德气力输灰】铜螺母\A1985\Φ12</t>
  </si>
  <si>
    <t>【克莱德气力输灰】三通接头\CA0005\Φ8</t>
  </si>
  <si>
    <t>【克莱德气力输灰】三通接头\CA0004\Φ12</t>
  </si>
  <si>
    <t>【克莱德气力输灰】三通接头\CA0011\1/4NPT-M10×1-Φ8</t>
  </si>
  <si>
    <t>【克莱德气力输灰】内外丝弯头\CH102-6-1902\1/2"</t>
  </si>
  <si>
    <t>【克莱德气力输灰】耐热软管\CH101-7-386\3/4"</t>
  </si>
  <si>
    <t>【克莱德气力输灰】耐热软管\CH101-7-390\2"</t>
  </si>
  <si>
    <t>【克莱德气力输灰】耐热软管\CH101-7-424\3/8"</t>
  </si>
  <si>
    <t>【克莱德气力输灰】耐热软管\CH101-7-389\1－1/2"</t>
  </si>
  <si>
    <t>【克莱德气力输灰】耐热软管\CH101-7-385\1/2"</t>
  </si>
  <si>
    <t>【克莱德气力输灰】耐热软管\CH101-7-387\1"</t>
  </si>
  <si>
    <t>【克莱德气力输灰】卡套\A1573\Φ8</t>
  </si>
  <si>
    <t>【克莱德气力输灰】卡套\A1572\Φ12</t>
  </si>
  <si>
    <t>【克莱德气力输灰】节流孔管\CP19641E-09\12*3.0</t>
  </si>
  <si>
    <t>【克莱德气力输灰】节流孔管\CP19641E-08\12*2.5</t>
  </si>
  <si>
    <t>【克莱德气力输灰】节流孔管\CP19641E-06\12*2.0</t>
  </si>
  <si>
    <t>【克莱德气力输灰】节流孔管\CP19641E-05\12*1.75</t>
  </si>
  <si>
    <t>【克莱德气力输灰】节流孔管\CP19641E-04\12*1.5</t>
  </si>
  <si>
    <t>【克莱德气力输灰】节流孔管\CP19641E-03\12*1.25</t>
  </si>
  <si>
    <t>【克莱德气力输灰】节流孔管\CP19641E-01\12*0.7</t>
  </si>
  <si>
    <t>【克莱德气力输灰】节流孔管\CP5895E-09\8*3.0</t>
  </si>
  <si>
    <t>【克莱德气力输灰】节流孔管\CP5895E-05\8*2.0</t>
  </si>
  <si>
    <t>【克莱德气力输灰】节流孔管\CP5895E-03\8*1.25</t>
  </si>
  <si>
    <t>【克莱德气力输灰】节流孔管\CP5895E-01\8*1.0</t>
  </si>
  <si>
    <t>【克莱德气力输灰】节流孔管\CP5895E-00\8</t>
  </si>
  <si>
    <t>【克莱德气力输灰】节流孔管\CP19641E-02\12*1.0</t>
  </si>
  <si>
    <t>【克莱德气力输灰】节流孔管\CP5895E-04\8*0.7</t>
  </si>
  <si>
    <t>【克莱德气力输灰】节流孔管\CP29772E-00\3/8*3.5</t>
  </si>
  <si>
    <t>【克莱德气力输灰】节流孔管\P21194E-00\1/4*2.0</t>
  </si>
  <si>
    <t>【克莱德气力输灰】节流孔管\CP19583E-00\1/8*1.8mm</t>
  </si>
  <si>
    <t>【克莱德气力输灰】节流孔管\P20806E-00\1/2*6.0mm</t>
  </si>
  <si>
    <t>【克莱德气力输灰】节流孔管\CP19641E-00\Φ12</t>
  </si>
  <si>
    <t>【克莱德气力输灰】节流孔管\CP19641E-10\12*3.5</t>
  </si>
  <si>
    <t>【克莱德气力输灰】节流孔板\P20124B-15\DN50</t>
  </si>
  <si>
    <t>【克莱德气力输灰】节流孔板\CP17563B-19\DN125</t>
  </si>
  <si>
    <t>【克莱德气力输灰】节流孔板\CP17563B-18\DN100</t>
  </si>
  <si>
    <t>【克莱德气力输灰】节流孔板\CP17563B-17\DN80</t>
  </si>
  <si>
    <t>【克莱德气力输灰】节流孔板\CP17563B-16\DN65</t>
  </si>
  <si>
    <t>【克莱德气力输灰】节流孔板\CP17563B-15\DN50</t>
  </si>
  <si>
    <t>【克莱德气力输灰】节流孔板\CP17563B-14\DN40</t>
  </si>
  <si>
    <t>【克莱德气力输灰】节流孔板\CP17563B-13\DN25</t>
  </si>
  <si>
    <t>【克莱德气力输灰】过滤器组件\CA1008\3/4"</t>
  </si>
  <si>
    <t>【克莱德气力输灰】过滤器组件\CA1007\1/2"</t>
  </si>
  <si>
    <t>【克莱德气力输灰】管通过滤器\A2168\DN125 5”</t>
  </si>
  <si>
    <t>【克莱德气力输灰】管通过滤器\A1033\DN65 2-1/2"</t>
  </si>
  <si>
    <t>【克莱德气力输灰】管通过滤器\A1001\DN40 1-1/2"</t>
  </si>
  <si>
    <t>【克莱德气力输灰】插入式密封圈\P19081C-00\DN80</t>
  </si>
  <si>
    <t>【克莱德气力输灰】圆顶阀管件\CH-DV50-GJB\DN50</t>
  </si>
  <si>
    <t>【克莱德气力输灰】限位开关\A2033\DN50&amp;DN80</t>
  </si>
  <si>
    <t>【克莱德气力输灰】快速排气阀\A1084\1/4"</t>
  </si>
  <si>
    <t>【克莱德气力输灰】圆顶阀管件\CH-DV50-GJK\DN50</t>
  </si>
  <si>
    <t>【克莱德气力输灰】扇形气缸维修组件\A2195\DN50</t>
  </si>
  <si>
    <t>【克莱德气力输灰】旋转气缸维修组件\A4920\DN50</t>
  </si>
  <si>
    <t>【克莱德气力输灰】旋转气缸(双作用)\A4711\DN50 S92-063</t>
  </si>
  <si>
    <t>【克莱德气力输灰】扇形气缸\A2013\050-100 DN50</t>
  </si>
  <si>
    <t>【克莱德气力输灰】密封组件\M4222\DN50</t>
  </si>
  <si>
    <t>【克莱德气力输灰】管通过滤器\A1386\DN15 1/2"</t>
  </si>
  <si>
    <t>【克莱德气力输灰】管通过滤器\A1110\DN80/3"</t>
  </si>
  <si>
    <t>【克莱德气力输灰】管通过滤器\A1025\DN50/2"</t>
  </si>
  <si>
    <t>【克莱德气力输灰】管通过滤器\A1188\DN100/4"</t>
  </si>
  <si>
    <t>【克莱德气力输灰】杆式直角三通\A1771\Φ8</t>
  </si>
  <si>
    <t>【克莱德气力输灰】杆式直角管接头\A1770\Φ8</t>
  </si>
  <si>
    <t>【克莱德气力输灰】杆式直角管接头\A2001\Φ12</t>
  </si>
  <si>
    <t>【克莱德气力输灰】杆式三通接头\A0009\Φ8</t>
  </si>
  <si>
    <t>【克莱德气力输灰】对丝\CH102-6-1859\1/4"</t>
  </si>
  <si>
    <t>【克莱德气力输灰】对丝\CH102-6-1953\1/2"*3/4"</t>
  </si>
  <si>
    <t>【克莱德气力输灰】对丝\A1943\3/8"</t>
  </si>
  <si>
    <t>【克莱德气力输灰】电磁先导阀\CA1025\230VAC</t>
  </si>
  <si>
    <t>【克莱德气力输灰】电磁先导阀\CA1005\230VAC</t>
  </si>
  <si>
    <t>【克莱德气力输灰】侧杆式三通接头\A1772\Φ8</t>
  </si>
  <si>
    <t>【克莱德气力输灰】阀体\CP18590A-00\DN50</t>
  </si>
  <si>
    <t>【克莱德气力输灰】圆顶\CP18607C-00\DN50</t>
  </si>
  <si>
    <t>【克莱德气力输灰】顶板\CP29664D-00\DN50</t>
  </si>
  <si>
    <t>【克莱德气力输灰】支撑环\CP29610D-00\DN50</t>
  </si>
  <si>
    <t>【克莱德气力输灰】套环\CP29611D-00\DN50</t>
  </si>
  <si>
    <t>【克莱德气力输灰】联轴器\CP18586D-00\DN50</t>
  </si>
  <si>
    <t>【克莱德气力输灰】隔环\CP19182D-00\DN50&amp;DN80</t>
  </si>
  <si>
    <t>【克莱德气力输灰】轴座\CP18603E-00\DN50&amp;DN80</t>
  </si>
  <si>
    <t>【克莱德气力输灰】传动轴\CP18584E-00\DN50&amp;DN80</t>
  </si>
  <si>
    <t>【克莱德气力输灰】密封垫\P2120A-50\DN200</t>
  </si>
  <si>
    <t>【克莱德气力输灰】密封调整垫\P2120A-54A\DN50 1.5mm</t>
  </si>
  <si>
    <t>【克莱德气力输灰】密封调整垫\P2120A-54B\DN50 0.8mm</t>
  </si>
  <si>
    <t>【克莱德气力输灰】密封调整垫\P2120A-54C\DN50 0.4mm</t>
  </si>
  <si>
    <t>【克莱德气力输灰】调整垫片\M3422\50,80mm圆顶阀</t>
  </si>
  <si>
    <t>【克莱德气力输灰】弹簧圆柱销\M3271\Φ7×40 DN50&amp;DN80</t>
  </si>
  <si>
    <t>【克莱德气力输灰】弹簧圆柱销\M3324\Φ7×35 DN50&amp;DN80</t>
  </si>
  <si>
    <t>【克莱德气力输灰】V形防尘圈\M3335\Φ40 DN50,80</t>
  </si>
  <si>
    <t>【克莱德气力输灰】O形轴密封圈\M3270\Φ20 DN50&amp;DN80</t>
  </si>
  <si>
    <t>【克莱德气力输灰】VARI密封圈\M3334\Φ20 DN50&amp;DN80</t>
  </si>
  <si>
    <t>【克莱德气力输灰】O型密封圈\M5202\DN50</t>
  </si>
  <si>
    <t>【克莱德气力输灰】组合式轴承\P19183E-00\DN50&amp;DN80</t>
  </si>
  <si>
    <t>【克莱德气力输灰】插入式密封圈\P19080C-00\DN50</t>
  </si>
  <si>
    <t>【克莱德气力输灰】圆顶阀（直行气缸）\P35284D-00\DN400</t>
  </si>
  <si>
    <t>【克莱德气力输灰】高压圆顶阀（直行气缸）\CH2156D-00\DN300</t>
  </si>
  <si>
    <t>【克莱德气力输灰】圆顶阀PH3（直行气缸）\P32948D-00\DN300</t>
  </si>
  <si>
    <t>【克莱德气力输灰】圆顶阀PH1（直行气缸）\CH0316D-00\DN300</t>
  </si>
  <si>
    <t>【克莱德气力输灰】圆顶阀(扇形气缸)\CH0308D-00/P30683D-00\DN300</t>
  </si>
  <si>
    <t>【克莱德气力输灰】圆顶阀(无气缸)\CH0300D-00/P30684D-00 (无气缸)\DN300</t>
  </si>
  <si>
    <t>【克莱德气力输灰】圆顶阀(直行气缸)\CH0300D-00/P30684D-00\DN300</t>
  </si>
  <si>
    <t>【克莱德气力输灰】圆顶阀(无密封)(扇形气缸)\P37695D-00/CH1271D-00（无密封）\DN250</t>
  </si>
  <si>
    <t>【克莱德气力输灰】圆顶阀(旋转气缸)\P38575D-00\DN250</t>
  </si>
  <si>
    <t>【克莱德气力输灰】圆顶阀(无气缸)\P30675D-00 (无气缸)\DN250</t>
  </si>
  <si>
    <t>【克莱德气力输灰】侧杆式三通接头\A1995\Φ12</t>
  </si>
  <si>
    <t>【克莱德气力输灰】补芯\CH102-6-2718\3/4*1/2</t>
  </si>
  <si>
    <t>【克莱德气力输灰】波纹式金属软管\DN50 L=1m\DN50</t>
  </si>
  <si>
    <t>【克莱德气力输灰】波纹式金属软管\DN25 L=1m\DN25</t>
  </si>
  <si>
    <t>【克莱德气力输灰】变径卡套接头\A1996\Φ12-Φ8</t>
  </si>
  <si>
    <t>【克莱德气力输灰】变径对丝\CH102-6-1950\1/2"*3/8"</t>
  </si>
  <si>
    <t>【克莱德气力输灰】变径对丝\CH1678\1/4*3/8</t>
  </si>
  <si>
    <t>【克莱德气力输灰】物料节流板\CH1906D-00\DV150</t>
  </si>
  <si>
    <t>【克莱德气力输灰】物料节流板\CH2088D-00\DV200</t>
  </si>
  <si>
    <t>【克莱德气力输灰】密封垫\P2120A-14\DN250</t>
  </si>
  <si>
    <t>【克莱德气力输灰】密封垫\P2120A-06\DN100</t>
  </si>
  <si>
    <t>【克莱德气力输灰】连接法兰\CH0634D-00\5.0/8AV泵</t>
  </si>
  <si>
    <t>【克莱德气力输灰】连接法兰\CH0487D-00\8.0、12.0/8AV泵</t>
  </si>
  <si>
    <t>【克莱德气力输灰】扩展节\CH0691B-00\5.0E</t>
  </si>
  <si>
    <t>【克莱德气力输灰】柔性接头伸缩套\P27143D-03\DN300</t>
  </si>
  <si>
    <t>【克莱德气力输灰】柔性接头伸缩套\P27143D-02\DN200</t>
  </si>
  <si>
    <t>【克莱德气力输灰】柔性接头喉箍\P20306E-03\300MM</t>
  </si>
  <si>
    <t>【克莱德气力输灰】柔性接头喉箍\P20306E-02\200MM</t>
  </si>
  <si>
    <t>【克莱德气力输灰】柔性接头\CH3570D-00\DN200</t>
  </si>
  <si>
    <t>【克莱德气力输灰】柔性接头\CP20294C-00\DN200</t>
  </si>
  <si>
    <t>【克莱德气力输灰】柔性接头\CH1018D-00\DN200</t>
  </si>
  <si>
    <t>【克莱德气力输灰】气化支撑板\CP30900D-00\580TD</t>
  </si>
  <si>
    <t>【克莱德气力输灰】气化支撑板\CP31806E-00\370TD</t>
  </si>
  <si>
    <t>【克莱德气力输灰】气化配件衬板\CH1283D-00\80~120MD</t>
  </si>
  <si>
    <t>【克莱德气力输灰】气化配件衬板\CH1282D-00\45MD</t>
  </si>
  <si>
    <t>【克莱德气力输灰】气化配件衬板\CH1281D-00\20、30MD</t>
  </si>
  <si>
    <t>【克莱德气力输灰】气化配件\A4202（02版/不含衬板）\3/4”</t>
  </si>
  <si>
    <t>【克莱德气力输灰】插入式密封圈\P4665B-01\DN150</t>
  </si>
  <si>
    <t>【克莱德气力输灰】顶部接头\CP32418D-00\DN125</t>
  </si>
  <si>
    <t>【克莱德气力输灰】顶部接头\CH1019C-00\DN125</t>
  </si>
  <si>
    <t>【克莱德气力输灰】底部接头\CP16831B-00\DN125</t>
  </si>
  <si>
    <t>【克莱德气力输灰】圆顶阀管件\CH-DV100-GJB\DN100</t>
  </si>
  <si>
    <t>【克莱德气力输灰】圆顶阀管件\CH-DV100-GJK\DN100</t>
  </si>
  <si>
    <t>【克莱德气力输灰】扇形气缸(电控)\A3662\DN100</t>
  </si>
  <si>
    <t>【克莱德气力输灰】旋转气缸维修组件\A4923\DN100</t>
  </si>
  <si>
    <t>【克莱德气力输灰】扇形气缸维修组件\A2201\DN100</t>
  </si>
  <si>
    <t>【克莱德气力输灰】旋转气缸(双作用)\A4714\DN100 S92-118</t>
  </si>
  <si>
    <t>【克莱德气力输灰】扇形气缸\A1096\090-100/DN100</t>
  </si>
  <si>
    <t>【克莱德气力输灰】密封组件\M3227\DN100</t>
  </si>
  <si>
    <t>【克莱德气力输灰】阀体\CP26048B-00\DN100</t>
  </si>
  <si>
    <t>【克莱德气力输灰】圆顶\CP1165C-00\DN100</t>
  </si>
  <si>
    <t>【克莱德气力输灰】底部接头\CP4353B-00\DN100</t>
  </si>
  <si>
    <t>【克莱德气力输灰】顶部接头\CP29755B-00\DN100</t>
  </si>
  <si>
    <t>【克莱德气力输灰】顶部接头\CH1071C-00\DN100</t>
  </si>
  <si>
    <t>【克莱德气力输灰】水冷顶板\CP31219B-00\DN100</t>
  </si>
  <si>
    <t>【克莱德气力输灰】顶板\CP29769D-00\DN100</t>
  </si>
  <si>
    <t>【克莱德气力输灰】支撑环\CP29767D-00\DN100</t>
  </si>
  <si>
    <t>【克莱德气力输灰】套环\CP29768D-00\DN100</t>
  </si>
  <si>
    <t>【克莱德气力输灰】联轴器\CP22060D-01\DN100</t>
  </si>
  <si>
    <t>【克莱德气力输灰】圆顶阀(直行气缸)\P30675D-00\DN250</t>
  </si>
  <si>
    <t>【克莱德气力输灰】圆顶阀(无气缸、无密封)\CH0560D-00(无气缸、无密封)\DN200</t>
  </si>
  <si>
    <t>【克莱德气力输灰】圆顶阀（无密封）(旋转气缸)\P38659D-00（无密封）\DN200</t>
  </si>
  <si>
    <t>【克莱德气力输灰】圆顶阀（无密封）(扇形气缸)\CH0560D-00（无密封）\DN200</t>
  </si>
  <si>
    <t>【克莱德气力输灰】圆顶阀PH（直行气缸）\CH0324D-00/P34195D-00\DN200</t>
  </si>
  <si>
    <t>【克莱德气力输灰】电控气缸圆顶阀\CH0328D-00/P37990D-00\DN200</t>
  </si>
  <si>
    <t>【克莱德气力输灰】圆顶阀（直行气缸）\CH2429D-00\DN200</t>
  </si>
  <si>
    <t>【克莱德气力输灰】圆顶阀(无气缸)\CH0322D-00/P30667D-00(无气缸)\DN200</t>
  </si>
  <si>
    <t>【克莱德气力输灰】圆顶阀(旋转气缸)\P38574D-00\DN200</t>
  </si>
  <si>
    <t>【克莱德气力输灰】圆顶阀(扇形气缸)\CH0322D-00/P30667D-00\DN200</t>
  </si>
  <si>
    <t>【克莱德气力输灰】高压圆顶阀（直行气缸）\CH0571D-03\DN200</t>
  </si>
  <si>
    <t>【克莱德气力输灰】双隔热圆顶阀（直行气缸）\CH3564D-00\DN200</t>
  </si>
  <si>
    <t>【克莱德气力输灰】单隔热圆顶阀（直行气缸）\CH2776D-00\DN200</t>
  </si>
  <si>
    <t>【克莱德气力输灰】圆顶阀PH3(无气缸)\CH0331D-00/P31216D-00(无气缸)\DN200</t>
  </si>
  <si>
    <t>【克莱德气力输灰】圆顶阀PH3（直行气缸）\CH0331D-00/P31216D-00\DN200</t>
  </si>
  <si>
    <t>【克莱德气力输灰】圆顶阀PH2（直行气缸）\CH0329D-00/P30476D-00\DN200</t>
  </si>
  <si>
    <t>【克莱德气力输灰】圆顶阀PH1（直行气缸）\CH0327D-00/P35944D－00\DN200</t>
  </si>
  <si>
    <t>【克莱德气力输灰】圆顶阀（无气缸）\P38576D-00（无气缸）\DN200</t>
  </si>
  <si>
    <t>【克莱德气力输灰】圆顶阀(旋转气缸)\P38576D-00\DN200</t>
  </si>
  <si>
    <t>【克莱德气力输灰】圆顶阀(无气缸)\CH0301D-00/P30668D-00(无气缸)\DN200</t>
  </si>
  <si>
    <t>【克莱德气力输灰】圆顶阀（直行气缸）\CH0301D-00/P30668D-00\DN200</t>
  </si>
  <si>
    <t>【克莱德气力输灰】圆顶阀(扇形气缸)\CH2245D-00\DN175</t>
  </si>
  <si>
    <t>【克莱德气力输灰】圆顶阀PH1(无气缸)\CH0338D-00/P33293B-00(无气缸)\DN150</t>
  </si>
  <si>
    <t>【克莱德气力输灰】电控气缸圆顶阀\CH0338D-00/P33293B-00\DN150</t>
  </si>
  <si>
    <t>【克莱德气力输灰】圆顶阀(无气缸、无密封)\CH1078D-00/P36446D-00 (无气缸)\DN150</t>
  </si>
  <si>
    <t>【克莱德气力输灰】圆顶阀(无密封）\CH1078D-00/P36446D-00\DN150</t>
  </si>
  <si>
    <t>【克莱德气力输灰】圆顶阀(无气缸)\CH0303D-00/P30280D-00 (无气缸)\DN150</t>
  </si>
  <si>
    <t>【克莱德气力输灰】圆顶阀（无气缸）\P38573D-00（无气缸）\DN150</t>
  </si>
  <si>
    <t>【克莱德气力输灰】圆顶阀(旋转气缸）\P38573D-00\DN150</t>
  </si>
  <si>
    <t>【克莱德气力输灰】气化配件\TK07-1,(03版/不含衬板)\3/4”</t>
  </si>
  <si>
    <t>【克莱德气力输灰】出口三通(接头型)\CH1738D-00\DN500×DN250</t>
  </si>
  <si>
    <t>【克莱德气力输灰】出口三通(接头型)\CH2219D-00\DN500×DN225</t>
  </si>
  <si>
    <t>【克莱德气力输灰】出口三通(接头型)\CH1552D-00\DN500×DN200</t>
  </si>
  <si>
    <t>【克莱德气力输灰】出口三通(接头型)\CH2433D-00\DN500×DN150</t>
  </si>
  <si>
    <t>【克莱德气力输灰】出口三通(接头型)\CH1737D-00\DN400×DN150</t>
  </si>
  <si>
    <t>【克莱德气力输灰】出口三通(接头型)\CH1690D-00\DN400×DN125</t>
  </si>
  <si>
    <t>【克莱德气力输灰】出口三通(接头型)\CH1336D-00\DN400×DN125</t>
  </si>
  <si>
    <t>【克莱德气力输灰】出口三通(接头型)\CH1316D-00\DN400×DN100</t>
  </si>
  <si>
    <t>【克莱德气力输灰】出口三通(接头型)\CH3834D-00\DN400×DN80</t>
  </si>
  <si>
    <t>【克莱德气力输灰】出口三通(接头型)\CH1380D-00\DN300×DN125</t>
  </si>
  <si>
    <t>【克莱德气力输灰】出口三通(接头型)\CH1288D-00\DN300×DN100</t>
  </si>
  <si>
    <t>【克莱德气力输灰】出口三通(接头型)\CH2218D-00\DN500×DN175</t>
  </si>
  <si>
    <t>【克莱德气力输灰】出口三通(接头型)\CH1535D-00\DN500×DN150</t>
  </si>
  <si>
    <t>【克莱德气力输灰】出口三通(接头型)\CH1239D-00\DN400×DN150</t>
  </si>
  <si>
    <t>【克莱德气力输灰】出口三通(接头型)\CH1063D-00\DN400×DN200</t>
  </si>
  <si>
    <t>【克莱德气力输灰】出口三通\CH0446D-00\DV100-DN100</t>
  </si>
  <si>
    <t>【克莱德气力输灰】出口三通\CH2123D-00\DN500 × DN225</t>
  </si>
  <si>
    <t>【克莱德气力输灰】出口三通\P36866D-00\DN500 × DN250</t>
  </si>
  <si>
    <t>【克莱德气力输灰】出口三通\CP33081D-00\DN500 × DN250</t>
  </si>
  <si>
    <t>【克莱德气力输灰】出口三通\CH1892D-00\DN500 × DN200</t>
  </si>
  <si>
    <t>【克莱德气力输灰】出口三通\CH1893D-00\DN500 × DN150</t>
  </si>
  <si>
    <t>【克莱德气力输灰】出口三通\CH1415D-00\DN500 × DN150</t>
  </si>
  <si>
    <t>【克莱德气力输灰】出口三通\CH3817D-00\DN500 × DN125</t>
  </si>
  <si>
    <t>【克莱德气力输灰】隔环\CP2728C-00\DN100</t>
  </si>
  <si>
    <t>【克莱德气力输灰】轴座\CP19630E-00\DN100</t>
  </si>
  <si>
    <t>【克莱德气力输灰】传动轴\CP1171E-00\DN100</t>
  </si>
  <si>
    <t>【克莱德气力输灰】密封调整垫\P5470E-00\DN100 0.4mm</t>
  </si>
  <si>
    <t>【克莱德气力输灰】密封调整垫\P5465E-00\DN100 0.8mm</t>
  </si>
  <si>
    <t>【克莱德气力输灰】密封调整垫\P5460E-00\DN100 1.5mm</t>
  </si>
  <si>
    <t>【克莱德气力输灰】调整垫片\P9277E-01\DN100</t>
  </si>
  <si>
    <t>【克莱德气力输灰】弹簧圆柱销\879 Φ10×60\Φ10×60/DN100/879</t>
  </si>
  <si>
    <t>【克莱德气力输灰】弹簧圆柱销\879 Φ10×55\Φ10×55/DN100/879</t>
  </si>
  <si>
    <t>【克莱德气力输灰】V形防尘圈\M1006\Φ50 DN100</t>
  </si>
  <si>
    <t>【克莱德气力输灰】O形轴密封圈\M1242\Φ30 DN100</t>
  </si>
  <si>
    <t>【克莱德气力输灰】VARI密封圈\M1243\Φ30 DN100</t>
  </si>
  <si>
    <t>【克莱德气力输灰】O型密封圈\M5204\DN100</t>
  </si>
  <si>
    <t>【克莱德气力输灰】组合式轴承\P3884E-00\DN100</t>
  </si>
  <si>
    <t>【克莱德气力输灰】高温插入式密封圈\P17458C-01\DN100</t>
  </si>
  <si>
    <t>【克莱德气力输灰】插入式密封圈\P1586C-01\DN100</t>
  </si>
  <si>
    <t>【克莱德气力输灰】圆顶阀管件\CH-DV80-GJK\DN80</t>
  </si>
  <si>
    <t>【克莱德气力输灰】扇形气缸维修组件\A2213\DN80</t>
  </si>
  <si>
    <t>【克莱德气力输灰】旋转气缸维修组件\A4921\DN80</t>
  </si>
  <si>
    <t>【克莱德气力输灰】旋转气缸(双作用)\A4712\DN80 S92-83</t>
  </si>
  <si>
    <t>【克莱德气力输灰】扇形气缸\A1990\070-100 DN80</t>
  </si>
  <si>
    <t>【克莱德气力输灰】阀体\CP18611A-00\DN80</t>
  </si>
  <si>
    <t>【克莱德气力输灰】圆顶\CP18639C-00\DN80</t>
  </si>
  <si>
    <t>【克莱德气力输灰】水冷顶板\CP31307D-00\DN80</t>
  </si>
  <si>
    <t>【克莱德气力输灰】顶板\CP29665D-00\DN80</t>
  </si>
  <si>
    <t>【克莱德气力输灰】支撑环\CP29612D-00\DN80</t>
  </si>
  <si>
    <t>【克莱德气力输灰】套环\CP29613D-00\DN80</t>
  </si>
  <si>
    <t>【克莱德气力输灰】联轴器\CP18637D-00\DN80</t>
  </si>
  <si>
    <t>【克莱德气力输灰】轴座\P19603E-00\DN80</t>
  </si>
  <si>
    <t>【克莱德气力输灰】密封调整垫\P2120A-55A\DN80 1.5mm</t>
  </si>
  <si>
    <t>【克莱德气力输灰】密封调整垫\P2120A-55B\DN80 0.8mm</t>
  </si>
  <si>
    <t>【克莱德气力输灰】密封调整垫\P2120A-55C\DN80 0.4mm</t>
  </si>
  <si>
    <t>【克莱德气力输灰】O型密封圈\M5203\DN80</t>
  </si>
  <si>
    <t>【克莱德气力输灰】圆顶阀(无气缸)\CH0305D-00/P30663D-00 (无气缸)\DN150</t>
  </si>
  <si>
    <t>【克莱德气力输灰】圆顶阀(扇形气缸)\CH0305D-00/P30663D-00\DN150</t>
  </si>
  <si>
    <t>【克莱德气力输灰】圆顶阀（无密封）(旋转气缸)\P38657D-04（无密封）\DN125</t>
  </si>
  <si>
    <t>【克莱德气力输灰】圆顶阀（无密封）(扇形气缸)\CH0559D-00（无密封）\DN125</t>
  </si>
  <si>
    <t>【克莱德气力输灰】圆顶阀(扇形气缸)\CH0340D-00/P32419D-00\DN125</t>
  </si>
  <si>
    <t>【克莱德气力输灰】圆顶阀(无气缸)\CH0087D-00/P32930D-00 (无气缸)\DN125</t>
  </si>
  <si>
    <t>【克莱德气力输灰】圆顶阀(旋转气缸)\P38572D-00\DN125</t>
  </si>
  <si>
    <t>【克莱德气力输灰】圆顶阀(扇形气缸)\CH0087D-00/P35103D-00\DN125</t>
  </si>
  <si>
    <t>【克莱德气力输灰】电控气缸圆顶阀\CH0346D-00\DN100</t>
  </si>
  <si>
    <t>【克莱德气力输灰】圆顶阀(无气缸,无密封)\CH0558D-00 (无气缸,无密封)\DN100</t>
  </si>
  <si>
    <t>【克莱德气力输灰】圆顶阀（无密封）(旋转气缸)\P38656D-04（无密封）\DN100</t>
  </si>
  <si>
    <t>【克莱德气力输灰】圆顶阀（无密封）(扇形气缸)\CH0558D-00（无密封）\DN100</t>
  </si>
  <si>
    <t>【克莱德气力输灰】圆顶阀PH1(无气缸)\CH0344D-00P31217D-00 (无气缸)\DN100</t>
  </si>
  <si>
    <t>【克莱德气力输灰】圆顶阀PH1\CH0344D-00/P31217D-00\DN100</t>
  </si>
  <si>
    <t>【克莱德气力输灰】圆顶阀（无气缸）\P38571D-00 （无气缸）\DN100</t>
  </si>
  <si>
    <t>【克莱德气力输灰】圆顶阀(旋转气缸)\P38571D-00\DN100</t>
  </si>
  <si>
    <t>【克莱德气力输灰】圆顶阀(无气缸)\CH0342D-00/P30659D-00 (无气缸)\DN100</t>
  </si>
  <si>
    <t>【克莱德气力输灰】圆顶阀(扇形气缸)\CH0342D-00/P30659D-00\DN100</t>
  </si>
  <si>
    <t>【克莱德气力输灰】圆顶阀(无气缸)\CH0551D-00/P30332D-00(无气缸)\DN80</t>
  </si>
  <si>
    <t>【克莱德气力输灰】圆顶阀(旋转气缸)\P38570D-00\DN80</t>
  </si>
  <si>
    <t>【克莱德气力输灰】圆顶阀(扇形气缸)\CH0551D-00/P30332D-00\DN80</t>
  </si>
  <si>
    <t>【克莱德气力输灰】圆顶阀(无气缸)\CH0554D-00/P30330D-00 (无气缸)\DN50</t>
  </si>
  <si>
    <t>【克莱德气力输灰】圆顶阀(旋转气缸)\P38569D-00\DN50</t>
  </si>
  <si>
    <t>【克莱德气力输灰】圆顶阀(扇形气缸)\CH0554D-00/P30330D-00\DN50</t>
  </si>
  <si>
    <t>【克莱德气力输灰】出口三通\CH1894D-00\DN400 × DN200</t>
  </si>
  <si>
    <t>【克莱德气力输灰】出口三通\CH2126D-00\DN400 × DN175</t>
  </si>
  <si>
    <t>【克莱德气力输灰】出口三通\CH0664D-00\DN400 × DN150</t>
  </si>
  <si>
    <t>【克莱德气力输灰】出口三通\CH1896D-00\DN400 × DN125</t>
  </si>
  <si>
    <t>【克莱德气力输灰】出口三通\CH3825D-00\DN400 × DN100</t>
  </si>
  <si>
    <t>【克莱德气力输灰】出口三通\CH1897D-00\DN300 × DN150</t>
  </si>
  <si>
    <t>【克莱德气力输灰】出口三通\CH1405D-00\DN300 × DN150</t>
  </si>
  <si>
    <t>【克莱德气力输灰】出口三通\CP33079D-00\DN300 × DN125</t>
  </si>
  <si>
    <t>【克莱德气力输灰】出口三通\CH1898D-00\DN300 × DN125</t>
  </si>
  <si>
    <t>【克莱德气力输灰】出口三通\CH1899D-00\DN300 × DN100</t>
  </si>
  <si>
    <t>【克莱德气力输灰】出口三通\CH1900D-00\DN300 × DN80</t>
  </si>
  <si>
    <t>【克莱德气力输灰】出口三通\CH1560D-00\DN300 × DN80</t>
  </si>
  <si>
    <t>【克莱德气力输灰】出口三通\CH2369C-00\DV300-DN200</t>
  </si>
  <si>
    <t>【克莱德气力输灰】出口三通\CH2782D-00\DV250-DN250</t>
  </si>
  <si>
    <t>【克莱德气力输灰】出口三通\CH2635E-00\DV200-DN200</t>
  </si>
  <si>
    <t>【克莱德气力输灰】出口三通\CH2646D-00\DV200-DN175</t>
  </si>
  <si>
    <t>【克莱德气力输灰】出口三通\CH0919D-00\DV200-DN150</t>
  </si>
  <si>
    <t>【克莱德气力输灰】出口三通\CP34273C-00\DV200-DN125</t>
  </si>
  <si>
    <t>【克莱德气力输灰】出口三通\CH3740D-00\DV150-DN150</t>
  </si>
  <si>
    <t>【克莱德气力输灰】出口三通\CH0915C-00\DV150-DN100</t>
  </si>
  <si>
    <t>【克莱德气力输灰】出口三通\CH2535C-00\DV150-DN80</t>
  </si>
  <si>
    <t>【克莱德气力输灰】出口三通\CH2122D-00\DN500 × DN175</t>
  </si>
  <si>
    <t>【克莱德气力输灰】出口三通\CH1895D-00\DN400 × DN150</t>
  </si>
  <si>
    <t>【克莱德气力输灰】出口三通\CH0677D-00\DN500 × DN200</t>
  </si>
  <si>
    <t>【克莱德气力输灰】出口三通\CP33080D-00\DN400 × DN200</t>
  </si>
  <si>
    <t>【克莱德气力输灰】出口三通\CH0874D-00\DN400 × DN125</t>
  </si>
  <si>
    <t>【克莱德气力输灰】出口三通\CH0876D-00\DN300 × DN100</t>
  </si>
  <si>
    <t>【克莱德气力输灰】出口三通\CH1817D-00\120MD泵</t>
  </si>
  <si>
    <t>【克莱德气力输灰】出口三通\CH0615D-00\DV150-DN125</t>
  </si>
  <si>
    <t>【克莱德气力输灰】补气器\CH1740D-00\DN250</t>
  </si>
  <si>
    <t>【克莱德气力输灰】补气器\CH2142D-00\DN225</t>
  </si>
  <si>
    <t>【克莱德气力输灰】补气器\CH2221D-00\DN225</t>
  </si>
  <si>
    <t>【克莱德气力输灰】补气器\CP37244D-02\DN200</t>
  </si>
  <si>
    <t>【克莱德气力输灰】补气器\CH1739D-00\DN200</t>
  </si>
  <si>
    <t>【克莱德气力输灰】补气器\CH1905D-00\DN200</t>
  </si>
  <si>
    <t>【克莱德气力输灰】补气器\CH2220D-00\DN175</t>
  </si>
  <si>
    <t>【克莱德气力输灰】补气器\CH2197D-00\DN175</t>
  </si>
  <si>
    <t>【克莱德气力输灰】补气器\CH2140D-00\DN175</t>
  </si>
  <si>
    <t>【克莱德气力输灰】补气器\CH1680D-00\DN150</t>
  </si>
  <si>
    <t>【克莱德气力输灰】补气器\CH1681D-00\DN125</t>
  </si>
  <si>
    <t>【克莱德气力输灰】补气器\CH1337D-00\DN125</t>
  </si>
  <si>
    <t>【克莱德气力输灰】补气器\CP33099D-00\DN250</t>
  </si>
  <si>
    <t>【克莱德气力输灰】补气器\CH0878D-00\DN200</t>
  </si>
  <si>
    <t>【克莱德气力输灰】补气器\CH0668D-00\DN150</t>
  </si>
  <si>
    <t>【克莱德气力输灰】补气器\CP33097D-00\DN125</t>
  </si>
  <si>
    <t>【克莱德气力输灰】补气器\CH0891D-00\DN100</t>
  </si>
  <si>
    <t>【克莱德气力输灰】补气器\CH0503D-00\DN80</t>
  </si>
  <si>
    <t>【克莱德气力输灰】泵用密封圈\CH201-8-25\419*9</t>
  </si>
  <si>
    <t>【克莱德气力输灰】PD泵出口弯头\CH1226C-00\DN330×DN100</t>
  </si>
  <si>
    <t>【克莱德气力输灰】PD泵出口弯头\CP1607B-BS4504/10\DN330×150</t>
  </si>
  <si>
    <t>【克莱德气力输灰】MD泵气化配件及衬板\A4202\3/4”</t>
  </si>
  <si>
    <t>【克莱德气力输灰】耐磨导流板\P5919A-00\DN225/DN250DN300</t>
  </si>
  <si>
    <t>【克莱德气力输灰】耐磨导流板\P2183A-00\DN80/DN100</t>
  </si>
  <si>
    <t>【克莱德气力输灰】耐磨导流板\CP3078A-00\DN200</t>
  </si>
  <si>
    <t>【克莱德气力输灰】耐磨导流板\CP2186A-00\DN150/DN175</t>
  </si>
  <si>
    <t>【克莱德气力输灰】耐磨导流板\CP2176D-00\DN125</t>
  </si>
  <si>
    <t>【克莱德气力输灰】切换阀气缸\A1089\DN175</t>
  </si>
  <si>
    <t>【克莱德气力输灰】切换阀气缸\A1106\DN150</t>
  </si>
  <si>
    <t>【克莱德气力输灰】切换阀气缸\A1014\DN100</t>
  </si>
  <si>
    <t>【克莱德气力输灰】切换阀气缸\A1017\DN80</t>
  </si>
  <si>
    <t>【克莱德气力输灰】切换阀气缸\A2614\DN250/225</t>
  </si>
  <si>
    <t>【克莱德气力输灰】切换阀气缸\A2770\DN200</t>
  </si>
  <si>
    <t>【克莱德气力输灰】切换阀气缸\A1034\DN125</t>
  </si>
  <si>
    <t>【克莱德气力输灰】切换阀密封圈\P24122C-00\DN250(silicone,CBH)</t>
  </si>
  <si>
    <t>【克莱德气力输灰】切换阀密封圈\P21464C-06\DN175(PHO,CBH)</t>
  </si>
  <si>
    <t>【克莱德气力输灰】切换阀密封圈\P24121D-00\DN300 (silicone)</t>
  </si>
  <si>
    <t>【克莱德气力输灰】切换阀密封圈\P1587C-17\DN200 (silicone)</t>
  </si>
  <si>
    <t>【伊喀拓】叶轮\WJ3-1000LGG\20129844</t>
  </si>
  <si>
    <t>上海高必德实业有限公司</t>
  </si>
  <si>
    <t>伊喀拓</t>
  </si>
  <si>
    <t>WZSCCG-2019-XB-016</t>
  </si>
  <si>
    <t>高必德公司伊喀拓搅拌器备件长协采购</t>
  </si>
  <si>
    <t>【伊喀拓】叶轮\WJ-1200LGG\20122647</t>
  </si>
  <si>
    <t>【伊喀拓】叶轮\WJ-1400LGG\20102044</t>
  </si>
  <si>
    <t>【伊喀拓】叶轮\WJ-1600LGG\20099936</t>
  </si>
  <si>
    <t>【伊喀拓】轴\HWL2060R\20101918</t>
  </si>
  <si>
    <t>【伊喀拓】轴\HWL2080R\20123415</t>
  </si>
  <si>
    <t>【伊喀拓】轴\HWL2100R\20065475</t>
  </si>
  <si>
    <t>【伊喀拓】机械密封\ESD42L060R31V6\10079620</t>
  </si>
  <si>
    <t>【伊喀拓】机械密封\ESD42L080R31V6\10079621</t>
  </si>
  <si>
    <t>【伊喀拓】机械密封\ESD42L100R31V6\10079623</t>
  </si>
  <si>
    <t>【伊喀拓】机封易损件套装\ESD42L060R31V6YSJ\10017562</t>
  </si>
  <si>
    <t>【伊喀拓】机封易损件套装\ESD42L080R31V6YSJ\10017563</t>
  </si>
  <si>
    <t>【伊喀拓】机封易损件套装\ESD42L100R31V6YSJ\10017564</t>
  </si>
  <si>
    <t>【伊喀拓】轴端组件\HWL2060N\20065483</t>
  </si>
  <si>
    <t>【伊喀拓】轴端组件\HWL2080N\20146955</t>
  </si>
  <si>
    <t>【伊喀拓】轴端组件\HWL2100N\20146957</t>
  </si>
  <si>
    <t>【伊喀拓】轴端垫片\HWL2060N</t>
  </si>
  <si>
    <t>【伊喀拓】轴端垫片\HWL2080N</t>
  </si>
  <si>
    <t>【伊喀拓】轴端垫片\HWL2100N</t>
  </si>
  <si>
    <t>【伊喀拓】关断装置密封圈\HWL2060N\5775</t>
  </si>
  <si>
    <t>【伊喀拓】关断装置密封圈\HWL2080N\5775</t>
  </si>
  <si>
    <t>【伊喀拓】关断装置密封圈\HWL2100N\5775</t>
  </si>
  <si>
    <t>【伊喀拓】夹紧法兰\HWL2060N\20179646</t>
  </si>
  <si>
    <t>【伊喀拓】夹紧法兰\HWL2080N\20178507</t>
  </si>
  <si>
    <t>【伊喀拓】夹紧法兰\HWL2100N\20178508</t>
  </si>
  <si>
    <t>【MUT】齿轮箱\MPG-SK4282\M1.5.4</t>
  </si>
  <si>
    <t>帕诺纳玛(北京)贸易有限公司</t>
  </si>
  <si>
    <t>MUT</t>
  </si>
  <si>
    <t>WZSCCG-2019-XB-015</t>
  </si>
  <si>
    <t>帕诺纳玛-德国MUT搅拌器备件长协采购</t>
  </si>
  <si>
    <t>【MUT】齿轮箱\MPG-SK5282\M1.5.5</t>
  </si>
  <si>
    <t>【MUT】齿轮箱\MPG-SK6282\M1.5.6</t>
  </si>
  <si>
    <t>【MUT】齿轮箱\MPG-SK7282\M1.5.7</t>
  </si>
  <si>
    <t>【MUT】齿轮箱\MPG-SK8282\M1.5.8</t>
  </si>
  <si>
    <t>【MUT】齿轮箱齿轴\MPGC-SK4282-700\M2.1.11.700</t>
  </si>
  <si>
    <t>【MUT】齿轮箱齿轴\MPGC-SK4282-700\M2.1.15.700</t>
  </si>
  <si>
    <t>【MUT】齿轮箱齿轴\MPGC-SK5282-700\M2.1.22.700</t>
  </si>
  <si>
    <t>【MUT】齿轮箱齿轴\MPGC-SK7282-700\M2.1.37.700</t>
  </si>
  <si>
    <t>【MUT】齿轮箱齿轴\MPGC-SK8282-700\M2.2.55.700</t>
  </si>
  <si>
    <t>【MUT】齿轮箱齿轴\SMPGC-K7282-700\M2.1.45.700</t>
  </si>
  <si>
    <t>【MUT】齿轮箱齿轴\MPGC-SK8282-700\M2.1.55.700</t>
  </si>
  <si>
    <t>【MUT】齿轮箱齿轴\MPGC-SK6282-700\M2.1.30.700</t>
  </si>
  <si>
    <t>【MUT】齿轮箱膨胀油箱\MPGP-SK4282/15KW\M1.7.15</t>
  </si>
  <si>
    <t>【MUT】齿轮箱膨胀油箱\MPGP-SK5282/22KW\M1.7.22</t>
  </si>
  <si>
    <t>【MUT】齿轮箱膨胀油箱\MPGP-SK6282/30KW\M1.7.30</t>
  </si>
  <si>
    <t>【MUT】齿轮箱膨胀油箱\MPGP-SK7282/37KW/45KW\M1.7.45</t>
  </si>
  <si>
    <t>【MUT】齿轮箱膨胀油箱\MPGP-SK8282/55KW\M1.7.55</t>
  </si>
  <si>
    <t>【MUT】齿轮箱输出大齿轮\MPGC-SK4282-620\M2.1.11.620</t>
  </si>
  <si>
    <t>【MUT】齿轮箱输出大齿轮\MPGC-SK4282-620\M2.1.15.620</t>
  </si>
  <si>
    <t>【MUT】齿轮箱输出大齿轮\MPGC-SK5282-620\M2.1.22.620</t>
  </si>
  <si>
    <t>【MUT】齿轮箱输出大齿轮\MPGC-SK6282-620\M2.1.30.620</t>
  </si>
  <si>
    <t>【MUT】齿轮箱输出大齿轮\MPGC-SK7282-620\M2.1.45.620</t>
  </si>
  <si>
    <t>【MUT】齿轮箱输出大齿轮\MPGC-SK7282-620\M2.1.37.620</t>
  </si>
  <si>
    <t>【MUT】齿轮箱输出大齿轮\MPGC-SK8282-620\M2.2.55.620</t>
  </si>
  <si>
    <t>【MUT】齿轮箱输出大齿轮\MPGC-SK8282-620\M2.1.55.620</t>
  </si>
  <si>
    <t>【MUT】齿轮箱输入齿\MPGC-SK4282-701\M2.1.11.701</t>
  </si>
  <si>
    <t>【MUT】齿轮箱输入齿\MPGC-SK4282-701\M2.1.15.701</t>
  </si>
  <si>
    <t>【MUT】齿轮箱输入齿\MPGC-SK5282-701\M2.1.22.701</t>
  </si>
  <si>
    <t>【MUT】齿轮箱输入齿\MPGC-SK6282-701\M2.1.30.701</t>
  </si>
  <si>
    <t>【MUT】齿轮箱输入齿\MPGC-SK7282-701\M2.1.37.701</t>
  </si>
  <si>
    <t>【MUT】齿轮箱输入齿\MPGC-SK7282-701\M2.1.45.701</t>
  </si>
  <si>
    <t>【MUT】齿轮箱输入齿\MPGC-SK8282-701\M2.1.55.701</t>
  </si>
  <si>
    <t>【MUT】齿轮箱输入齿\MPGC-SK8282-701\M2.2.55.701</t>
  </si>
  <si>
    <t>【MUT】齿轮箱油封\MPGS-SK5282\M1.6.5</t>
  </si>
  <si>
    <t>【MUT】齿轮箱油封\MPGS-SK6282\M1.6.6</t>
  </si>
  <si>
    <t>【MUT】齿轮箱油封\MPGS-SK8282\M1.6.8</t>
  </si>
  <si>
    <t>【MUT】齿轮箱油封\MPGS-SK7282\M1.6.7</t>
  </si>
  <si>
    <t>【MUT】电机\MPM-11KW/160MP\N1.1.11</t>
  </si>
  <si>
    <t>【MUT】电机\MPM-15KW/160LP\N1.1.15</t>
  </si>
  <si>
    <t>【MUT】电机\MPM-22KW/180LP\N1.1.22</t>
  </si>
  <si>
    <t>【MUT】电机\MPM-30KW/225RP\N1.1.30</t>
  </si>
  <si>
    <t>【MUT】电机\MPM-37KW/225SP\N1.1.37</t>
  </si>
  <si>
    <t>【MUT】电机\MPM-45KW/225MP\N1.1.45</t>
  </si>
  <si>
    <t>【MUT】电机\MPM-55KW/250WP\N1.1.55</t>
  </si>
  <si>
    <t>【MUT】电机输出齿\MPMC-30KW/225RP\N1.2.11</t>
  </si>
  <si>
    <t>【MUT】电机输出齿\MPMC-15KW/160LP\N1.2.15</t>
  </si>
  <si>
    <t>【MUT】电机输出齿\MPMC-11KW/160MP\N1.2.22</t>
  </si>
  <si>
    <t>【MUT】电机输出齿\MPMC-22KW/180LP\N1.2.30</t>
  </si>
  <si>
    <t>【MUT】电机输出齿\MPMC-45KW/225MP\N1.2.37</t>
  </si>
  <si>
    <t>【MUT】电机输出齿\MPMC-37KW/225SP\N1.2.45</t>
  </si>
  <si>
    <t>【MUT】电机输出齿\MPMC-55KW/250WP\N1.2.55</t>
  </si>
  <si>
    <t>【MUT】电机油封\MPMS-11KW/160MP\N1.3.11</t>
  </si>
  <si>
    <t>【MUT】电机油封\MPMS-15KW/160LP\N1.3.15</t>
  </si>
  <si>
    <t>【MUT】电机油封\MPMS-22KW/180LP\N1.3.22</t>
  </si>
  <si>
    <t>【MUT】电机油封\MPMS-30KW/225RP\N1.3.30</t>
  </si>
  <si>
    <t>【MUT】电机油封\MPMS-37KW/225SP\N1.3.37</t>
  </si>
  <si>
    <t>【MUT】电机油封\MPMS-45KW/225MP\N1.3.45</t>
  </si>
  <si>
    <t>【MUT】电机油封\MPMS-55KW/250WP\N1.3.55</t>
  </si>
  <si>
    <t>【MUT】机械密封\TDSL2-60\M1.1.6</t>
  </si>
  <si>
    <t>【MUT】机械密封\TDSL2-80\M1.1.8</t>
  </si>
  <si>
    <t>【MUT】机械密封\TDSL2-100\M1.1.10</t>
  </si>
  <si>
    <t>【MUT】搅拌器轴\SR3\M1.3.6</t>
  </si>
  <si>
    <t>【MUT】搅拌器轴\SR4\M1.3.8</t>
  </si>
  <si>
    <t>【MUT】搅拌器轴\SR5\M1.3.10</t>
  </si>
  <si>
    <t>【MUT】叶轮\SR3\M1.2.95</t>
  </si>
  <si>
    <t>【MUT】叶轮\SR4\M1.2.12</t>
  </si>
  <si>
    <t>【MUT】叶轮\SR5\M1.2.14</t>
  </si>
  <si>
    <t>【MUT】叶轮紧固件\SR3\M1.4.3</t>
  </si>
  <si>
    <t>【MUT】叶轮紧固件\SR4\M1.4.4</t>
  </si>
  <si>
    <t>【MUT】叶轮紧固件\SR5\M1.4.5</t>
  </si>
  <si>
    <t>【AKW】石灰石旋流子\KRTS3128\150</t>
  </si>
  <si>
    <t>上海固可曼分离工艺设备有限公司</t>
  </si>
  <si>
    <t>AKW</t>
  </si>
  <si>
    <t>WZSCCG-2019-XB-014</t>
  </si>
  <si>
    <t>上海固可曼公司AKW旋流器备件长协采购</t>
  </si>
  <si>
    <t>【AKW】石灰石旋流子锥筒\ZF99\150</t>
  </si>
  <si>
    <t>【AKW】石灰石旋流子溢流嘴\ZF5\150</t>
  </si>
  <si>
    <t>【AKW】石灰石旋流子进料头\ZF1\150</t>
  </si>
  <si>
    <t>【AKW】石灰石旋流子卡箍\150</t>
  </si>
  <si>
    <t>【AKW】石膏旋流子\KRTS2128\100</t>
  </si>
  <si>
    <t>【AKW】石膏旋流子锥筒\ZS99\100</t>
  </si>
  <si>
    <t>【AKW】石膏旋流子溢流嘴\ZS5\100</t>
  </si>
  <si>
    <t>【AKW】石膏旋流子进料头\CS1\100</t>
  </si>
  <si>
    <t>【AKW】石膏旋流子卡箍\100</t>
  </si>
  <si>
    <t>【AKW】废水旋流子\RWT105\50</t>
  </si>
  <si>
    <t>【AKW】废水旋流子进料头\AF1\50</t>
  </si>
  <si>
    <t>【AKW】废水旋流子溢流嘴\AE5\50</t>
  </si>
  <si>
    <t>【AKW】废水旋流子卡箍\50</t>
  </si>
  <si>
    <t>【AKW】石膏双体旋流子\TRS2128\100</t>
  </si>
  <si>
    <t>【AKW】石膏双体进料头\CST1\100</t>
  </si>
  <si>
    <t>【AKW】沉沙嘴\ZW94\150</t>
  </si>
  <si>
    <t>【AKW】沉沙嘴\ZW94\100</t>
  </si>
  <si>
    <t>【AKW】沉沙嘴\ZW942\150</t>
  </si>
  <si>
    <t>【AKW】沉沙嘴\ZW942\100</t>
  </si>
  <si>
    <t>【AKW】沉沙嘴\AE94\50</t>
  </si>
  <si>
    <t>【AKW】沉沙嘴\AE942\50</t>
  </si>
  <si>
    <t>【AKW】石灰石溢流弯管\150</t>
  </si>
  <si>
    <t>【AKW】石膏溢流弯管\100</t>
  </si>
  <si>
    <t>【AKW】废水溢流弯管\50</t>
  </si>
  <si>
    <t>【AKW】底流软管\150\φ90-75</t>
  </si>
  <si>
    <t>【AKW】底流软管\100\φ90-75</t>
  </si>
  <si>
    <t>【AKW】底流软管\150\φ100/76</t>
  </si>
  <si>
    <t>【AKW】底流软管\100\φ100/76</t>
  </si>
  <si>
    <t>【AKW】底流软管\50\φ40/32</t>
  </si>
  <si>
    <t>【AKW】石灰石进料弯头\150\DN80</t>
  </si>
  <si>
    <t>【AKW】石膏进料弯头\100\DN50</t>
  </si>
  <si>
    <t>【AKW】废水进料弯头\50\DN50-DN32</t>
  </si>
  <si>
    <t>【烟台桑尼】浆液分配器\SE-BLQ-3200\3800mm×400mm850mm\DU80.0/3200\YE111-23</t>
  </si>
  <si>
    <t>WZSCCG-2019-BJ-015</t>
  </si>
  <si>
    <t>国家能源e购商城  烟台桑尼真空皮带脱水机备件长协采购</t>
  </si>
  <si>
    <t>【烟台桑尼】浆液分配器\SE-BLQ-4000\4600mm\DU-100M2/4000\YE111-23</t>
  </si>
  <si>
    <t>【烟台桑尼】电源控制柜\SE-KZG-10\750mm×400mm×850mm\DU- 2.4㎡/600\YE111-23</t>
  </si>
  <si>
    <t>【烟台桑尼】电源控制柜\SE-KZG-10\750mm×400mm×850mm\DU-4.2㎡/600\YE111-23</t>
  </si>
  <si>
    <t>【烟台桑尼】电源控制柜\SE-KZG-10\750mm×400mm×850mm\DU-8.1m2/900\YE111-23</t>
  </si>
  <si>
    <t>【烟台桑尼】电源控制柜\SE-KZG-10\750mm×400mm×850mm\DU-9.5m²/900\YE111-23</t>
  </si>
  <si>
    <t>【烟台桑尼】电源控制柜\SE-KZG-20\750mm×400mm×850mm\DU10.4M2/1300\YE111-23</t>
  </si>
  <si>
    <t>【烟台桑尼】电源控制柜\SE-KZG-20\750mm×400mm×850mm\DU-11.7/1300\YE111-23</t>
  </si>
  <si>
    <t>【烟台桑尼】电源控制柜\SE-KZG-20\750mm×400mm×850mm\DU-13M2/1300\YE111-23</t>
  </si>
  <si>
    <t>【烟台桑尼】电源控制柜\SE-KZG-20\750mm×400mm×850mm\DU-15M2/1500\YE111-23</t>
  </si>
  <si>
    <t>【烟台桑尼】电源控制柜\SE-KZG-20\750mm×400mm×850mm\DU17.0M2/1300\YE111-23</t>
  </si>
  <si>
    <t>【烟台桑尼】电源控制柜\SE-KZG-20\750mm×400mm×850mm\DU19.2/1600\YE111-23</t>
  </si>
  <si>
    <t>【烟台桑尼】滤布舒张辊\SE-GZSZ-3000\φ150mm×3600mm\DU-51M2/3000\YE-111-15-01</t>
  </si>
  <si>
    <t>【烟台桑尼】滤布舒张辊\SE-GZSZ-3000\φ150mm×3600mm\DU-54M2/3000\YE-111-15-01</t>
  </si>
  <si>
    <t>【烟台桑尼】滤布舒张辊\SE-GZSZ-3200\φ150mm×3600mm\DU-57.6㎡/3200\YE-111-15-01</t>
  </si>
  <si>
    <t>【烟台桑尼】滤布舒张辊\SE-GZSZ-3200\φ150mm×3600mm\DU60.0/3150\YE-111-15-01</t>
  </si>
  <si>
    <t>【烟台桑尼】滤布舒张辊\SE-GZSZ-3200\φ150mm×3600mm\DU-64㎡/3200\YE-111-15-01</t>
  </si>
  <si>
    <t>【烟台桑尼】滤布舒张辊\SE-GZSZ-3200\φ150mm×3600mm\DU-76.8M2/3200\YE-111-15-01</t>
  </si>
  <si>
    <t>【烟台桑尼】滤布舒张辊\SE-GZSZ-2500\φ150mm×3100mm\DU-37.5M2/2500\YE-111-15-01</t>
  </si>
  <si>
    <t>【烟台桑尼】滤布舒张辊\SE-GZSZ-2800\φ150mm×3400mm\DU33.6M2/2800\YE-111-15-01</t>
  </si>
  <si>
    <t>【烟台桑尼】滤布舒张辊\SE-GZSZ-3000\φ150mm×3600mm\DU-39㎡/3000\YE-111-15-01</t>
  </si>
  <si>
    <t>【烟台桑尼】滤布舒张辊\SE-GZSZ-3000\φ150mm×3600mm\DU42M2/3000\YE-111-15-01</t>
  </si>
  <si>
    <t>【烟台桑尼】滤布舒张辊\SE-GZSZ-3000\φ150mm×3600mm\DU－45㎡/3000\YE-111-15-01</t>
  </si>
  <si>
    <t>【烟台桑尼】滤布舒张辊\SE-GZSZ-3000\φ150mm×3600mm\DU－48㎡/3000\YE-111-15-01</t>
  </si>
  <si>
    <t>【烟台桑尼】滤布舒张辊\SE-GZSZ-3200\φ150mm×3600mm\DU80.0/3200\YE-111-15-01</t>
  </si>
  <si>
    <t>【烟台桑尼】滤布舒张辊\SE-GZSZ-4000\φ150mm×4600mm\DU-100M2/4000\YE-111-15-01</t>
  </si>
  <si>
    <t>【烟台桑尼】卸料刮刀\SE-GD-600\150mm×900mm×12mm\DU- 2.4㎡/600\YE111-16</t>
  </si>
  <si>
    <t>【烟台桑尼】卸料刮刀\SE-GD-600\150mm×900mm×12mm\DU-4.2㎡/600\YE111-16</t>
  </si>
  <si>
    <t>【烟台桑尼】卸料刮刀\SE-GD-900\150mm×1200mm×12mm\DU-8.1m2/900\YE111-16</t>
  </si>
  <si>
    <t>【烟台桑尼】卸料刮刀\SE-GD-900\150mm×1200mm×12mm\DU-9.5㎡/900\YE111-16</t>
  </si>
  <si>
    <t>【烟台桑尼】电源控制柜\SE-KZG-30\750mm×400mm×850mm\DU-21.6/1800\YE111-23</t>
  </si>
  <si>
    <t>【烟台桑尼】电源控制柜\SE-KZG-30\750mm×400mm×850mm\DU22㎡/2000\YE111-23</t>
  </si>
  <si>
    <t>【烟台桑尼】电源控制柜\SE-KZG-30\750mm×400mm×850mm\DU24㎡/2000\YE111-23</t>
  </si>
  <si>
    <t>【烟台桑尼】电源控制柜\SE-KZG-30\750mm×400mm×850mm\DU26M2/2000\YE111-23</t>
  </si>
  <si>
    <t>【烟台桑尼】电源控制柜\SE-KZG-30\750mm×400mm×850mm\DU27.5/2500\YE111-23</t>
  </si>
  <si>
    <t>【烟台桑尼】电源控制柜\SE-KZG-40\750mm×400mm×850mm\DU-30m²/2500\YE111-23</t>
  </si>
  <si>
    <t>【烟台桑尼】电源控制柜\SE-KZG-40\800mm×500mm×1000mm\DU33.6M2/2800\YE111-23</t>
  </si>
  <si>
    <t>【烟台桑尼】电源控制柜\SE-KZG-40\800mm×500mm×1000mm\DU32.5㎡/2500\YE111-23</t>
  </si>
  <si>
    <t>【烟台桑尼】电源控制柜\SE-KZG-40\800mm×500mm×1000mm\DU-35M2/2500\YE111-23</t>
  </si>
  <si>
    <t>【烟台桑尼】电源控制柜\SE-KZG-40\800mm×500mm×1000mm\DU-37.5M2/2500\YE111-23</t>
  </si>
  <si>
    <t>【烟台桑尼】电源控制柜\SE-KZG-40\800mm×500mm×1000mm\DU-39㎡/3000\YE111-23</t>
  </si>
  <si>
    <t>【烟台桑尼】电源控制柜\SE-KZG-50\800mm×500mm×1000mm\DU42M2/3000\YE111-23</t>
  </si>
  <si>
    <t>【烟台桑尼】卸料刮刀\SE-GD-1300\150mm×1500mm×12mm\DU10.4M2/1300\YE111-16</t>
  </si>
  <si>
    <t>【烟台桑尼】卸料刮刀\SE-GD-1300\150mm×1500mm×12mm\DU-11.7/1300\YE111-16</t>
  </si>
  <si>
    <t>【烟台桑尼】卸料刮刀\SE-GD-1300\150mm×1500mm×12mm\DU-13M2/1300\YE111-16</t>
  </si>
  <si>
    <t>【烟台桑尼】卸料刮刀\SE-GD-1300\150mm×1500mm×12mm\DU17.0M2/1300\YE111-16</t>
  </si>
  <si>
    <t>【烟台桑尼】卸料刮刀\SE-GD-1500\150mm×1800mm×12mm\DU-15M2/1500\YE111-16</t>
  </si>
  <si>
    <t>【烟台桑尼】卸料刮刀\SE-GD-1600\150mm×1900mm×12mm\DU19.2/1600\YE111-16</t>
  </si>
  <si>
    <t>【烟台桑尼】卸料刮刀\SE-GD-1800\150mm×2100mm×12mm\DU-21.6/1800\YE111-16</t>
  </si>
  <si>
    <t>【烟台桑尼】卸料刮刀\SE-GD-2000\150mm×2300mm×12mm\DU22㎡/2000\YE111-16</t>
  </si>
  <si>
    <t>【烟台桑尼】卸料刮刀\SE-GD-2000\150mm×2300mm×12mm\DU24㎡/2000\YE111-16</t>
  </si>
  <si>
    <t>【烟台桑尼】卸料刮刀\SE-GD-2000\150mm×2300mm×12mm\DU26M2/2000\YE111-16</t>
  </si>
  <si>
    <t>【烟台桑尼】卸料刮刀\SE-GD-2500\150mm×2800mm×12mm\DU27.5/2500\YE111-16</t>
  </si>
  <si>
    <t>【烟台桑尼】卸料刮刀\SE-GD-2500\150mm×2800mm×12mm\DU-30㎡/2500\YE111-16</t>
  </si>
  <si>
    <t>【烟台桑尼】电源控制柜\SE-KZG-50\800mm×500mm×1000mm\DU－45㎡/3000\YE111-23</t>
  </si>
  <si>
    <t>【烟台桑尼】电源控制柜\SE-KZG-50\800mm×500mm×1000mm\DU－48㎡/3000\YE111-23</t>
  </si>
  <si>
    <t>【烟台桑尼】电源控制柜\SE-KZG-60\800mm×500mm×1000mm\DU-51M2/3000\YE111-23</t>
  </si>
  <si>
    <t>【烟台桑尼】电源控制柜\SE-KZG-60\800mm×500mm×1000mm\DU-54M2/3000\YE111-23</t>
  </si>
  <si>
    <t>【烟台桑尼】电源控制柜\SE-KZG-60\800mm×500mm×1000mm\DU-57.6㎡/3200\YE111-23</t>
  </si>
  <si>
    <t>【烟台桑尼】电源控制柜\SE-KZG-80\800mm×500mm×1000mm\DU60.0/3150\YE111-23</t>
  </si>
  <si>
    <t>【烟台桑尼】电源控制柜\SE-KZG-80\800mm×500mm×1000mm\DU-64m²/3200\YE111-23</t>
  </si>
  <si>
    <t>【烟台桑尼】电源控制柜\SE-KZG-80\800mm×500mm×1000mm\DU-76.8M2/3200\YE111-23</t>
  </si>
  <si>
    <t>【烟台桑尼】电源控制柜\SE-KZG-100\800mm×500mm×1000mm\DU80.0/3200\YE111-23</t>
  </si>
  <si>
    <t>【烟台桑尼】电源控制柜\SE-KZG-100\800mm×500mm×1000mm\DU-100M2/4000\YE111-23</t>
  </si>
  <si>
    <t>【烟台桑尼】滤布张紧辊\SE-GZZJ-600\φ180mm×1200mm\DU- 2.4㎡/600\YE111-22</t>
  </si>
  <si>
    <t>【烟台桑尼】滤布张紧辊\SE-GZZJ-600\φ180mm×1200mm\DU-4.2㎡/600\YE111-22</t>
  </si>
  <si>
    <t>【烟台桑尼】卸料刮刀\SE-GD-2500\150mm×2800mm×12mm\DU32.5㎡/2500\YE111-16</t>
  </si>
  <si>
    <t>【烟台桑尼】卸料刮刀\SE-GD-2500\150mm×2800mm×12mm\DU-35M2/2500\YE111-16</t>
  </si>
  <si>
    <t>【烟台桑尼】卸料刮刀\SE-GD-2500\150mm×2800mm×12mm\DU-37.5M2/2500\YE111-16</t>
  </si>
  <si>
    <t>【烟台桑尼】卸料刮刀\SE-GD-2800\150mm×3100mm×12mm\DU33.6M2/2800\YE111-16</t>
  </si>
  <si>
    <t>【烟台桑尼】卸料刮刀\SE-GD-3000\150mm×3300mm×12mm\DU-39㎡/3000\YE111-16</t>
  </si>
  <si>
    <t>【烟台桑尼】卸料刮刀\SE-GD-3000\150mm×3300mm×12mm\DU42M2/3000\YE111-16</t>
  </si>
  <si>
    <t>【烟台桑尼】卸料刮刀\SE-GD-3000\150mm×3300mm×12mm\DU－45㎡/3000\YE111-16</t>
  </si>
  <si>
    <t>【烟台桑尼】卸料刮刀\SE-GD-3000\150mm×3300mm×12mm\DU－48㎡/3000\YE111-16</t>
  </si>
  <si>
    <t>【烟台桑尼】卸料刮刀\SE-GD-3000\150mm×3300mm×12mm\DU-51M2/3000\YE111-16</t>
  </si>
  <si>
    <t>【烟台桑尼】卸料刮刀\SE-GD-3000\150mm×3300mm×12mm\DU-54M2/3000\YE111-16</t>
  </si>
  <si>
    <t>【烟台桑尼】卸料刮刀\SE-GD-3200\150mm×3500mm×12mm\DU-57.6㎡/3200\YE111-16</t>
  </si>
  <si>
    <t>【烟台桑尼】卸料刮刀\SE-GD-3200\150mm×3500mm×12mm\DU60.0/3150\YE111-16</t>
  </si>
  <si>
    <t>【烟台桑尼】滤布张紧辊\SE-GZZJ-900\φ180mm×1500mm\DU-8.1m2/900\YE111-22</t>
  </si>
  <si>
    <t>【烟台桑尼】滤布张紧辊\SE-GZZJ-900\φ180mm×1500mm\DU-9.5㎡/900\YE111-22</t>
  </si>
  <si>
    <t>【烟台桑尼】滤布张紧辊\SE-GZZJ-1300\φ180mm×1900mm\DU10.4M2/1300\YE111-22</t>
  </si>
  <si>
    <t>【烟台桑尼】滤布张紧辊\SE-GZZJ-1300\φ180mm×1900mm\DU-11.7/1300\YE111-22</t>
  </si>
  <si>
    <t>【烟台桑尼】滤布张紧辊\SE-GZZJ-1300\φ180mm×1900mm\DU-13M2/1300\YE111-22</t>
  </si>
  <si>
    <t>【烟台桑尼】滤布张紧辊\SE-GZZJ-1300\φ180mm×1900mm\DU17.0M2/1300\YE111-22</t>
  </si>
  <si>
    <t>【烟台桑尼】滤布张紧辊\SE-GZZJ-1500\φ180mm×2100mm\DU-15M2/1500\YE111-22</t>
  </si>
  <si>
    <t>【烟台桑尼】滤布张紧辊\SE-GZZJ-1600\φ180mm×2200mm\DU19.2/1600\YE111-22</t>
  </si>
  <si>
    <t>【烟台桑尼】滤布张紧辊\SE-GZZJ-1800\φ180mm×2400mm\DU-21.6/1800\YE111-22</t>
  </si>
  <si>
    <t>【烟台桑尼】滤布张紧辊\SE-GZZJ-2000\φ180mm×2600mm\DU22㎡/2000\YE111-22</t>
  </si>
  <si>
    <t>【烟台桑尼】滤布张紧辊\SE-GZZJ-2000\φ180mm×2600mm\DU24㎡/2000\YE111-22</t>
  </si>
  <si>
    <t>【烟台桑尼】滤布张紧辊\SE-GZZJ-2000\φ180mm×2600mm\DU26M2/2000\YE111-22</t>
  </si>
  <si>
    <t>【烟台桑尼】卸料刮刀\SE-GD-3200\150mm×3500mm×12mm\DU-64㎡/3200\YE111-16</t>
  </si>
  <si>
    <t>【烟台桑尼】卸料刮刀\SE-GD-3200\150mm×3500mm×12mm\DU-76.8M2/3200\YE111-16</t>
  </si>
  <si>
    <t>【烟台桑尼】卸料刮刀\SE-GD-3200\150mm×3500mm×12mm\DU80.0/3200\YE111-16</t>
  </si>
  <si>
    <t>【烟台桑尼】卸料刮刀\SE-GD-4000\150mm×4300mm×12mm\DU-100M2/4000\YE111-16</t>
  </si>
  <si>
    <t>【烟台桑尼】卸料刮刀\SE-GD-4000-1\150mm×4300mm×12mm\DU-100M2/4000\YE111-16</t>
  </si>
  <si>
    <t>【烟台桑尼】胶带上托辊\φ89\DU-2.4/100M2\YT111-03</t>
  </si>
  <si>
    <t>【烟台桑尼】胶带上托辊\φ108\DU-2.4/100M2\YT111-03</t>
  </si>
  <si>
    <t>【烟台桑尼】纠偏气囊\SE-QN-130\φ130\DU- 2.4㎡-30㎡\YE111-20-01</t>
  </si>
  <si>
    <t>【烟台桑尼】纠偏气囊\SE-QN-160\φ160\DU- 30㎡-100㎡\YE111-20-01</t>
  </si>
  <si>
    <t>【烟台桑尼】滤布\DZ-PP-35\1.0mm\DU-2.4/30M2\YE111-26</t>
  </si>
  <si>
    <t>【烟台桑尼】滤布\DZ-PET-35\1.8mm\DU-30/100M2\YE111-26</t>
  </si>
  <si>
    <t>【烟台桑尼】过滤胶带\SE-GLD-20\20mm\DU- 2.4㎡-20㎡\YE111-09-01</t>
  </si>
  <si>
    <t>【烟台桑尼】滤布张紧辊\SE-GZZJ-2500\φ180mm×3100mm\DU27.5/2500\YE111-22</t>
  </si>
  <si>
    <t>【烟台桑尼】滤布张紧辊\SE-GZZJ-2500\φ180mm×3100mm\DU-30㎡/2500\YE111-22</t>
  </si>
  <si>
    <t>【烟台桑尼】滤布张紧辊\SE-GZZJ-2500\φ180mm×3100mm\DU32.5㎡/2500\YE111-22</t>
  </si>
  <si>
    <t>【烟台桑尼】滤布张紧辊\SE-GZZJ-2500\φ180mm×3100mm\DU-35M2/2500\YE111-22</t>
  </si>
  <si>
    <t>【烟台桑尼】滤布张紧辊\SE-GZZJ-2500\φ180mm×3100mm\DU-37.5M2/2500\YE111-22</t>
  </si>
  <si>
    <t>【烟台桑尼】滤布张紧辊\SE-GZZJ-2800\φ180mm×3400mm\DU33.6M2/2800\YE111-22</t>
  </si>
  <si>
    <t>【烟台桑尼】滤布张紧辊\SE-GZZJ-3000\φ180mm×3600mm\DU-39㎡/3000\YE111-22</t>
  </si>
  <si>
    <t>【烟台桑尼】滤布张紧辊\SE-GZZJ-3000\φ180mm×3600mm\DU42M2/3000\YE111-22</t>
  </si>
  <si>
    <t>【烟台桑尼】滤布张紧辊\SE-GZZJ-3000\φ180mm×3600mm\DU－45㎡/3000\YE111-22</t>
  </si>
  <si>
    <t>【烟台桑尼】滤布张紧辊\SE-GZZJ-3000\φ180mm×3600mm\DU－48㎡/3000\YE111-22</t>
  </si>
  <si>
    <t>【烟台桑尼】滤布张紧辊\SE-GZZJ-3000\φ180mm×3600mm\DU-51M2/3000\YE111-22</t>
  </si>
  <si>
    <t>【烟台桑尼】滤布张紧辊\SE-GZZJ-3000\φ180mm×3600mm\DU-54M2/3000\YE111-22</t>
  </si>
  <si>
    <t>【烟台桑尼】过滤胶带\SE-GLD-25\25mm\DU- 20㎡-35㎡\YE111-09-01</t>
  </si>
  <si>
    <t>【烟台桑尼】过滤胶带\SE-GLD-30\30mm\DU- 35㎡-45㎡\YE111-09-01</t>
  </si>
  <si>
    <t>【烟台桑尼】过滤胶带\SE-GLD-35\35mm\DU- 45㎡-100㎡\YE111-09-01</t>
  </si>
  <si>
    <t>【烟台桑尼】滤布纠偏装置\SE-JP-02\DU- 2.4㎡-100㎡\YT111-20</t>
  </si>
  <si>
    <t>【烟台桑尼】带座轴承\UCCP-205/206\φ25-30mm\DU- 2.4㎡-20㎡\YT111-24</t>
  </si>
  <si>
    <t>【烟台桑尼】带座轴承\UCCP207/208\φ35-40mm\DU- 20㎡-35㎡\YT111-24</t>
  </si>
  <si>
    <t>【烟台桑尼】带座轴承\UCCP210\φ50\DU- 35㎡-45㎡\YT111-24</t>
  </si>
  <si>
    <t>【烟台桑尼】带座轴承\UCCP212\φ60\DU- 45㎡-100㎡\YT111-24</t>
  </si>
  <si>
    <t>【烟台桑尼】集液管\φ114mm\DU2.4/30\YE111-30</t>
  </si>
  <si>
    <t>【烟台桑尼】集液管\φ138mm\DU30/100\YE111-30</t>
  </si>
  <si>
    <t>【烟台桑尼】裙边挡板\SE-QB-50/100\50mm×100mm\DU- 2.4㎡-100㎡\YE111-09-02</t>
  </si>
  <si>
    <t>【烟台桑尼】滤布冲洗喷嘴\SECC1/4-SS-9505\1/4\DU-2.4/100M2\YT111-27</t>
  </si>
  <si>
    <t>【烟台桑尼】真空盒\SE-ZKH-10\210mm×200mm\DU- 2.4㎡/600\YE111-02-01</t>
  </si>
  <si>
    <t>【烟台桑尼】真空盒\SE-ZKH-10\210mm×200mm\DU-4.2㎡/600\YE111-02-01</t>
  </si>
  <si>
    <t>【烟台桑尼】真空盒\SE-ZKH-10\210mm×200mm\DU-8.1m2/900\YE111-02-01</t>
  </si>
  <si>
    <t>【烟台桑尼】真空盒\SE-ZKH-10\210mm×200mm\DU-9.5m²/900\YE111-02-01</t>
  </si>
  <si>
    <t>【烟台桑尼】真空盒\SE-ZKH-20\210mm×200mm\DU10.4M2/1300\YE111-02-01</t>
  </si>
  <si>
    <t>【烟台桑尼】真空盒\SE-ZKH-20\210mm×200mm\DU-11.7/1300\YE111-02-01</t>
  </si>
  <si>
    <t>【烟台桑尼】真空盒\SE-ZKH-20\210mm×200mm\DU-13M2/1300\YE111-02-01</t>
  </si>
  <si>
    <t>【烟台桑尼】真空盒\SE-ZKH-20\210mm×200mm\DU-15M2/1500\YE111-02-01</t>
  </si>
  <si>
    <t>【烟台桑尼】真空盒\SE-ZKH-20\210mm×200mm\DU17.0M2/1300\YE111-02-01</t>
  </si>
  <si>
    <t>【烟台桑尼】真空盒\SE-ZKH-20\210mm×200mm\DU19.2/1600\YE111-02-01</t>
  </si>
  <si>
    <t>【烟台桑尼】真空盒\SE-ZKH-30\210mm×200mm\DU-21.6/1800\YE111-02-01</t>
  </si>
  <si>
    <t>【烟台桑尼】滤布张紧辊\SE-GZZJ-3200\φ180mm×3700mm\DU-57.6㎡/3200\YE111-22</t>
  </si>
  <si>
    <t>【烟台桑尼】滤布张紧辊\SE-GZZJ-3200\φ180mm×3700mm\DU60.0/3150\YE111-22</t>
  </si>
  <si>
    <t>【烟台桑尼】滤布张紧辊\SE-GZZJ-3200\φ180mm×3700mm\DU-64㎡/3200\YE111-22</t>
  </si>
  <si>
    <t>【烟台桑尼】滤布张紧辊\SE-GZZJ-3200\φ180mm×3700mm\DU-76.8M2/3200\YE111-22</t>
  </si>
  <si>
    <t>【烟台桑尼】滤布张紧辊\SE-GZZJ-3200\φ180mm×3700mm\DU80.0/3200\YE111-22</t>
  </si>
  <si>
    <t>【烟台桑尼】滤布张紧辊\SE-GZZJ-4000\φ180mm×4600mm\DU-100M2/4000\YE111-22</t>
  </si>
  <si>
    <t>【烟台桑尼】滤布托辊\SE-GZGX-600\φ120mm×1200mm\DU- 2.4㎡/600\YE111-15-02</t>
  </si>
  <si>
    <t>【烟台桑尼】滤布托辊\SE-GZGX-600\φ120mm×1200mm\DU-4.2㎡/600\YE111-15-02</t>
  </si>
  <si>
    <t>【烟台桑尼】滤布托辊\SE-GZGX-900\φ120mm×1500mm\DU-8.1m2/900\YE111-15-02</t>
  </si>
  <si>
    <t>【烟台桑尼】滤布托辊\SE-GZGX-900\φ120mm×1500mm\DU-9.5㎡/900\YE111-15-02</t>
  </si>
  <si>
    <t>【烟台桑尼】滤布托辊\SE-GZGX-1300\φ150mm×1900mm\DU10.4M2/1300\YE111-15-02</t>
  </si>
  <si>
    <t>【烟台桑尼】滤饼冲洗喷嘴\DN50\YE111-25</t>
  </si>
  <si>
    <t>【烟台桑尼】立辊\SE-GZLG100/110\φ100mm×110mm\DU-2.4/100M2\YE111-08</t>
  </si>
  <si>
    <t>【烟台桑尼】摩擦带\SE-MCD-50\50mm\DU- 2.4㎡-100㎡\YE111-17</t>
  </si>
  <si>
    <t>【烟台桑尼】驱动辊轴承座\Z3518Y\φ90\DU-2.4/30M2\YE111-28</t>
  </si>
  <si>
    <t>【烟台桑尼】驱动辊轴承座\Z3526Y\φ130\DU-30/45M2\YE111-28</t>
  </si>
  <si>
    <t>【烟台桑尼】驱动辊轴承座\Z3532Y\φ160\DU-45/60M2\YE111-28</t>
  </si>
  <si>
    <t>【烟台桑尼】驱动辊轴承座\Z3536Y\φ180\DU-60/100M2\YE111-28</t>
  </si>
  <si>
    <t>【烟台桑尼】从动辊轴承座\3518\φ90\DU-2.4/30M2\YE111-29</t>
  </si>
  <si>
    <t>【烟台桑尼】从动辊轴承座\3526\φ130\DU-30/100M2\YE111-29</t>
  </si>
  <si>
    <t>【烟台桑尼】真空盒\SE-ZKH-30\210mm×200mm\DU22㎡/2000\YE111-02-01</t>
  </si>
  <si>
    <t>【烟台桑尼】真空盒\SE-ZKH-30\210mm×200mm\DU24㎡/2000\YE111-02-01</t>
  </si>
  <si>
    <t>【烟台桑尼】真空盒\SE-ZKH-30\210mm×200mm\DU26M2/2000\YE111-02-01</t>
  </si>
  <si>
    <t>【烟台桑尼】真空盒\SE-ZKH-30\210mm×200mm\DU27.5/2500\YE111-02-01</t>
  </si>
  <si>
    <t>【烟台桑尼】真空盒\SE-ZKH-40\210mm×200mm\DU-30m²/2500\YE111-02-01</t>
  </si>
  <si>
    <t>【烟台桑尼】真空盒\SE-ZKH-40\210mm×200mm\DU33.6M2/2800\YE111-02-01</t>
  </si>
  <si>
    <t>【烟台桑尼】真空盒\SE-ZKH-40\210mm×200mm\DU32.5㎡/2500\YE111-02-01</t>
  </si>
  <si>
    <t>【烟台桑尼】真空盒\SE-ZKH-40\210mm×200mm\DU-35M2/2500\YE111-02-01</t>
  </si>
  <si>
    <t>【烟台桑尼】真空盒\SE-ZKH-40\210mm×200mm\DU-37.5M2/2500\YE111-02-01</t>
  </si>
  <si>
    <t>【烟台桑尼】真空盒\SE-ZKH-40\210mm×200mm\DU-39㎡/3000\YE111-02-01</t>
  </si>
  <si>
    <t>【烟台桑尼】真空盒\SE-ZKH-50\210mm×200mm\DU42M2/3000\YE111-02-01</t>
  </si>
  <si>
    <t>【烟台桑尼】滤布托辊\SE-GZGX-1300\φ150mm×1900mm\DU-11.7/1300\YE111-15-02</t>
  </si>
  <si>
    <t>【烟台桑尼】滤布托辊\SE-GZGX-1300\φ150mm×1900mm\DU-13M2/1300\YE111-15-02</t>
  </si>
  <si>
    <t>【烟台桑尼】滤布托辊\SE-GZGX-1300\φ150mm×1900mm\DU17.0M2/1300\YE111-15-02</t>
  </si>
  <si>
    <t>【烟台桑尼】滤布托辊\SE-GZGX-1500\φ150mm×2100mm\DU-15M2/1500\YE111-15-02</t>
  </si>
  <si>
    <t>【烟台桑尼】滤布托辊\SE-GZGX-1600\φ150mm×2200mm\DU19.2/1600\YE111-15-02</t>
  </si>
  <si>
    <t>【烟台桑尼】滤布托辊\SE-GZGX-1800\φ150mm×2400mm\DU-21.6/1800\YE111-15-02</t>
  </si>
  <si>
    <t>【烟台桑尼】滤布托辊\SE-GZGX-2000\φ150mm×2600mm\DU22㎡/2000\YE111-15-02</t>
  </si>
  <si>
    <t>【烟台桑尼】滤布托辊\SE-GZGX-2000\φ150mm×2600mm\DU24㎡/2000\YE111-15-02</t>
  </si>
  <si>
    <t>【烟台桑尼】滤布托辊\SE-GZGX-2000\φ150mm×2600mm\DU26M2/2000\YE111-15-02</t>
  </si>
  <si>
    <t>【烟台桑尼】滤布托辊\SE-GZGX-2500\φ150mm×3100mm\DU27.5/2500\YE111-15-02</t>
  </si>
  <si>
    <t>【烟台桑尼】滤布托辊\SE-GZGX-2500\φ150mm×3100mm\DU-30㎡/2500\YE111-15-02</t>
  </si>
  <si>
    <t>【烟台桑尼】真空盒\SE-ZKH-50\210mm×200mm\DU－45㎡/3000\YE111-02-01</t>
  </si>
  <si>
    <t>【烟台桑尼】真空盒\SE-ZKH-50\210mm×200mm\DU－48㎡/3000\YE111-02-01</t>
  </si>
  <si>
    <t>【烟台桑尼】真空盒\SE-ZKH-60\210mm×200mm\DU-51M2/3000\YE111-02-01</t>
  </si>
  <si>
    <t>【烟台桑尼】真空盒\SE-ZKH-60\210mm×200mm\DU-54M2/3000\YE111-02-01</t>
  </si>
  <si>
    <t>【烟台桑尼】真空盒\SE-ZKH-60\210mm×200mm\DU-57.6㎡/3200\YE111-02-01</t>
  </si>
  <si>
    <t>【烟台桑尼】真空盒\SE-ZKH-80\210mm×200mm\DU60.0/3150\YE111-02-01</t>
  </si>
  <si>
    <t>【烟台桑尼】真空盒\SE-ZKH-80\210mm×200mm\DU-64m²/3200\YE111-02-01</t>
  </si>
  <si>
    <t>【烟台桑尼】真空盒\SE-ZKH-80\210mm×200mm\DU-76.8M2/3200\YE111-02-01</t>
  </si>
  <si>
    <t>【烟台桑尼】真空盒\SE-ZKH-100\210mm×200mm\DU80.0/3200\YE111-02-01</t>
  </si>
  <si>
    <t>【烟台桑尼】真空盒\SE-ZKH-100\210mm×200mm\DU-100M2/4000\YE111-02-01</t>
  </si>
  <si>
    <t>【烟台桑尼】驱动辊\SE-GZQD-600\φ800mm×900mm\DU- 2.4㎡/600\YE111-14</t>
  </si>
  <si>
    <t>【烟台桑尼】滤布托辊\SE-GZGX-2500\φ150mm×3100mm\DU32.5㎡/2500\YE111-15-02</t>
  </si>
  <si>
    <t>【烟台桑尼】滤布托辊\SE-GZGX-2500\φ150mm×3100mm\DU-35M2/2500\YE111-15-02</t>
  </si>
  <si>
    <t>【烟台桑尼】滤布托辊\SE-GZGX-2500\φ150mm×3100mm\DU-37.5M2/2500\YE111-15-02</t>
  </si>
  <si>
    <t>【烟台桑尼】滤布托辊\SE-GZGX-2800\φ150mm×3400mm\DU33.6M2/2800\YE111-15-02</t>
  </si>
  <si>
    <t>【烟台桑尼】滤布托辊\SE-GZGX-3000\φ150mm×3600mm\DU-39㎡/3000\YE111-15-02</t>
  </si>
  <si>
    <t>【烟台桑尼】滤布托辊\SE-GZGX-3000\φ150mm×3600mm\DU42M2/3000\YE111-15-02</t>
  </si>
  <si>
    <t>【烟台桑尼】滤布托辊\SE-GZGX-3000\φ150mm×3600mm\DU－45㎡/3000\YE111-15-02</t>
  </si>
  <si>
    <t>【烟台桑尼】滤布托辊\SE-GZGX-3000\φ150mm×3600mm\DU－48㎡/3000\YE111-15-02</t>
  </si>
  <si>
    <t>【烟台桑尼】滤布托辊\SE-GZGX-3000\φ150mm×3600mm\DU-51M2/3000\YE111-15-02</t>
  </si>
  <si>
    <t>【烟台桑尼】滤布托辊\SE-GZGX-3000\φ150mm×3600mm\DU-54M2/3000\YE111-15-02</t>
  </si>
  <si>
    <t>【烟台桑尼】滤布托辊\SE-GZGX-3200\φ150mm×3700mm\DU-57.6㎡/3200\YE111-15-02</t>
  </si>
  <si>
    <t>【烟台桑尼】驱动辊\SE-GZQD-600\φ800mm×900mm\DU-4.2㎡/600\YE111-14</t>
  </si>
  <si>
    <t>【烟台桑尼】驱动辊\SE-GZQD-900\φ800mm×1200mm\DU-8.1m2/900\YE111-14</t>
  </si>
  <si>
    <t>【烟台桑尼】驱动辊\SE-GZQD-900\φ800mm×1200mm\DU-9.5㎡/900\YE111-14</t>
  </si>
  <si>
    <t>【烟台桑尼】驱动辊\SE-GZQD-1300\φ800mm×1600mm\DU10.4M2/1300\YE111-14</t>
  </si>
  <si>
    <t>【烟台桑尼】驱动辊\SE-GZQD-1300\φ800mm×1600mm\DU-11.7/1300\YE111-14</t>
  </si>
  <si>
    <t>【烟台桑尼】驱动辊\SE-GZQD-1300\φ800mm×1600mm\DU-13M2/1300\YE111-14</t>
  </si>
  <si>
    <t>【烟台桑尼】驱动辊\SE-GZQD-1300\φ800mm×1600mm\DU17.0M2/1300\YE111-14</t>
  </si>
  <si>
    <t>【烟台桑尼】驱动辊\SE-GZQD-1500\φ800mm×1800mm\DU-15M2/1500\YE111-14</t>
  </si>
  <si>
    <t>【烟台桑尼】驱动辊\SE-GZQD-1600\φ800mm×1900mm\DU19.2/1600\YE111-14</t>
  </si>
  <si>
    <t>【烟台桑尼】驱动辊\SE-GZQD-1800\φ800mm×2100mm\DU-21.6/1800\YE111-14</t>
  </si>
  <si>
    <t>【烟台桑尼】驱动辊\SE-GZQD-2000\φ800mm×2300mm\DU22㎡/2000\YE111-14</t>
  </si>
  <si>
    <t>【烟台桑尼】驱动辊\SE-GZQD-2000\φ800mm×2300mm\DU24㎡/2000\YE111-14</t>
  </si>
  <si>
    <t>【烟台桑尼】滤布托辊\SE-GZGX-3200\φ150mm×3700mm\DU60.0/3150\YE111-15-02</t>
  </si>
  <si>
    <t>【烟台桑尼】滤布托辊\SE-GZGX-3200\φ150mm×3700mm\DU-64㎡/3200\YE111-15-02</t>
  </si>
  <si>
    <t>【烟台桑尼】滤布托辊\SE-GZGX-3200\φ150mm×3700mm\DU-76.8M2/3200\YE111-15-02</t>
  </si>
  <si>
    <t>【烟台桑尼】滤布托辊\SE-GZGX-3200\φ150mm×3700mm\DU80.0/3200\YE111-15-02</t>
  </si>
  <si>
    <t>【烟台桑尼】滤布托辊\SE-GZGX-4000\φ150mm×4300mm\DU-100M2/4000\YE111-15-02</t>
  </si>
  <si>
    <t>【烟台桑尼】胶带下托辊\SE-GZXT-600\φ285mm×500mm\DU- 2.4㎡/600\YE111-19</t>
  </si>
  <si>
    <t>【烟台桑尼】胶带下托辊\SE-GZXT-600\φ285mm×500mm\DU-4.2㎡/600\YE111-19</t>
  </si>
  <si>
    <t>【烟台桑尼】胶带下托辊\SE-GZXT-900\φ285mm×800mm\DU-8.1m2/900\YE111-19</t>
  </si>
  <si>
    <t>【烟台桑尼】胶带下托辊\SE-GZXT-900\φ285mm×800mm\DU-9.5㎡/900\YE111-19</t>
  </si>
  <si>
    <t>【烟台桑尼】胶带下托辊\SE-GZXT-1300\φ285mm×1200mm\DU10.4M2/1300\YE111-19</t>
  </si>
  <si>
    <t>【烟台桑尼】胶带下托辊\SE-GZXT-1300\φ285mm×1200mm\DU-11.7/1300\YE111-19</t>
  </si>
  <si>
    <t>【烟台桑尼】驱动辊\SE-GZQD-2000\φ800mm×2800mm\DU26M2/2000\YE111-14</t>
  </si>
  <si>
    <t>【烟台桑尼】驱动辊\SE-GZQD-2500\φ800mm×2800mm\DU27.5/2500\YE111-14</t>
  </si>
  <si>
    <t>【烟台桑尼】驱动辊\SE-GZQD-2500\φ800mm×2800mm\DU-30㎡/2500\YE111-14</t>
  </si>
  <si>
    <t>【烟台桑尼】驱动辊\SE-GZQD-2500\φ800mm×2800mm\DU32.5㎡/2500\YE111-14</t>
  </si>
  <si>
    <t>【烟台桑尼】驱动辊\SE-GZQD-2500\φ800mm×2800mm\DU-35M2/2500\YE111-14</t>
  </si>
  <si>
    <t>【烟台桑尼】驱动辊\SE-GZQD-2500\φ800mm×2800mm\DU-37.5M2/2500\YE111-14</t>
  </si>
  <si>
    <t>【烟台桑尼】驱动辊\SE-GZQD-2800\φ800mm×3100mm\DU33.6M2/2800\YE111-14</t>
  </si>
  <si>
    <t>【烟台桑尼】驱动辊\SE-GZQD-3000\φ1000mm×3300mm\DU-39㎡/3000\YE111-14</t>
  </si>
  <si>
    <t>【烟台桑尼】驱动辊\SE-GZQD-3000\φ1000mm×3300mm\DU42M2/3000\YE111-14</t>
  </si>
  <si>
    <t>【烟台桑尼】驱动辊\SE-GZQD-3000\φ1000mm×3300mm\DU－45㎡/3000\YE111-14</t>
  </si>
  <si>
    <t>【烟台桑尼】驱动辊\SE-GZQD-3000\φ1000mm×3300mm\DU－48㎡/3000\YE111-14</t>
  </si>
  <si>
    <t>【烟台桑尼】驱动辊\SE-GZQD-3000\φ1000mm×3300mm\DU-51M2/3000\YE111-14</t>
  </si>
  <si>
    <t>【烟台桑尼】胶带下托辊\SE-GZXT-1300\φ285mm×1200mm\DU-13M2/1300\YE111-19</t>
  </si>
  <si>
    <t>【烟台桑尼】胶带下托辊\SE-GZXT-1300\φ285mm×1200mm\DU17.0M2/1300\YE111-19</t>
  </si>
  <si>
    <t>【烟台桑尼】胶带下托辊\SE-GZXT-1500\φ285mm×1400mm\DU-15M2/1500\YE111-19</t>
  </si>
  <si>
    <t>【烟台桑尼】胶带下托辊\SE-GZXT-1600\φ285mm×1500mm\DU19.2/1600\YE111-19</t>
  </si>
  <si>
    <t>【烟台桑尼】胶带下托辊\SE-GZXT-1800\φ285mm×1700mm\DU-21.6/1800\YE111-19</t>
  </si>
  <si>
    <t>【烟台桑尼】胶带下托辊\SE-GZXT-2000\φ285mm×1900mm\DU22㎡/2000\YE111-19</t>
  </si>
  <si>
    <t>【烟台桑尼】胶带下托辊\SE-GZXT-2000\φ285mm×1900mm\DU24㎡/2000\YE111-19</t>
  </si>
  <si>
    <t>【烟台桑尼】胶带下托辊\SE-GZXT-2000\φ285mm×1900mm\DU26M2/2000\YE111-19</t>
  </si>
  <si>
    <t>【烟台桑尼】胶带下托辊\SE-GZXT-2500\φ285mm×2400mm\DU27.5/2500\YE111-19</t>
  </si>
  <si>
    <t>【烟台桑尼】胶带下托辊\SE-GZXT-2500\φ285mm×2400mm\DU-30㎡/2500\YE111-19</t>
  </si>
  <si>
    <t>【烟台桑尼】胶带下托辊\SE-GZXT-2500\φ285mm×2400mm\DU32.5㎡/2500\YE111-19</t>
  </si>
  <si>
    <t>【烟台桑尼】驱动辊\SE-GZQD-3000\φ1000mm×3300mm\DU-54M2/3000\YE111-14</t>
  </si>
  <si>
    <t>【烟台桑尼】驱动辊\SE-GZQD-3200\φ1000mm×3500mm\DU-57.6㎡/3200\YE111-14</t>
  </si>
  <si>
    <t>【烟台桑尼】驱动辊\SE-GZQD-3200\φ1000mm×3500mm\DU60.0/3150\YE111-14</t>
  </si>
  <si>
    <t>【烟台桑尼】驱动辊\SE-GZQD-3200\φ1000mm×3500mm\DU-64㎡/3200\YE111-14</t>
  </si>
  <si>
    <t>【烟台桑尼】驱动辊\SE-GZQD-3200\φ1000mm×3500mm\DU-76.8M2/3200\YE111-14</t>
  </si>
  <si>
    <t>【烟台桑尼】驱动辊\SE-GZQD-3200\φ1000mm×3500mm\DU80.0/3200\YE111-14</t>
  </si>
  <si>
    <t>【烟台桑尼】驱动辊\SE-GZQD-4000\φ1000mm×4300mm\DU-100M2/4000\YE111-14</t>
  </si>
  <si>
    <t>【烟台桑尼】从动辊\SE-GZQD-600\φ800mm×900mm\DU- 2.4㎡/600\YE111-21</t>
  </si>
  <si>
    <t>【烟台桑尼】从动辊\SE-GZQD-600\φ800mm×900mm\DU-4.2㎡/600\YE111-21</t>
  </si>
  <si>
    <t>【烟台桑尼】从动辊\SE-GZQD-900\φ800mm×1200mm\DU-8.1m2/900\YE111-21</t>
  </si>
  <si>
    <t>【烟台桑尼】从动辊\SE-GZQD-900\φ800mm×1200mm\DU-9.5㎡/900\YE111-21</t>
  </si>
  <si>
    <t>【烟台桑尼】从动辊\SE-GZQD-1300\φ800mm×1600mm\DU10.4M2/1300\YE111-21</t>
  </si>
  <si>
    <t>【烟台桑尼】胶带下托辊\SE-GZXT-2500\φ285mm×2400mm\DU-35M2/2500\YE111-19</t>
  </si>
  <si>
    <t>【烟台桑尼】胶带下托辊\SE-GZXT-2500\φ285mm×2400mm\DU-37.5M2/2500\YE111-19</t>
  </si>
  <si>
    <t>【烟台桑尼】胶带下托辊\SE-GZXT-2800\φ285mm×2700mm\DU33.6M2/2800\YE111-19</t>
  </si>
  <si>
    <t>【烟台桑尼】胶带下托辊\SE-GZXT-3000\φ285mm×2900mm\DU-39㎡/3000\YE111-19</t>
  </si>
  <si>
    <t>【烟台桑尼】胶带下托辊\SE-GZXT-3000\φ285mm×2900mm\DU42M2/3000\YE111-19</t>
  </si>
  <si>
    <t>【烟台桑尼】胶带下托辊\SE-GZXT-3000\φ285mm×2900mm\DU－45㎡/3000\YE111-19</t>
  </si>
  <si>
    <t>【烟台桑尼】胶带下托辊\SE-GZXT-3000\φ285mm×2900mm\DU－48㎡/3000\YE111-19</t>
  </si>
  <si>
    <t>【烟台桑尼】胶带下托辊\SE-GZXT-3000\φ285mm×2900mm\DU-51M2/3000\YE111-19</t>
  </si>
  <si>
    <t>【烟台桑尼】胶带下托辊\SE-GZXT-3000\φ285mm×2900mm\DU-54M2/3000\YE111-19</t>
  </si>
  <si>
    <t>【烟台桑尼】胶带下托辊\SE-GZXT-3200\φ285mm×3100mm\DU-57.6㎡/3200\YE111-19</t>
  </si>
  <si>
    <t>【烟台桑尼】胶带下托辊\SE-GZXT-3200\φ285mm×3000mm\DU60.0/3150\YE111-19</t>
  </si>
  <si>
    <t>【烟台桑尼】从动辊\SE-GZQD-1300\φ800mm×1600mm\DU-11.7/1300\YE111-21</t>
  </si>
  <si>
    <t>【烟台桑尼】从动辊\SE-GZQD-1300\φ800mm×1600mm\DU-13M2/1300\YE111-21</t>
  </si>
  <si>
    <t>【烟台桑尼】从动辊\SE-GZQD-1300\φ800mm×1600mm\DU17.0M2/1300\YE111-21</t>
  </si>
  <si>
    <t>【烟台桑尼】从动辊\SE-GZQD-1500\φ800mm×1800mm\DU-15M2/1500\YE111-21</t>
  </si>
  <si>
    <t>【烟台桑尼】从动辊\SE-GZQD-1600\φ800mm×1900mm\DU19.2/1600\YE111-21</t>
  </si>
  <si>
    <t>【烟台桑尼】从动辊\SE-GZQD-1800\φ800mm×2100mm\DU-21.6/1800\YE111-21</t>
  </si>
  <si>
    <t>【烟台桑尼】从动辊\SE-GZQD-2000\φ800mm×2300mm\DU22㎡/2000\YE111-21</t>
  </si>
  <si>
    <t>【烟台桑尼】从动辊\SE-GZQD-2000\φ800mm×2300mm\DU24㎡/2000\YE111-21</t>
  </si>
  <si>
    <t>【烟台桑尼】从动辊\SE-GZQD-2000\φ800mm×2800mm\DU26M2/2000\YE111-21</t>
  </si>
  <si>
    <t>【烟台桑尼】从动辊\SE-GZQD-2500\φ800mm×2800mm\DU27.5/2500\YE111-21</t>
  </si>
  <si>
    <t>【烟台桑尼】从动辊\SE-GZQD-2500\φ800mm×2800mm\DU-30㎡/2500\YE111-21</t>
  </si>
  <si>
    <t>【烟台桑尼】从动辊\SE-GZQD-2500\φ800mm×2800mm\DU32.5㎡/2500\YE111-21</t>
  </si>
  <si>
    <t>【烟台桑尼】胶带下托辊\SE-GZXT-3200\φ285mm×3100mm\DU-64㎡/3200\YE111-19</t>
  </si>
  <si>
    <t>【烟台桑尼】胶带下托辊\SE-GZXT-3200\φ285mm×3100mm\DU-76.8M2/3200\YE111-19</t>
  </si>
  <si>
    <t>【烟台桑尼】胶带下托辊\SE-GZXT-3200\φ285mm×3100mm\DU80.0/3200\YE111-19</t>
  </si>
  <si>
    <t>【烟台桑尼】胶带下托辊\SE-GZXT-4000\φ285mm×3900mm\DU-100M2/4000\YE111-19</t>
  </si>
  <si>
    <t>【烟台桑尼】滑台组件\SE-ZKH-10\30mm×210mm\DU- 2.4㎡/600\YE111-02-02</t>
  </si>
  <si>
    <t>【烟台桑尼】滑台组件\SE-ZKH-10\30mm×210mm\DU-4.2㎡/600\YE111-02-02</t>
  </si>
  <si>
    <t>【烟台桑尼】滑台组件\SE-ZKH-10\30mm×210mm\DU-8.1m2/900\YE111-02-02</t>
  </si>
  <si>
    <t>【烟台桑尼】滑台组件\SE-ZKH-10\30mm×210mm\DU-9.5㎡/900\YE111-02-02</t>
  </si>
  <si>
    <t>【烟台桑尼】滑台组件\SE-ZKH-20\30mm×210mm\DU10.4M2/1300\YE111-02-02</t>
  </si>
  <si>
    <t>【烟台桑尼】滑台组件\SE-ZKH-20\30mm×210mm\DU-11.7/1300\YE111-02-02</t>
  </si>
  <si>
    <t>【烟台桑尼】滑台组件\SE-ZKH-20\30mm×210mm\DU-13M2/1300\YE111-02-02</t>
  </si>
  <si>
    <t>【烟台桑尼】滑台组件\SE-ZKH-20\30mm×210mm\DU-15M2/1500\YE111-02-02</t>
  </si>
  <si>
    <t>【烟台桑尼】从动辊\SE-GZQD-2500\φ800mm×2800mm\DU-35M2/2500\YE111-21</t>
  </si>
  <si>
    <t>【烟台桑尼】从动辊\SE-GZQD-2500\φ800mm×2800mm\DU-37.5M2/2500\YE111-21</t>
  </si>
  <si>
    <t>【烟台桑尼】从动辊\SE-GZQD-2800\φ800mm×3100mm\DU33.6M2/2800\YE111-21</t>
  </si>
  <si>
    <t>【烟台桑尼】从动辊\SE-GZQD-3000\φ1000mm×3300mm\DU-39㎡/3000\YE111-21</t>
  </si>
  <si>
    <t>【烟台桑尼】从动辊\SE-GZQD-3000\φ1000mm×3300mm\DU42M2/3000\YE111-21</t>
  </si>
  <si>
    <t>【烟台桑尼】从动辊\SE-GZQD-3000\φ1000mm×3300mm\DU－45㎡/3000\YE111-21</t>
  </si>
  <si>
    <t>【烟台桑尼】从动辊\SE-GZQD-3000\φ1000mm×3300mm\DU－48㎡/3000\YE111-21</t>
  </si>
  <si>
    <t>【烟台桑尼】从动辊\SE-GZQD-3000\φ1000mm×3300mm\DU-51M2/3000\YE111-21</t>
  </si>
  <si>
    <t>【烟台桑尼】从动辊\SE-GZQD-3000\φ1000mm×3300mm\DU-54M2/3000\YE111-21</t>
  </si>
  <si>
    <t>【烟台桑尼】从动辊\SE-GZQD-3200\φ1000mm×3500mm\DU-57.6㎡/3200\YE111-21</t>
  </si>
  <si>
    <t>【烟台桑尼】从动辊\SE-GZQD-3200\φ1000mm×3500mm\DU60.0/3150\YE111-21</t>
  </si>
  <si>
    <t>【烟台桑尼】从动辊\SE-GZQD-3200\φ1000mm×3500mm\DU-64㎡/3200\YE111-21</t>
  </si>
  <si>
    <t>【烟台桑尼】滑台组件\SE-ZKH-20\30mm×210mm\DU17.0M2/1300\YE111-02-02</t>
  </si>
  <si>
    <t>【烟台桑尼】滑台组件\SE-ZKH-20\30mm×210mm\DU19.2/1600\YE111-02-02</t>
  </si>
  <si>
    <t>【烟台桑尼】滑台组件\SE-ZKH-30\30mm×210mm\DU-21.6/1800\YE111-02-02</t>
  </si>
  <si>
    <t>【烟台桑尼】滑台组件\SE-ZKH-30\30mm×210mm\DU22㎡/2000\YE111-02-02</t>
  </si>
  <si>
    <t>【烟台桑尼】滑台组件\SE-ZKH-30\30mm×210mm\DU24㎡/2000\YE111-02-02</t>
  </si>
  <si>
    <t>【烟台桑尼】滑台组件\SE-ZKH-30\30mm×210mm\DU26M2/2000\YE111-02-02</t>
  </si>
  <si>
    <t>【烟台桑尼】滑台组件\SE-ZKH-30\30mm×210mm\DU27.5/2500\YE111-02-02</t>
  </si>
  <si>
    <t>【烟台桑尼】滑台组件\SE-ZKH-40\30mm×210mm\DU-30㎡/2500\YE111-02-02</t>
  </si>
  <si>
    <t>【烟台桑尼】滑台组件\SE-ZKH-40\30mm×210mm\DU33.6M2/2800\YE111-02-02</t>
  </si>
  <si>
    <t>【烟台桑尼】滑台组件\SE-ZKH-40\30mm×210mm\DU32.5㎡/2500\YE111-02-02</t>
  </si>
  <si>
    <t>【烟台桑尼】滑台组件\SE-ZKH-40\30mm×210mm\DU-35M2/2500\YE111-02-02</t>
  </si>
  <si>
    <t>【烟台桑尼】滑台组件\SE-ZKH-40\30mm×210mm\DU-37.5M2/2500\YE111-02-02</t>
  </si>
  <si>
    <t>【烟台桑尼】从动辊\SE-GZQD-3200\φ1000mm×3500mm\DU-76.8M2/3200\YE111-21</t>
  </si>
  <si>
    <t>【烟台桑尼】从动辊\SE-GZQD-3200\φ1000mm×3500mm\DU80.0/3200\YE111-21</t>
  </si>
  <si>
    <t>【烟台桑尼】从动辊\SE-GZQD-4000\φ1000mm×4300mm\DU-100M2/4000\YE111-21</t>
  </si>
  <si>
    <t>【烟台桑尼】浆液分配器\SE-BLQ-600\1200mm\DU- 2.4㎡/600\YE111-06</t>
  </si>
  <si>
    <t>【烟台桑尼】浆液分配器\SE-BLQ-600\1200mm\DU-4.2㎡/600\YE111-06</t>
  </si>
  <si>
    <t>【烟台桑尼】浆液分配器\SE-BLQ-900\1500mm\DU-8.1m2/900\YE111-06</t>
  </si>
  <si>
    <t>【烟台桑尼】浆液分配器\SE-BLQ-900\1500mm\DU-9.5m²/900\YE111-06</t>
  </si>
  <si>
    <t>【烟台桑尼】浆液分配器\SE-BLQ-1300\1900mm\DU10.4M2/1300\YE111-06</t>
  </si>
  <si>
    <t>【烟台桑尼】浆液分配器\SE-BLQ-1300\1900mm\DU-11.7/1300\YE111-06</t>
  </si>
  <si>
    <t>【烟台桑尼】浆液分配器\SE-BLQ-1300\1900mm\DU-13M2/1300\YE111-06</t>
  </si>
  <si>
    <t>【烟台桑尼】浆液分配器\SE-BLQ-1300\2100mm\DU17.0M2/1300\YE111-06</t>
  </si>
  <si>
    <t>【烟台桑尼】滑台组件\SE-ZKH-40\30mm×210mm\DU-39㎡/3000\YE111-02-02</t>
  </si>
  <si>
    <t>【烟台桑尼】滑台组件\SE-ZKH-50\30mm×210mm\DU42M2/3000\YE111-02-02</t>
  </si>
  <si>
    <t>【烟台桑尼】滑台组件\SE-ZKH-50\30mm×210mm\DU－45㎡/3000\YE111-02-02</t>
  </si>
  <si>
    <t>【烟台桑尼】滑台组件\SE-ZKH-50\30mm×210mm\DU－48㎡/3000\YE111-02-02</t>
  </si>
  <si>
    <t>【烟台桑尼】滑台组件\SE-ZKH-60\30mm×210mm\DU-51M2/3000\YE111-02-02</t>
  </si>
  <si>
    <t>【烟台桑尼】滑台组件\SE-ZKH-60\30mm×210mm\DU-54M2/3000\YE111-02-02</t>
  </si>
  <si>
    <t>【烟台桑尼】滑台组件\SE-ZKH-60\30mm×210mm\DU-57.6㎡/3200\YE111-02-02</t>
  </si>
  <si>
    <t>【烟台桑尼】滑台组件\SE-ZKH-80\30mm×210mm\DU60.0/3150\YE111-02-02</t>
  </si>
  <si>
    <t>【烟台桑尼】滑台组件\SE-ZKH-80\30mm×210mm\DU-64㎡/3200\YE111-02-02</t>
  </si>
  <si>
    <t>【烟台桑尼】滑台组件\SE-ZKH-80\30mm×210mm\DU-76.8M2/3200\YE111-02-02</t>
  </si>
  <si>
    <t>【烟台桑尼】滑台组件\SE-ZKH-100\30mm×210mm\DU80.0/3200\YE111-02-02</t>
  </si>
  <si>
    <t>【烟台桑尼】滑台组件\SE-ZKH-100\30mm×210mm\DU-100M2/4000\YE111-02-02</t>
  </si>
  <si>
    <t>【烟台桑尼】浆液分配器\SE-BLQ-1500\1900mm\DU-15M2/1500\YE111-06</t>
  </si>
  <si>
    <t>【烟台桑尼】浆液分配器\SE-BLQ-1600\2200mm\DU19.2/1600\YE111-06</t>
  </si>
  <si>
    <t>【烟台桑尼】浆液分配器\SE-BLQ-1800\2400mm\DU-21.6/1800\YE111-06</t>
  </si>
  <si>
    <t>【烟台桑尼】浆液分配器\SE-BLQ-2000\2600mm\DU22㎡/2000\YE111-06</t>
  </si>
  <si>
    <t>【烟台桑尼】浆液分配器\SE-BLQ-2000\2600mm\DU24㎡/2000\YE111-06</t>
  </si>
  <si>
    <t>【烟台桑尼】浆液分配器\SE-BLQ-2000\2600mm\DU26M2/2000\YE111-06</t>
  </si>
  <si>
    <t>【烟台桑尼】浆液分配器\SE-BLQ-2500\3100mm\DU27.5/2500\YE111-06</t>
  </si>
  <si>
    <t>【烟台桑尼】浆液分配器\SE-BLQ-2500\3100mm\DU-30m²/2500\YE111-06</t>
  </si>
  <si>
    <t>【烟台桑尼】浆液分配器\SE-BLQ-2500\3400mm\DU32.5㎡/2500\YE111-06</t>
  </si>
  <si>
    <t>【烟台桑尼】浆液分配器\SE-BLQ-2500\3100mm\DU-35M2/2500\YE111-06</t>
  </si>
  <si>
    <t>【烟台桑尼】浆液分配器\SE-BLQ-2500\3100mm\DU-37.5M2/2500\YE111-06</t>
  </si>
  <si>
    <t>【烟台桑尼】滤布舒张辊\SE-GZSZ-600\φ150mm×1200mm\DU- 2.4㎡/600\YE111-15-01</t>
  </si>
  <si>
    <t>【烟台桑尼】滤布舒张辊\SE-GZSZ-600\φ150mm×1200mm\DU-4.2㎡/600\YE111-15-01</t>
  </si>
  <si>
    <t>【烟台桑尼】滤布舒张辊\SE-GZSZ-900\φ150mm×1500mm\DU-8.1m2/900\YE111-15-01</t>
  </si>
  <si>
    <t>【烟台桑尼】滤布舒张辊\SE-GZSZ-900\φ150mm×1500mm\DU-9.5㎡/900\YE111-15-01</t>
  </si>
  <si>
    <t>【烟台桑尼】滤布舒张辊\SE-GZSZ-1300\φ150mm×1900mm\DU10.4M2/1300\YE111-15-01</t>
  </si>
  <si>
    <t>【烟台桑尼】滤布舒张辊\SE-GZSZ-1300\φ150mm×1900mm\DU-11.7/1300\YE111-15-01</t>
  </si>
  <si>
    <t>【烟台桑尼】滤布舒张辊\SE-GZSZ-1300\φ150mm×1900mm\DU-13M2/1300\YE111-15-01</t>
  </si>
  <si>
    <t>【烟台桑尼】滤布舒张辊\SE-GZSZ-1300\φ150mm×1900mm\DU17.0M2/1300\YE111-15-01</t>
  </si>
  <si>
    <t>【烟台桑尼】滤布舒张辊\SE-GZSZ-1500\φ150mm×2100mm\DU-15M2/1500\YE111-15-01</t>
  </si>
  <si>
    <t>【烟台桑尼】滤布舒张辊\SE-GZSZ-1600\φ150mm×2200mm\DU19.2/1600\YE111-15-01</t>
  </si>
  <si>
    <t>【烟台桑尼】滤布舒张辊\SE-GZZJ-1800\φ150mm×2400mm\DU-21.6/1800\YE111-15-01</t>
  </si>
  <si>
    <t>【烟台桑尼】滤布舒张辊\SE-GZSZ-2000\φ150mm×2600mm\DU22㎡/2000\YE111-15-01</t>
  </si>
  <si>
    <t>【烟台桑尼】浆液分配器\SE-BLQ-2800\3100mm\DU33.6M2/2800\YE111-06</t>
  </si>
  <si>
    <t>【烟台桑尼】浆液分配器\SE-BLQ-3000\3600mm\DU-39㎡/3000\YE111-06</t>
  </si>
  <si>
    <t>【烟台桑尼】浆液分配器\SE-BLQ-3000\3600mm\DU42M2/3000\YE111-06</t>
  </si>
  <si>
    <t>【烟台桑尼】浆液分配器\SE-BLQ-3000\3600mm\DU－45㎡/3000\YE111-06</t>
  </si>
  <si>
    <t>【烟台桑尼】浆液分配器\SE-BLQ-3000\3600mm\DU－48㎡/3000\YE111-06</t>
  </si>
  <si>
    <t>【烟台桑尼】浆液分配器\SE-BLQ-3000\3600mm\DU-51M2/3000\YE111-06</t>
  </si>
  <si>
    <t>【烟台桑尼】浆液分配器\SE-BLQ-3000\3600mm\DU-54M2/3000\YE111-06</t>
  </si>
  <si>
    <t>【烟台桑尼】浆液分配器\SE-BLQ-3200\3800mm\DU-57.6㎡/3200\YE111-06</t>
  </si>
  <si>
    <t>【烟台桑尼】浆液分配器\SE-BLQ-3200\3800mm\DU60.0/3150\YE111-06</t>
  </si>
  <si>
    <t>【烟台桑尼】浆液分配器\SE-BLQ-3200\3800mm\DU80.0/3200\YE111-06</t>
  </si>
  <si>
    <t>【烟台桑尼】浆液分配器\SE-BLQ-3200\3800mm\DU-100M2/4000\YE111-06</t>
  </si>
  <si>
    <t>【烟台桑尼】滤布舒张辊\SE-GZSZ-2000\φ150mm×2600mm\DU24㎡/2000\YE111-15-01</t>
  </si>
  <si>
    <t>【烟台桑尼】滤布舒张辊\SE-GZSZ-2000\φ150mm×2600mm\DU26M2/2000\YE111-15-01</t>
  </si>
  <si>
    <t>【烟台桑尼】滤布舒张辊\SE-GZSZ-2500\φ150mm×3100mm\DU27.5/2500\YE111-15-01</t>
  </si>
  <si>
    <t>【烟台桑尼】滤布舒张辊\SE-GZSZ-2500\φ150mm×3100mm\DU-30㎡/2500\YE111-15-01</t>
  </si>
  <si>
    <t>【烟台桑尼】滤布舒张辊\SE-GZSZ-2500\φ150mm×3100mm\DU32.5㎡/2500\YE111-15-01</t>
  </si>
  <si>
    <t>【烟台桑尼】滤布舒张辊\SE-GZSZ-2500\φ150mm×3100mm\DU-35M2/2500\YE111-15-01</t>
  </si>
  <si>
    <t>【华锐】轮毂\1500.01.01-1\SL1500</t>
  </si>
  <si>
    <t>华锐风电科技（集团）股份有限公司</t>
  </si>
  <si>
    <t>华锐</t>
  </si>
  <si>
    <t>WZSCCG-2019-BJ-018</t>
  </si>
  <si>
    <t>华锐风机备件长协采购框架协议</t>
  </si>
  <si>
    <t>【华锐】雷电保护爪\0Cr18Ni9\1500.01.01.01</t>
  </si>
  <si>
    <t>【华锐】内球面垫圈\42CrMoS4V\1500.01.01-2</t>
  </si>
  <si>
    <t>【华锐】外球面垫圈\42CrMoS4V\1500.01.01-3</t>
  </si>
  <si>
    <t>【华锐】变桨限位撞块\Q345D\1500.01.01-4</t>
  </si>
  <si>
    <t>【华锐】楔形盘\Q235D 0.5°\1500.01.01-5</t>
  </si>
  <si>
    <t>【华锐】楔形盘\Q235D 0.2°\1520.02.01-2</t>
  </si>
  <si>
    <t>【华锐】极限工作位置撞块\1500.01.01.02</t>
  </si>
  <si>
    <t>【华锐】垫圈\M30 42CrMoS4V\1500.01.01-11</t>
  </si>
  <si>
    <t>【华锐】双头螺柱\M12×200 10.9级\GB/T901-1988</t>
  </si>
  <si>
    <t>【华锐】双头螺柱\M30×330 10.9级\1500.01.01-12</t>
  </si>
  <si>
    <t>【华锐】垫圈\M12 A4L\GB/T97.2-2002</t>
  </si>
  <si>
    <t>【华锐】轮毂罩\1500.01.02\SL1500</t>
  </si>
  <si>
    <t>【华锐】轮毂运输支架\1500.01.03</t>
  </si>
  <si>
    <t>【华锐】双头螺栓\M30×450 10.9级</t>
  </si>
  <si>
    <t>【华锐】双头螺栓\M30×435 10.9级</t>
  </si>
  <si>
    <t>【华锐】双头螺栓\M30×420 10.9级</t>
  </si>
  <si>
    <t>【华锐】双头螺栓\M30×456 10.9级</t>
  </si>
  <si>
    <t>【华锐】双头螺栓\M30×441 10.9级</t>
  </si>
  <si>
    <t>【华锐】双头螺栓\M30×426 10.9级</t>
  </si>
  <si>
    <t>【华锐】双头螺栓\M30×373 10.9级</t>
  </si>
  <si>
    <t>【华锐】双头螺栓\M30×383 10.9级</t>
  </si>
  <si>
    <t>【华锐】双头螺栓\M30×398 10.9级</t>
  </si>
  <si>
    <t>【华锐】变桨控制柜\HC400\1500E01.018.0008.01A</t>
  </si>
  <si>
    <t>【华锐】滑环线\华锐定制</t>
  </si>
  <si>
    <t>【华锐】变桨手动控制盒\华锐定制</t>
  </si>
  <si>
    <t>【华锐】机舱运输支架\1500.02.16</t>
  </si>
  <si>
    <t>【华锐】电缆挂网\双头\1500.02.12-1</t>
  </si>
  <si>
    <t>【华锐】主机架\82机型用\1521.01.02.01</t>
  </si>
  <si>
    <t>【华锐】主机架\89机型用\1530.02.04.01</t>
  </si>
  <si>
    <t>【华锐】发电机底座\1500.02.04.02/1500.02.04.28\SL1500</t>
  </si>
  <si>
    <t>【华锐】联轴器罩子\1500.02.04.36\SL1500\华锐</t>
  </si>
  <si>
    <t>【华锐】电控柜底架\450/500中心高发电机用\1500.02.04.17/1500.02.04.29</t>
  </si>
  <si>
    <t>【华锐】尾部悬架\1500.02.04.20</t>
  </si>
  <si>
    <t>【华锐】偏航齿圈\φ2858×13 42CrMo\1500.011.0002.01</t>
  </si>
  <si>
    <t>【华锐】侧面轴承\QT400-18AL\1500.011.0003.01、001.0001.01</t>
  </si>
  <si>
    <t>【华锐】后滑垫保持装置\0Cr18Ni9\1500.02.05-7</t>
  </si>
  <si>
    <t>【华锐】左滑垫保持装置\0Cr18Ni9\1500.02.05-12</t>
  </si>
  <si>
    <t>【华锐】右滑垫保持装置\0Cr18Ni9\1500.02.05-13</t>
  </si>
  <si>
    <t>【华锐】集油盒\1500.02.04.05.01\SL1500</t>
  </si>
  <si>
    <t>【华锐】夹紧法兰\QT400-18AL\001.0001.01、001.002.01、001.0003.01、1500.006.0001.01\SL1500</t>
  </si>
  <si>
    <t>【华锐】楔块\42CrMo\001.0002.01\SL1500</t>
  </si>
  <si>
    <t>【华锐】定位板\Q345D\1500.02.03-3\SL1500</t>
  </si>
  <si>
    <t>【华锐】定位板\Q345D\1500.02.03-4\SL1500</t>
  </si>
  <si>
    <t>【华锐】螺栓\M36×210 10.9级\GB/T 5782-2000\SL1500</t>
  </si>
  <si>
    <t>【华锐】垫圈\M36 HRC45\Moser TYP 125\SL1500</t>
  </si>
  <si>
    <t>【华锐】螺母\M33 10级\GB/T 6170-86\SL1500</t>
  </si>
  <si>
    <t>【华锐】螺栓\M20×80 10.9级\GB/T 1228-2006\SL1500</t>
  </si>
  <si>
    <t>【华锐】垫圈\M20 HRC45\GB/T 1230-2006\SL1500</t>
  </si>
  <si>
    <t>【华锐】螺栓\M48×440 10.9级\GB/T 5782-2000\SL1500</t>
  </si>
  <si>
    <t>【华锐】垫圈\48 12/HRC45\Moser TYP 125\SL1500</t>
  </si>
  <si>
    <t>【华锐】螺栓\M30×180 10.9级\GB/T 5782-2000\SL1500</t>
  </si>
  <si>
    <t>【华锐】垫圈\30 12/HRC45\Moser TYP 125\SL1500</t>
  </si>
  <si>
    <t>【华锐】主轴螺栓\M36×385 10.9级\1500-1\SL1500</t>
  </si>
  <si>
    <t>【华锐】主轴螺母\M36 10级\DIN6915\SL1500</t>
  </si>
  <si>
    <t>【华锐】主轴垫圈\M36 HRC45\Moser TYP 125\SL1500</t>
  </si>
  <si>
    <t>【华锐】板簧\1500.02.03-5\SL1500</t>
  </si>
  <si>
    <t>【华锐】板簧\1500.02.03-6\SL1500</t>
  </si>
  <si>
    <t>【华锐】电路板\偏航计数器用(定制)\1500.02.05.01\SL1500</t>
  </si>
  <si>
    <t>【华锐】FT风速仪支座\1500.01.01.02</t>
  </si>
  <si>
    <t>【华锐】接地装置\1.5MW TY1500E51.1.2.8\SL1500</t>
  </si>
  <si>
    <t>【华锐】发电机调整工装\TY1500E51.1.2.9\SL1500</t>
  </si>
  <si>
    <t>【华锐】接触器技改附件\穆勒 1.5MW\Q102.6</t>
  </si>
  <si>
    <t>【华锐】PLC模块\BACHMANN(塔基)整套(1.5用)</t>
  </si>
  <si>
    <t>Bachmann</t>
  </si>
  <si>
    <t>【华锐】供电模块\NT 255\A118.1</t>
  </si>
  <si>
    <t>【华锐】PLC-中央处理器模块\MC 205 128MB\A118.3</t>
  </si>
  <si>
    <t>【华锐】FASTBUS模块\FM 211\A118.5</t>
  </si>
  <si>
    <t>【华锐】数字量输入输出模块\DIO 216\A119.1</t>
  </si>
  <si>
    <t>【华锐】PLC-温度记录模块\PTAI216 24VDC\A120.1/A243.1/A244.1</t>
  </si>
  <si>
    <t>【华锐】PLC模块\BACHMANN(机舱)整套(1.5用)</t>
  </si>
  <si>
    <t>【华锐】PLC-快速总线\FS211/N FAST-BUS/24VDC/28.8W\A239.1</t>
  </si>
  <si>
    <t>【华锐】接口模块\EM203\A239.3</t>
  </si>
  <si>
    <t>【华锐】PLC接口模块\RS204 RS 232/422/485/24VDC\A239.4</t>
  </si>
  <si>
    <t>【华锐】CAN-BUS模块\CM 202\A239.5</t>
  </si>
  <si>
    <t>【华锐】PLC-32口数字输入\DI232 24VDC\A240.1/A240.2</t>
  </si>
  <si>
    <t>【华锐】PLC-80口数字输入输出\DIO280 24VDC/0.5A\A242.1</t>
  </si>
  <si>
    <t>【华锐】PLC模块\MC210\A16.5</t>
  </si>
  <si>
    <t>【华锐】PLC模块\AIO288/1\A67.0/A68.0</t>
  </si>
  <si>
    <t>【华锐】PLC模块\CNT204/H\A62.5/A62.2</t>
  </si>
  <si>
    <t>【华锐】CMS3000 PLC\3000E51.037.0101.01B 3MW\3000E01.2.3</t>
  </si>
  <si>
    <t>【华锐】PLC模块\LM201\TY1500E01.2.1.10</t>
  </si>
  <si>
    <t>【华锐】PLC模块\MX213\TY3000E51.1.6.1</t>
  </si>
  <si>
    <t>【华锐】PLC模块\AIC212\TY3000E51.1.6.4</t>
  </si>
  <si>
    <t>【华锐】数字量输入/输出模块\DIO16-C\TY3000E51.1.3.2</t>
  </si>
  <si>
    <t>【华锐】PLC模块\FS212/N\TY3000E51.2.2.2</t>
  </si>
  <si>
    <t>【华锐】操作面板\OP2/RS232/422 240×60/OT115/R\P122.2/P245.3</t>
  </si>
  <si>
    <t>【华锐】偏航制动盘\3000.02.05.01</t>
  </si>
  <si>
    <t>【华锐】力矩臂\GS20 NiMoCr3-742CrMo(锻)\3000.02.03-03\SL1500</t>
  </si>
  <si>
    <t>【华锐】主机架加强筋\QT400-18U-LT(常温材质)QT350-22U-LT(低温材质)\3000.02.04.01-12\SL1500</t>
  </si>
  <si>
    <t>【华锐】机舱运输支架\3000.02.11</t>
  </si>
  <si>
    <t>【华锐】轮毂运输支架\3022.01.03</t>
  </si>
  <si>
    <t>【华锐】销轴\φ120×320 42CrMo\3000.02.03-05\SL3000</t>
  </si>
  <si>
    <t>【华锐】联轴器罩\3001.02.04.01\SL1500 Wikov齿轮箱\华锐</t>
  </si>
  <si>
    <t>【华锐】变桨限位撞块\QT400-18AL(Q345E锻)\3000.01.01-6</t>
  </si>
  <si>
    <t>【华锐】后侧冷却器盖\3001.02.01.16\SL1500</t>
  </si>
  <si>
    <t>【华锐】左右侧冷却器盖\3001.02.01.15\SL1500</t>
  </si>
  <si>
    <t>【华锐】电动葫芦\3001.02.08.05</t>
  </si>
  <si>
    <t>【华锐】风撑拉杆\GLG460-UU30×3075-00\SL1500</t>
  </si>
  <si>
    <t>【华锐】UC花兰螺丝\MKUCD5/8×9 1500.02.10-1\SL1500</t>
  </si>
  <si>
    <t>【华锐】六角螺栓\M30×295 10.9级\GB/T1228-91\SL1500</t>
  </si>
  <si>
    <t>【华锐】螺栓\M36×180/b=80mm 10.9级\ISO10683\SL1500</t>
  </si>
  <si>
    <t>【华锐】螺栓\M36×200/b=80mm 10.9级\DIN6914\SL1500</t>
  </si>
  <si>
    <t>【华锐】六角螺栓\M36×260/b=80mm 10.9级\DIN6914\SL1500</t>
  </si>
  <si>
    <t>【华锐】六角螺栓\M36×350/b=80mm 10.9级\DIN6914\SL1500</t>
  </si>
  <si>
    <t>【华锐】六角螺栓\M36×370/b=80mm 10.9级\DIN6914\SL1500</t>
  </si>
  <si>
    <t>【华锐】六角螺栓\M36×390 10.9级\DIN6914\SL1500</t>
  </si>
  <si>
    <t>【华锐】垫圈\Moser type S30 125-12\30/12 Dacromet\SL1500</t>
  </si>
  <si>
    <t>【华锐】航空灯\GZ-155LED\TY1500E51.2.8.7</t>
  </si>
  <si>
    <t>【华锐】金属电缆拉网\1500.02.12-1</t>
  </si>
  <si>
    <t>【华锐】接触器\A260-30\华锐定制，现场改造</t>
  </si>
  <si>
    <t>【华锐】保险灭弧罩\350A\华锐定制，现场改造</t>
  </si>
  <si>
    <t>【华锐】功率柜散热风扇\LK3245\华锐定制，现场改造</t>
  </si>
  <si>
    <t>【华锐】超级电容\BMOD0006 E160 B02 160V/350F\华锐定制，现场改造</t>
  </si>
  <si>
    <t>【华锐】防超速组件\PLC-RSP-230UC/21/PLC-RSP-230UC/S046\华锐定制，现场改造</t>
  </si>
  <si>
    <t>【华锐】接近开关\NBB15-30GM50-E2-V1\华锐定制，现场改造</t>
  </si>
  <si>
    <t>【华锐】齿轮箱油冷散热器\56KW\华锐定制，现场改造\SL1500</t>
  </si>
  <si>
    <t>【华锐】齿轮箱油冷散热器\50KW\华锐定制，现场改造\SL1500</t>
  </si>
  <si>
    <t>【华锐】轴流风机\T35-11.N0.3.55\华锐定制，现场改造</t>
  </si>
  <si>
    <t>【华锐】发电机接地装置\140 华锐定制，现场改造\SL1500</t>
  </si>
  <si>
    <t>【华锐】防雷组件\DG35\华锐定制，现场改造</t>
  </si>
  <si>
    <t>【华锐】JHS偏航衬垫\VA000118/VA000119/VA000114\华锐定制，现场改造</t>
  </si>
  <si>
    <t>【华锐】越级保护组件\PLC-RSP-24DC/21\华锐定制，现场改造</t>
  </si>
  <si>
    <t>【华锐】塔基断路器柜\TBC110\华锐定制，现场改造</t>
  </si>
  <si>
    <t>【华锐】电量提升软件\华锐定制，现场改造</t>
  </si>
  <si>
    <t>【华锐】BACHMANN PLC\华锐定制，现场改造</t>
  </si>
  <si>
    <t>【施道克】A1卡\EG2490/EG3690/EG1890/LPF24/LPG18\V383021.B01/Z10874-1</t>
  </si>
  <si>
    <t>申克（天津）工业技术有限公司</t>
  </si>
  <si>
    <t>施道克</t>
  </si>
  <si>
    <t>WZSCCG-2019-BJ-021</t>
  </si>
  <si>
    <t>申克（施道克）给煤机备件长协采购框架协议</t>
  </si>
  <si>
    <t>【施道克】A2卡\EG2490/EG3690/EG1890/LPF24/LPG18\V412504.B01/Z10867-1</t>
  </si>
  <si>
    <t>【施道克】A3卡\EG2490/EG3690/EG1890/LPF24/LPG18\V412504.B01/Z10867-1</t>
  </si>
  <si>
    <t>【施道克】DT-9控制器组件\EG2490/EG3690/EG1890/LPF24/LPG18\VCU20103</t>
  </si>
  <si>
    <t>【施道克】DT-9控制器组件\EG2490/EG3690/EG1890/LPF24/LPG18\VCU20104</t>
  </si>
  <si>
    <t>【施道克】IC模块\EG2490/EG3690/EG1890/LPF24/LPG18\D32400-140</t>
  </si>
  <si>
    <t>【施道克】W1电缆总成\EG2490/EG3690/EG1890/LPF24/LPG18\V393239.B01/C15788-1</t>
  </si>
  <si>
    <t>【施道克】W2电缆总成\EG2490/EG3690/EG1890/LPF24/LPG18\V393240.B01/C15789-1</t>
  </si>
  <si>
    <t>【施道克】W3电缆总成\EG2490/EG3690/EG1890/LPF24/LPG18\V393241.B01/C15790-1</t>
  </si>
  <si>
    <t>【施道克】W4电缆总成\EG2490/EG3690/EG1890/LPF24/LPG18\V393242.B01/C15791-1</t>
  </si>
  <si>
    <t>【施道克】W5电缆总成\EG2490/EG3690/EG1890/LPF24/LPG18\V393243.B01/C15792-1</t>
  </si>
  <si>
    <t>【施道克】W6电缆总成\EG2490/EG3690/EG1890/LPF24/LPG18\V393346.B01/C18613-1</t>
  </si>
  <si>
    <t>【施道克】W7电缆总成\EG2490/EG3690/EG1890/LPF24/LPG18\V411548.B01/X11931-6</t>
  </si>
  <si>
    <t>【施道克】被动滚筒\LPF-24\B15032.1</t>
  </si>
  <si>
    <t>【施道克】被动滚筒\LPG-18\B15032.1(HH)</t>
  </si>
  <si>
    <t>【施道克】被动滚筒\EG2490\Z8142</t>
  </si>
  <si>
    <t>【施道克】被动滚筒\EG1890\Y4890</t>
  </si>
  <si>
    <t>【施道克】被动滚筒\EG3690\Y6704-1</t>
  </si>
  <si>
    <t>【施道克】被动滚筒\EG3690\Y6704-2</t>
  </si>
  <si>
    <t>【施道克】被动滚筒\EG2490\Z8142-1</t>
  </si>
  <si>
    <t>【施道克】被动滚筒\EG2490\Z8142C</t>
  </si>
  <si>
    <t>【施道克】被动滚筒加油管组件\EG2490\JV20000286</t>
  </si>
  <si>
    <t>【施道克】被动滚筒加油管组件\EG1890\JV20000284</t>
  </si>
  <si>
    <t>【施道克】被动滚筒轴\EG2490\X2646</t>
  </si>
  <si>
    <t>【施道克】被动滚筒轴\EG3690\Y4954-2</t>
  </si>
  <si>
    <t>【施道克】被动滚筒轴\EG1890\C13129</t>
  </si>
  <si>
    <t>【施道克】被动滚筒轴\EG3690\Y4954-1</t>
  </si>
  <si>
    <t>【施道克】被动滚筒轴\EG3690\Y4954-1A</t>
  </si>
  <si>
    <t>【施道克】被动链轮\MG200\MG200-6</t>
  </si>
  <si>
    <t>【施道克】被动链轮\MG40\MG-46</t>
  </si>
  <si>
    <t>【施道克】被动轴\MG40\MG100XSC.9-3(XLT)</t>
  </si>
  <si>
    <t>【施道克】被动轴\MG200\MG200SC.9-1(XLT)</t>
  </si>
  <si>
    <t>【施道克】被动轴\MG150\MG150SC.1-1(GJW)</t>
  </si>
  <si>
    <t>【施道克】被动轴承座\MG200\MG200-8</t>
  </si>
  <si>
    <t>【施道克】被动轴承座\MG40\MG-45</t>
  </si>
  <si>
    <t>【施道克】扁螺母\MG150\MG-40</t>
  </si>
  <si>
    <t>【施道克】标定砝码\EG2490\JVC15728</t>
  </si>
  <si>
    <t>【施道克】标定探头组件\EG2490/EG3690/EG1890/LPF24/LPG18\V379486.B01/C23196-1</t>
  </si>
  <si>
    <t>【施道克】玻璃罩\EG2490/EG3690/EG1890/LPF24/LPG18\Y6234</t>
  </si>
  <si>
    <t>【施道克】操作面板\EG2490/EG3690/EG1890/LPF24/LPG18\V396360.B01/D28752-1</t>
  </si>
  <si>
    <t>【施道克】侧裙板\EG2490\EG24.6(S)</t>
  </si>
  <si>
    <t>【施道克】侧裙板\EG2490\EG24.6</t>
  </si>
  <si>
    <t>【施道克】侧裙板\EG2490\EG24.6(WHYX)</t>
  </si>
  <si>
    <t>【施道克】侧裙板\EG2490\EG2490.6(GDCY)</t>
  </si>
  <si>
    <t>【施道克】侧裙板\EG2490\EG2890.6</t>
  </si>
  <si>
    <t>【施道克】侧裙板\EG3690\EG3690.5</t>
  </si>
  <si>
    <t>【施道克】测速齿轮\EG3690\Φ25</t>
  </si>
  <si>
    <t>【施道克】测速齿轮\EG3690\EG3690-10</t>
  </si>
  <si>
    <t>【施道克】测速齿轮\EG3690\EG3690-10/Φ25</t>
  </si>
  <si>
    <t>【施道克】测速齿轮\EG2490\NΦ18WΦ155</t>
  </si>
  <si>
    <t>【施道克】测速齿轮\EG2490\NΦ20WΦ155</t>
  </si>
  <si>
    <t>【施道克】测速齿轮\EG2490\NΦ24WΦ155</t>
  </si>
  <si>
    <t>【施道克】测速齿轮\EG2490\NΦ25WΦ155</t>
  </si>
  <si>
    <t>【施道克】测速齿轮\EG3690\NΦ25WΦ186</t>
  </si>
  <si>
    <t>【施道克】测速齿轮\EG3690\NΦ35WΦ217</t>
  </si>
  <si>
    <t>【施道克】称重传感器\EG2490/EG1890/LPF24/LPG18\C18305-1</t>
  </si>
  <si>
    <t>【施道克】称重传感器\EG2490/EG1890/LPF24/LPG18\JVC18305-1</t>
  </si>
  <si>
    <t>【施道克】称重传感器\EG3690\JVC18305-5</t>
  </si>
  <si>
    <t>【施道克】称重传感器\EG3690\C18305-5</t>
  </si>
  <si>
    <t>【施道克】称重传感器\EG2490/EG1890/LPF24/LPG18\无七芯插头\JVC18305-1(WCT)</t>
  </si>
  <si>
    <t>【施道克】称重辊\LPF-24\B11816</t>
  </si>
  <si>
    <t>【施道克】称重辊\LPF-24\B11816(HH)</t>
  </si>
  <si>
    <t>【施道克】称重辊\EG2490\JV240443</t>
  </si>
  <si>
    <t>【施道克】称重辊\EG1890\Y4862-1A</t>
  </si>
  <si>
    <t>【施道克】称重辊\EG3690\Y4942-1</t>
  </si>
  <si>
    <t>【施道克】称重辊\EG2490\Y561-1A</t>
  </si>
  <si>
    <t>【施道克】称重辊\EG2490\Y561A</t>
  </si>
  <si>
    <t>【施道克】称重辊加油管组件\EG2490\JV20001088</t>
  </si>
  <si>
    <t>【施道克】称重辊支撑块\LPF-24\C16122</t>
  </si>
  <si>
    <t>【施道克】称重辊轴承座\EG2490\X719</t>
  </si>
  <si>
    <t>【施道克】称重控制器\EG2490/EG3690/EG1890/LPF24/LPG18\V064003.B01,VCU20103</t>
  </si>
  <si>
    <t>【施道克】称重控制器\EG2490/EG3690/EG1890/LPF24/LPG18\防潮型\V084273.B01,VCU20103</t>
  </si>
  <si>
    <t>【施道克】称重跨距辊\LPF-24\B12929(HS)</t>
  </si>
  <si>
    <t>【施道克】称重跨距辊\LPF-24\B12929(HH)</t>
  </si>
  <si>
    <t>【施道克】称重跨距辊\EG2490\Y561B</t>
  </si>
  <si>
    <t>【施道克】称重跨距组件\EG2490\EG2490</t>
  </si>
  <si>
    <t>【施道克】称重跨距组件\EG3690\EG3690</t>
  </si>
  <si>
    <t>【施道克】称重跨距组件\EG1890\EG18</t>
  </si>
  <si>
    <t>【施道克】称重拉杆\LPG-18\B11787</t>
  </si>
  <si>
    <t>【施道克】称重螺栓\EG2490\A25779-1</t>
  </si>
  <si>
    <t>【施道克】称重门密封垫\EG2490\JV240314</t>
  </si>
  <si>
    <t>【施道克】称重门密封垫\EG1890\EG18-3</t>
  </si>
  <si>
    <t>【施道克】称重门密封垫\EG2490\EG2490-2</t>
  </si>
  <si>
    <t>【施道克】称重门密封垫\EG3690\EG3690-7</t>
  </si>
  <si>
    <t>【施道克】称重门密封垫\EG2490\JV240314(WHQS)</t>
  </si>
  <si>
    <t>【施道克】称重门密封垫\EG3690\JV360413</t>
  </si>
  <si>
    <t>【施道克】称重系统组件\EG2490\不含称重传感器\EG2490(WHQS)</t>
  </si>
  <si>
    <t>【施道克】称重系统组件\EG2490\不含称重传感器\EG2490</t>
  </si>
  <si>
    <t>【施道克】称重系统组件\EG3690\不含称重传感器\EG3690</t>
  </si>
  <si>
    <t>【施道克】称重系统组件\EG1890\不含称重传感器\EG18</t>
  </si>
  <si>
    <t>【施道克】称重信号板\EG2490/EG3690/EG1890/LPF24/LPG18\V064019.B01，VME20102</t>
  </si>
  <si>
    <t>【施道克】承重辊支撑座\EG2490\EG2490.2-2A</t>
  </si>
  <si>
    <t>【施道克】齿轮\EG2490\IVC36.4-5</t>
  </si>
  <si>
    <t>【施道克】齿轮\EG2490\IVC36.4-5(QJ)</t>
  </si>
  <si>
    <t>【施道克】齿轮\EG2490\IVC36.4-5(SZS)</t>
  </si>
  <si>
    <t>【施道克】齿轮\EG2490\IVC36.4-5(S)</t>
  </si>
  <si>
    <t>【施道克】齿轮轴\EG2490\DVC20-2</t>
  </si>
  <si>
    <t>【施道克】齿轮轴\EG2490\IVC36.4-4(QJ)</t>
  </si>
  <si>
    <t>【施道克】齿轮轴\EG2490\IVC36.4-4(SZS)</t>
  </si>
  <si>
    <t>【施道克】齿轮轴\EG2490\IVC36.4-4(TKT)</t>
  </si>
  <si>
    <t>【施道克】齿轮轴\EG1890\A1867-4(QQHE)</t>
  </si>
  <si>
    <t>【施道克】齿轮轴\EG2490\A1867-8(A)</t>
  </si>
  <si>
    <t>【施道克】齿轮轴\EG2490\A1867-8(QJ)</t>
  </si>
  <si>
    <t>【施道克】齿轮轴\EG2490\A1867-8(CXⅡ)</t>
  </si>
  <si>
    <t>【施道克】齿轮轴\EG1890\CJG20.1-1(GH)</t>
  </si>
  <si>
    <t>【施道克】齿轮轴\EG2490\DVC20-2(GCH)</t>
  </si>
  <si>
    <t>【施道克】齿轮轴\EG2490\DVC28-2(LYW)</t>
  </si>
  <si>
    <t>【施道克】齿轮轴\EG3690\DVC28-2(ZL)</t>
  </si>
  <si>
    <t>【施道克】齿轮轴\EG2490\IVC24-8(SZS)</t>
  </si>
  <si>
    <t>【施道克】齿轮轴\EG2490\IVC28-8</t>
  </si>
  <si>
    <t>【施道克】齿轮轴\EG2490\IVC36.1-2(TKT)</t>
  </si>
  <si>
    <t>【施道克】齿轮轴\EG2490\IVC36.4-4(KS)</t>
  </si>
  <si>
    <t>【施道克】齿轮轴\EG2490\IVC36-8(SZS)</t>
  </si>
  <si>
    <t>【施道克】齿轮轴(含小齿轮)\EG2490\A1867-8(QJ)/IVC36-9(SZS)</t>
  </si>
  <si>
    <t>【施道克】齿轮轴(含小齿轮)\EG2490\DVC20-2(GCH)/IVC36-9(SZS)</t>
  </si>
  <si>
    <t>【施道克】齿轮轴(含小齿轮)\EG2490\DVC20-2(LD)/IVC36-9(SZS)</t>
  </si>
  <si>
    <t>【施道克】齿轮轴(含小齿轮)\EG3690\DVC28-2(ZL)/IVC36-9(SZS)</t>
  </si>
  <si>
    <t>【施道克】齿轮轴(含小齿轮)\EG2490\IVC24-8(SZS)/IVC36-9</t>
  </si>
  <si>
    <t>【施道克】齿轮轴(含小齿轮)\EG2490\IVC24-8(SZS)/IVC36-9(SZS)</t>
  </si>
  <si>
    <t>【施道克】齿轮轴(含小齿轮)\EG2490\IVC24-8(YC)/IVC36-9(SZS)</t>
  </si>
  <si>
    <t>【施道克】齿轮轴(含小齿轮)\EG2490\A1867-8(NX)/IVC36-9(SZS)</t>
  </si>
  <si>
    <t>【施道克】齿轮轴(含小齿轮)\EG2490\IVC36-8(SZS)/IVC36-9(SZS)</t>
  </si>
  <si>
    <t>【施道克】齿轮轴端盖\EG1890\IVC36.4-9(QJ)</t>
  </si>
  <si>
    <t>【施道克】出口端门垫\LPF-24\LPF24.2-3</t>
  </si>
  <si>
    <t>【施道克】出口端门垫\LPF-24\LPF24.2-3(HH)</t>
  </si>
  <si>
    <t>【施道克】出口气动闸门\EG2490\24"</t>
  </si>
  <si>
    <t>【施道克】出煤口煤闸门\EG2490\不含电装\20-RR-VB-SP</t>
  </si>
  <si>
    <t>【施道克】出煤口煤闸门\EG2490\不含电装\24-RR-VB-SP</t>
  </si>
  <si>
    <t>【施道克】出煤口煤闸门\EG2490\不含电装\28-RR-VB-SP</t>
  </si>
  <si>
    <t>【施道克】出煤口煤闸门\EG2490\不含电装\DVC24"</t>
  </si>
  <si>
    <t>【施道克】出煤口煤闸门\EG1890\不含电装\18-RR-VB-SP</t>
  </si>
  <si>
    <t>【施道克】触摸屏\EG2490/EG3690/EG1890/LPF24/LPG18\防潮型\V084276.B01,VHM20100</t>
  </si>
  <si>
    <t>【施道克】磁电转速传感器\EG2490/EG3690/EG1890/LPF24/LPG18\SZMB-9</t>
  </si>
  <si>
    <t>【施道克】大链轮\EG2490/EG3690/EG1890/LPF24/LPG18\MG200SC.3-1(XLT)</t>
  </si>
  <si>
    <t>【施道克】大链轮\EG2490/EG3690/EG1890/LPF24/LPG18\MG40SC.3-1</t>
  </si>
  <si>
    <t>【施道克】带翼链杆\EG2490\C15678</t>
  </si>
  <si>
    <t>【施道克】弹簧\EG3690\JVW22266-6</t>
  </si>
  <si>
    <t>【施道克】弹簧导向套\EG3690\B14852-1</t>
  </si>
  <si>
    <t>【施道克】弹簧座\EG3690\B14851-2</t>
  </si>
  <si>
    <t>【施道克】挡板\EG1890\EG2490.2-9(MX)</t>
  </si>
  <si>
    <t>【施道克】挡板\EG3690\JV360345</t>
  </si>
  <si>
    <t>【施道克】挡盖Ⅰ\MG40\MG40SC.3-2</t>
  </si>
  <si>
    <t>【施道克】挡盖Ⅱ\MG200\MG200SC.3-6(XLT)</t>
  </si>
  <si>
    <t>【施道克】导轨螺栓\EG3690\A26004-1</t>
  </si>
  <si>
    <t>【施道克】灯罩\EG2490\1-Y6231</t>
  </si>
  <si>
    <t>【施道克】垫\LPF-24\B11800</t>
  </si>
  <si>
    <t>【施道克】垫\LPF-24\B13198(HS)</t>
  </si>
  <si>
    <t>【施道克】垫\EG2490\W21660-1</t>
  </si>
  <si>
    <t>【施道克】垫\EG2490\1-W175</t>
  </si>
  <si>
    <t>【施道克】垫\EG2490\1-W176</t>
  </si>
  <si>
    <t>【施道克】垫\EG2490\1-W1850</t>
  </si>
  <si>
    <t>【施道克】垫\EG2490\1-W19165</t>
  </si>
  <si>
    <t>【施道克】垫\EG2490\1-W19207</t>
  </si>
  <si>
    <t>【施道克】垫\EG2490\1-W21660</t>
  </si>
  <si>
    <t>【施道克】垫\EG3690\EG3690-8</t>
  </si>
  <si>
    <t>【施道克】定位环\LPF-24\1-W739</t>
  </si>
  <si>
    <t>【施道克】定位环\EG2490\2-W21405</t>
  </si>
  <si>
    <t>【施道克】定位环\EG2490\W739-1</t>
  </si>
  <si>
    <t>【施道克】定位套\EG2490\1-W11602</t>
  </si>
  <si>
    <t>【施道克】堵盖\EG2490\EG24-4(JS)</t>
  </si>
  <si>
    <t>【施道克】堵盖\EG2490\EG24-4B</t>
  </si>
  <si>
    <t>【施道克】堵盖\EG3690\W20791-1L</t>
  </si>
  <si>
    <t>【施道克】堵盖\EG2490\W20791-1(DZ)</t>
  </si>
  <si>
    <t>【施道克】堵盖\EG3690\W20791-2A(DZ)</t>
  </si>
  <si>
    <t>【施道克】堵盖\EG2490\W20791-3NL</t>
  </si>
  <si>
    <t>【施道克】堵煤报警器\EG2490/EG3690/EG1890/LPF24/LPG18\A23105-1</t>
  </si>
  <si>
    <t>【施道克】堵煤报警器挡板\EG3690\EG3690-9A</t>
  </si>
  <si>
    <t>【施道克】堵煤报警器组件\EG3690\EG2490</t>
  </si>
  <si>
    <t>【施道克】堵煤挡板组件\EG1890\EG2490</t>
  </si>
  <si>
    <t>【施道克】端部检修门垫\EG2490\JV240356</t>
  </si>
  <si>
    <t>【施道克】端部裙板\EG3690\EG3690.6</t>
  </si>
  <si>
    <t>【施道克】端部裙板组件\EG2490\X9040-1</t>
  </si>
  <si>
    <t>【施道克】端盖板\EG1890\CJG20.1-2(GH)</t>
  </si>
  <si>
    <t>【施道克】端门垫\EG1890\EG1890-5(HJ)</t>
  </si>
  <si>
    <t>【施道克】端门螺母\EG2490\1-X6721</t>
  </si>
  <si>
    <t>【施道克】端门螺栓\EG2490\X9945-2</t>
  </si>
  <si>
    <t>【施道克】端门密封垫\EG2490\EG24.1-12</t>
  </si>
  <si>
    <t>【施道克】端门密封垫\EG2490\EG2490.11-2</t>
  </si>
  <si>
    <t>【施道克】端门密封垫\EG2490\EG24.1-8</t>
  </si>
  <si>
    <t>【施道克】端门密封垫\EG3690\EG3690-6</t>
  </si>
  <si>
    <t>【施道克】端罩\EG1890\Y3675</t>
  </si>
  <si>
    <t>【施道克】端罩板\EG2490\IVC24-2(SZS)</t>
  </si>
  <si>
    <t>【施道克】端罩垫\EG1890\CJG20.1-3(GH)</t>
  </si>
  <si>
    <t>【施道克】端罩垫\EG2490\IVC24-3(SZS)</t>
  </si>
  <si>
    <t>【施道克】端罩密封垫\EG2490\DVC20-1</t>
  </si>
  <si>
    <t>【施道克】端罩密封垫\EG1890\X5561-1</t>
  </si>
  <si>
    <t>【施道克】阀体总装\MG150\不气缸/电磁阀)\BLV20</t>
  </si>
  <si>
    <t>【施道克】砝码支撑臂\EG3690\X9933-4</t>
  </si>
  <si>
    <t>【施道克】砝码支撑臂\EG3690\X9933-4(HLH)</t>
  </si>
  <si>
    <t>【施道克】砝码支撑臂螺栓\EG2490\JV240397</t>
  </si>
  <si>
    <t>【施道克】砝码支撑臂螺栓\EG3690\W19314-2</t>
  </si>
  <si>
    <t>【施道克】砝码支撑臂螺栓\EG3690\W19314-2(HLH)</t>
  </si>
  <si>
    <t>【施道克】反光板\EG2490/EG3690/EG1890/LPF24/LPG18\A29466-1</t>
  </si>
  <si>
    <t>【施道克】反转卸料槽\EG1890\G/EG1890-1(YS)</t>
  </si>
  <si>
    <t>【施道克】反转卸料槽\EG2490\G/EG2490.1</t>
  </si>
  <si>
    <t>【施道克】方螺母\MG150\MG40SC.4-5(FWMD)</t>
  </si>
  <si>
    <t>【施道克】防尘罩\MG150\D/MG40SC.4-1(FWMD)</t>
  </si>
  <si>
    <t>【施道克】防漂刮板\MG40\MG100.3.1(XLT)</t>
  </si>
  <si>
    <t>【施道克】防漂刮板\MG200\MG200-1</t>
  </si>
  <si>
    <t>【施道克】防漂刮板\MG200\MG200-1(JQJ)</t>
  </si>
  <si>
    <t>【施道克】辅助张紧辊\EG2490\Y7379(JS)</t>
  </si>
  <si>
    <t>【施道克】辅助张紧辊组件\EG2490\EG2490</t>
  </si>
  <si>
    <t>【施道克】盖\EG2490\W2247-1</t>
  </si>
  <si>
    <t>【施道克】盖\EG2490\W2247-1A</t>
  </si>
  <si>
    <t>【施道克】盖\EG2490\W2247A</t>
  </si>
  <si>
    <t>【施道克】盖\EG2490\W2247</t>
  </si>
  <si>
    <t>【施道克】盖板\EG2490\DYZM28-6</t>
  </si>
  <si>
    <t>【施道克】盖板\EG2490\QDZM36-7</t>
  </si>
  <si>
    <t>【施道克】盖板\EG2490\QDZM36-9</t>
  </si>
  <si>
    <t>【施道克】隔套\EG2490\QDZM36-8</t>
  </si>
  <si>
    <t>【施道克】隔套\EG3690\X9928-11</t>
  </si>
  <si>
    <t>【施道克】工作灯组件\EG2490/EG3690/EG1890/LPF24/LPG18\JV21108001</t>
  </si>
  <si>
    <t>【施道克】刮削器螺栓\LPG-18\1-W3500</t>
  </si>
  <si>
    <t>【施道克】刮削器螺栓\EG3690\EG24.14-8</t>
  </si>
  <si>
    <t>【施道克】挂码\EG3690\B12134-2</t>
  </si>
  <si>
    <t>【施道克】挂码\EG2490\JV240394</t>
  </si>
  <si>
    <t>【施道克】观察窗玻璃\EG2490/EG3690/EG1890/LPF24/LPG18/MG\W15231-1</t>
  </si>
  <si>
    <t>【施道克】观察窗垫\EG2490/EG3690/EG1890/LPF24/LPG18/MG\W15314-1</t>
  </si>
  <si>
    <t>【施道克】观察窗罩\EG2490/EG3690/EG1890/LPF24/LPG18/MG\1-Y4410</t>
  </si>
  <si>
    <t>【施道克】观察孔盖\MG150\D/MG40SC.4-4(NT)</t>
  </si>
  <si>
    <t>【施道克】管路检修门垫\EG2490\JV240358</t>
  </si>
  <si>
    <t>【施道克】滚轮\EG2490\IVC24.1.3</t>
  </si>
  <si>
    <t>【施道克】滚轮\EG2490\IVC36.3</t>
  </si>
  <si>
    <t>【施道克】滚轮\EG2490\KR52</t>
  </si>
  <si>
    <t>【施道克】滚筒拆装器\EG1890\EG18-8</t>
  </si>
  <si>
    <t>【施道克】滚筒拆装器\EG3690\JVG00002</t>
  </si>
  <si>
    <t>【施道克】滚筒拆装器\EG2490\JVW19204</t>
  </si>
  <si>
    <t>【施道克】滚筒提升杆\EG3690\JVG00004</t>
  </si>
  <si>
    <t>【施道克】滚筒提升杆\EG2490\JVY6222</t>
  </si>
  <si>
    <t>【施道克】滚子链\MG150\32A-3</t>
  </si>
  <si>
    <t>【施道克】过渡板\EG1890\JV240222</t>
  </si>
  <si>
    <t>【施道克】过渡板\EG2490\JV240446</t>
  </si>
  <si>
    <t>【施道克】后挡板\LPF-24\LPF24-5</t>
  </si>
  <si>
    <t>【施道克】后挡板\LPF-24\LPF24-5(HH)</t>
  </si>
  <si>
    <t>【施道克】后裙板组成\EG2490\EG2490.6</t>
  </si>
  <si>
    <t>【施道克】后裙板组成\EG2490\EG2490.6(SZ)</t>
  </si>
  <si>
    <t>【施道克】后裙板组成\EG2490\EG2890.8(ZL)</t>
  </si>
  <si>
    <t>【施道克】滑块\LPG-18\C20381</t>
  </si>
  <si>
    <t>【施道克】滑块\LPF-24\C20381B</t>
  </si>
  <si>
    <t>【施道克】环形皮带\EG3690\1168x25800\EBPD1168</t>
  </si>
  <si>
    <t>【施道克】环形皮带\EG3690\1168x5500\EBPD1168</t>
  </si>
  <si>
    <t>【施道克】环形皮带\EG3690\1168x5760\EBPD1168</t>
  </si>
  <si>
    <t>【施道克】环形皮带\EG3690\1168x5850\EBPD1168</t>
  </si>
  <si>
    <t>【施道克】环形皮带\EG3690\1168X6750\EBPD1168</t>
  </si>
  <si>
    <t>【施道克】环形皮带\EG3690\1168x7500\EBPD1168</t>
  </si>
  <si>
    <t>【施道克】环形皮带\EG3690\1168x7720\EBPD1168</t>
  </si>
  <si>
    <t>【施道克】环形皮带\EG2490\838X36400\EBPD838</t>
  </si>
  <si>
    <t>【施道克】环形皮带\EG1890/LPG18\650X20500\EBPD650</t>
  </si>
  <si>
    <t>【施道克】环形皮带\EG1890/LPG18\650x6720\EBPD650</t>
  </si>
  <si>
    <t>【施道克】环形皮带\EG1890/LPG18\650X8350\EBPD650</t>
  </si>
  <si>
    <t>【施道克】环形皮带\EG1890/LPG18\650X5100\EBPD650</t>
  </si>
  <si>
    <t>【施道克】环形皮带\EG2490\838x5040\EBPD838</t>
  </si>
  <si>
    <t>【施道克】环形皮带\EG2490\838x11100\EBPD838</t>
  </si>
  <si>
    <t>【施道克】环形皮带\EG2490\838x11600\EBPD838</t>
  </si>
  <si>
    <t>【施道克】环形皮带\EG2490\838x11900\EBPD838</t>
  </si>
  <si>
    <t>【施道克】环形皮带\EG2490\838x12210\EBPD838</t>
  </si>
  <si>
    <t>【施道克】环形皮带\EG2490\838X14250\EBPD838</t>
  </si>
  <si>
    <t>【施道克】环形皮带\EG2490\838X20080\EBPD838</t>
  </si>
  <si>
    <t>【施道克】环形皮带\EG2490\838X20700\EBPD838</t>
  </si>
  <si>
    <t>【施道克】环形皮带\EG2490\838x23900\EBPD838</t>
  </si>
  <si>
    <t>【施道克】环形皮带\EG2490\838X25370\EBPD838</t>
  </si>
  <si>
    <t>【施道克】环形皮带\EG2490\838X26720\EBPD838</t>
  </si>
  <si>
    <t>【施道克】环形皮带\EG2490\838X26750\EBPD838</t>
  </si>
  <si>
    <t>【施道克】环形皮带\EG2490\838X30300\EBPD838</t>
  </si>
  <si>
    <t>【施道克】环形皮带\EG2490\838X30900\EBPD838</t>
  </si>
  <si>
    <t>【施道克】环形皮带\EG2490\838X35200\EBPD838</t>
  </si>
  <si>
    <t>【施道克】环形皮带\EG2490\838x4570\EBPD838</t>
  </si>
  <si>
    <t>【施道克】环形皮带\EG2490\838x4600\EBPD838</t>
  </si>
  <si>
    <t>【施道克】环形皮带\EG2490\838x4670\EBPD838</t>
  </si>
  <si>
    <t>【施道克】环形皮带\EG2490\838x4770\EBPD838</t>
  </si>
  <si>
    <t>【施道克】环形皮带\EG2490\838x4780\EBPD838</t>
  </si>
  <si>
    <t>【施道克】环形皮带\EG2490\838x4870\EBPD838</t>
  </si>
  <si>
    <t>【施道克】环形皮带\EG2490\838x4910\EBPD838</t>
  </si>
  <si>
    <t>【施道克】环形皮带\EG2490\838x4970\EBPD838</t>
  </si>
  <si>
    <t>【施道克】环形皮带\EG2490\838x5200\EBPD838</t>
  </si>
  <si>
    <t>【施道克】环形皮带\EG2490\838x5270\EBPD838</t>
  </si>
  <si>
    <t>【施道克】环形皮带\EG2490\838x5300\EBPD838</t>
  </si>
  <si>
    <t>【施道克】环形皮带\EG2490\838x5400\EBPD838</t>
  </si>
  <si>
    <t>【施道克】环形皮带\EG2490\838x5520\EBPD838</t>
  </si>
  <si>
    <t>【施道克】环形皮带\EG2490\838x5810\EBPD838</t>
  </si>
  <si>
    <t>【施道克】环形皮带\EG2490\838x6300\EBPD838</t>
  </si>
  <si>
    <t>【施道克】环形皮带\EG2490\838x6350\EBPD838</t>
  </si>
  <si>
    <t>【施道克】环形皮带\EG2490\838x7600\EBPD838</t>
  </si>
  <si>
    <t>【施道克】环形皮带\EG2490\838x9700\EBPD838</t>
  </si>
  <si>
    <t>【施道克】环形皮带\EG2490\838x6370\EBPD838</t>
  </si>
  <si>
    <t>【施道克】环形皮带\EG2490\838X4000\EBPD838</t>
  </si>
  <si>
    <t>【施道克】环形皮带\EG2490\838X11480\EBPD838</t>
  </si>
  <si>
    <t>【施道克】夹紧板\EG2490\DYZM28-2</t>
  </si>
  <si>
    <t>【施道克】监视器护罩\EG2490\C20036</t>
  </si>
  <si>
    <t>【施道克】监视器密封座\EG2490\C22540</t>
  </si>
  <si>
    <t>【施道克】监视器叶片\EG2490\B16750</t>
  </si>
  <si>
    <t>【施道克】监视器支架\EG2490\C20051</t>
  </si>
  <si>
    <t>【施道克】检尺(水平校验杆)\EG2490\JVA2451</t>
  </si>
  <si>
    <t>【施道克】检修盖板\EG2490\QDZM36-10</t>
  </si>
  <si>
    <t>【施道克】检修门垫\LPG-18\LPF24-4</t>
  </si>
  <si>
    <t>【施道克】检修门密封垫\EG2490\EG24-2(JS)</t>
  </si>
  <si>
    <t>【施道克】减速器端盖\EG3690\EG3690-20(YH)</t>
  </si>
  <si>
    <t>【施道克】减速器端盖\EG3690\EG2490-20(KF108)</t>
  </si>
  <si>
    <t>【施道克】减速器端盖\EG3690\EG3690-20(NJQN)</t>
  </si>
  <si>
    <t>【施道克】进煤口对开闸门\EG2490\不含电装\36-RR-VB</t>
  </si>
  <si>
    <t>【施道克】进煤口煤闸门\EG2490\不含电装\28-RR-VB</t>
  </si>
  <si>
    <t>【施道克】进煤口煤闸门\EG2490\不含电装\72-RR-VB</t>
  </si>
  <si>
    <t>【施道克】进煤口煤闸门\LPF-24\不含电装\80-RR-VB</t>
  </si>
  <si>
    <t>【施道克】进煤口煤闸门\EG2490\不含电装\24-RR-VB</t>
  </si>
  <si>
    <t>【施道克】进煤口煤闸门\EG1890\不含电装\48-RR-VB</t>
  </si>
  <si>
    <t>【施道克】矩形刮板\MG40\MG100.3.2(XLT)</t>
  </si>
  <si>
    <t>【施道克】矩形刮板\MG200\MG200-2</t>
  </si>
  <si>
    <t>【施道克】矩形刮板\MG\带加强筋\MG200</t>
  </si>
  <si>
    <t>【施道克】矩形刮板\MG100\MG100.3.2(B=770)</t>
  </si>
  <si>
    <t>【施道克】开口皮带\EG3690\1168x25800\ZBPD1168</t>
  </si>
  <si>
    <t>【施道克】开口皮带\EG3690\1168x5500\ZBPD1168</t>
  </si>
  <si>
    <t>【施道克】开口皮带\EG3690\1168x5760\ZBPD1168</t>
  </si>
  <si>
    <t>【施道克】开口皮带\EG3690\1168x5850\ZBPD1168</t>
  </si>
  <si>
    <t>【施道克】开口皮带\EG3690\1168X6750\ZBPD1168</t>
  </si>
  <si>
    <t>【施道克】开口皮带\EG3690\1168x7500\ZBPD1168</t>
  </si>
  <si>
    <t>【施道克】开口皮带\EG3690\1168x7720\ZBPD1168</t>
  </si>
  <si>
    <t>【施道克】开口皮带\EG2490\838X36400\ZBPD838</t>
  </si>
  <si>
    <t>【施道克】开口皮带\EG1890/LPG18\650X20500\ZBPD650</t>
  </si>
  <si>
    <t>【施道克】开口皮带\EG1890/LPG18\650x6720\ZBPD650</t>
  </si>
  <si>
    <t>【施道克】开口皮带\EG1890/LPG18\650X8350\ZBPD650</t>
  </si>
  <si>
    <t>【施道克】开口皮带\EG1890\650X5100\ZBPD650</t>
  </si>
  <si>
    <t>【施道克】开口皮带\EG2490\838x5040\ZBPD838</t>
  </si>
  <si>
    <t>【施道克】开口皮带\EG2490\838x11100\ZBPD838</t>
  </si>
  <si>
    <t>【施道克】开口皮带\EG2490\838x11600\ZBPD838</t>
  </si>
  <si>
    <t>【施道克】开口皮带\EG2490\838x11900\ZBPD838</t>
  </si>
  <si>
    <t>【施道克】开口皮带\EG2490\838x12210\ZBPD838</t>
  </si>
  <si>
    <t>【施道克】开口皮带\EG2490\838X14250\ZBPD838</t>
  </si>
  <si>
    <t>【施道克】开口皮带\EG2490\838X20080\ZBPD838</t>
  </si>
  <si>
    <t>【施道克】开口皮带\EG2490\838X20700\ZBPD838</t>
  </si>
  <si>
    <t>【施道克】开口皮带\EG2490\838x23900\ZBPD838</t>
  </si>
  <si>
    <t>【施道克】开口皮带\EG2490\838X25370\ZBPD838</t>
  </si>
  <si>
    <t>【施道克】开口皮带\EG2490\838X26720\ZBPD838</t>
  </si>
  <si>
    <t>【施道克】开口皮带\EG2490\838X26750\ZBPD838</t>
  </si>
  <si>
    <t>【施道克】开口皮带\EG2490\838X30300\ZBPD838</t>
  </si>
  <si>
    <t>【施道克】开口皮带\EG2490\838X30900\ZBPD838</t>
  </si>
  <si>
    <t>【施道克】开口皮带\EG2490\838X35200\ZBPD838</t>
  </si>
  <si>
    <t>【施道克】开口皮带\EG2490\838x4570\ZBPD838</t>
  </si>
  <si>
    <t>【施道克】开口皮带\EG2490\838x4600\ZBPD838</t>
  </si>
  <si>
    <t>【施道克】开口皮带\EG2490\838x4670\ZBPD838</t>
  </si>
  <si>
    <t>【施道克】开口皮带\EG2490\838x4770\ZBPD838</t>
  </si>
  <si>
    <t>【施道克】开口皮带\EG2490\838x4780\ZBPD838</t>
  </si>
  <si>
    <t>【施道克】开口皮带\EG2490\838x4870\ZBPD838</t>
  </si>
  <si>
    <t>【施道克】开口皮带\EG2490\838x4910\ZBPD838</t>
  </si>
  <si>
    <t>【施道克】开口皮带\EG2490\838x4970\ZBPD838</t>
  </si>
  <si>
    <t>【施道克】开口皮带\EG2490\838x5200\ZBPD838</t>
  </si>
  <si>
    <t>【施道克】开口皮带\EG2490\838x5270\ZBPD838</t>
  </si>
  <si>
    <t>【施道克】开口皮带\EG2490\838x5300\ZBPD838</t>
  </si>
  <si>
    <t>【施道克】开口皮带\EG2490\838x5400\ZBPD838</t>
  </si>
  <si>
    <t>【施道克】开口皮带\EG2490\838x5520\ZBPD838</t>
  </si>
  <si>
    <t>【施道克】开口皮带\EG2490\838x5810\ZBPD838</t>
  </si>
  <si>
    <t>【施道克】开口皮带\EG2490\838x6300\ZBPD838</t>
  </si>
  <si>
    <t>【施道克】开口皮带\EG2490\838x6350\ZBPD838</t>
  </si>
  <si>
    <t>【施道克】开口皮带\EG2490\838x7600\ZBPD838</t>
  </si>
  <si>
    <t>【施道克】开口皮带\EG2490\838x9700\ZBPD838</t>
  </si>
  <si>
    <t>【施道克】开口皮带\EG2490\838x6370\ZBPD838</t>
  </si>
  <si>
    <t>【施道克】开口皮带\EG2490\838X4000\ZBPD838</t>
  </si>
  <si>
    <t>【施道克】开口皮带\EG2490\838X11480\ZBPD838</t>
  </si>
  <si>
    <t>【施道克】开口销\EG2490/EG3690/EG1890/LPF24/LPG18\4X24</t>
  </si>
  <si>
    <t>【施道克】壳体Ⅰ\EG2490/EG3690\IVC36.4-1(TKT)</t>
  </si>
  <si>
    <t>【施道克】壳体Ⅰ\EG2490/EG3690\IVC36.1-4(TKT)</t>
  </si>
  <si>
    <t>【施道克】壳体Ⅰ\EG2490/EG3690\IVC36.4-1</t>
  </si>
  <si>
    <t>【施道克】壳体Ⅰ\EG2490/EG3690\IVC36.4-1(QJ)</t>
  </si>
  <si>
    <t>【施道克】壳体Ⅰ\EG2490/EG3690\IVC36.4-1(QJ)B</t>
  </si>
  <si>
    <t>【施道克】壳体Ⅰ\EG2490/EG3690\IVC36.4-1(SZS)</t>
  </si>
  <si>
    <t>【施道克】壳体Ⅱ\EG2490/EG3690\IVC36.4-2(TKT)</t>
  </si>
  <si>
    <t>【施道克】壳体Ⅱ\EG2490/EG3690\IVC36.1-5(TKT)</t>
  </si>
  <si>
    <t>【施道克】壳体Ⅱ\EG2490/EG3690\IVC36.4-2</t>
  </si>
  <si>
    <t>【施道克】壳体Ⅱ\EG2490/EG3690\IVC36.4-2(QJ)</t>
  </si>
  <si>
    <t>【施道克】壳体Ⅱ\EG2490/EG3690\IVC36.4-2(QJ)B</t>
  </si>
  <si>
    <t>【施道克】壳体Ⅱ\EG2490/EG3690\IVC36.4-2(SZS)</t>
  </si>
  <si>
    <t>【施道克】壳体检修门垫\EG2490\JV240360</t>
  </si>
  <si>
    <t>【施道克】可调连接节\EG2490\CPG.0/Φ508</t>
  </si>
  <si>
    <t>【施道克】可调连接节\EG2490\CPG.0/Φ530</t>
  </si>
  <si>
    <t>【施道克】可调连接节\EG2490\CPG.0/Φ610</t>
  </si>
  <si>
    <t>【施道克】可调连接节\EG2490\CPG.0/Φ629</t>
  </si>
  <si>
    <t>【施道克】可调连接节\EG2490\CPG.0/Φ630</t>
  </si>
  <si>
    <t>【施道克】可调连接节\EG2490\CPG.0/Φ670</t>
  </si>
  <si>
    <t>【施道克】可调连接节\EG2490\CPG.0/Φ712</t>
  </si>
  <si>
    <t>【施道克】可调连接节\LPF-24\CPG.0800X629</t>
  </si>
  <si>
    <t>【施道克】可调连接节\EG1890\CPG.0/Φ457</t>
  </si>
  <si>
    <t>【施道克】可调连接节\EG2490\CPG.0/Φ650</t>
  </si>
  <si>
    <t>【施道克】可调连接节\EG3690\CPG.0/Φ740</t>
  </si>
  <si>
    <t>【施道克】可调连接节\EG3690\CPG.0/Φ934</t>
  </si>
  <si>
    <t>【施道克】控制柜体\DT-9\DT-9(SS)</t>
  </si>
  <si>
    <t>【施道克】控制柜体\DT-9\碳钢\DT-9</t>
  </si>
  <si>
    <t>【施道克】跨距辊\EG2490\JV240440</t>
  </si>
  <si>
    <t>【施道克】跨距辊\EG2490\Y561B</t>
  </si>
  <si>
    <t>【施道克】跨距辊\EG1890\Y4862-1B</t>
  </si>
  <si>
    <t>【施道克】跨距辊\EG3690\Y4942-11</t>
  </si>
  <si>
    <t>【施道克】跨距辊\EG2490\Y561B-2</t>
  </si>
  <si>
    <t>【施道克】跨距辊支撑座\EG3690\EG3690.1-2(YH)</t>
  </si>
  <si>
    <t>【施道克】跨距辊轴承座\EG2490\JV240442</t>
  </si>
  <si>
    <t>【施道克】跨距棍支撑座\EG1890\EG18.3-28</t>
  </si>
  <si>
    <t>【施道克】拉杆螺栓\EG2490\A25618-1</t>
  </si>
  <si>
    <t>【施道克】拉杆螺栓\LPG-18\B11788</t>
  </si>
  <si>
    <t>【施道克】拉杆螺栓\EG2490\A25618-1(WHQS)</t>
  </si>
  <si>
    <t>【施道克】拉杆组件\EG2490\Y6242</t>
  </si>
  <si>
    <t>【施道克】拉杆组件\EG3690\Y6242-4</t>
  </si>
  <si>
    <t>【施道克】拉杆组件\EG3690\JVY6242</t>
  </si>
  <si>
    <t>【施道克】拉杆组件\EG2490\JVY6242-1</t>
  </si>
  <si>
    <t>【施道克】拉杆组件\EG2490\JVY6242-2</t>
  </si>
  <si>
    <t>【施道克】拉杆组件\EG1890\JVY6242-3</t>
  </si>
  <si>
    <t>【施道克】拉杆组件\EG3690\JVY6242-4</t>
  </si>
  <si>
    <t>【施道克】拉杆组件\EG2490\JVY6242-5(LD)</t>
  </si>
  <si>
    <t>【施道克】拉杆组件\EG2490\JVY6242-5(WHQS)</t>
  </si>
  <si>
    <t>【施道克】拉杆组件\EG2490\JVY6242-5(WHQS)-1</t>
  </si>
  <si>
    <t>【施道克】连接件\EG2490\DYZM28-3</t>
  </si>
  <si>
    <t>【施道克】连接件\EG2490\QDZM36-4</t>
  </si>
  <si>
    <t>【施道克】连接节\EG2490\KQM18.1-1(TKT)-1</t>
  </si>
  <si>
    <t>【施道克】连接节\EG2490\DVC18.4-3(YC)</t>
  </si>
  <si>
    <t>【施道克】连接节\EG2490\IVC36.4-3</t>
  </si>
  <si>
    <t>【施道克】连接节\EG2490\IVC36.4-3(QJ)</t>
  </si>
  <si>
    <t>【施道克】连接节\EG2490\IVC36.4-3(ST)</t>
  </si>
  <si>
    <t>【施道克】连接节\EG2490\IVC36.4-3(SZS)</t>
  </si>
  <si>
    <t>【施道克】连接节\LPF-24\IVC36.4-3(WP)</t>
  </si>
  <si>
    <t>【施道克】连接节\EG2490\KQM18.1-1(TKT)</t>
  </si>
  <si>
    <t>【施道克】连接节\EG2490\KQM18.1-1(TKT)-2</t>
  </si>
  <si>
    <t>【施道克】连接节\LPG-18\IVC24.1-9(DLGT)</t>
  </si>
  <si>
    <t>【施道克】连接头\EG2490\W2892B</t>
  </si>
  <si>
    <t>【施道克】联轴节\EG3690\A26787(CF88)</t>
  </si>
  <si>
    <t>【施道克】联轴节\EG3690\A26787(KF88)</t>
  </si>
  <si>
    <t>【施道克】联轴节\EG2490\A26787-1(DZ)</t>
  </si>
  <si>
    <t>【施道克】联轴节\EG2490\A26787-1(SZS)</t>
  </si>
  <si>
    <t>【施道克】链杆\EG3690\B11324</t>
  </si>
  <si>
    <t>【施道克】链杆轴\MG200\MG200-3</t>
  </si>
  <si>
    <t>【施道克】链杆轴\MG40\MG-21</t>
  </si>
  <si>
    <t>【施道克】链轮罩\MG150\MG150XSC.6-2(GJW)</t>
  </si>
  <si>
    <t>【施道克】螺母\LPF-24\EG2490.5-2(LG)</t>
  </si>
  <si>
    <t>【施道克】码盘\MG150\D/MG40SC.4-2(NT)</t>
  </si>
  <si>
    <t>【施道克】煤层挡板\EG2490\EG2490-4</t>
  </si>
  <si>
    <t>【施道克】煤层挡板\EG2490\EG2490-4A</t>
  </si>
  <si>
    <t>【施道克】煤层挡板\LPF-24\LPF24-6</t>
  </si>
  <si>
    <t>【施道克】煤层挡板\LPF-24\LPF24-6(HH)</t>
  </si>
  <si>
    <t>【施道克】煤层挡板\EG1890\EG1890-1(NM)</t>
  </si>
  <si>
    <t>【施道克】煤层挡板\EG2490\EG2890-4(YCH)</t>
  </si>
  <si>
    <t>【施道克】煤层挡板\EG2490\EG2890-4(ZL)</t>
  </si>
  <si>
    <t>【施道克】煤层挡板\EG3690\EG3690-2</t>
  </si>
  <si>
    <t>【施道克】煤层挡板\EG3690\EG3690-2(YH)</t>
  </si>
  <si>
    <t>【施道克】煤流监视器放大箱\EG2490/EG3690/EG1890/LPF24/LPG18\AE-100</t>
  </si>
  <si>
    <t>【施道克】煤流监视器放大箱\EG2490/EG3690/EG1890/LPF24/LPG18\AE-60</t>
  </si>
  <si>
    <t>【施道克】煤流监视器放大箱\EG2490\铁\AET-II</t>
  </si>
  <si>
    <t>【施道克】煤流监视器探头\EG2490\AET(-100)</t>
  </si>
  <si>
    <t>【施道克】煤流监视器探头\EG2490\AET(-60)</t>
  </si>
  <si>
    <t>【施道克】煤流监视器探头\EG2490\AET(-II)</t>
  </si>
  <si>
    <t>【施道克】煤流监视器组件\EG2490/EG3690/EG1890/LPF24/LPG18\JVC1102001</t>
  </si>
  <si>
    <t>【施道克】门板安装式触摸屏\EG2490/EG3690/EG1890/LPF24/LPG18\V064089.B01,VHM20100</t>
  </si>
  <si>
    <t>【施道克】门板密封垫\EG2490\EG2490.10-2</t>
  </si>
  <si>
    <t>【施道克】门板密封垫\EG2490\EG2490.1-2</t>
  </si>
  <si>
    <t>【施道克】闷盖\MG200\MG200-10</t>
  </si>
  <si>
    <t>【施道克】密封垫\EG2490\EG2490.10-2</t>
  </si>
  <si>
    <t>【施道克】密封垫\MG150\D/MG40SC.4-3(NT)</t>
  </si>
  <si>
    <t>【施道克】密封垫\EG2490\EG24-2(JS)</t>
  </si>
  <si>
    <t>【施道克】密封垫\EG2490\EG24-3(JS)</t>
  </si>
  <si>
    <t>【施道克】密封垫\MG150\MG100SC.1-2(MX)</t>
  </si>
  <si>
    <t>【施道克】密封垫\MG150\MG200-12</t>
  </si>
  <si>
    <t>【施道克】密封垫\MG150\MG200-14</t>
  </si>
  <si>
    <t>【施道克】密封垫\MG150\MG200-16</t>
  </si>
  <si>
    <t>【施道克】密封垫\MG150\MGS100.11-3</t>
  </si>
  <si>
    <t>【施道克】密封圈\EG2490\CPG-2/Φ530</t>
  </si>
  <si>
    <t>【施道克】密封圈\EG2490\CPG-2/Φ630</t>
  </si>
  <si>
    <t>【施道克】密封圈\EG2490\CPG-2/Φ670</t>
  </si>
  <si>
    <t>【施道克】密封圈\EG2490\CPG-2Φ457</t>
  </si>
  <si>
    <t>【施道克】密封圈\EG1890\CPG-2Φ508</t>
  </si>
  <si>
    <t>【施道克】密封圈\EG2490\CPG-2Φ629</t>
  </si>
  <si>
    <t>【施道克】密封圈\EG2490\CPG-2Φ650</t>
  </si>
  <si>
    <t>【施道克】密封圈\EG2490\CPG-2Φ712</t>
  </si>
  <si>
    <t>【施道克】密封圈\EG3690\CPG-2Φ740</t>
  </si>
  <si>
    <t>【施道克】密封圈\EG3690\CPG-2Φ934</t>
  </si>
  <si>
    <t>【施道克】密封圈\EG2490\CPG-2Φ610</t>
  </si>
  <si>
    <t>【施道克】密封压板\EG2490\ZM.1-3(ND)</t>
  </si>
  <si>
    <t>【施道克】密封压板\LPF-24\ZM16.3-5(INAPL)</t>
  </si>
  <si>
    <t>【施道克】密封压板\MG150\MG200-13(GJW)</t>
  </si>
  <si>
    <t>【施道克】密封压板\MG150\MG200-15</t>
  </si>
  <si>
    <t>【施道克】密封压盖\LPF-24\MZMF48.1.2(HH)</t>
  </si>
  <si>
    <t>【施道克】密封压盖\MG150\MG100SC.1-6(GJW)</t>
  </si>
  <si>
    <t>【施道克】密封压盖\EG2490\QDZM36-3</t>
  </si>
  <si>
    <t>【施道克】排线\EG2490/EG3690/EG1890/LPF24/LPG18\V378224.B01/B13286-1</t>
  </si>
  <si>
    <t>【施道克】排线\EG2490/EG3690/EG1890/LPF24/LPG18\V378225.B01/B13287-1</t>
  </si>
  <si>
    <t>【施道克】跑偏报警组件\EG2490\EG2490</t>
  </si>
  <si>
    <t>【施道克】跑偏报警组件\EG3690\EG3690</t>
  </si>
  <si>
    <t>【施道克】皮带被动组装\EG3690\EG3690</t>
  </si>
  <si>
    <t>【施道克】皮带断煤报警器组件\EG3690\EG3690</t>
  </si>
  <si>
    <t>【施道克】皮带刮削板\EG3690\EG3690.8-5</t>
  </si>
  <si>
    <t>【施道克】皮带刮削装置\EG2490\EG24.14</t>
  </si>
  <si>
    <t>【施道克】皮带刮削装置\EG3690\EG3690.8</t>
  </si>
  <si>
    <t>【施道克】皮带刮削装置\LPF18\LPF18</t>
  </si>
  <si>
    <t>【施道克】皮带刮削装置\LPF24\LPF24</t>
  </si>
  <si>
    <t>【施道克】皮带刮削装置\LPG-18\LPG-18</t>
  </si>
  <si>
    <t>【施道克】皮带刮削装置\EG1890\EG18</t>
  </si>
  <si>
    <t>【施道克】皮带监视器组件\EG2490\EG2490</t>
  </si>
  <si>
    <t>【施道克】皮带驱动半联轴器\EG2490/EG3690\B14074(KF88)</t>
  </si>
  <si>
    <t>【施道克】皮带驱动半联轴器\EG2490/EG3690\B14074(KF108)</t>
  </si>
  <si>
    <t>【施道克】皮带驱动半联轴器\EG2490/EG3690\B14074(KF77)</t>
  </si>
  <si>
    <t>【施道克】皮带驱动半联轴器\EG2490/EG3690\B14074(KF87)</t>
  </si>
  <si>
    <t>【施道克】皮带驱动半联轴器\EG2490/EG3690\B14074-0A(KF108)</t>
  </si>
  <si>
    <t>【施道克】皮带驱动半联轴器\EG2490/EG3690\B14074-0A(KF87)</t>
  </si>
  <si>
    <t>【施道克】皮带驱动半联轴器\EG2490/EG3690\B14074-0A(DZ)</t>
  </si>
  <si>
    <t>【施道克】皮带驱动组件\EG1890\不含电机减速机\EG1890</t>
  </si>
  <si>
    <t>【施道克】皮带驱动组装\EG2490\不含电机减速机\EG2490</t>
  </si>
  <si>
    <t>【施道克】皮带驱动组装\EG3690\不含电机减速机\EG3690</t>
  </si>
  <si>
    <t>【施道克】皮带驱动组装\EG2490\通轴/不含电机减速机\EG2490</t>
  </si>
  <si>
    <t>【施道克】皮带调整块\EG2490\C12986-1</t>
  </si>
  <si>
    <t>【施道克】皮带调整块\EG3690\Y4823-1</t>
  </si>
  <si>
    <t>【施道克】皮带调整块\EG3690\Y8032</t>
  </si>
  <si>
    <t>【施道克】皮带调整螺栓\EG3690\X10776-1</t>
  </si>
  <si>
    <t>【施道克】皮带调整螺栓\EG3690\X10776-1(ZGE)</t>
  </si>
  <si>
    <t>【施道克】皮带调整螺栓\EG2490\1-X9047</t>
  </si>
  <si>
    <t>【施道克】皮带调整螺栓\EG2490\1-X9047(MX)</t>
  </si>
  <si>
    <t>【施道克】皮带调整螺栓\EG2490\1-X9047(YK)</t>
  </si>
  <si>
    <t>【施道克】皮带调整螺栓\EG2490\1-X9047(DT)</t>
  </si>
  <si>
    <t>【施道克】皮带调整螺栓\EG2490\1-X9047(SHSH)</t>
  </si>
  <si>
    <t>【施道克】皮带调整螺栓\EG2490\1-X9047A</t>
  </si>
  <si>
    <t>【施道克】皮带调整螺栓\EG2490\X10776-1(SHNM)</t>
  </si>
  <si>
    <t>【施道克】皮带调整螺栓\EG3690\X10776-2</t>
  </si>
  <si>
    <t>【施道克】皮带调整螺栓\EG3690\X10776-2(ST)</t>
  </si>
  <si>
    <t>【施道克】皮带调整螺栓\EG3690\X10776-2(SZ)</t>
  </si>
  <si>
    <t>【施道克】皮带调整螺栓\EG3690\X10776-3</t>
  </si>
  <si>
    <t>【施道克】皮带张紧弹簧\EG3690\JVW22266-4</t>
  </si>
  <si>
    <t>【施道克】皮带张紧座\EG2490\C19019-1</t>
  </si>
  <si>
    <t>【施道克】皮带张紧座\EG2490\C19019-1A</t>
  </si>
  <si>
    <t>【施道克】皮带张紧座\EG2490\C19019A</t>
  </si>
  <si>
    <t>【施道克】皮带张紧座\EG3690\C20373-2</t>
  </si>
  <si>
    <t>【施道克】皮带张紧座\EG1890\JVC18808</t>
  </si>
  <si>
    <t>【施道克】皮带张紧座\EG2490\JVC21808</t>
  </si>
  <si>
    <t>【施道克】清扫链被动轮组\EG3690\Y4956(YH)</t>
  </si>
  <si>
    <t>【施道克】清扫链被动轴组\EG2490\C16045-1(JS)</t>
  </si>
  <si>
    <t>【施道克】清扫链被动轴组\EG2490\JV240450</t>
  </si>
  <si>
    <t>【施道克】清扫链被动组\EG1890\C14809</t>
  </si>
  <si>
    <t>【施道克】清扫链条\EG2490\EG2490</t>
  </si>
  <si>
    <t>【施道克】清扫链销\EG3690\1-A22827</t>
  </si>
  <si>
    <t>【施道克】清扫链轴承座\EG2490\1-Y6188</t>
  </si>
  <si>
    <t>【施道克】清扫链主动轴组\EG3690\C21135(DZ)</t>
  </si>
  <si>
    <t>【施道克】清扫链主动轴组\EG3690\JV360418</t>
  </si>
  <si>
    <t>【施道克】清扫链主动轴组\EG3690\Y6702-2</t>
  </si>
  <si>
    <t>【施道克】清扫链主轴组\LPF24\C15203(HS)</t>
  </si>
  <si>
    <t>【施道克】清扫链主轴组\LPF24\C15203(HH)</t>
  </si>
  <si>
    <t>【施道克】清扫链主轴组\LPF24\C15203(HHII)</t>
  </si>
  <si>
    <t>【施道克】清扫主动组成\EG2490\C21135(SZS)</t>
  </si>
  <si>
    <t>【施道克】驱动联轴器螺柱\EG2490\1-W2512A</t>
  </si>
  <si>
    <t>【施道克】驱动套\EG2490\DVC24.4-10(LYW)</t>
  </si>
  <si>
    <t>【施道克】入口端门垫\LPF24\LPF24.3-2</t>
  </si>
  <si>
    <t>【施道克】入口端门垫\LPF24\LPF24.3-2(HH)</t>
  </si>
  <si>
    <t>【施道克】入煤口煤闸门\EG2490\DSV98.1(ND)</t>
  </si>
  <si>
    <t>【施道克】上导轨\EG2490\EG24.12-2(YK)</t>
  </si>
  <si>
    <t>【施道克】上导轨\LPG24\LPG24.1-3(SYJS)</t>
  </si>
  <si>
    <t>【施道克】上导轨\EG1890\EG18.12.1-2(SHNM)</t>
  </si>
  <si>
    <t>【施道克】上导轨\EG2490\EG24.12.1-2(SHSH)</t>
  </si>
  <si>
    <t>【施道克】上导轨\EG2490\EG24.12-2</t>
  </si>
  <si>
    <t>【施道克】上导轨\EG2490\EG24.12-2(DT)</t>
  </si>
  <si>
    <t>【施道克】上导轨\EG2490\EG24.12-2(ND)</t>
  </si>
  <si>
    <t>【施道克】上导轨\EG2490\EG24.12-2(SHSH)</t>
  </si>
  <si>
    <t>【施道克】上导轨\EG2490\EG24.12-2(SZGZ)</t>
  </si>
  <si>
    <t>【施道克】上导轨\EG2490\EG2490.12.1-2B(ZB)</t>
  </si>
  <si>
    <t>【施道克】上导轨\EG3690\EG3690-4</t>
  </si>
  <si>
    <t>【施道克】上辅助支撑座\EG2490\EG24.1-7(JS)</t>
  </si>
  <si>
    <t>【施道克】手柄杆\EG2490\W19244</t>
  </si>
  <si>
    <t>【施道克】手孔盖\EG2490/EG3690/EG1890/LPF24/LPG18\C6557</t>
  </si>
  <si>
    <t>【施道克】手孔盖垫\EG2490/EG3690/EG1890/LPF24/LPG18\C6557-15</t>
  </si>
  <si>
    <t>【施道克】手轮\MG\MZMF100.1-1(SD)</t>
  </si>
  <si>
    <t>【施道克】手轮\EG2490/EG3690/EG1890/LPF24/LPG18\BLV550X550-9(FWMD)</t>
  </si>
  <si>
    <t>【施道克】手轮\EG2490/EG3690/EG1890/LPF24/LPG18\GF-20</t>
  </si>
  <si>
    <t>【施道克】手轮座套\EG2490/EG3690/EG1890/LPF24/LPG18\LPG24.3-7(ZJ)</t>
  </si>
  <si>
    <t>【施道克】丝杆\MG\MZMF48.1-2(HH)</t>
  </si>
  <si>
    <t>【施道克】丝杠\MG\ZM.1-2(ND)</t>
  </si>
  <si>
    <t>【施道克】丝杠\MG\ZM16.3-3(INAPL)</t>
  </si>
  <si>
    <t>【施道克】丝杠\MG\BLV20-8(GJW)</t>
  </si>
  <si>
    <t>【施道克】丝杠\MG\MG150SC.4-1(GJW)</t>
  </si>
  <si>
    <t>【施道克】丝母\MG\MZMF5×4.1-1</t>
  </si>
  <si>
    <t>【施道克】套筒\EG2490\EG24.14-6</t>
  </si>
  <si>
    <t>【施道克】套筒座\EG2490\W7829</t>
  </si>
  <si>
    <t>【施道克】调整丝杠\MG\MG-41</t>
  </si>
  <si>
    <t>【施道克】铜环\EG3690\A9582-2</t>
  </si>
  <si>
    <t>【施道克】头部滚筒\EG2490\EG2490.8.1(SZS)</t>
  </si>
  <si>
    <t>【施道克】头部滚筒\LPF24\B15467(SZ)</t>
  </si>
  <si>
    <t>【施道克】头部滚筒\EG2490\EG2490.8.1(WHQS)</t>
  </si>
  <si>
    <t>【施道克】头部滚筒\EG2490\Z9331-1</t>
  </si>
  <si>
    <t>【施道克】头部滚筒轴承座\EG2490\C18700-1</t>
  </si>
  <si>
    <t>【施道克】头部滚筒轴承座\EG2490\3-Z8099</t>
  </si>
  <si>
    <t>【施道克】头部滚筒轴承座\EG3690\Y5483-2</t>
  </si>
  <si>
    <t>【施道克】透盖\MG200\MZMF5X4.1-5</t>
  </si>
  <si>
    <t>【施道克】透盖\MG200\MG200-11</t>
  </si>
  <si>
    <t>【施道克】透盖\MG200\MG200-9</t>
  </si>
  <si>
    <t>【施道克】凸轮\EG2490/EG3690/EG1890/LPF24/LPG18\W8518-1</t>
  </si>
  <si>
    <t>【施道克】凸轮\EG2490/EG3690/EG1890/LPF24/LPG18\W8518-2</t>
  </si>
  <si>
    <t>【施道克】凸轮\EG3690\X9931-1</t>
  </si>
  <si>
    <t>【施道克】托辊垫\EG1890\B11789(HS)</t>
  </si>
  <si>
    <t>【施道克】托辊座垫\EG2490\W2496-1</t>
  </si>
  <si>
    <t>【施道克】下导轨组焊\EG2490\EG24.12.1(YK)</t>
  </si>
  <si>
    <t>【施道克】下导轨组焊件\EG3690\EG3690-3</t>
  </si>
  <si>
    <t>【施道克】下导轨组焊件\EG1890\EG18.12.1(SHNM)</t>
  </si>
  <si>
    <t>【施道克】下导轨组焊件\EG2490\EG24.12.1</t>
  </si>
  <si>
    <t>【施道克】下导轨组焊件\EG2490\EG24.12.1(DT)</t>
  </si>
  <si>
    <t>【施道克】下导轨组焊件\EG2490\EG24.12.1(SHSH)</t>
  </si>
  <si>
    <t>【施道克】下导轨组焊件\EG2490\EG24.12.1(SZGZ)</t>
  </si>
  <si>
    <t>【施道克】下辅助支撑座\EG2490\EG24.1-4(JS)</t>
  </si>
  <si>
    <t>【施道克】显示屏\EG2490/EG3690/EG1890/LPF24/LPG18\M402SD07GS</t>
  </si>
  <si>
    <t>【施道克】橡胶垫\EG2490\EG24-26(XW)</t>
  </si>
  <si>
    <t>【施道克】橡胶刮削板\EG2490\EG24.14-5</t>
  </si>
  <si>
    <t>【施道克】橡胶刮削板\LPG24\W12475-5</t>
  </si>
  <si>
    <t>【施道克】橡胶刮削板\LPF24\W12475-5(HH)</t>
  </si>
  <si>
    <t>【施道克】橡胶刮削板\EG1890\EG18.14-2</t>
  </si>
  <si>
    <t>【施道克】橡胶刮削板\EG3690\EG3690.8-5</t>
  </si>
  <si>
    <t>【施道克】橡胶密封垫\MG100\MG100XSC-1(XLT)</t>
  </si>
  <si>
    <t>【施道克】橡胶密封垫\MG150\MG150XSC-1(LHII)</t>
  </si>
  <si>
    <t>【施道克】销\EG3690\W19319</t>
  </si>
  <si>
    <t>【施道克】小齿轮\EG2490/EG3690/EG1890/LPF24/LPG18\IVC36-9</t>
  </si>
  <si>
    <t>【施道克】小齿轮\EG2490/EG3690/EG1890/LPF24/LPG18\IVC36-9(S)</t>
  </si>
  <si>
    <t>【施道克】小齿轮\EG2490/EG3690/EG1890/LPF24/LPG18\IVC36-9(SZS)</t>
  </si>
  <si>
    <t>【施道克】小端盖\MG\MG-39</t>
  </si>
  <si>
    <t>【施道克】小链轮\MG200\MG200SC.3-2(XLT)</t>
  </si>
  <si>
    <t>【施道克】小链轮\MG40\MG40SC.3-3(XLT)</t>
  </si>
  <si>
    <t>【施道克】小链轮\MG200\MG200SC.3-2(GJW)</t>
  </si>
  <si>
    <t>【施道克】小链轮\MG200\MG200SC.3-2(SM)</t>
  </si>
  <si>
    <t>【施道克】校准棍\LPF24\B11923(24")</t>
  </si>
  <si>
    <t>【施道克】卸料槽\EG3690\G/EG3690.1</t>
  </si>
  <si>
    <t>【施道克】旋叶报警器组件\EG2490\EG24.10</t>
  </si>
  <si>
    <t>【施道克】旋叶报警器组件\EG3690\EG3690</t>
  </si>
  <si>
    <t>【施道克】旋叶报警器组件\LPG-18\LPG18</t>
  </si>
  <si>
    <t>【施道克】压板\LPG24\LPG24.3-8(ZJ)</t>
  </si>
  <si>
    <t>【施道克】压盖\MG200\MG200-17</t>
  </si>
  <si>
    <t>【施道克】压盖面板\LPF24\MZMF48.1.2-1(HH)</t>
  </si>
  <si>
    <t>【施道克】压盖芯块\LPF24\MZMF48.1.2-2(HH)</t>
  </si>
  <si>
    <t>【施道克】压轮轴组\MG100\MGS100.11-1(SM)</t>
  </si>
  <si>
    <t>【施道克】牙嵌联轴器\EG2490/EG3690/EG1890/LPF24/LPG18\IVC24-6</t>
  </si>
  <si>
    <t>【施道克】牙嵌联轴器\EG2490/EG3690/EG1890/LPF24/LPG18\IVC36.4-10(WP)</t>
  </si>
  <si>
    <t>【施道克】牙嵌联轴器\EG2490/EG3690/EG1890/LPF24/LPG18\IVC36.4-10(XY)</t>
  </si>
  <si>
    <t>【施道克】牙嵌联轴器\EG2490/EG3690/EG1890/LPF24/LPG18\DVC24-2(KS)</t>
  </si>
  <si>
    <t>【施道克】牙嵌联轴器\EG2490/EG3690/EG1890/LPF24/LPG18\DVC24-2(YLQ)</t>
  </si>
  <si>
    <t>【施道克】牙嵌联轴器\EG2490/EG3690/EG1890/LPF24/LPG18\DVC24-6</t>
  </si>
  <si>
    <t>【施道克】牙嵌联轴器\EG2490/EG3690/EG1890/LPF24/LPG18\IVC36.4-10</t>
  </si>
  <si>
    <t>【施道克】牙嵌联轴器\EG2490/EG3690/EG1890/LPF24/LPG18\IVC36.4-10(QJ)</t>
  </si>
  <si>
    <t>【施道克】牙嵌联轴器\EG2490/EG3690/EG1890/LPF24/LPG18\IVC36.4-10(ST)</t>
  </si>
  <si>
    <t>【施道克】牙嵌联轴器\EG2490/EG3690/EG1890/LPF24/LPG18\IVC36.4-10(SZS)</t>
  </si>
  <si>
    <t>【施道克】牙嵌联轴器\EG2490/EG3690/EG1890/LPF24/LPG18\IVC36.4-10(XLT)</t>
  </si>
  <si>
    <t>【施道克】牙嵌联轴器\EG2490/EG3690/EG1890/LPF24/LPG18\IVC36.4-10(YLQ)</t>
  </si>
  <si>
    <t>【施道克】延伸导轨\EG3690\JVC13764</t>
  </si>
  <si>
    <t>【施道克】延伸导轨\EG3690\JVC13764(BD)</t>
  </si>
  <si>
    <t>【施道克】延伸导轨\EG3690\JVG00005</t>
  </si>
  <si>
    <t>【施道克】雨刷观察窗组件\EG2490/EG3690/EG1890/LPF24/LPG18\JV240110</t>
  </si>
  <si>
    <t>【施道克】闸板\EG3690\C4526</t>
  </si>
  <si>
    <t>【施道克】闸板\LPF24\MZMF48.1-4(HH)</t>
  </si>
  <si>
    <t>【施道克】闸板\EG2490\ZM.1-1(ND)</t>
  </si>
  <si>
    <t>【施道克】闸板\EG2490\ZM16.3-2(INAPL)</t>
  </si>
  <si>
    <t>【施道克】闸板\EG2490\BLV20-3(GJW)</t>
  </si>
  <si>
    <t>【施道克】闸板\EG2490/EG3690/EG1890/LPF24/LPG18\C4526(18")</t>
  </si>
  <si>
    <t>【施道克】闸板\EG2490/EG3690/EG1890/LPF24/LPG18\C4526(20")</t>
  </si>
  <si>
    <t>【施道克】闸板\EG2490/EG3690/EG1890/LPF24/LPG18\C4526(24")</t>
  </si>
  <si>
    <t>【施道克】闸板\EG2490/EG3690/EG1890/LPF24/LPG18\C4526(28")</t>
  </si>
  <si>
    <t>【施道克】闸板\EG3690\DYZM28-1</t>
  </si>
  <si>
    <t>【施道克】闸板\MG150\MG150SC.4-2(GJW)</t>
  </si>
  <si>
    <t>【施道克】闸板\EG3690\QDZM36-1</t>
  </si>
  <si>
    <t>【施道克】闸板\EG3690\BLV20-3</t>
  </si>
  <si>
    <t>【施道克】闸板焊接\EG3690\IVC48.2(YD)</t>
  </si>
  <si>
    <t>【施道克】闸板焊接\EG2490\X1448A</t>
  </si>
  <si>
    <t>【施道克】闸板焊接\EG3690\Z424(JHW)</t>
  </si>
  <si>
    <t>【施道克】闸门板焊接\EG3690\DSV98.2(ND)</t>
  </si>
  <si>
    <t>【施道克】闸门板焊接\EG2490\X1448</t>
  </si>
  <si>
    <t>【施道克】闸门板焊接\EG2490\X1448A(LC)</t>
  </si>
  <si>
    <t>【施道克】闸门板焊接\EG2490\X1448A(WP)</t>
  </si>
  <si>
    <t>【施道克】闸门板焊接\EG3690\Z424</t>
  </si>
  <si>
    <t>【施道克】闸门板焊接\EG3690\DSV72.2(BX)</t>
  </si>
  <si>
    <t>【施道克】闸门板焊接\EG2490\X1448A(HLBE)</t>
  </si>
  <si>
    <t>【施道克】闸门导轨\EG2490\Y2603</t>
  </si>
  <si>
    <t>【施道克】闸门导轨\EG2490\Y2604-1</t>
  </si>
  <si>
    <t>【施道克】闸门导轨\EG2490\Y2606-0</t>
  </si>
  <si>
    <t>【施道克】闸门导轨\EG2490\Y2606-0(28')</t>
  </si>
  <si>
    <t>【施道克】闸门导轨\EG2490\Y2606-1</t>
  </si>
  <si>
    <t>【施道克】闸门组装\LPF24\MZMF48.1(HH)</t>
  </si>
  <si>
    <t>【施道克】张紧臂\EG2490\D18375-1</t>
  </si>
  <si>
    <t>【施道克】张紧臂\EG2490\D18375-2</t>
  </si>
  <si>
    <t>【施道克】张紧臂套筒\EG2490\B465</t>
  </si>
  <si>
    <t>【施道克】张紧辊\EG2490\C12991-1</t>
  </si>
  <si>
    <t>【施道克】张紧辊加油管组件\EG2490\EG2490</t>
  </si>
  <si>
    <t>【施道克】张紧辊螺栓\EG2490\B14075-1</t>
  </si>
  <si>
    <t>【施道克】张紧辊轴承座\EG2490\W5876-1</t>
  </si>
  <si>
    <t>【施道克】张紧辊组件\EG2490\EG2490</t>
  </si>
  <si>
    <t>【施道克】张紧座垫\EG2490\1-W22434</t>
  </si>
  <si>
    <t>【施道克】张紧座垫\EG3690\2-W22434</t>
  </si>
  <si>
    <t>【施道克】张紧座垫\EG3690\2-W22434(BS)</t>
  </si>
  <si>
    <t>【施道克】支撑板\MG80\MG80SC.3-1(MAOX)</t>
  </si>
  <si>
    <t>【施道克】支撑辊\LPF24\B11790(HS)</t>
  </si>
  <si>
    <t>【施道克】支撑辊\LPF24\B11790(HH)</t>
  </si>
  <si>
    <t>【施道克】支撑辊\EG3690\Z6934-2</t>
  </si>
  <si>
    <t>【施道克】支撑辊轴承座垫\EG3690\EG3690-14(ST)</t>
  </si>
  <si>
    <t>【施道克】支撑辊轴承座垫\EG3690\EG3690-9</t>
  </si>
  <si>
    <t>【施道克】支撑托辊Ⅰ\EG2490\Y561-2(JS)</t>
  </si>
  <si>
    <t>【施道克】支撑托辊Ⅱ\EG2490/LPF24\Y710-21(HS)</t>
  </si>
  <si>
    <t>【施道克】支撑托辊Ⅱ\EG2490/LPF24\Y710-21(HH)</t>
  </si>
  <si>
    <t>【施道克】支撑托辊Ⅱ\EG2490/LPF24\Y710-21(JS)</t>
  </si>
  <si>
    <t>【施道克】支撑托辊Ⅱ\EG2490/LPF24\JVY710-1</t>
  </si>
  <si>
    <t>【施道克】支撑托辊Ⅱ\EG2490/LPF24\Y710-21(ST)</t>
  </si>
  <si>
    <t>【施道克】支撑托辊Ⅲ\EG2490/LPF24\Y561-3(HAS)</t>
  </si>
  <si>
    <t>【施道克】支撑托辊Ⅲ\EG2490/LPF24\Y561-3(ZB)</t>
  </si>
  <si>
    <t>【施道克】支撑托辊I\EG3690\Z6934(ST)</t>
  </si>
  <si>
    <t>【施道克】支承板组焊\EG2490\EG24.7</t>
  </si>
  <si>
    <t>【施道克】支承板组焊\EG2490\EG24.7(S)</t>
  </si>
  <si>
    <t>【施道克】轴\LPF-24\B11819</t>
  </si>
  <si>
    <t>【施道克】轴\LPF-24\B11819(HH)</t>
  </si>
  <si>
    <t>【施道克】轴承盖\EG2490\C18700-3</t>
  </si>
  <si>
    <t>【施道克】轴承盖\EG3690\C18700-4</t>
  </si>
  <si>
    <t>【施道克】轴承合金垫\EG3690\B715</t>
  </si>
  <si>
    <t>【施道克】轴承合金垫\EG2490\EG2490-3</t>
  </si>
  <si>
    <t>【施道克】轴承合金垫\EG3690\EG3690-5</t>
  </si>
  <si>
    <t>【施道克】轴承罩\EG3690\D32892-1(ZZ)</t>
  </si>
  <si>
    <t>【施道克】轴承罩\EG2490\Z8099-1</t>
  </si>
  <si>
    <t>【施道克】轴承罩\EG3690\3-Z8099</t>
  </si>
  <si>
    <t>【施道克】轴承座\EG3690\IVC36-1</t>
  </si>
  <si>
    <t>【施道克】轴承座\EG3690\IVC36-1(S)</t>
  </si>
  <si>
    <t>【施道克】轴承座\EG2490\IVC36-1(SZS)</t>
  </si>
  <si>
    <t>【施道克】轴承座罩\EG3690\Z8145-2</t>
  </si>
  <si>
    <t>【施道克】轴承座罩\EG2490\1-Z8099</t>
  </si>
  <si>
    <t>【施道克】轴套\MG200\MG200-4</t>
  </si>
  <si>
    <t>【施道克】轴套\MG40\MG-22</t>
  </si>
  <si>
    <t>【施道克】主动滚筒\LPF-24\B15467(HH)</t>
  </si>
  <si>
    <t>【施道克】主动滚筒\EG2490\B15467(ND)</t>
  </si>
  <si>
    <t>【施道克】主动滚筒\LPF-24\B15467(TL)</t>
  </si>
  <si>
    <t>【施道克】主动滚筒\LPG-18\B15467(XZ)</t>
  </si>
  <si>
    <t>【施道克】主动滚筒\EG3690\EG3690.7(WD)</t>
  </si>
  <si>
    <t>【施道克】主动滚筒\EG3690\EG3690.7(YH)</t>
  </si>
  <si>
    <t>【施道克】主动滚筒\EG1890\JV180082</t>
  </si>
  <si>
    <t>【施道克】主动滚筒衬套\EG2490\W22181</t>
  </si>
  <si>
    <t>【施道克】主动滚筒轴承座罩\EG3690\Z8145-2</t>
  </si>
  <si>
    <t>【施道克】主动滚筒轴承\EG2490\CNA209</t>
  </si>
  <si>
    <t>【施道克】主动滚筒轴承\EG2490\CSA209</t>
  </si>
  <si>
    <t>【施道克】主动滚筒组成\EG2490\EG2490.8.1</t>
  </si>
  <si>
    <t>【施道克】主动链轮\MG40\MG-12</t>
  </si>
  <si>
    <t>【施道克】主动链轮\MG200\MG200-5</t>
  </si>
  <si>
    <t>【施道克】主动轴\MG100\MG100XSC.2-1(XLT)</t>
  </si>
  <si>
    <t>【施道克】主动轴\MG100\MG100XSC.2-2(XLT)</t>
  </si>
  <si>
    <t>【施道克】主动轴\MG150\MG150SC.5-1(GJW)</t>
  </si>
  <si>
    <t>【施道克】主动轴\MG200\MG200SC.2-1(XLT)</t>
  </si>
  <si>
    <t>【施道克】主动轴承座\MG40\MG-13</t>
  </si>
  <si>
    <t>【施道克】主动轴承座\MG200\MG200-7</t>
  </si>
  <si>
    <t>【施道克】自动挂码组件\EG2490\EG2490(SHFP)</t>
  </si>
  <si>
    <t>【施道克】自动挂码组件\EG3690\EG3690</t>
  </si>
  <si>
    <t>【施道克】自动挂码组件\EG3690\EG3690(HLH)</t>
  </si>
  <si>
    <t>【山推】杠杆\154-61-16740\SD32\SD22</t>
  </si>
  <si>
    <t>山推工程机械股份有限公司</t>
  </si>
  <si>
    <t>山推</t>
  </si>
  <si>
    <t>WZSCCG-2019-NM-002</t>
  </si>
  <si>
    <t>山推工程机械备品备件集团级长协采购供货协议（内蒙山推）</t>
  </si>
  <si>
    <t>内蒙古山推工程机械有限公司</t>
  </si>
  <si>
    <t>【山推】托架\154-61-16660\SD32\SD22</t>
  </si>
  <si>
    <t>【山推】杠杆\154-61-16750\SD32\SD22</t>
  </si>
  <si>
    <t>【山推】杠杆\154-61-16730\SD32\SD22</t>
  </si>
  <si>
    <t>【山推】开口销\04050-13020\SD32\SD22</t>
  </si>
  <si>
    <t>【山推】螺母\01593-31210\SD32\SD22</t>
  </si>
  <si>
    <t>【山推】关节轴承\04250-51265\SD32\SD22</t>
  </si>
  <si>
    <t>【山推】螺母\01582-01210\SD32\SD22</t>
  </si>
  <si>
    <t>【山推】关节轴承\04252-01269\SD32\SD22</t>
  </si>
  <si>
    <t>【山推】管\23Y-89-12600\SD32\SD22</t>
  </si>
  <si>
    <t>【山推】软管\07115-00613\SD32\SD22</t>
  </si>
  <si>
    <t>【山推】刀头\158-71-01000\SD32\SD22</t>
  </si>
  <si>
    <t>【山推】右臂\154-71-31211\SD32\SD22</t>
  </si>
  <si>
    <t>【山推】左臂\154-71-31191\SD32\SD22</t>
  </si>
  <si>
    <t>【山推】螺盖\150-70-23244\SD32\SD22</t>
  </si>
  <si>
    <t>【山推】压盖\158-71-00002\SD32\SD22</t>
  </si>
  <si>
    <t>【山推】螺栓\01010-52490\SD32\SD22</t>
  </si>
  <si>
    <t>【山推】臂\154-71-31221\SD32\SD22</t>
  </si>
  <si>
    <t>【山推】右耳轴\158-71-06000\SD32\SD22</t>
  </si>
  <si>
    <t>【山推】左耳轴\158-71-07000\SD32\SD22</t>
  </si>
  <si>
    <t>【山推】垫圈\01643-21232\SD32\SD22</t>
  </si>
  <si>
    <t>【山推】变矩器修理包\154-13-41000\SD32\SD22</t>
  </si>
  <si>
    <t>【山推】导向器\234-13-11250\SD32\SD22</t>
  </si>
  <si>
    <t>【山推】泵传动轴\6691-21-4170\SD32\SD22</t>
  </si>
  <si>
    <t>【山推】泵传动轮\6691-21-4160\SD32\SD22</t>
  </si>
  <si>
    <t>【山推】泵传动齿轮\6623-31-1371\SD32\SD22</t>
  </si>
  <si>
    <t>【山推】O型圈\193736\SD32\SD22</t>
  </si>
  <si>
    <t>【山推】减震器\175-43-34500\SD32\SD22</t>
  </si>
  <si>
    <t>【山推】垫\175-40-22591\SD32\SD22</t>
  </si>
  <si>
    <t>【山推】垫\175-40-22521\SD32\SD22</t>
  </si>
  <si>
    <t>【山推】衬套\16Y-85-40000\SD32\SD22</t>
  </si>
  <si>
    <t>【山推】衬套\16Y-85-30000\SD32\SD22</t>
  </si>
  <si>
    <t>【山推】防尘圈\16Y-63-13600\SD32\SD22</t>
  </si>
  <si>
    <t>【山推】格莱圈\16Y-63-13500\SD32\SD22</t>
  </si>
  <si>
    <t>【山推】斯特封\16Y-63-13400\SD32\SD22</t>
  </si>
  <si>
    <t>【山推】倾斜缸修理包\16Y-63-13100\SD32\SD22</t>
  </si>
  <si>
    <t>【山推】支撑环\16Y-63-13008\SD32\SD22</t>
  </si>
  <si>
    <t>【山推】导向环\16Y-63-13007\SD32\SD22</t>
  </si>
  <si>
    <t>【山推】KY圈\16Y-63-13006\SD32\SD22</t>
  </si>
  <si>
    <t>【山推】防尘圈\16Y-63-13005\SD32\SD22</t>
  </si>
  <si>
    <t>【山推】螺母\16Y-63-13001\SD32\SD22</t>
  </si>
  <si>
    <t>【山推】护罩\16Y-63-11000\SD32\SD22</t>
  </si>
  <si>
    <t>【山推】接头座\16Y-63-10000\SD32\SD22</t>
  </si>
  <si>
    <t>【山推】护罩\16Y-63-09000\SD32\SD22</t>
  </si>
  <si>
    <t>【山推】接头座\16Y-63-08000\SD32\SD22</t>
  </si>
  <si>
    <t>【山推】护罩\16Y-63-00006\SD32\SD22</t>
  </si>
  <si>
    <t>【山推】提升缸修理包\16Y-62-51000T\SD32\SD22</t>
  </si>
  <si>
    <t>【山推】涨紧缸修理包\16Y-40-11110\SD32\SD22</t>
  </si>
  <si>
    <t>【山推】活塞\16Y-40-11005\SD32\SD22</t>
  </si>
  <si>
    <t>【山推】油封\16Y-40-11003\SD32\SD22</t>
  </si>
  <si>
    <t>【山推】中罩(右)\16Y-40-08000\SD32\SD22</t>
  </si>
  <si>
    <t>【山推】中罩(左)\16Y-40-07000\SD32\SD22</t>
  </si>
  <si>
    <t>【山推】上摩擦板\16Y-40-01024\SD32\SD22</t>
  </si>
  <si>
    <t>【山推】下摩擦板\16Y-40-01022\SD32\SD22</t>
  </si>
  <si>
    <t>【山推】套筒\16Y-40-00008\SD32\SD22</t>
  </si>
  <si>
    <t>【山推】螺栓\16Y-40-00007\SD32\SD22</t>
  </si>
  <si>
    <t>【山推】套筒\16Y-40-00004\SD32\SD22</t>
  </si>
  <si>
    <t>【山推】护板螺栓\16Y-40-00003\SD32\SD22</t>
  </si>
  <si>
    <t>【山推】右前罩\16Y-40-00002\SD32\SD22</t>
  </si>
  <si>
    <t>【山推】行星架总成\TP50M.00-05T\SD32\SD22</t>
  </si>
  <si>
    <t>【山推】全车液压管\SL50JSC\SD32\SD22</t>
  </si>
  <si>
    <t>【山推】全车O型圈\SD32-OXQ\SD32\SD22</t>
  </si>
  <si>
    <t>【山推】全车液压油管\SD22-QYG\SD32\SD22</t>
  </si>
  <si>
    <t>【山推】暖风水箱\SD22-QSX\SD32\SD22</t>
  </si>
  <si>
    <t>【山推】全车O型圈\SD22-OXQ\SD32\SD22</t>
  </si>
  <si>
    <t>【山推】暖风机总成\SD22-NFJ\SD32\SD22</t>
  </si>
  <si>
    <t>【山推】全车线\Q7S\SD32\SD22</t>
  </si>
  <si>
    <t>【山推】上修包\4915302\SD32\SD22</t>
  </si>
  <si>
    <t>【山推】多路阀\DF32.2C\SD32\SD22</t>
  </si>
  <si>
    <t>【山推】风机\D2850-50000\SD32\SD22</t>
  </si>
  <si>
    <t>【山推】继电器\D2610-20000\SD32\SD22</t>
  </si>
  <si>
    <t>【山推】蓄电池继电器\D2601-60000\SD32\SD22</t>
  </si>
  <si>
    <t>【山推】工作灯\D2401-07000\SD32\SD22</t>
  </si>
  <si>
    <t>【山推】油温传感器\D2320-00000\SD32\SD22</t>
  </si>
  <si>
    <t>【山推】水温传感器\D2310-00000\SD32\SD22</t>
  </si>
  <si>
    <t>【山推】机油压力传感器\D2300-00000\SD32\SD22</t>
  </si>
  <si>
    <t>【山推】智能单元\D2261-01010\SD32\SD22</t>
  </si>
  <si>
    <t>【山推】智能单元\D2261-01000\SD32\SD22</t>
  </si>
  <si>
    <t>【山推】组合仪表\D2210-00010\SD32\SD22</t>
  </si>
  <si>
    <t>【山推】计时表\D2170-00000\SD32\SD22</t>
  </si>
  <si>
    <t>【山推】电压表\D2140-03220\SD32\SD22</t>
  </si>
  <si>
    <t>【山推】电压表\D2140-03200\SD32\SD22</t>
  </si>
  <si>
    <t>【山推】油温表\D2122-15000\SD32\SD22</t>
  </si>
  <si>
    <t>【山推】水温表\D2112-12000\SD32\SD22</t>
  </si>
  <si>
    <t>【山推】机油压力表\D2102-01000\SD32\SD22</t>
  </si>
  <si>
    <t>【山推】机油压力表\D2102-00700\SD32\SD22</t>
  </si>
  <si>
    <t>【山推】工作泵\CBGJ3100A\SD32\SD22</t>
  </si>
  <si>
    <t>【山推】水泵涨紧轮\AR45189\SD32\SD22</t>
  </si>
  <si>
    <t>【山推】履带总成\A-203-510-00\SD32\SD22</t>
  </si>
  <si>
    <t>【山推】喷油器\8N7005\SD32\SD22</t>
  </si>
  <si>
    <t>【山推】喷油泵\7W0918\SD32\SD22</t>
  </si>
  <si>
    <t>【山推】变速泵\705-21-32051\SD32\SD22</t>
  </si>
  <si>
    <t>【山推】伺服阀总成\702-12-14000\SD32\SD22</t>
  </si>
  <si>
    <t>【山推】工作装置操纵阀总成\701-43-24002\SD32\SD22</t>
  </si>
  <si>
    <t>【山推】倾斜油缸操纵阀总成\701-41-11006\SD32\SD22</t>
  </si>
  <si>
    <t>【山推】控制阀总成(铲刀)\701-34-11002\SD32\SD22</t>
  </si>
  <si>
    <t>【山推】操作阀总成\701-32-27001\SD32\SD22</t>
  </si>
  <si>
    <t>【山推】安全补油阀\701-30-99000\SD32\SD22</t>
  </si>
  <si>
    <t>【山推】排气管\6711-11-5750\SD32\SD22</t>
  </si>
  <si>
    <t>【山推】活塞杆\23Y-62B-01300\SD32\SD22</t>
  </si>
  <si>
    <t>【山推】空调\23Y-58-00000\SD32\SD22</t>
  </si>
  <si>
    <t>【山推】链轨合件\216MA-000T1\SD32\SD22</t>
  </si>
  <si>
    <t>【山推】转向阀\195-40-11600\SD32\SD22</t>
  </si>
  <si>
    <t>【山推】风扇\17Y-08B-00001\SD32\SD22</t>
  </si>
  <si>
    <t>【山推】右刀角\175-71-22282\SD32\SD22</t>
  </si>
  <si>
    <t>【山推】左刀角\175-71-22272\SD32\SD22</t>
  </si>
  <si>
    <t>【山推】刀片\175-70-26310\SD32\SD22</t>
  </si>
  <si>
    <t>【山推】铲刀升降油缸总成(右)\175-63-13400\SD32\SD22</t>
  </si>
  <si>
    <t>【山推】铲刀升降油缸总成(左)\175-63-13300\SD32\SD22</t>
  </si>
  <si>
    <t>【山推】后底护板\175-54-23169\SD32\SD22</t>
  </si>
  <si>
    <t>【山推】弹簧\175-30-34190\SD32\SD22</t>
  </si>
  <si>
    <t>【山推】弹簧\175-30-34180\SD32\SD22</t>
  </si>
  <si>
    <t>【山推】导向座\175-30-34150\SD32\SD22</t>
  </si>
  <si>
    <t>【山推】导向座\175-30-34140\SD32\SD22</t>
  </si>
  <si>
    <t>【山推】防护装置\175-30-32195\SD32\SD22</t>
  </si>
  <si>
    <t>【山推】防护装置\175-30-32185\SD32\SD22</t>
  </si>
  <si>
    <t>【山推】油缸\175-30-24222\SD32\SD22</t>
  </si>
  <si>
    <t>【山推】引导轮总成\175-30-00572\SD32\SD22</t>
  </si>
  <si>
    <t>【山推】托轮总成\175-30-00513\SD32\SD22</t>
  </si>
  <si>
    <t>【山推】双边支重轮总成\175-30-00496\SD32\SD22</t>
  </si>
  <si>
    <t>【山推】单边支重轮总成\175-30-00486\SD32\SD22</t>
  </si>
  <si>
    <t>【山推】齿块\175-27-22325\SD32\SD22</t>
  </si>
  <si>
    <t>【山推】内齿片\175-22-21160\SD32\SD22</t>
  </si>
  <si>
    <t>【山推】磨擦片\175-22-11230\SD32\SD22</t>
  </si>
  <si>
    <t>【山推】软管\154-03-13131\SD32\SD22</t>
  </si>
  <si>
    <t>【山推】组合仪表\D2210-00060\SD32\SD22</t>
  </si>
  <si>
    <t>【山推】罩\17Y-91-01000\SD32\SD22</t>
  </si>
  <si>
    <t>【山推】电磁阀线束\23Y-07B-14000\SD32\SD22</t>
  </si>
  <si>
    <t>【山推】喇叭开关\D2510-00600\SD32\SD22</t>
  </si>
  <si>
    <t>【山推】蓄电池\D1011-12010\SD32\SD22</t>
  </si>
  <si>
    <t>【山推】室内灯\D2430-01010\SD32\SD22</t>
  </si>
  <si>
    <t>【山推】倒档警灯\D2445-07000\SD32\SD22</t>
  </si>
  <si>
    <t>【山推】工作灯\D2401-07010\SD32\SD22</t>
  </si>
  <si>
    <t>【山推】刮雨器\D2801-09520\SD32\SD22</t>
  </si>
  <si>
    <t>【山推】线夹\08035-11010\SD32\SD22</t>
  </si>
  <si>
    <t>【山推】转向离合器总成\175-22-00032\SD32\SD22</t>
  </si>
  <si>
    <t>【山推】盖\175-15-45510\SD32\SD22</t>
  </si>
  <si>
    <t>【山推】活塞\175-15-42870\SD32\SD22</t>
  </si>
  <si>
    <t>【山推】油缸体\175-15-42412\SD32\SD22</t>
  </si>
  <si>
    <t>【山推】联轴节\175-15-42151\SD32\SD22</t>
  </si>
  <si>
    <t>【山推】轴\175-15-42112\SD32\SD22</t>
  </si>
  <si>
    <t>【山推】摩擦片\175-15-12715\SD32\SD22</t>
  </si>
  <si>
    <t>【山推】摩擦片\175-15-12713\SD32\SD22</t>
  </si>
  <si>
    <t>【山推】调压阀总成\175-13-26401\SD32\SD22</t>
  </si>
  <si>
    <t>【山推】油冷器\175-03-C2100A\SD32\SD22</t>
  </si>
  <si>
    <t>【山推】油冷器总成\175-03-C2001\SD32\SD22</t>
  </si>
  <si>
    <t>【山推】燃油箱\171-04-01000\SD32\SD22</t>
  </si>
  <si>
    <t>【山推】支架\16Y-85-20000\SD32\SD22</t>
  </si>
  <si>
    <t>【山推】叉壁\16Y-85-00003\SD32\SD22</t>
  </si>
  <si>
    <t>【山推】刀片\16Y-82G-00002\SD32\SD22</t>
  </si>
  <si>
    <t>【山推】刀片\16Y-82G-00001\SD32\SD22</t>
  </si>
  <si>
    <t>【山推】右刀角\16Y-81-00003\SD32\SD22</t>
  </si>
  <si>
    <t>【山推】左刀角\16Y-81-00002\SD32\SD22</t>
  </si>
  <si>
    <t>【山推】支撑\16Y-80-50000\SD32\SD22</t>
  </si>
  <si>
    <t>【山推】右推杆\16Y-80-40000\SD32\SD22</t>
  </si>
  <si>
    <t>【山推】左推杆\16Y-80-30000\SD32\SD22</t>
  </si>
  <si>
    <t>【山推】刀片\16Y-80-00019\SD32\SD22</t>
  </si>
  <si>
    <t>【山推】安全阀\16Y-76-23000\SD32\SD22</t>
  </si>
  <si>
    <t>【山推】转向阀\16Y-76-22000\SD32\SD22</t>
  </si>
  <si>
    <t>【山推】转向油泵\16Y-76-06000\SD32\SD22</t>
  </si>
  <si>
    <t>【山推】冷却器\16Y-76-02000A\SD32\SD22</t>
  </si>
  <si>
    <t>【山推】变速油泵\16Y-75-24000\SD32\SD22</t>
  </si>
  <si>
    <t>【山推】润滑阀\16Y-75-20000\SD32\SD22</t>
  </si>
  <si>
    <t>【山推】变速阀\16Y-75-10000\SD32\SD22</t>
  </si>
  <si>
    <t>【山推】铲刀提升油缸(左)\16Y-62-60000\SD32\SD22</t>
  </si>
  <si>
    <t>【山推】左提升缸总成\16Y-62-50000\SD32\SD22</t>
  </si>
  <si>
    <t>【山推】工作油泵\16Y-61-01000\SD32\SD22</t>
  </si>
  <si>
    <t>【山推】铲刀阀总成\16Y-60-05000\SD32\SD22</t>
  </si>
  <si>
    <t>【山推】皮革座合件\16Y-53C-10000\SD32\SD22</t>
  </si>
  <si>
    <t>【山推】油缸\16Y-40-11400\SD32\SD22</t>
  </si>
  <si>
    <t>【山推】双边支重轮\16Y-40-10000\SD32\SD22</t>
  </si>
  <si>
    <t>【山推】单边支重轮\16Y-40-09000\SD32\SD22</t>
  </si>
  <si>
    <t>【山推】托轮\16Y-40-06000\SD32\SD22</t>
  </si>
  <si>
    <t>【山推】引导轮总成\16Y-40-03000\SD32\SD22</t>
  </si>
  <si>
    <t>【山推】链轮毂\16Y-18-00045\SD32\SD22</t>
  </si>
  <si>
    <t>【山推】大齿轮\16Y-18-00036\SD32\SD22</t>
  </si>
  <si>
    <t>【山推】齿轮毂\16Y-18-00033\SD32\SD22</t>
  </si>
  <si>
    <t>【山推】小齿轮(第一级)\16Y-18-00024\SD32\SD22</t>
  </si>
  <si>
    <t>【山推】齿轮(第一级)\16Y-18-00018\SD32\SD22</t>
  </si>
  <si>
    <t>【山推】小齿轮轴(第二级)\16Y-18-00016\SD32\SD22</t>
  </si>
  <si>
    <t>【山推】齿块\16Y-18-00014\SD32\SD22</t>
  </si>
  <si>
    <t>【山推】半轴\16Y-18-00001\SD32\SD22</t>
  </si>
  <si>
    <t>【山推】制动带总成\16Y-17-04000\SD32\SD22</t>
  </si>
  <si>
    <t>【山推】摩擦片\16Y-16-02000\SD32\SD22</t>
  </si>
  <si>
    <t>【山推】横轴\16Y-16-00015\SD32\SD22</t>
  </si>
  <si>
    <t>【山推】螺旋伞齿轮\16Y-16-00014\SD32\SD22</t>
  </si>
  <si>
    <t>【山推】内齿片(二)\16Y-16-00011\SD32\SD22</t>
  </si>
  <si>
    <t>【山推】内齿片(一)\16Y-16-00010\SD32\SD22</t>
  </si>
  <si>
    <t>【山推】摩擦片\16Y-15-09000\SD32\SD22</t>
  </si>
  <si>
    <t>【山推】摩擦片\16Y-15-03000\SD32\SD22</t>
  </si>
  <si>
    <t>【山推】二排油缸体\16Y-15-00081\SD32\SD22</t>
  </si>
  <si>
    <t>【山推】闭锁离合器外齿圈\16Y-15-00078\SD32\SD22</t>
  </si>
  <si>
    <t>【山推】三排壳体(二)\16Y-15-00076\SD32\SD22</t>
  </si>
  <si>
    <t>【山推】四排油缸体\16Y-15-00075\SD32\SD22</t>
  </si>
  <si>
    <t>【山推】闭锁离合器内齿圈\16Y-15-00042\SD32\SD22</t>
  </si>
  <si>
    <t>【山推】齿片\16Y-15-00041\SD32\SD22</t>
  </si>
  <si>
    <t>【山推】轴承座\16Y-15-00038\SD32\SD22</t>
  </si>
  <si>
    <t>【山推】齿圈\16Y-15-00029\SD32\SD22</t>
  </si>
  <si>
    <t>【山推】一排油缸体\16Y-15-00024\SD32\SD22</t>
  </si>
  <si>
    <t>【山推】导轮\175-13-22313\SD32\SD22</t>
  </si>
  <si>
    <t>【山推】风扇\600-613-1140\SD32\SD22</t>
  </si>
  <si>
    <t>【山推】皮带轮\175-03-C1290\SD32\SD22</t>
  </si>
  <si>
    <t>【山推】分配器\6691-51-9560\SD32\SD22</t>
  </si>
  <si>
    <t>【山推】连接器\6691-51-9580\SD32\SD22</t>
  </si>
  <si>
    <t>【山推】齿轮\10Y-11-00020\SD32\SD22</t>
  </si>
  <si>
    <t>【山推】齿轮\10Y-11-00022\SD32\SD22</t>
  </si>
  <si>
    <t>【山推】惰轮轴\10Y-11-00016\SD32\SD22</t>
  </si>
  <si>
    <t>【山推】联轴节\10Y-11-05000\SD32\SD22</t>
  </si>
  <si>
    <t>【山推】涡轮\175-13-21522\SD32\SD22</t>
  </si>
  <si>
    <t>【山推】齿轮\175-13-21220\SD32\SD22</t>
  </si>
  <si>
    <t>【山推】罩轮\175-13-21213\SD32\SD22</t>
  </si>
  <si>
    <t>【山推】齿轮\175-13-21141\SD32\SD22</t>
  </si>
  <si>
    <t>【山推】过滤器\195-13-13420\SD32\SD22</t>
  </si>
  <si>
    <t>【山推】前罩(左)\16Y-40-00001\SD32\SD22</t>
  </si>
  <si>
    <t>【山推】油管\16Y-31-20000\SD32\SD22</t>
  </si>
  <si>
    <t>【山推】防尘圈\16Y-31-10000\SD32\SD22</t>
  </si>
  <si>
    <t>【山推】中心销\16Y-31-00002\SD32\SD22</t>
  </si>
  <si>
    <t>【山推】衬套\16Y-31-00001\SD32\SD22</t>
  </si>
  <si>
    <t>【山推】叉\175-33-24330\SD32\SD22</t>
  </si>
  <si>
    <t>【山推】叉\175-33-24320\SD32\SD22</t>
  </si>
  <si>
    <t>【山推】履带板螺栓\175-32-11210\SD32\SD22</t>
  </si>
  <si>
    <t>【山推】罩盖组合\175-30-37200\SD32\SD22</t>
  </si>
  <si>
    <t>【山推】右罩\175-30-37186\SD32\SD22</t>
  </si>
  <si>
    <t>【山推】左罩\175-30-37170\SD32\SD22</t>
  </si>
  <si>
    <t>【山推】罩\175-30-37154\SD32\SD22</t>
  </si>
  <si>
    <t>【山推】盖\175-30-34331\SD32\SD22</t>
  </si>
  <si>
    <t>【山推】套筒\175-30-34320\SD32\SD22</t>
  </si>
  <si>
    <t>【山推】螺栓\175-30-34312\SD32\SD22</t>
  </si>
  <si>
    <t>【山推】垫圈\175-30-34260\SD32\SD22</t>
  </si>
  <si>
    <t>【山推】罩(左)\175-30-27143\SD32\SD22</t>
  </si>
  <si>
    <t>【山推】罩(右)\175-30-27133\SD32\SD22</t>
  </si>
  <si>
    <t>【山推】导板铆合件\175-30-24131\SD32\SD22</t>
  </si>
  <si>
    <t>【山推】涨紧缸修包\175-30-21000\SD32\SD22</t>
  </si>
  <si>
    <t>【山推】螺帽\170-70-13141\SD32\SD22</t>
  </si>
  <si>
    <t>【山推】止动垫\170-30-34290\SD32\SD22</t>
  </si>
  <si>
    <t>【山推】螺母\170-30-14351\SD32\SD22</t>
  </si>
  <si>
    <t>【山推】垫片\170-30-14341\SD32\SD22</t>
  </si>
  <si>
    <t>【山推】环\170-30-14230\SD32\SD22</t>
  </si>
  <si>
    <t>【山推】活塞\170-30-14211\SD32\SD22</t>
  </si>
  <si>
    <t>【山推】挡板\170-30-12162\SD32\SD22</t>
  </si>
  <si>
    <t>【山推】密封件\170-27-12520\SD32\SD22</t>
  </si>
  <si>
    <t>【山推】浮封环\170-27-12513\SD32\SD22</t>
  </si>
  <si>
    <t>【山推】环\170-27-12480\SD32\SD22</t>
  </si>
  <si>
    <t>【山推】螺母\170-27-12472\SD32\SD22</t>
  </si>
  <si>
    <t>【山推】O型圈\170-27-12340\SD32\SD22</t>
  </si>
  <si>
    <t>【山推】连轮毂螺帽\170-27-12232\SD32\SD22</t>
  </si>
  <si>
    <t>【山推】锁片\170-27-12210\SD32\SD22</t>
  </si>
  <si>
    <t>【山推】浮封环总成\170-27-00021\SD32\SD22</t>
  </si>
  <si>
    <t>【山推】密封圈\170-22-1130\SD32\SD22</t>
  </si>
  <si>
    <t>【山推】密封环\170-22-11130\SD32\SD22</t>
  </si>
  <si>
    <t>【山推】螺母\170-21-12141\SD32\SD22</t>
  </si>
  <si>
    <t>【山推】松土器操纵手柄\16Y-86C-11000\SD32\SD22</t>
  </si>
  <si>
    <t>【山推】座\16Y-86C-00005\SD32\SD22</t>
  </si>
  <si>
    <t>【山推】密封圈\16Y-30-00002\SD32\SD22</t>
  </si>
  <si>
    <t>【山推】转向软轴\16Y-26C-05000\SD32\SD22</t>
  </si>
  <si>
    <t>【山推】支撑板\16Y-25C-06000\SD32\SD22</t>
  </si>
  <si>
    <t>【山推】摇臂\16Y-25C-05000\SD32\SD22</t>
  </si>
  <si>
    <t>【山推】操纵杆\16Y-25C-04000\SD32\SD22</t>
  </si>
  <si>
    <t>【山推】摇臂\16Y-25-10000\SD32\SD22</t>
  </si>
  <si>
    <t>【山推】支架\16Y-25-09000\SD32\SD22</t>
  </si>
  <si>
    <t>【山推】弹簧\154-15-22760\SD32\SD22</t>
  </si>
  <si>
    <t>【山推】垫板\154-15-31170\SD32\SD22</t>
  </si>
  <si>
    <t>【山推】齿轮\154-15-32120\SD32\SD22</t>
  </si>
  <si>
    <t>【山推】轴承\154-15-39120\SD32\SD22</t>
  </si>
  <si>
    <t>【山推】圆柱销\04020-01228\SD32\SD22</t>
  </si>
  <si>
    <t>【山推】密封环\154-15-22821\SD32\SD22</t>
  </si>
  <si>
    <t>【山推】锁片\234-21-12210\SD32\SD22</t>
  </si>
  <si>
    <t>【山推】垫片\234-21-12190\SD32\SD22</t>
  </si>
  <si>
    <t>【山推】销\175-15-42220\SD32\SD22</t>
  </si>
  <si>
    <t>【山推】螺帽\234-21-12180\SD32\SD22</t>
  </si>
  <si>
    <t>【山推】螺母\01582-11210\SD32\SD22</t>
  </si>
  <si>
    <t>【山推】锁片\175-15-42240\SD32\SD22</t>
  </si>
  <si>
    <t>【山推】齿轮\175-13-24111\SD32\SD22</t>
  </si>
  <si>
    <t>【山推】分动箱体\175-38-11110\SD32\SD22</t>
  </si>
  <si>
    <t>【山推】飞轮罩壳\6710-23-4110\SD32\SD22</t>
  </si>
  <si>
    <t>【山推】前支架\6710-23-3710\SD32\SD22</t>
  </si>
  <si>
    <t>【山推】空气滤清器总成\115J-01-01000\SD32\SD22</t>
  </si>
  <si>
    <t>【山推】网\154-03-12653\SD32\SD22</t>
  </si>
  <si>
    <t>【山推】排气管\6710-13-5730\SD32\SD22</t>
  </si>
  <si>
    <t>【山推】密封环\175-30-24242\SD32\SD22</t>
  </si>
  <si>
    <t>【山推】散热器总成\175-03-C1002\SD32\SD22</t>
  </si>
  <si>
    <t>【山推】压力传感器\D2300-01000\SD32\SD22</t>
  </si>
  <si>
    <t>【山推】轴承壳\6710-23-4410\SD32\SD22</t>
  </si>
  <si>
    <t>【山推】轴\6710-23-4510\SD32\SD22</t>
  </si>
  <si>
    <t>【山推】泵传动齿轮\6710-23-4520\SD32\SD22</t>
  </si>
  <si>
    <t>【山推】惰轮轴\6691-21-4310\SD32\SD22</t>
  </si>
  <si>
    <t>【山推】轴承罩\6691-21-4120\SD32\SD22</t>
  </si>
  <si>
    <t>【山推】螺栓\8228-MA-00062\SD32\SD22</t>
  </si>
  <si>
    <t>【山推】螺母\8228-MA-00061\SD32\SD22</t>
  </si>
  <si>
    <t>【山推】全车线\TY220-acx\SD32\SD22</t>
  </si>
  <si>
    <t>【山推】右链轨节\8228-MC-00021\SD32\SD22</t>
  </si>
  <si>
    <t>【山推】左链轨节\8228-MC-00011\SD32\SD22</t>
  </si>
  <si>
    <t>【山推】履带板\8228-MA-001562\SD32\SD22</t>
  </si>
  <si>
    <t>【山推】全车液压管密封件\SL50KYB\SL50W\SL58H</t>
  </si>
  <si>
    <t>【山推】倾角缸连接铁管\175-71-31451\SD32\SD22</t>
  </si>
  <si>
    <t>【山推】倾角缸连接铁管\175-71-31441\SD32\SD22</t>
  </si>
  <si>
    <t>【山推】仪表箱线束\17Y-07C-09000\SD32\SD22</t>
  </si>
  <si>
    <t>【山推】前灯线束\171-07-04000\SD32\SD22</t>
  </si>
  <si>
    <t>【山推】发动机线束\171-07-03000\SD32\SD22</t>
  </si>
  <si>
    <t>【山推】地板架线束\171-07-02000\SD32\SD22</t>
  </si>
  <si>
    <t>【山推】工作装置操纵阀\701-43-41002\SD32\SD22</t>
  </si>
  <si>
    <t>【山推】驾驶室总成\171-56-A0000\SD32\SD22</t>
  </si>
  <si>
    <t>【山推】驾驶室总成\23Y-56B-00000\SD32\SD22</t>
  </si>
  <si>
    <t>【山推】驾驶室总成\16Y-56E-00000\SD32\SD22</t>
  </si>
  <si>
    <t>【山推】变速箱\154-13-31000\SD32\SD22</t>
  </si>
  <si>
    <t>【山推】全车软管\160QCRG\SD32\SD22</t>
  </si>
  <si>
    <t>【山推】油缸支架总成\175-61-C1000\SD32\SD22</t>
  </si>
  <si>
    <t>【山推】轴\154-03-C1110\SD32\SD22</t>
  </si>
  <si>
    <t>【山推】齿轮\154-01-12410\SD32\SD22</t>
  </si>
  <si>
    <t>【山推】填密垫\154-01-12270\SD32\SD22</t>
  </si>
  <si>
    <t>【山推】套环\154-01-12240\SD32\SD22</t>
  </si>
  <si>
    <t>【山推】齿轮\154-01-12230\SD32\SD22</t>
  </si>
  <si>
    <t>【山推】轴\154-01-12220\SD32\SD22</t>
  </si>
  <si>
    <t>【山推】填密垫\154-01-12131\SD32\SD22</t>
  </si>
  <si>
    <t>【山推】填密垫\154-01-12130\SD32\SD22</t>
  </si>
  <si>
    <t>【山推】手柄\09305-00800\SD32\SD22</t>
  </si>
  <si>
    <t>【山推】手柄\09304-01250\SD32\SD22</t>
  </si>
  <si>
    <t>【山推】手柄\09304-01240\SD32\SD22</t>
  </si>
  <si>
    <t>【山推】减震器\09290-10000\SD32\SD22</t>
  </si>
  <si>
    <t>【山推】销套\09244-02508\SD32\SD22</t>
  </si>
  <si>
    <t>【山推】后大灯总成\08128-32400\SD32\SD22</t>
  </si>
  <si>
    <t>【山推】灯泡\08113-02480\SD32\SD22</t>
  </si>
  <si>
    <t>【山推】蓄电池继电开关\08088-10000\SD32\SD22</t>
  </si>
  <si>
    <t>【山推】启动开关\08086-10000\SD32\SD22</t>
  </si>
  <si>
    <t>【山推】后灯\08074-10000\SD32\SD22</t>
  </si>
  <si>
    <t>【山推】喇叭开关\08064-10000\SD32\SD22</t>
  </si>
  <si>
    <t>【山推】接线柱-\08000-00001\SD32\SD22</t>
  </si>
  <si>
    <t>【山推】接线柱+\08000-00000\SD32\SD22</t>
  </si>
  <si>
    <t>【山推】注油器\07959-30000\SD32\SD22</t>
  </si>
  <si>
    <t>【山推】阀门\07700-40460\SD32\SD22</t>
  </si>
  <si>
    <t>【山推】风扇皮带\04122-22279\SD32\SD22</t>
  </si>
  <si>
    <t>【山推】支重轮螺栓\01010-62275\SD32\SD22</t>
  </si>
  <si>
    <t>【山推】涨紧装置总成\175-30-11000\SD32\SD22</t>
  </si>
  <si>
    <t>【山推】自箱至升降缸软管\07119-00611\SD32\SD22</t>
  </si>
  <si>
    <t>【山推】自箱至升降缸软管\07114-00609\SD32\SD22</t>
  </si>
  <si>
    <t>【山推】自箱至升降缸软管\07113-00411\SD32\SD22</t>
  </si>
  <si>
    <t>【山推】刀刃(二)\23Y-82B-00002\SD32\SD22</t>
  </si>
  <si>
    <t>【山推】刀刃(一)\23Y-82B-00001\SD32\SD22</t>
  </si>
  <si>
    <t>【山推】涨紧装置总成\175-30-30004V030\SD32\SD22</t>
  </si>
  <si>
    <t>【山推】拖轮\175-30-45110A\SD32\SD22</t>
  </si>
  <si>
    <t>【山推】齿块\175-27-22325A\SD32\SD22</t>
  </si>
  <si>
    <t>【山推】刀片\175-71-26310\SD32\SD22</t>
  </si>
  <si>
    <t>【山推】履带板\8228-MA-001561\SD32\SD22</t>
  </si>
  <si>
    <t>【山推】摇臂\16Y-25-05000\SD32\SD22</t>
  </si>
  <si>
    <t>【山推】衬套\16Y-18-01000\SD32\SD22</t>
  </si>
  <si>
    <t>【山推】右护板\16Y-18-00044\SD32\SD22</t>
  </si>
  <si>
    <t>【山推】左护板\16Y-18-00043\SD32\SD22</t>
  </si>
  <si>
    <t>【山推】防尘圈\16Y-18-00042\SD32\SD22</t>
  </si>
  <si>
    <t>【山推】防尘罩\16Y-18-00041\SD32\SD22</t>
  </si>
  <si>
    <t>【山推】螺母\16Y-18-00040\SD32\SD22</t>
  </si>
  <si>
    <t>【山推】锁片\16Y-18-00039\SD32\SD22</t>
  </si>
  <si>
    <t>【山推】软管\16Y-03B-00001\SD32\SD22</t>
  </si>
  <si>
    <t>【山推】护风罩\16Y-03A-13000\SD32\SD22</t>
  </si>
  <si>
    <t>【山推】护风罩\16Y-03A-12000\SD32\SD22</t>
  </si>
  <si>
    <t>【山推】护风罩\16Y-03A-11000\SD32\SD22</t>
  </si>
  <si>
    <t>【山推】右护风罩\16Y-03A-07000\SD32\SD22</t>
  </si>
  <si>
    <t>【山推】上护风罩\16Y-03A-06000\SD32\SD22</t>
  </si>
  <si>
    <t>【山推】上护风罩\16Y-03A-05000\SD32\SD22</t>
  </si>
  <si>
    <t>【山推】护板\154-78-31330\SD32\SD22</t>
  </si>
  <si>
    <t>【山推】衬套\154-78-14223\SD32\SD22</t>
  </si>
  <si>
    <t>【山推】销(左)\154-78-14210\SD32\SD22</t>
  </si>
  <si>
    <t>【山推】松土器销子\154-78-14191\SD32\SD22</t>
  </si>
  <si>
    <t>【山推】销轴\154-78-14182\SD32\SD22</t>
  </si>
  <si>
    <t>【山推】松土器销轴\154-78-14173\SD32\SD22</t>
  </si>
  <si>
    <t>【山推】软管\07102-21013\SD32\SD22</t>
  </si>
  <si>
    <t>【山推】软管\07102-21010\SD32\SD22</t>
  </si>
  <si>
    <t>【山推】护板(右)\154-27-15120\SD32\SD22</t>
  </si>
  <si>
    <t>【山推】护板(左)\154-27-15110\SD32\SD22</t>
  </si>
  <si>
    <t>【山推】支承\154-27-12334\SD32\SD22</t>
  </si>
  <si>
    <t>【山推】半轴\154-27-12313\SD32\SD22</t>
  </si>
  <si>
    <t>【山推】链轮齿\154-27-12283\SD32\SD22</t>
  </si>
  <si>
    <t>【山推】齿块\154-27-12273\SD32\SD22</t>
  </si>
  <si>
    <t>【山推】盖\154-27-12162\SD32\SD22</t>
  </si>
  <si>
    <t>【山推】盖\154-27-12152\SD32\SD22</t>
  </si>
  <si>
    <t>【山推】链轮毂\154-27-12131\SD32\SD22</t>
  </si>
  <si>
    <t>【山推】大齿轮(第二级)\154-27-12110\SD32\SD22</t>
  </si>
  <si>
    <t>【山推】齿轮毂\154-27-12100\SD32\SD22</t>
  </si>
  <si>
    <t>【山推】传动轴\ZL50G3-04004\SD32\SD22</t>
  </si>
  <si>
    <t>【山推】座椅\29300007561\SD32\SD22</t>
  </si>
  <si>
    <t>【山推】万向节\175-20-30000\SD32\SD22</t>
  </si>
  <si>
    <t>【山推】切刃\154-81-11191\SD32\SD22</t>
  </si>
  <si>
    <t>【山推】大行星架总成\154-15-32320EJ\SD32\SD22</t>
  </si>
  <si>
    <t>【山推】座椅(含安装)\23Y-53B-00000\SD32\SD22</t>
  </si>
  <si>
    <t>【山推】轴\155-15-12212\SD32\SD22</t>
  </si>
  <si>
    <t>【山推】铲刀\1454-81-01001\SD32\SD22</t>
  </si>
  <si>
    <t>【山推】链轨节(右)\154-32-11137\SD32\SD22</t>
  </si>
  <si>
    <t>【山推】链轨节(左)\154-32-11127\SD32\SD22</t>
  </si>
  <si>
    <t>【山推】履带总成\228MC-41156\SD32\SD22</t>
  </si>
  <si>
    <t>【山推】燃油泵\4951501\SD32\SD22</t>
  </si>
  <si>
    <t>【山推】右制动带\175-33-00090\SD32\SD22</t>
  </si>
  <si>
    <t>【山推】左制动带\175-33-00080\SD32\SD22</t>
  </si>
  <si>
    <t>【山推】全车O型圈\TY220QCMF\SD32\SD22</t>
  </si>
  <si>
    <t>【山推】油缸体\155-15-11152\SD32\SD22</t>
  </si>
  <si>
    <t>【山推】斜支撑\16Y-80-60000\SD32\SD22</t>
  </si>
  <si>
    <t>【山推】空调压缩机\23Y-58B-03000\SD32\SD22</t>
  </si>
  <si>
    <t>【山推】缸体\23Y-63B-01100\SD32\SD22</t>
  </si>
  <si>
    <t>【山推】铲刀油缸总成(右)\23Y-62B-02000\SD32\SD22</t>
  </si>
  <si>
    <t>【山推】壳\154-15-31130\SD32\SD22</t>
  </si>
  <si>
    <t>【山推】大行星架总成\154-15-42321P010\SD32\SD22</t>
  </si>
  <si>
    <t>【山推】全车软管\SD32QCRG\SD32\SD22</t>
  </si>
  <si>
    <t>【山推】托轮总成\154-30-41000-V040\SD32\SD22</t>
  </si>
  <si>
    <t>【山推】油缸\145-30-11540\SD32\SD22</t>
  </si>
  <si>
    <t>【山推】套总成\154-15-00400\SD32\SD22</t>
  </si>
  <si>
    <t>【山推】风扇\600-6131140\SD32\SD22</t>
  </si>
  <si>
    <t>【山推】机油压力传感器\D2300-00700\SD32\SD22</t>
  </si>
  <si>
    <t>【山推】履带板\216MD-00156\SD32\SD22</t>
  </si>
  <si>
    <t>【山推】支架\154-61-13115\SD32\SD22</t>
  </si>
  <si>
    <t>【山推】座椅\ZYIA22\SD32\SD22</t>
  </si>
  <si>
    <t>【山推】轮毂\ZL60D24.1-27\SD32\SD22</t>
  </si>
  <si>
    <t>【山推】齿圈\ZL60D.24.1-3\SD32\SD22</t>
  </si>
  <si>
    <t>【山推】齿圈支承\ZL60D.24.1-19\SD32\SD22</t>
  </si>
  <si>
    <t>【山推】传动轴\ZL50G3-04001\SD32\SD22</t>
  </si>
  <si>
    <t>【山推】半轴齿轮\ZL50B11-14\SD32\SD22</t>
  </si>
  <si>
    <t>【山推】全车软管\TY320QCRG\SD32\SD22</t>
  </si>
  <si>
    <t>【山推】支架\171-86-03000\SD32\SD22</t>
  </si>
  <si>
    <t>【山推】架\175-61-13621\SD32\SD22</t>
  </si>
  <si>
    <t>【山推】摇臂\175-61-13641\SD32\SD22</t>
  </si>
  <si>
    <t>【山推】轴\175-61-13632\SD32\SD22</t>
  </si>
  <si>
    <t>【山推】操纵杆\171-86-01000\SD32\SD22</t>
  </si>
  <si>
    <t>【山推】支架\23Y-86B-03000\SD32\SD22</t>
  </si>
  <si>
    <t>【山推】摇臂\171-86-02000\SD32\SD22</t>
  </si>
  <si>
    <t>【山推】凸块\175-61-31750\SD32\SD22</t>
  </si>
  <si>
    <t>【山推】座\23Y-86B-00002\SD32\SD22</t>
  </si>
  <si>
    <t>【山推】垫板\195-61-21430\SD32\SD22</t>
  </si>
  <si>
    <t>【山推】板\195-61-21420\SD32\SD22</t>
  </si>
  <si>
    <t>【山推】轴套\198-21-12240\SD32\SD22</t>
  </si>
  <si>
    <t>【山推】阀座\195-61-21230\SD32\SD22</t>
  </si>
  <si>
    <t>【山推】右牵引架\175-69-21121\SD32\SD22</t>
  </si>
  <si>
    <t>【山推】左牵引架\175-69-21111\SD32\SD22</t>
  </si>
  <si>
    <t>【山推】销子总成\195-69-11223\SD32\SD22</t>
  </si>
  <si>
    <t>【山推】衬套\195-69-11230\SD32\SD22</t>
  </si>
  <si>
    <t>【山推】挂钩座\175-69-21212\SD32\SD22</t>
  </si>
  <si>
    <t>【山推】左推杆组件\P10Y-80-40000V1\SD32\SD22</t>
  </si>
  <si>
    <t>【山推】三齿松土器总成\175-78-61003\SD32\SD22</t>
  </si>
  <si>
    <t>【山推】单齿松土器总成\24Y-89-00000\SD32\SD22</t>
  </si>
  <si>
    <t>【山推】右推杆组件\10Y-80B-00000V020\SD32\SD22</t>
  </si>
  <si>
    <t>【山推】保护器\24Y-89-00005\SD32\SD22</t>
  </si>
  <si>
    <t>【山推】齿尖\24Y-89-00006\SD32\SD22</t>
  </si>
  <si>
    <t>【山推】齿杆\24Y-89-50000\SD32\SD22</t>
  </si>
  <si>
    <t>【山推】横梁\24Y-89-20000\SD32\SD22</t>
  </si>
  <si>
    <t>【山推】右托架\175-78-61124\SD32\SD22</t>
  </si>
  <si>
    <t>【山推】左托架\175-78-61113\SD32\SD22</t>
  </si>
  <si>
    <t>【山推】螺栓\154-71-41270\SD32\SD22</t>
  </si>
  <si>
    <t>【山推】油管接头\154-71-31450\SD32\SD22</t>
  </si>
  <si>
    <t>【山推】盖\154-71-31440\SD32\SD22</t>
  </si>
  <si>
    <t>【山推】盖\154-71-31430\SD32\SD22</t>
  </si>
  <si>
    <t>【山推】螺栓\154-71-31420\SD32\SD22</t>
  </si>
  <si>
    <t>【山推】轴\154-71-22511\SD32\SD22</t>
  </si>
  <si>
    <t>【山推】锁垫\154-71-22490\SD32\SD22</t>
  </si>
  <si>
    <t>【山推】销\154-71-22480\SD32\SD22</t>
  </si>
  <si>
    <t>【山推】销\154-71-22470\SD32\SD22</t>
  </si>
  <si>
    <t>【山推】垫片\154-71-22390\SD32\SD22</t>
  </si>
  <si>
    <t>【山推】销\154-71-21290\SD32\SD22</t>
  </si>
  <si>
    <t>【山推】螺母\154-70-22270\SD32\SD22</t>
  </si>
  <si>
    <t>【山推】刀角刀片螺栓\154-70-11143\SD32\SD22</t>
  </si>
  <si>
    <t>【山推】盖\154-63-52684\SD32\SD22</t>
  </si>
  <si>
    <t>【山推】倾斜缸修理包\154-63-52400\SD32\SD22</t>
  </si>
  <si>
    <t>【山推】松土缸修理包\154-63-42500\SD32\SD22</t>
  </si>
  <si>
    <t>【山推】提升缸修理包\154-63-12600\SD32\SD22</t>
  </si>
  <si>
    <t>【山推】调节楔(右)\154-61-21820\SD32\SD22</t>
  </si>
  <si>
    <t>【山推】调节楔(左)\154-61-21810\SD32\SD22</t>
  </si>
  <si>
    <t>【山推】软管\154-61-21790\SD32\SD22</t>
  </si>
  <si>
    <t>【山推】软管\154-61-21740\SD32\SD22</t>
  </si>
  <si>
    <t>【山推】轴\154-15-32530\SD32\SD22</t>
  </si>
  <si>
    <t>【山推】轴\154-15-32510\SD32\SD22</t>
  </si>
  <si>
    <t>【山推】齿轮\154-15-32490\SD32\SD22</t>
  </si>
  <si>
    <t>【山推】齿轮\154-15-32470\SD32\SD22</t>
  </si>
  <si>
    <t>【山推】齿轮\154-15-32460\SD32\SD22</t>
  </si>
  <si>
    <t>【山推】齿轮\154-15-32450\SD32\SD22</t>
  </si>
  <si>
    <t>【山推】管合件\154-06-36562\SD32\SD22</t>
  </si>
  <si>
    <t>【山推】管\154-06-36361\SD32\SD22</t>
  </si>
  <si>
    <t>【山推】电流表\154-06-23140\SD32\SD22</t>
  </si>
  <si>
    <t>【山推】软管\154-04-11460\SD32\SD22</t>
  </si>
  <si>
    <t>【山推】软管\154-04-11450\SD32\SD22</t>
  </si>
  <si>
    <t>【山推】罩壳\154-03-C1120\SD32\SD22</t>
  </si>
  <si>
    <t>【山推】变速箱修理包\175-15-00000\SD32\SD22</t>
  </si>
  <si>
    <t>【山推】变速箱总成\175-15-00216\SD32\SD22</t>
  </si>
  <si>
    <t>【山推】变矩器修理包\175-13-00000\SD32\SD22</t>
  </si>
  <si>
    <t>【山推】软管\175-61-18174\SD32\SD22</t>
  </si>
  <si>
    <t>【山推】全车线\SD32QCX\SD32\SD22</t>
  </si>
  <si>
    <t>【山推】变速箱总成\ZL50D-2\SL50W\SL58H</t>
  </si>
  <si>
    <t>【山推】主溢流阀组件\701-40-51002\SD32\SD22</t>
  </si>
  <si>
    <t>【山推】快速下降阀总成\195-63-14001\SD32\SD22</t>
  </si>
  <si>
    <t>【山推】右刀角\24Y-81-00002\SD32\SD22</t>
  </si>
  <si>
    <t>【山推】左刀角\24Y-81-00001\SD32\SD22</t>
  </si>
  <si>
    <t>【山推】刀片\24Y-81-00006\SD32\SD22</t>
  </si>
  <si>
    <t>【山推】刀片\23Y-82-00001\SD32\SD22</t>
  </si>
  <si>
    <t>【山推】风扇\600-643-1060\SD32\SD22</t>
  </si>
  <si>
    <t>【山推】倾斜油缸\16Y-63-13000\SD32\SD22</t>
  </si>
  <si>
    <t>【山推】平衡梁\16Y-31-30000\SD32\SD22</t>
  </si>
  <si>
    <t>【山推】涡轮总成\175-13-21513\SD32\SD22</t>
  </si>
  <si>
    <t>【山推】液压油箱\175-60-29006\SD32\SD22</t>
  </si>
  <si>
    <t>【山推】左灯罩\115C-07-26000\SD32\SD22</t>
  </si>
  <si>
    <t>【山推】散热器总成\171-03C-01000\SD32\SD22</t>
  </si>
  <si>
    <t>【山推】轴总成\ZL50G2-11800\SD32\SD22</t>
  </si>
  <si>
    <t>【山推】链轨合件\228-MA-01000\SD32\SD22</t>
  </si>
  <si>
    <t>【山推】管接头\07211-50610\SD32\SD22</t>
  </si>
  <si>
    <t>【山推】接头\07206-10610\SD32\SD22</t>
  </si>
  <si>
    <t>【山推】双金属套\07177-09035\SD32\SD22</t>
  </si>
  <si>
    <t>【山推】双金属套\07177-09020\SD32\SD22</t>
  </si>
  <si>
    <t>【山推】衬套\07177-07515\SD32\SD22</t>
  </si>
  <si>
    <t>【山推】双金属套\07177-07030\SD32\SD22</t>
  </si>
  <si>
    <t>【山推】防磨耗环\07155-01535\SD32\SD22</t>
  </si>
  <si>
    <t>【山推】活塞环\07155-01435\SD32\SD22</t>
  </si>
  <si>
    <t>【山推】支撑环\07146-02146\SD32\SD22</t>
  </si>
  <si>
    <t>【山推】支撑圈\07146-02116\SD32\SD22</t>
  </si>
  <si>
    <t>【山推】保护圈\07146-02106\SD32\SD22</t>
  </si>
  <si>
    <t>【山推】防尘圈\07145-00055\SD32\SD22</t>
  </si>
  <si>
    <t>【山推】软管\07119-00610\SD32\SD22</t>
  </si>
  <si>
    <t>【山推】软管\07118-20610\SD32\SD22</t>
  </si>
  <si>
    <t>【山推】软管\07118-01034\SD32\SD22</t>
  </si>
  <si>
    <t>【山推】软管\07118-01033\SD32\SD22</t>
  </si>
  <si>
    <t>【山推】软管\07118-01017\SD32\SD22</t>
  </si>
  <si>
    <t>【山推】软管\07118-00608\SD32\SD22</t>
  </si>
  <si>
    <t>【山推】软管\07118-00606\SD32\SD22</t>
  </si>
  <si>
    <t>【山推】软管\07118-00600\SD32\SD22</t>
  </si>
  <si>
    <t>【山推】软管\07115-00616\SD32\SD22</t>
  </si>
  <si>
    <t>【山推】软管\07114-01006\SD32\SD22</t>
  </si>
  <si>
    <t>【山推】软管\07113-00406\SD32\SD22</t>
  </si>
  <si>
    <t>【山推】软管\07113-00317\SD32\SD22</t>
  </si>
  <si>
    <t>【山推】软管\07113-00311\SD32\SD22</t>
  </si>
  <si>
    <t>【山推】软管\07113-00306\SD32\SD22</t>
  </si>
  <si>
    <t>【山推】软管\07108-20622\SD32\SD22</t>
  </si>
  <si>
    <t>【山推】软管\07108-20616\SD32\SD22</t>
  </si>
  <si>
    <t>【山推】软管\07108-20412\SD32\SD22</t>
  </si>
  <si>
    <t>【山推】软管\07103-20604\SD32\SD22</t>
  </si>
  <si>
    <t>【山推】软管\07103-20603\SD32\SD22</t>
  </si>
  <si>
    <t>【山推】软管\07102-70838\SD32\SD22</t>
  </si>
  <si>
    <t>【山推】软管\07102-21017\SD32\SD22</t>
  </si>
  <si>
    <t>【山推】小齿轮(第二级)\154-27-11327\SD32\SD22</t>
  </si>
  <si>
    <t>【山推】小齿轮(第一级)\154-27-11257\SD32\SD22</t>
  </si>
  <si>
    <t>【山推】内鼓\154-22-11122\SD32\SD22</t>
  </si>
  <si>
    <t>【山推】外鼓\154-22-11111\SD32\SD22</t>
  </si>
  <si>
    <t>【山推】转向离合器\154-22-10001\SD32\SD22</t>
  </si>
  <si>
    <t>【山推】轴承座\154-21-12161\SD32\SD22</t>
  </si>
  <si>
    <t>【山推】十字轴总成\154-20-11100\SD32\SD22</t>
  </si>
  <si>
    <t>【山推】万向节总成\154-20-10002\SD32\SD22</t>
  </si>
  <si>
    <t>【山推】变速箱操纵阀\154-15-35000\SD32\SD22</t>
  </si>
  <si>
    <t>【山推】小齿轮轴\154-15-33240\SD32\SD22</t>
  </si>
  <si>
    <t>【山推】齿轮\154-15-33211\SD32\SD22</t>
  </si>
  <si>
    <t>【山推】后箱体\154-15-33110\SD32\SD22</t>
  </si>
  <si>
    <t>【山推】行星架\154-15-32320\SD32\SD22</t>
  </si>
  <si>
    <t>【山推】联轴节\154-15-32150\SD32\SD22</t>
  </si>
  <si>
    <t>【山推】轴\154-15-32110\SD32\SD22</t>
  </si>
  <si>
    <t>【山推】油缸体\154-15-31180\SD32\SD22</t>
  </si>
  <si>
    <t>【山推】油缸体\154-15-31160\SD32\SD22</t>
  </si>
  <si>
    <t>【山推】变速箱修理包\154-15-31000A\SD32\SD22</t>
  </si>
  <si>
    <t>【山推】活塞\154-15-22742\SD32\SD22</t>
  </si>
  <si>
    <t>【山推】摩擦片\154-15-12715\SD32\SD22</t>
  </si>
  <si>
    <t>【山推】垫板总成\154-15-00271\SD32\SD22</t>
  </si>
  <si>
    <t>【山推】右终传动箱\154-27-11123\SD32\SD22</t>
  </si>
  <si>
    <t>【山推】左终传动箱\154-27-11113\SD32\SD22</t>
  </si>
  <si>
    <t>【山推】引导轮总成\154-30-00770-01\SD32\SD22</t>
  </si>
  <si>
    <t>【山推】水泵皮带\217638\SD32\SD22</t>
  </si>
  <si>
    <t>【山推】风扇皮带\20*1995\SD32\SD22</t>
  </si>
  <si>
    <t>【山推】油温传感器\D2320-15000\SD32\SD22</t>
  </si>
  <si>
    <t>【山推】右碰锁\16Y-56C-12000\SD32\SD22</t>
  </si>
  <si>
    <t>【山推】左碰锁\16Y-56C-11000\SD32\SD22</t>
  </si>
  <si>
    <t>【山推】冷凝器支架\23Y-58D-07000\SD32\SD22</t>
  </si>
  <si>
    <t>【山推】压缩机支架\23Y-58D-12000\SD32\SD22</t>
  </si>
  <si>
    <t>【山推】冷凝器总成\23Y-58-11000\SD32\SD22</t>
  </si>
  <si>
    <t>【山推】空调皮带\23Y-58D-00003\SD32\SD22</t>
  </si>
  <si>
    <t>【山推】空调管\23Y-58B-01000\SD32\SD22</t>
  </si>
  <si>
    <t>【山推】空调管\23Y-58B-02000\SD32\SD22</t>
  </si>
  <si>
    <t>【山推】空调管\23Y-58D-18000\SD32\SD22</t>
  </si>
  <si>
    <t>【山推】空调管\23Y-58D-08000\SD32\SD22</t>
  </si>
  <si>
    <t>【山推】储液罐支架\23Y-58D-00006\SD32\SD22</t>
  </si>
  <si>
    <t>【山推】储液罐\23Y-58D-09000\SD32\SD22</t>
  </si>
  <si>
    <t>【山推】垫板\195-30-17960\SD32\SD22</t>
  </si>
  <si>
    <t>【山推】注油器\195-30-13191\SD32\SD22</t>
  </si>
  <si>
    <t>【山推】锁垫\195-27-12620\SD32\SD22</t>
  </si>
  <si>
    <t>【山推】密封环\195-15-12740\SD32\SD22</t>
  </si>
  <si>
    <t>【山推】衬垫\195-15-12141\SD32\SD22</t>
  </si>
  <si>
    <t>【山推】衬垫\195-15-11240\SD32\SD22</t>
  </si>
  <si>
    <t>【山推】安全阀阀体\195-13-16110\SD32\SD22</t>
  </si>
  <si>
    <t>【山推】安全阀\195-13-16100\SD32\SD22</t>
  </si>
  <si>
    <t>【山推】线束\17Y-07B-02000\SD32\SD22</t>
  </si>
  <si>
    <t>【山推】挡销\17Y-05-00019\SD32\SD22</t>
  </si>
  <si>
    <t>【山推】护板\178-30-12171\SD32\SD22</t>
  </si>
  <si>
    <t>【山推】护板\178-30-12161\SD32\SD22</t>
  </si>
  <si>
    <t>【山推】右板\178-30-12150\SD32\SD22</t>
  </si>
  <si>
    <t>【山推】左板\178-30-12140\SD32\SD22</t>
  </si>
  <si>
    <t>【山推】单向阀\178079\SD32\SD22</t>
  </si>
  <si>
    <t>【山推】板\195-78-21171\SD32\SD22</t>
  </si>
  <si>
    <t>【山推】连接架\175-78-61132\SD32\SD22</t>
  </si>
  <si>
    <t>【山推】松土支角\175-78-21615\SD32\SD22</t>
  </si>
  <si>
    <t>【山推】保护器\195-78-21320\SD32\SD22</t>
  </si>
  <si>
    <t>【山推】防护板\175-78-61320\SD32\SD22</t>
  </si>
  <si>
    <t>【山推】盖\24Y-50-01000\SD32\SD22</t>
  </si>
  <si>
    <t>【山推】盖\175-54-23220\SD32\SD22</t>
  </si>
  <si>
    <t>【山推】变速阀\155-15-00370\SD32\SD22</t>
  </si>
  <si>
    <t>【山推】右推杆\154-71-31164\SD32\SD22</t>
  </si>
  <si>
    <t>【山推】左推杆\154-71-31151\SD32\SD22</t>
  </si>
  <si>
    <t>【山推】刀头总成\154-71-31001A\SD32\SD22</t>
  </si>
  <si>
    <t>【山推】支撑\154-71-22371\SD32\SD22</t>
  </si>
  <si>
    <t>【山推】接头\154-71-22261\SD32\SD22</t>
  </si>
  <si>
    <t>【山推】螺杆\154-71-21530\SD32\SD22</t>
  </si>
  <si>
    <t>【山推】耳轴\154-70-13214\SD32\SD22</t>
  </si>
  <si>
    <t>【山推】切刃\154-70-11314\SD32\SD22</t>
  </si>
  <si>
    <t>【山推】倾斜油缸\154-63-52402\SD32\SD22</t>
  </si>
  <si>
    <t>【山推】快降阀总成\154-63-14001\SD32\SD22</t>
  </si>
  <si>
    <t>【山推】提升油缸(右)\154-63-12704\SD32\SD22</t>
  </si>
  <si>
    <t>【山推】提升油缸(左)\154-63-12604\SD32\SD22</t>
  </si>
  <si>
    <t>【山推】叉合件\154-61-13214\SD32\SD22</t>
  </si>
  <si>
    <t>【山推】液压油箱总成\154-60-52003\SD32\SD22</t>
  </si>
  <si>
    <t>【山推】后底护板\154-54-12125\SD32\SD22</t>
  </si>
  <si>
    <t>【山推】前底护板\154-54-12117P020\SD32\SD22</t>
  </si>
  <si>
    <t>【山推】平衡梁\154-50-11115\SD32\SD22</t>
  </si>
  <si>
    <t>【山推】阀\154-49-51100\SD32\SD22</t>
  </si>
  <si>
    <t>【山推】软轴\154-43-43160\SD32\SD22</t>
  </si>
  <si>
    <t>【山推】软轴\154-43-42130\SD32\SD22</t>
  </si>
  <si>
    <t>【山推】油门拉线\154-43-14432\SD32\SD22</t>
  </si>
  <si>
    <t>【山推】转向控制阀\154-40-10005\SD32\SD22</t>
  </si>
  <si>
    <t>【山推】转向阀\154-40-00082\SD32\SD22</t>
  </si>
  <si>
    <t>【山推】托架\175-54-23461\SD32\SD22</t>
  </si>
  <si>
    <t>【山推】支架\23Y-54B-05000\SD32\SD22</t>
  </si>
  <si>
    <t>【山推】板\175-54-C1290\SD32\SD22</t>
  </si>
  <si>
    <t>【山推】罩\117J-50-05000\SD32\SD22</t>
  </si>
  <si>
    <t>【山推】支架\171-51-29000\SD32\SD22</t>
  </si>
  <si>
    <t>【山推】支架\171-51-15000\SD32\SD22</t>
  </si>
  <si>
    <t>【山推】盖\171-51-18000\SD32\SD22</t>
  </si>
  <si>
    <t>【山推】盖板\171-51-05000\SD32\SD22</t>
  </si>
  <si>
    <t>【山推】盖板\171-51-00001\SD32\SD22</t>
  </si>
  <si>
    <t>【山推】减震座\23Y-51B-24000\SD32\SD22</t>
  </si>
  <si>
    <t>【山推】支架\171-51-19000\SD32\SD22</t>
  </si>
  <si>
    <t>【山推】盖板\171-51-00004\SD32\SD22</t>
  </si>
  <si>
    <t>【山推】板\171-51-32000\SD32\SD22</t>
  </si>
  <si>
    <t>【山推】护板\171-51-07000\SD32\SD22</t>
  </si>
  <si>
    <t>【山推】护板\171-51-10000\SD32\SD22</t>
  </si>
  <si>
    <t>【山推】护板\171-51-09000\SD32\SD22</t>
  </si>
  <si>
    <t>【山推】护板\171-51-06000\SD32\SD22</t>
  </si>
  <si>
    <t>【山推】盖\175-54-33871\SD32\SD22</t>
  </si>
  <si>
    <t>【山推】盖\175-54-33851\SD32\SD22</t>
  </si>
  <si>
    <t>【山推】盖\175-54-33861\SD32\SD22</t>
  </si>
  <si>
    <t>【山推】盖\24Y-50-02000\SD32\SD22</t>
  </si>
  <si>
    <t>【山推】蓄电池罩\171-51-17000\SD32\SD22</t>
  </si>
  <si>
    <t>【山推】支架\171-51-26000\SD32\SD22</t>
  </si>
  <si>
    <t>【山推】支架\154-54-46150\SD32\SD22</t>
  </si>
  <si>
    <t>【山推】盖\171-51-25000\SD32\SD22</t>
  </si>
  <si>
    <t>【山推】支架\171-51-12000\SD32\SD22</t>
  </si>
  <si>
    <t>【山推】支架\171-51-31000\SD32\SD22</t>
  </si>
  <si>
    <t>【山推】支架\175-54-33981\SD32\SD22</t>
  </si>
  <si>
    <t>【山推】支架\171-51-36000\SD32\SD22</t>
  </si>
  <si>
    <t>【山推】支架\171-51-35000\SD32\SD22</t>
  </si>
  <si>
    <t>【山推】左支架\175-54-26263\SD32\SD22</t>
  </si>
  <si>
    <t>【山推】踏板组件\171-51-38000\SD32\SD22</t>
  </si>
  <si>
    <t>【山推】盖\175-54-22420\SD32\SD22</t>
  </si>
  <si>
    <t>【山推】右支架\175-54-34110\SD32\SD22</t>
  </si>
  <si>
    <t>【山推】支架\175-54-26272\SD32\SD22</t>
  </si>
  <si>
    <t>【山推】防尘圈\177-50-11170\SD32\SD22</t>
  </si>
  <si>
    <t>【山推】衬套\177-50-11160\SD32\SD22</t>
  </si>
  <si>
    <t>【山推】调整螺丝\176-43-43190\SD32\SD22</t>
  </si>
  <si>
    <t>【山推】接头\176-43-41350\SD32\SD22</t>
  </si>
  <si>
    <t>【山推】夹子\175-914-4260\SD32\SD22</t>
  </si>
  <si>
    <t>【山推】销\175-78-61181\SD32\SD22</t>
  </si>
  <si>
    <t>【山推】销\175-78-61171\SD32\SD22</t>
  </si>
  <si>
    <t>【山推】销\175-78-61161\SD32\SD22</t>
  </si>
  <si>
    <t>【山推】销\175-78-61151\SD32\SD22</t>
  </si>
  <si>
    <t>【山推】齿尖\175-78-31230\SD32\SD22</t>
  </si>
  <si>
    <t>【山推】销套\175-78-21740\SD32\SD22</t>
  </si>
  <si>
    <t>【山推】刀角螺帽\175-71-11530\SD32\SD22</t>
  </si>
  <si>
    <t>【山推】刀角螺栓\175-71-11463\SD32\SD22</t>
  </si>
  <si>
    <t>【山推】刀片螺栓\175-71-11454\SD32\SD22</t>
  </si>
  <si>
    <t>【山推】空调皮带\16Y-58CA-02000\SD32\SD22</t>
  </si>
  <si>
    <t>【山推】盖\175-63-52572\SD32\SD22</t>
  </si>
  <si>
    <t>【山推】铲刀倾斜缸修包\175-63-52000\SD32\SD22</t>
  </si>
  <si>
    <t>【山推】松土器倾斜缸修理包\175-63-43000\SD32\SD22</t>
  </si>
  <si>
    <t>【山推】提升缸修理包\175-63-13000\SD32\SD22</t>
  </si>
  <si>
    <t>【山推】衬套\175-63-12540\SD32\SD22</t>
  </si>
  <si>
    <t>【山推】盖\175-60-27171\SD32\SD22</t>
  </si>
  <si>
    <t>【山推】侧盖(右)\175-54-C1180\SD32\SD22</t>
  </si>
  <si>
    <t>【山推】侧盖(左)\175-54-C1170\SD32\SD22</t>
  </si>
  <si>
    <t>【山推】管子\175-49-C1190\SD32\SD22</t>
  </si>
  <si>
    <t>【山推】管子\175-49-C1180\SD32\SD22</t>
  </si>
  <si>
    <t>【山推】叉轴\175-43-C1130\SD32\SD22</t>
  </si>
  <si>
    <t>【山推】轴\175-43-51241\SD32\SD22</t>
  </si>
  <si>
    <t>【山推】支架\175-43-51231\SD32\SD22</t>
  </si>
  <si>
    <t>【山推】轴\175-43-51211\SD32\SD22</t>
  </si>
  <si>
    <t>【山推】板\175-43-51191\SD32\SD22</t>
  </si>
  <si>
    <t>【山推】螺母\175-43-51180\SD32\SD22</t>
  </si>
  <si>
    <t>【山推】手柄\175-43-51131\SD32\SD22</t>
  </si>
  <si>
    <t>【山推】摇臂(右)\175-43-51121\SD32\SD22</t>
  </si>
  <si>
    <t>【山推】摇臂(左)\175-43-51111\SD32\SD22</t>
  </si>
  <si>
    <t>【山推】摇臂\175-43-42650\SD32\SD22</t>
  </si>
  <si>
    <t>【山推】摇臂\175-43-42640\SD32\SD22</t>
  </si>
  <si>
    <t>【山推】牵引装置\175-69-20003\SD32\SD22</t>
  </si>
  <si>
    <t>【山推】平衡梁\175-50-00023\SD32\SD22</t>
  </si>
  <si>
    <t>【山推】螺母\228MA-00061\SD32\SD22</t>
  </si>
  <si>
    <t>【山推】螺栓\228MA-00062\SD32\SD22</t>
  </si>
  <si>
    <t>【山推】链轨总成\228MC-41000\SD32\SD22</t>
  </si>
  <si>
    <t>【山推】齿片\281-15-12720\SD32\SD22</t>
  </si>
  <si>
    <t>【山推】行星架\175-15-42364\SD32\SD22</t>
  </si>
  <si>
    <t>【山推】联轴节总成\175-13-21641\SD32\SD22</t>
  </si>
  <si>
    <t>【山推】泵轮\175-13-21124\SD32\SD22</t>
  </si>
  <si>
    <t>【山推】阀\175-49-13800\SD32\SD22</t>
  </si>
  <si>
    <t>【山推】传动轴\ZL50G2-04004\SL50W\SL58H</t>
  </si>
  <si>
    <t>【山推】水油结合散热器\ZL50Ⅲ-13000\SL50W\SL58H</t>
  </si>
  <si>
    <t>【山推】山推专用油\TP46-HV\L\SD32\SD22</t>
  </si>
  <si>
    <t>【山推】变矩器\175-13-21007\SD32\SD22</t>
  </si>
  <si>
    <t>【山推】五牙齿块\154-27-12273A\SD32\SD22</t>
  </si>
  <si>
    <t>【山推】齿圈\154-27-11313\SD32\SD22</t>
  </si>
  <si>
    <t>【山推】前盖\23Y-50B-08000\SD32\SD22</t>
  </si>
  <si>
    <t>【山推】履带总成\8216-MD-451661-01\SD32\SD22</t>
  </si>
  <si>
    <t>【山推】暖风系统\23Y-58R-00000V010\SD32\SD22</t>
  </si>
  <si>
    <t>【山推】全车线束\23Y-07B-00000P010\SD32\SD22</t>
  </si>
  <si>
    <t>【山推】箱体\154-15-21111\SD32\SD22</t>
  </si>
  <si>
    <t>【山推】大灯\D2401-07040\SD32\SD22</t>
  </si>
  <si>
    <t>【山推】进水成型软管\171-74C-01001\SD32\SD22</t>
  </si>
  <si>
    <t>【山推】制动衬带\154-33-11131\SD32\SD22</t>
  </si>
  <si>
    <t>【山推】制动带\154-33-11111\SD32\SD22</t>
  </si>
  <si>
    <t>【山推】制动带总成\154-33-11101\SD32\SD22</t>
  </si>
  <si>
    <t>【山推】履带销\154-32-11152\SD32\SD22</t>
  </si>
  <si>
    <t>【山推】履带板\154-32-11113\SD32\SD22</t>
  </si>
  <si>
    <t>【山推】履带总成\154-32-11006\SD32\SD22</t>
  </si>
  <si>
    <t>【山推】台车架(右)\154-30-14122\SD32\SD22</t>
  </si>
  <si>
    <t>【山推】台车架(左)\154-30-14112\SD32\SD22</t>
  </si>
  <si>
    <t>【山推】油缸\154-30-11141\SD32\SD22</t>
  </si>
  <si>
    <t>【山推】引导轮总成\154-30-00291\SD32\SD22</t>
  </si>
  <si>
    <t>【山推】轴\154-13-42521\SD32\SD22</t>
  </si>
  <si>
    <t>【山推】联轴节组件\154-13-41660\SD32\SD22</t>
  </si>
  <si>
    <t>【山推】涡轮组件\154-13-41510\SD32\SD22</t>
  </si>
  <si>
    <t>【山推】齿轮\154-13-41141\SD32\SD22</t>
  </si>
  <si>
    <t>【山推】泵轮\154-13-41123\SD32\SD22</t>
  </si>
  <si>
    <t>【山推】导轮\154-11-42110\SD32\SD22</t>
  </si>
  <si>
    <t>【山推】右灯\154-06-36780\SD32\SD22</t>
  </si>
  <si>
    <t>【山推】左灯\154-06-36770\SD32\SD22</t>
  </si>
  <si>
    <t>【山推】散热器总成\154-03-C1001\SD32\SD22</t>
  </si>
  <si>
    <t>【山推】左刀角\150-70-21356\SD32\SD22</t>
  </si>
  <si>
    <t>【山推】右刀角\150-70-21346\SD32\SD22</t>
  </si>
  <si>
    <t>【山推】刀片\150-70-11314\SD32\SD22</t>
  </si>
  <si>
    <t>【山推】司机座椅\16Y-53-30000\SD32\SD22</t>
  </si>
  <si>
    <t>【山推】蓄电池继电器\10Y-07B-21000\SD32\SD22</t>
  </si>
  <si>
    <t>【山推】发动机接地线\10Y-07B-17000\SD32\SD22</t>
  </si>
  <si>
    <t>【山推】工作油泵总成\07446-66103\SD32\SD22</t>
  </si>
  <si>
    <t>【山推】油泵总成\07444-66103\SD32\SD22</t>
  </si>
  <si>
    <t>【山推】转向油泵\07440-72202\SD32\SD22</t>
  </si>
  <si>
    <t>【山推】转向泵总成\07436-72202\SD32\SD22</t>
  </si>
  <si>
    <t>【山推】变速油泵\07433-71103\SD32\SD22</t>
  </si>
  <si>
    <t>【山推】变速泵\07432-71203\SD32\SD22</t>
  </si>
  <si>
    <t>【山推】加水口盖\07053-10000\SD32\SD22</t>
  </si>
  <si>
    <t>【山推】加油口盖\07051-00000\SD32\SD22</t>
  </si>
  <si>
    <t>【山推】注油口盖\07050-21200\SD32\SD22</t>
  </si>
  <si>
    <t>【山推】油箱盖\07050-20920\SD32\SD22</t>
  </si>
  <si>
    <t>【山推】变速阀\403700\SD32\SD22</t>
  </si>
  <si>
    <t>【山推】变速泵\403600\SD32\SD22</t>
  </si>
  <si>
    <t>【山推】轴\403502\SD32\SD22</t>
  </si>
  <si>
    <t>【山推】网\154-03-12634\SD32\SD22</t>
  </si>
  <si>
    <t>【山推】网\154-03-12644\SD32\SD22</t>
  </si>
  <si>
    <t>【山推】托架\23Y-04-40000\SD32\SD22</t>
  </si>
  <si>
    <t>【山推】过滤网\07056-18416\SD32\SD22</t>
  </si>
  <si>
    <t>【山推】软管\23Y-04-20000\SD32\SD22</t>
  </si>
  <si>
    <t>【山推】软管\23Y-04-30000\SD32\SD22</t>
  </si>
  <si>
    <t>【山推】关节轴承\04250-60847\SD32\SD22</t>
  </si>
  <si>
    <t>【山推】变矩器壳\154-13-53110\SD32\SD22</t>
  </si>
  <si>
    <t>【山推】导轮\154-13-42110\SD32\SD22</t>
  </si>
  <si>
    <t>【山推】锁板\154-13-41150\SD32\SD22</t>
  </si>
  <si>
    <t>【山推】垫板\154-13-41180\SD32\SD22</t>
  </si>
  <si>
    <t>【山推】轴承\154-13-41160\SD32\SD22</t>
  </si>
  <si>
    <t>【山推】轴承座\154-15-32310\SD32\SD22</t>
  </si>
  <si>
    <t>【山推】弹簧\175-15-42880\SD32\SD22</t>
  </si>
  <si>
    <t>【山推】管子\175-49-21112\SD32\SD22</t>
  </si>
  <si>
    <t>【山推】管\175-49-22590\SD32\SD22</t>
  </si>
  <si>
    <t>【山推】管子\175-49-21483\SD32\SD22</t>
  </si>
  <si>
    <t>【山推】管子\175-49-C1210\SD32\SD22</t>
  </si>
  <si>
    <t>【山推】主销轴\8228-MA-00042\SD32\SD22</t>
  </si>
  <si>
    <t>【山推】管子\175-49-21434\SD32\SD22</t>
  </si>
  <si>
    <t>【山推】管子\175-49-25680\SD32\SD22</t>
  </si>
  <si>
    <t>【山推】软管\07102-20406\SD32\SD22</t>
  </si>
  <si>
    <t>【山推】支架\175-43-42560\SD32\SD22</t>
  </si>
  <si>
    <t>【山推】摇臂\175-43-41311\SD32\SD22</t>
  </si>
  <si>
    <t>【山推】摇臂\175-43-42570\SD32\SD22</t>
  </si>
  <si>
    <t>【山推】软轴\195-43-25180\SD32\SD22</t>
  </si>
  <si>
    <t>【山推】关节轴承\195-43-25170\SD32\SD22</t>
  </si>
  <si>
    <t>【山推】摇臂\175-43-41234\SD32\SD22</t>
  </si>
  <si>
    <t>【山推】杆\04245-41007\SD32\SD22</t>
  </si>
  <si>
    <t>【山推】支架\175-43-42680\SD32\SD22</t>
  </si>
  <si>
    <t>【山推】罩\175-43-41115\SD32\SD22</t>
  </si>
  <si>
    <t>【山推】杆\175-43-54211\SD32\SD22</t>
  </si>
  <si>
    <t>【山推】摇臂\175-43-41252\SD32\SD22</t>
  </si>
  <si>
    <t>【山推】支杆\175-43-41241\SD32\SD22</t>
  </si>
  <si>
    <t>【山推】支座\195-43-25290\SD32\SD22</t>
  </si>
  <si>
    <t>【山推】关节轴承\04252-01061\SD32\SD22</t>
  </si>
  <si>
    <t>【山推】摇臂\175-43-42750\SD32\SD22</t>
  </si>
  <si>
    <t>【山推】关节轴承\04250-61056\SD32\SD22</t>
  </si>
  <si>
    <t>【山推】伸缩软管\175-43-54230\SD32\SD22</t>
  </si>
  <si>
    <t>【山推】杆\175-43-54141\SD32\SD22</t>
  </si>
  <si>
    <t>【山推】杆\195-43-24491\SD32\SD22</t>
  </si>
  <si>
    <t>【山推】摇臂\175-43-41413\SD32\SD22</t>
  </si>
  <si>
    <t>【山推】支架\175-43-41452\SD32\SD22</t>
  </si>
  <si>
    <t>【山推】摇臂\175-43-41382\SD32\SD22</t>
  </si>
  <si>
    <t>【山推】摇臂\171-26-06000\SD32\SD22</t>
  </si>
  <si>
    <t>【山推】关节轴承\04250-40847\SD32\SD22</t>
  </si>
  <si>
    <t>【山推】杆\195-43-24541\SD32\SD22</t>
  </si>
  <si>
    <t>【山推】摇臂\195-43-24551\SD32\SD22</t>
  </si>
  <si>
    <t>【山推】支杆\195-43-24560\SD32\SD22</t>
  </si>
  <si>
    <t>【山推】骨架油封\07012-50100\SD32\SD22</t>
  </si>
  <si>
    <t>【山推】外壳\175-15-41211\SD32\SD22</t>
  </si>
  <si>
    <t>【山推】卡环\175-15-42670\SD32\SD22</t>
  </si>
  <si>
    <t>【山推】活塞座\175-15-41189\SD32\SD22</t>
  </si>
  <si>
    <t>【山推】垫板\175-15-41172\SD32\SD22</t>
  </si>
  <si>
    <t>【山推】螺塞\145-14-11320\SD32\SD22</t>
  </si>
  <si>
    <t>【山推】活塞座\175-15-41160\SD32\SD22</t>
  </si>
  <si>
    <t>【山推】齿轮\10Y-11-00017\SD32\SD22</t>
  </si>
  <si>
    <t>【山推】压板\10Y-11-00012\SD32\SD22</t>
  </si>
  <si>
    <t>【山推】骨架油封\07012-00085\SD32\SD22</t>
  </si>
  <si>
    <t>【山推】壳体\10Y-11-00009\SD32\SD22</t>
  </si>
  <si>
    <t>【山推】轴\175-13-22524\SD32\SD22</t>
  </si>
  <si>
    <t>【山推】导轮座圈\175-13-22122\SD32\SD22</t>
  </si>
  <si>
    <t>【山推】密封环\178-13-11720\SD32\SD22</t>
  </si>
  <si>
    <t>【山推】盖\175-13-22721\SD32\SD22</t>
  </si>
  <si>
    <t>【山推】轴\175-13-21654\SD32\SD22</t>
  </si>
  <si>
    <t>【山推】轴承\175-13-21240P010\SD32\SD22</t>
  </si>
  <si>
    <t>【山推】左门\23Y-56B-02000\SD32\SD22</t>
  </si>
  <si>
    <t>【山推】垫圈\01643-31032\SD32\SD22</t>
  </si>
  <si>
    <t>【山推】软管\07102-20417\SD32\SD22</t>
  </si>
  <si>
    <t>【山推】软管\07100-20614\SD32\SD22</t>
  </si>
  <si>
    <t>【山推】软管\24Y-61-01000\SD32\SD22</t>
  </si>
  <si>
    <t>【山推】阀\195-49-13800-01\SD32\SD22</t>
  </si>
  <si>
    <t>【山推】磁铁滤芯总成\175-49-11231\SD32\SD22</t>
  </si>
  <si>
    <t>【山推】骨架油封\07012-70080\SD32\SD22</t>
  </si>
  <si>
    <t>【山推】喉箍\195-03-13131\SD32\SD22</t>
  </si>
  <si>
    <t>【山推】卡箍\171-03C-00010\SD32\SD22</t>
  </si>
  <si>
    <t>【山推】卡箍\171-03C-00009\SD32\SD22</t>
  </si>
  <si>
    <t>【山推】箍带\15B-01A-00004\SD32\SD22</t>
  </si>
  <si>
    <t>【山推】燃油冷却器\115C-04B-01000\SD32\SD22</t>
  </si>
  <si>
    <t>【山推】风扇泵\16Y-73N-06000\SD32\SD22</t>
  </si>
  <si>
    <t>【山推】飞轮壳\16Y-02A-00005\SD32\SD22</t>
  </si>
  <si>
    <t>【山推】飞轮壳\16Y-02B-00001\SD32\SD22</t>
  </si>
  <si>
    <t>【山推】螺旋伞齿轮\175-21-22140\SD32\SD22</t>
  </si>
  <si>
    <t>【山推】地板架\154-54-41720B\SD32\SD22</t>
  </si>
  <si>
    <t>【山推】支架焊合件\16Y-84-20000\SD32\SD22</t>
  </si>
  <si>
    <t>【山推】半轴\175-27-31343\SD32\SD22</t>
  </si>
  <si>
    <t>【山推】倾斜油缸总成\16Y-15-00085Z\SD32\SD22</t>
  </si>
  <si>
    <t>【山推】行星架总成\175-63-52700\SD32\SD22</t>
  </si>
  <si>
    <t>【山推】分动箱总成\154-38-00072\SD32\SD22</t>
  </si>
  <si>
    <t>【山推】出力装置组件\154-01A-30000V010\SD32\SD22</t>
  </si>
  <si>
    <t>【山推】分动箱\175-38-C1000\SD32\SD22</t>
  </si>
  <si>
    <t>【山推】工作油箱\16Y-60-00000A\SD32\SD22</t>
  </si>
  <si>
    <t>【山推】行星架\175-15-42322\SD32\SD22</t>
  </si>
  <si>
    <t>【山推】右制动器总成\175-33-24006P010\SD32\SD22</t>
  </si>
  <si>
    <t>【山推】左制动器总成\175-33-24006P020\SD32\SD22</t>
  </si>
  <si>
    <t>【山推】齿轮毂\175-27-31384\SD32\SD22</t>
  </si>
  <si>
    <t>【山推】牵引架\16Y-32-10000T\SD32\SD22</t>
  </si>
  <si>
    <t>【山推】后壳体\175-15-43116\SD32\SD22</t>
  </si>
  <si>
    <t>【山推】右终传动箱\175-27-31124\SD32\SD22</t>
  </si>
  <si>
    <t>【山推】左终传动箱\175-27-31114\SD32\SD22</t>
  </si>
  <si>
    <t>【山推】防翻滚架\23Y-59C-01000\SD32\SD22</t>
  </si>
  <si>
    <t>【山推】链轮毂\175-27-31394\SD32\SD22</t>
  </si>
  <si>
    <t>【山推】平衡梁\175-50-31113\SD32\SD22</t>
  </si>
  <si>
    <t>【山推】连接架\154-78-14126\SD32\SD22</t>
  </si>
  <si>
    <t>【山推】工作油箱\16Y-88-41500\SD32\SD22</t>
  </si>
  <si>
    <t>【山推】直倾铲总成\16Y-80N-00000\SD32\SD22</t>
  </si>
  <si>
    <t>【山推】液压箱\16Y-60-00000B\SD32\SD22</t>
  </si>
  <si>
    <t>【山推】前底护板\175-54-C1261\SD32\SD22</t>
  </si>
  <si>
    <t>【山推】左推杆\158-71-08000\SD32\SD22</t>
  </si>
  <si>
    <t>【山推】右推杆\158-71-02000\SD32\SD22</t>
  </si>
  <si>
    <t>【山推】齿圈\175-27-31362\SD32\SD22</t>
  </si>
  <si>
    <t>【山推】电气系统\23Y-07B-00000\SD32\SD22</t>
  </si>
  <si>
    <t>【山推】护风罩\154-03-12833\SD32\SD22</t>
  </si>
  <si>
    <t>【山推】护风罩\154-03-12792\SD32\SD22</t>
  </si>
  <si>
    <t>【山推】软管\154-03-11594\SD32\SD22</t>
  </si>
  <si>
    <t>【山推】软管\154-03-11574\SD32\SD22</t>
  </si>
  <si>
    <t>【山推】软管\154-03-11535\SD32\SD22</t>
  </si>
  <si>
    <t>【山推】软管\154-03-11522\SD32\SD22</t>
  </si>
  <si>
    <t>【山推】硬管\154-01-12552\SD32\SD22</t>
  </si>
  <si>
    <t>【山推】管\154-01-12541\SD32\SD22</t>
  </si>
  <si>
    <t>【山推】硬管\154-01-12530\SD32\SD22</t>
  </si>
  <si>
    <t>【山推】管接头\154-01-12520\SD32\SD22</t>
  </si>
  <si>
    <t>【山推】填密垫\154-01-12431\SD32\SD22</t>
  </si>
  <si>
    <t>【山推】填密垫\154-01-12430\SD32\SD22</t>
  </si>
  <si>
    <t>【山推】水温传感器\10Y-07B-11000\SD32\SD22</t>
  </si>
  <si>
    <t>【山推】压力传感器\10Y-07B-05000\SD32\SD22</t>
  </si>
  <si>
    <t>【山推】启动继电器\10Y-07-00009\SD32\SD22</t>
  </si>
  <si>
    <t>【山推】弹簧\100-33-13120\SD32\SD22</t>
  </si>
  <si>
    <t>【山推】O型圈\100-27-11330\SD32\SD22</t>
  </si>
  <si>
    <t>【山推】衬套\09361-01460\SD32\SD22</t>
  </si>
  <si>
    <t>【山推】缓冲螺栓\09311-31237\SD32\SD22</t>
  </si>
  <si>
    <t>【山推】销\09243-01230\SD32\SD22</t>
  </si>
  <si>
    <t>【山推】止推垫圈\09233-05125\SD32\SD22</t>
  </si>
  <si>
    <t>【山推】油杯\07020-00613\SD32\SD22</t>
  </si>
  <si>
    <t>【山推】定位罩\175-13-21253\SD32\SD22</t>
  </si>
  <si>
    <t>【山推】密封环\195-13-12711\SD32\SD22</t>
  </si>
  <si>
    <t>【山推】轴承\175-13-21160\SD32\SD22</t>
  </si>
  <si>
    <t>【山推】壳\175-38-11130\SD32\SD22</t>
  </si>
  <si>
    <t>【山推】盖\154-01-12420\SD32\SD22</t>
  </si>
  <si>
    <t>【山推】齿轮\175-38-11120\SD32\SD22</t>
  </si>
  <si>
    <t>【山推】环\154-01-12320\SD32\SD22</t>
  </si>
  <si>
    <t>【山推】齿轮\154-01-12310\SD32\SD22</t>
  </si>
  <si>
    <t>【山推】盖\154-01-12250\SD32\SD22</t>
  </si>
  <si>
    <t>【山推】轴\154-01-12221\SD32\SD22</t>
  </si>
  <si>
    <t>【山推】齿轮箱\154-01-12111\SD32\SD22</t>
  </si>
  <si>
    <t>【山推】油尺\171-04-00001\SD32\SD22</t>
  </si>
  <si>
    <t>【山推】进油管\171-04C-02000\SD32\SD22</t>
  </si>
  <si>
    <t>【山推】回油管\171-04C-01000\SD32\SD22</t>
  </si>
  <si>
    <t>【山推】网罩\175-03-C1261\SD32\SD22</t>
  </si>
  <si>
    <t>【山推】网罩\175-03-C1241\SD32\SD22</t>
  </si>
  <si>
    <t>【山推】防护装置\175-30-21363\SD32\SD22</t>
  </si>
  <si>
    <t>【山推】防护装置\175-30-21353\SD32\SD22</t>
  </si>
  <si>
    <t>【山推】右台车架\175-30-31218\SD32\SD22</t>
  </si>
  <si>
    <t>【山推】左台车架\175-30-31115\SD32\SD22</t>
  </si>
  <si>
    <t>【山推】管子\175-49-23242\SD32\SD22</t>
  </si>
  <si>
    <t>【山推】管子\175-49-23221\SD32\SD22</t>
  </si>
  <si>
    <t>【山推】管子\175-40-22570\SD32\SD22</t>
  </si>
  <si>
    <t>【山推】管\175-40-22580\SD32\SD22</t>
  </si>
  <si>
    <t>【山推】管子\175-49-11911\SD32\SD22</t>
  </si>
  <si>
    <t>【山推】软管\07260-01410\SD32\SD22</t>
  </si>
  <si>
    <t>【山推】管子\175-49-21235\SD32\SD22</t>
  </si>
  <si>
    <t>【山推】管子\175-49-23862\SD32\SD22</t>
  </si>
  <si>
    <t>【山推】软管\572-74-02000\SD32\SD22</t>
  </si>
  <si>
    <t>【山推】管\572-74-06000\SD32\SD22</t>
  </si>
  <si>
    <t>【山推】软管\07102-20608\SD32\SD22</t>
  </si>
  <si>
    <t>【山推】管\175-49-22124\SD32\SD22</t>
  </si>
  <si>
    <t>【山推】软管\07260-04116\SD32\SD22</t>
  </si>
  <si>
    <t>【山推】管子\175-49-C1221\SD32\SD22</t>
  </si>
  <si>
    <t>【山推】管子\175-49-C1160\SD32\SD22</t>
  </si>
  <si>
    <t>【山推】管\175-49-C1180A\SD32\SD22</t>
  </si>
  <si>
    <t>【山推】管\175-49-C1190A\SD32\SD22</t>
  </si>
  <si>
    <t>【山推】空气内外芯\TPKLQ541C-2000/3000\SD32\SD22</t>
  </si>
  <si>
    <t>【山推】滤网\175-49-11222\SD32\SD22</t>
  </si>
  <si>
    <t>【山推】润滑阀\175-15-44005\SD32\SD22</t>
  </si>
  <si>
    <t>【山推】变速阀总成\175-15-35002\SD32\SD22</t>
  </si>
  <si>
    <t>【山推】滤芯\175-49-11580\SD32\SD22</t>
  </si>
  <si>
    <t>【山推】轴\175-33-26130\SD32\SD22</t>
  </si>
  <si>
    <t>【山推】轴\154-33-21310\SD32\SD22</t>
  </si>
  <si>
    <t>【山推】螺栓\01010-51020\SD32\SD22</t>
  </si>
  <si>
    <t>【山推】冷起动装置\23Y-01B-10100\SD32\SD22</t>
  </si>
  <si>
    <t>【山推】垫圈\01643-31232\SD32\SD22</t>
  </si>
  <si>
    <t>【山推】螺栓\01010-51220\SD32\SD22</t>
  </si>
  <si>
    <t>【山推】管\154-43-41430\SD32\SD22</t>
  </si>
  <si>
    <t>【山推】管\154-43-41420\SD32\SD22</t>
  </si>
  <si>
    <t>【山推】管\154-43-41410\SD32\SD22</t>
  </si>
  <si>
    <t>【山推】接头式压注油杯\07021-01090\SD32\SD22</t>
  </si>
  <si>
    <t>【山推】螺栓\01010-51040\SD32\SD22</t>
  </si>
  <si>
    <t>【山推】磨擦片\101-43-11281\SD32\SD22</t>
  </si>
  <si>
    <t>【山推】销\04020-00616\SD32\SD22</t>
  </si>
  <si>
    <t>【山推】园盘\154-43-14710\SD32\SD22</t>
  </si>
  <si>
    <t>【山推】螺帽\154-43-44250\SD32\SD22</t>
  </si>
  <si>
    <t>【山推】螺栓\01016-50860\SD32\SD22</t>
  </si>
  <si>
    <t>【山推】垫\17Y-05-00006\SD32\SD22</t>
  </si>
  <si>
    <t>【山推】弹簧\170-54-11230\SD32\SD22</t>
  </si>
  <si>
    <t>【山推】销\17Y-05-00008\SD32\SD22</t>
  </si>
  <si>
    <t>【山推】螺钉\154-43-44270\SD32\SD22</t>
  </si>
  <si>
    <t>【山推】油门操纵杆\154-43-44110\SD32\SD22</t>
  </si>
  <si>
    <t>【山推】填密垫\07005-01012\SD32\SD22</t>
  </si>
  <si>
    <t>【山推】螺栓管接头\6600-01-3860\SD32\SD22</t>
  </si>
  <si>
    <t>【山推】O型圈\07000-05195\SD32\SD22</t>
  </si>
  <si>
    <t>【山推】O型圈\07000-03030\SD32\SD22</t>
  </si>
  <si>
    <t>【山推】螺栓\01010-51245\SD32\SD22</t>
  </si>
  <si>
    <t>【山推】O型圈\07000-03078\SD32\SD22</t>
  </si>
  <si>
    <t>【山推】盖\154-01-12260\SD32\SD22</t>
  </si>
  <si>
    <t>【山推】螺栓\01010-51250\SD32\SD22</t>
  </si>
  <si>
    <t>【山推】O型圈\07000-05130\SD32\SD22</t>
  </si>
  <si>
    <t>【山推】轴承盖\154-01-12440\SD32\SD22</t>
  </si>
  <si>
    <t>【山推】弹簧垫圈\01602-21030\SD32\SD22</t>
  </si>
  <si>
    <t>【山推】螺栓\01010-51025\SD32\SD22</t>
  </si>
  <si>
    <t>【山推】滚珠轴承\06040-06212\SD32\SD22</t>
  </si>
  <si>
    <t>【山推】滚珠轴承\06040-06209\SD32\SD22</t>
  </si>
  <si>
    <t>【山推】齿轮\175-27-31255\SD32\SD22</t>
  </si>
  <si>
    <t>【山推】小齿轮\175-27-31233\SD32\SD22</t>
  </si>
  <si>
    <t>【山推】圆柱滚子轴承\150-09-13260\SD32\SD22</t>
  </si>
  <si>
    <t>【山推】轴承座\175-27-31161\SD32\SD22</t>
  </si>
  <si>
    <t>【山推】轴承\170-09-13210\SD32\SD22</t>
  </si>
  <si>
    <t>【山推】主动齿轮\175-27-31495\SD32\SD22</t>
  </si>
  <si>
    <t>【山推】横轴\175-21-32113\SD32\SD22</t>
  </si>
  <si>
    <t>【山推】轴承\178-15-19350\SD32\SD22</t>
  </si>
  <si>
    <t>【山推】齿轮\175-15-43232\SD32\SD22</t>
  </si>
  <si>
    <t>【山推】小齿轮轴\178-15-13240\SD32\SD22</t>
  </si>
  <si>
    <t>【山推】轴承\178-15-19330\SD32\SD22</t>
  </si>
  <si>
    <t>【山推】轴承\175-15-43270\SD32\SD22</t>
  </si>
  <si>
    <t>【山推】齿轮\175-15-43272\SD32\SD22</t>
  </si>
  <si>
    <t>【山推】活塞\175-15-42740\SD32\SD22</t>
  </si>
  <si>
    <t>【山推】外鼓\175-15-42421\SD32\SD22</t>
  </si>
  <si>
    <t>【山推】阀套\175-15-42971\SD32\SD22</t>
  </si>
  <si>
    <t>【山推】齿圈\175-15-42650\SD32\SD22</t>
  </si>
  <si>
    <t>【山推】轴\175-15-42552\SD32\SD22</t>
  </si>
  <si>
    <t>【山推】齿轮\175-15-42491\SD32\SD22</t>
  </si>
  <si>
    <t>【山推】齿轮\175-15-42131\SD32\SD22</t>
  </si>
  <si>
    <t>【山推】齿轮\175-15-42571\SD32\SD22</t>
  </si>
  <si>
    <t>【山推】弹簧\145-14-12810\SD32\SD22</t>
  </si>
  <si>
    <t>【山推】弹簧\175-15-42780\SD32\SD22</t>
  </si>
  <si>
    <t>【山推】活塞\175-15-42860\SD32\SD22</t>
  </si>
  <si>
    <t>【山推】齿圈\175-15-42632\SD32\SD22</t>
  </si>
  <si>
    <t>【山推】齿圈\175-15-42620\SD32\SD22</t>
  </si>
  <si>
    <t>【山推】齿圈\175-15-42610\SD32\SD22</t>
  </si>
  <si>
    <t>【山推】滚针轴承\06007-K516125\SD32\SD22</t>
  </si>
  <si>
    <t>【山推】轴\175-15-42532\SD32\SD22</t>
  </si>
  <si>
    <t>【山推】止推垫圈\09233-03820\SD32\SD22</t>
  </si>
  <si>
    <t>【山推】推力垫圈\09233-03220\SD32\SD22</t>
  </si>
  <si>
    <t>【山推】衬套\09231-01430\SD32\SD22</t>
  </si>
  <si>
    <t>【山推】温度传感器\08620-00000\SD32\SD22</t>
  </si>
  <si>
    <t>【山推】喇叭开关\0835-02512\SD32\SD22</t>
  </si>
  <si>
    <t>【山推】油封\07430-71160\SD32\SD22</t>
  </si>
  <si>
    <t>【山推】螺栓\07372-21035\SD32\SD22</t>
  </si>
  <si>
    <t>【山推】垫环\16Y-15-00063\SD32\SD22</t>
  </si>
  <si>
    <t>【山推】孔用挡圈\16Y-15-00058\SD32\SD22</t>
  </si>
  <si>
    <t>【山推】太阳轮\16Y-15-00057\SD32\SD22</t>
  </si>
  <si>
    <t>【山推】垫片\16Y-15-00056\SD32\SD22</t>
  </si>
  <si>
    <t>【山推】垫片\16Y-15-00055\SD32\SD22</t>
  </si>
  <si>
    <t>【山推】垫片\16Y-15-00054\SD32\SD22</t>
  </si>
  <si>
    <t>【山推】密封环座\16Y-15-00053\SD32\SD22</t>
  </si>
  <si>
    <t>【沈鼓】O型密封圈\3406.28-16\AN-40/V13+2.5</t>
  </si>
  <si>
    <t>沈阳鼓风机集团通风装备科技有限公司</t>
  </si>
  <si>
    <t>沈鼓</t>
  </si>
  <si>
    <t>WZSCCG-2019-BJ-026</t>
  </si>
  <si>
    <t>沈鼓风机备件长协采购框架协议</t>
  </si>
  <si>
    <t>【沈鼓】G型扣压式胶管\674.17H序8\ASN-2070/900</t>
  </si>
  <si>
    <t>【沈鼓】G型扣压式胶管\G1/2-L=5000\ASN-2660/1400</t>
  </si>
  <si>
    <t>【沈鼓】G型扣压式胶管接头\G11/2-L=6000\AST-1736/1120</t>
  </si>
  <si>
    <t>【沈鼓】进口O型密封圈\345.124H序34\ASS-3550/2000-2G</t>
  </si>
  <si>
    <t>【沈鼓】进口O型密封圈\345.124H序35\ASS-3550/2000-2G</t>
  </si>
  <si>
    <t>【沈鼓】进口O型密封圈\345.124H序36\ASS-3550/2000-2G</t>
  </si>
  <si>
    <t>【沈鼓】进口O型密封圈\345.124H序39\ASS-3550/2000-2G</t>
  </si>
  <si>
    <t>【沈鼓】O型密封圈\GB1235-100×3.1\AST-1736/1120</t>
  </si>
  <si>
    <t>【沈鼓】O型密封圈\GB1235-125×5.7\ASN-2880/1600</t>
  </si>
  <si>
    <t>【沈鼓】O型密封圈\GB1235-28×3.1\AST-1960/1400</t>
  </si>
  <si>
    <t>【沈鼓】O型密封圈\GB1235-80×3.1\ASN-2070/900</t>
  </si>
  <si>
    <t>【沈鼓】O型密封圈\GB3452.1-195×5.3\BUF-3750/2120-1E</t>
  </si>
  <si>
    <t>【沈鼓】O型密封圈\GB3452.1-20×3.55\AST1938/1250-G</t>
  </si>
  <si>
    <t>【沈鼓】O型密封圈\GB3452.1-21.2×3.55\PG3750/2365-2D</t>
  </si>
  <si>
    <t>【沈鼓】O型密封圈\GB3452.1-65×3.55\BUF-3750/2120-1E</t>
  </si>
  <si>
    <t>【沈鼓】O型密封圈\GB3452.1-92.5×3.55\AST1938/1250-G</t>
  </si>
  <si>
    <t>【沈鼓】O型密封圈\JB7757.2\AN42/13+4</t>
  </si>
  <si>
    <t>【沈鼓】O型密封圈\JB7757.2-95\AN42/13+4</t>
  </si>
  <si>
    <t>【沈鼓】V形密封环\CR402204\ASS-2700/1500-2H</t>
  </si>
  <si>
    <t>【沈鼓】侧盖\1302.11-1\DFY23F-C4A</t>
  </si>
  <si>
    <t>【沈鼓】侧盖\1914.11-1\SFG19F-C5A</t>
  </si>
  <si>
    <t>【沈鼓】侧盖\530-110TC\ASN-2184/1120</t>
  </si>
  <si>
    <t>【沈鼓】侧盖\530-114TC\ASN-2184/1120</t>
  </si>
  <si>
    <t>【沈鼓】侧盖\530-195TC\ASN-2184/1120</t>
  </si>
  <si>
    <t>【沈鼓】侧盖\530-259TC\AST-1960/1400</t>
  </si>
  <si>
    <t>【沈鼓】侧盖\530-305TC\ASS-2700/1500-2H</t>
  </si>
  <si>
    <t>【沈鼓】侧盖\530-4TC\AST-1960/1400</t>
  </si>
  <si>
    <t>【沈鼓】侧盖\530-7TC\AST-1960/1400</t>
  </si>
  <si>
    <t>【沈鼓】侧盖\530-89TC\ASN-2660/1400</t>
  </si>
  <si>
    <t>【沈鼓】侧盖\530-8TC\ASN-2070/900</t>
  </si>
  <si>
    <t>【沈鼓】侧盖\530-90TC\ASN-2660/1400</t>
  </si>
  <si>
    <t>【沈鼓】侧盖\530-91TC\ASN-2660/1400</t>
  </si>
  <si>
    <t>【沈鼓】侧盖\530-92TC\ASN-2660/1400</t>
  </si>
  <si>
    <t>【沈鼓】侧盖\3406.28-2\AN42/13+4</t>
  </si>
  <si>
    <t>【沈鼓】侧盖\3406.28-4\AN42/13+4</t>
  </si>
  <si>
    <t>【沈鼓】衬套\345.49H序30\AST-1960/1400</t>
  </si>
  <si>
    <t>【沈鼓】衬套\345.49H序38\AST-1960/1400</t>
  </si>
  <si>
    <t>【沈鼓】衬套\530-217TC\AST-1960/1400</t>
  </si>
  <si>
    <t>【沈鼓】衬套\530-218TC\AST-1960/1400</t>
  </si>
  <si>
    <t>【沈鼓】衬套\530-358TC\ASS-3550/2000-2G</t>
  </si>
  <si>
    <t>【沈鼓】衬套\MB41110DU\AST-1736/1120</t>
  </si>
  <si>
    <t>【沈鼓】弹簧\530-101TC\SFG18.5D-C5A</t>
  </si>
  <si>
    <t>【沈鼓】弹簧垫\345-306H\BUF-3750/2120-1E</t>
  </si>
  <si>
    <t>【沈鼓】垫片\530-309TC\ASS-2700/1500-2H</t>
  </si>
  <si>
    <t>【沈鼓】垫圈\1140.11-9\SFG19F-C5A</t>
  </si>
  <si>
    <t>【沈鼓】垫圈\1302.11-12\DFY23F-C4A</t>
  </si>
  <si>
    <t>【沈鼓】垫圈\1560.11-4\SFG19F-C5A</t>
  </si>
  <si>
    <t>【沈鼓】垫圈\530-129TC\ASS-2700/1500-2H</t>
  </si>
  <si>
    <t>【沈鼓】垫圈\530-13TC\AST-1960/1400</t>
  </si>
  <si>
    <t>【沈鼓】垫圈\530-204TC\AST-1960/1400</t>
  </si>
  <si>
    <t>【沈鼓】垫圈\530-73TC\AST-1450/1000</t>
  </si>
  <si>
    <t>【沈鼓】垫圈\530-77TC\AST-1450/1000</t>
  </si>
  <si>
    <t>【沈鼓】垫圈\674-61H\BUF-3750/2120-1E</t>
  </si>
  <si>
    <t>【沈鼓】垫圈\674-9H\AST1938/1250-G</t>
  </si>
  <si>
    <t>【沈鼓】隔环\530-35TC\ASN-2790/1800</t>
  </si>
  <si>
    <t>【沈鼓】隔环\530-96TC\ASN-2660/1400</t>
  </si>
  <si>
    <t>【沈鼓】隔套\3406.28-3\AN42/13+4</t>
  </si>
  <si>
    <t>【沈鼓】隔套\530-104TC\ASN-2660/1400</t>
  </si>
  <si>
    <t>【沈鼓】隔套\530-14TC\AST-1960/1400</t>
  </si>
  <si>
    <t>【沈鼓】隔套\530-196TC\ASN-2184/1120</t>
  </si>
  <si>
    <t>【沈鼓】隔套\530-208TC\AST-1960/1400</t>
  </si>
  <si>
    <t>【沈鼓】隔套\530-258TC\AST-1960/1400</t>
  </si>
  <si>
    <t>【沈鼓】隔套\530-308TC\ASS-2700/1500-2H</t>
  </si>
  <si>
    <t>【沈鼓】隔套\530-416TC\ASS-2700/1500-2H</t>
  </si>
  <si>
    <t>【沈鼓】隔套\530-42TC\ASN-2790/1800</t>
  </si>
  <si>
    <t>【沈鼓】隔套\530-75TC\AST-1450/1000</t>
  </si>
  <si>
    <t>【沈鼓】管接头\3406.28-12\AN42/13+4</t>
  </si>
  <si>
    <t>【沈鼓】管接头\530-380TC\ASS-2700/1500-2H</t>
  </si>
  <si>
    <t>【沈鼓】管接头\674-60H\ASS-2700/1500-2H</t>
  </si>
  <si>
    <t>【沈鼓】管接头\674-8H\ASN-2790/1800</t>
  </si>
  <si>
    <t>【沈鼓】管接头\674-93H\AST-1960/1400</t>
  </si>
  <si>
    <t>【沈鼓】管接头\JB1942-Z12\AST-1736/1120</t>
  </si>
  <si>
    <t>【沈鼓】管接头\JB1945-Z12\AST-1450/1000</t>
  </si>
  <si>
    <t>【沈鼓】管接头\JB1959-Z12\AST-1736/1120</t>
  </si>
  <si>
    <t>【沈鼓】滑动衬套\530.32TC序49\AST-1960/1400</t>
  </si>
  <si>
    <t>【沈鼓】滑动衬套\530.68TC序49\AST-1960/1400</t>
  </si>
  <si>
    <t>【沈鼓】滑动衬套\MB2030DU\AST-1736/1120</t>
  </si>
  <si>
    <t>【沈鼓】滑动衬套\MB2530DU\ASN-2880/1600</t>
  </si>
  <si>
    <t>【沈鼓】滑动衬套\MB5060DU\ASN-2790/1800</t>
  </si>
  <si>
    <t>【沈鼓】滑动衬套\MB51140DU\ASN-2880/1600</t>
  </si>
  <si>
    <t>【沈鼓】滑动轴衬\345-18H\ASN-2070/900</t>
  </si>
  <si>
    <t>【沈鼓】滑动轴衬\345-39H\ASN-2880/1600</t>
  </si>
  <si>
    <t>【沈鼓】滑动轴衬\345-80H\AST1938/1250-G</t>
  </si>
  <si>
    <t>【沈鼓】滑块\345-313H\ASS-3550/2000-2G</t>
  </si>
  <si>
    <t>【沈鼓】滑块\345-405H\BUF-3750/2120-1E</t>
  </si>
  <si>
    <t>【沈鼓】滑套\530.4TC序44\AST-1736/1120</t>
  </si>
  <si>
    <t>【沈鼓】接管\530-107TC\ASN-2660/1400</t>
  </si>
  <si>
    <t>【沈鼓】接管\674-73H\ASS-2700/1500-2H</t>
  </si>
  <si>
    <t>【沈鼓】拉伸紫铜管\530.71TC序32\ASS-2700/1500-2H</t>
  </si>
  <si>
    <t>【沈鼓】螺栓\345-7H\ASN-2070/900</t>
  </si>
  <si>
    <t>【沈鼓】迷宫密封\530-12TC\AST-1960/1400</t>
  </si>
  <si>
    <t>【沈鼓】迷宫密封\530-216TC\AST-1960/1400</t>
  </si>
  <si>
    <t>【沈鼓】迷宫密封\530-72TC\AST-1450/1000</t>
  </si>
  <si>
    <t>【沈鼓】迷宫密封\345-302H\ASS-3550/2000-2G</t>
  </si>
  <si>
    <t>【沈鼓】密封垫\3406.28-17\AN-40/V13+2.5</t>
  </si>
  <si>
    <t>【沈鼓】密封垫\345-308H\ASS-3550/2000-2G</t>
  </si>
  <si>
    <t>【沈鼓】密封垫\345-309H\ASS-3550/2000-2G</t>
  </si>
  <si>
    <t>【沈鼓】密封垫\345-310H\ASS-3550/2000-2G</t>
  </si>
  <si>
    <t>【沈鼓】密封垫\530-100TC\ASN-2660/1400</t>
  </si>
  <si>
    <t>【沈鼓】密封垫\530-25TC\ASN-2790/1800</t>
  </si>
  <si>
    <t>【沈鼓】密封环\3406.28-6\AN42/13+4</t>
  </si>
  <si>
    <t>【沈鼓】密封环\345-567H\ASS-3550/2000-2G</t>
  </si>
  <si>
    <t>【沈鼓】密封环\530-105TC\ASN-2660/1400</t>
  </si>
  <si>
    <t>【沈鼓】密封环\530-135TC\AST1938/1250-G</t>
  </si>
  <si>
    <t>【沈鼓】密封环\530-137TC\AST1938/1250-G</t>
  </si>
  <si>
    <t>【沈鼓】密封环\530-16TC\AST-1960/1400</t>
  </si>
  <si>
    <t>【沈鼓】密封环\530-210TC\AST-1960/1400</t>
  </si>
  <si>
    <t>【沈鼓】密封环\530-211TC\AST-1960/1400</t>
  </si>
  <si>
    <t>【沈鼓】密封环\530-212TC\AST-1960/1400</t>
  </si>
  <si>
    <t>【沈鼓】密封环\530-44TC\ASN-2790/1800</t>
  </si>
  <si>
    <t>【沈鼓】密封内环\530-10TC\ASN-2070/900</t>
  </si>
  <si>
    <t>【沈鼓】密封内环\530-116TC\ASN-2184/1120</t>
  </si>
  <si>
    <t>【沈鼓】密封圈\345-317H\ASS-3550/2000-2G</t>
  </si>
  <si>
    <t>【沈鼓】密封圈\GB13871-B130/160\AST-1736/1120</t>
  </si>
  <si>
    <t>【沈鼓】进口密封圈\CR230×260×15HMS4V\ASS-2700/1500-2H</t>
  </si>
  <si>
    <t>【沈鼓】进口密封圈\HDS2\PG3750/2365-2D</t>
  </si>
  <si>
    <t>【沈鼓】挠性管\260-201H\ASS-2700/1500-2H</t>
  </si>
  <si>
    <t>【沈鼓】挠性管\260-202H\ASS-2700/1500-2H</t>
  </si>
  <si>
    <t>【沈鼓】挠性管\674-12H\ASN-2880/1600</t>
  </si>
  <si>
    <t>【沈鼓】挠性管\674-13H\ASN-2880/1600</t>
  </si>
  <si>
    <t>【沈鼓】挠性管\674-16H\ASN-2184/1120</t>
  </si>
  <si>
    <t>【沈鼓】挠性管\674-17H\ASN-2184/1120</t>
  </si>
  <si>
    <t>【沈鼓】挠性管\674-64H\BUF-3750/2120-1E</t>
  </si>
  <si>
    <t>【沈鼓】挠性管\FNG-2200×G11/4\FNG-2200*G11/4</t>
  </si>
  <si>
    <t>【沈鼓】挠性管\614-89H\PG3750/2365-2D</t>
  </si>
  <si>
    <t>【沈鼓】挠性管\614-88H\ASS-3550/2000-2G</t>
  </si>
  <si>
    <t>【沈鼓】挠性管\614-86H\PG3750/2365-2D</t>
  </si>
  <si>
    <t>【沈鼓】挠性联接\280.29H\AST-1960/1400</t>
  </si>
  <si>
    <t>【沈鼓】挠性联接\280.48H\ASN-2660/1400</t>
  </si>
  <si>
    <t>【沈鼓】平衡锤\345-233H\AST-1960/1400</t>
  </si>
  <si>
    <t>【沈鼓】平衡锤\345-380H\ASN-2880/1600</t>
  </si>
  <si>
    <t>【沈鼓】平衡锤\345-9H\ASN-2070/900</t>
  </si>
  <si>
    <t>【沈鼓】平衡块\345-19-1H\ASN-2070/900</t>
  </si>
  <si>
    <t>【沈鼓】平衡块\345-19-2H\ASN-2070/900</t>
  </si>
  <si>
    <t>【沈鼓】平衡块\345-19-3H\ASN-2070/900</t>
  </si>
  <si>
    <t>【沈鼓】平衡块\345-19-4H\ASN-2070/900</t>
  </si>
  <si>
    <t>【沈鼓】平衡块\345-300H\ASS-3550/2000-2G</t>
  </si>
  <si>
    <t>【沈鼓】平衡块\345-403H\BUF-3750/2120-1E</t>
  </si>
  <si>
    <t>【沈鼓】平衡块\345-4-1H\ASN-2070/900</t>
  </si>
  <si>
    <t>【沈鼓】平衡块\345-4-2H\ASN-2070/900</t>
  </si>
  <si>
    <t>【沈鼓】平衡块\345-4-3H\ASN-2070/900</t>
  </si>
  <si>
    <t>【沈鼓】平衡锺\345-70H\AST-1736/1120</t>
  </si>
  <si>
    <t>【沈鼓】甩油环\1140.11-6\SFG19F-C5A</t>
  </si>
  <si>
    <t>【沈鼓】甩油环\1560.11-2\SFG19F-C5A</t>
  </si>
  <si>
    <t>【沈鼓】甩油环\530-36TC\ASN-2790/1800</t>
  </si>
  <si>
    <t>【沈鼓】甩油环\530-97TC\ASN-2660/1400</t>
  </si>
  <si>
    <t>【沈鼓】特氟隆环\345-114H\ASN-2880/1600</t>
  </si>
  <si>
    <t>【沈鼓】特氟隆环\345-170H\AST-1960/1400</t>
  </si>
  <si>
    <t>【沈鼓】特氟隆环\345-68H\AST-1736/1120</t>
  </si>
  <si>
    <t>【沈鼓】特氟隆环\345-6H\ASN-2070/900</t>
  </si>
  <si>
    <t>【沈鼓】调节臂\345-566H\ASS-3550/2000-2G</t>
  </si>
  <si>
    <t>【沈鼓】调节拉叉\355.12H\ASN-2660/1400</t>
  </si>
  <si>
    <t>【沈鼓】调节拉叉\355.1H\AST-1960/1400</t>
  </si>
  <si>
    <t>【沈鼓】调节拉叉\355.2H\AST-1736/1120</t>
  </si>
  <si>
    <t>【沈鼓】调节拉叉\355.5H\ASN-2184/1120</t>
  </si>
  <si>
    <t>【沈鼓】调节拉叉\355.9H\AST-1960/1400</t>
  </si>
  <si>
    <t>【沈鼓】调节驱动装置\353.18H\AST-1960/1400</t>
  </si>
  <si>
    <t>【沈鼓】调节驱动装置\353.1H\ASN-2070/900</t>
  </si>
  <si>
    <t>【沈鼓】调节驱动装置\353.2H\ASN-2660/1400</t>
  </si>
  <si>
    <t>【沈鼓】调节驱动装置\353.4H\AST-1736/1120</t>
  </si>
  <si>
    <t>【沈鼓】调节驱动装置\353.6H\ASN-2880/1600</t>
  </si>
  <si>
    <t>【沈鼓】调节驱动装置\353.7H\ASN-2184/1120</t>
  </si>
  <si>
    <t>【沈鼓】推力环\1302.11-7\DFY23F-C4A</t>
  </si>
  <si>
    <t>【沈鼓】旋转油密封\674×1H\ASN-2880/1600</t>
  </si>
  <si>
    <t>【沈鼓】旋转油密封\674×2H\AST1938/1250-G</t>
  </si>
  <si>
    <t>【沈鼓】压盖\530-261TC\AST-1960/1400</t>
  </si>
  <si>
    <t>【沈鼓】压力弹簧\530-118TC\ASN-2184/1120</t>
  </si>
  <si>
    <t>【沈鼓】压力弹簧\530-11TC\ASN-2790/1800</t>
  </si>
  <si>
    <t>【沈鼓】压力弹簧\530-157TC\AST-1960/1400</t>
  </si>
  <si>
    <t>【沈鼓】叶片\305-106H\ASS-2700/1500-2H</t>
  </si>
  <si>
    <t>【沈鼓】叶片\305-1H\ASN-2070/900</t>
  </si>
  <si>
    <t>【沈鼓】叶片\305-23H\AST-1960/1400</t>
  </si>
  <si>
    <t>【沈鼓】叶片\305-31H\AST-1960/1400</t>
  </si>
  <si>
    <t>【沈鼓】叶片\305-50H\ASN-2660/1400</t>
  </si>
  <si>
    <t>【沈鼓】叶片\305-56H\ASN-2790/1800</t>
  </si>
  <si>
    <t>【沈鼓】叶片\305-58H\ASN-2880/1600</t>
  </si>
  <si>
    <t>【沈鼓】叶片\305-66H\BUF-3750/2120-1E</t>
  </si>
  <si>
    <t>【沈鼓】叶片\305-70H\ASN-2184/1120</t>
  </si>
  <si>
    <t>【沈鼓】叶片角度调节盘\903.201H\ASN-2790/1800</t>
  </si>
  <si>
    <t>【沈鼓】叶片角度调节盘\903.212H\ASN-2070/900</t>
  </si>
  <si>
    <t>【沈鼓】叶片螺钉\345-20H\AST-1450/1000</t>
  </si>
  <si>
    <t>【沈鼓】叶片螺钉\345-222H\AST-1960/1400</t>
  </si>
  <si>
    <t>【沈鼓】叶片螺钉\345-449H\ASS-3550/2000-2G</t>
  </si>
  <si>
    <t>【沈鼓】叶片螺钉\345-716H\ASS-2700/1500-2H</t>
  </si>
  <si>
    <t>【沈鼓】叶片轴\345-115H\ASN-2880/1600</t>
  </si>
  <si>
    <t>【沈鼓】叶片轴\345-69H\AST-1736/1120</t>
  </si>
  <si>
    <t>【沈鼓】叶片轴\345-8H\ASN-2070/900</t>
  </si>
  <si>
    <t>【沈鼓】液压调节机构\350.1H\ASN-2880/1600</t>
  </si>
  <si>
    <t>【沈鼓】液压调节机构\350.2H\AST1938/1250-G</t>
  </si>
  <si>
    <t>【沈鼓】液压调节装置\350.5H\ASS-2700/1500-2H</t>
  </si>
  <si>
    <t>【沈鼓】上下油封\1914.10-2\SFG19F-C5A</t>
  </si>
  <si>
    <t>【沈鼓】上下油封\1914.11-2\SFG19F-C5A</t>
  </si>
  <si>
    <t>【沈鼓】上下油封\1167.28-5\SFG18.5D-C5A</t>
  </si>
  <si>
    <t>【沈鼓】上下油封\1674.11-1\DFY23F-C4A</t>
  </si>
  <si>
    <t>【沈鼓】上下油封\1302.11-2\DFY23F-C4A</t>
  </si>
  <si>
    <t>【沈鼓】毡圈\F2307-50\AST1938/1250-G</t>
  </si>
  <si>
    <t>【沈鼓】毡圈\F2307-65\AST-1960/1400</t>
  </si>
  <si>
    <t>【沈鼓】支撑轴部\345×2H\ASN-2070/900</t>
  </si>
  <si>
    <t>【沈鼓】支撑轴承隔套\530-206TC\AST-1960/1400</t>
  </si>
  <si>
    <t>【沈鼓】支撑轴承隔套\530-222TC\AST-1960/1400</t>
  </si>
  <si>
    <t>【沈鼓】支撑轴承隔套\530-307TC\ASS-2700/1500-2H</t>
  </si>
  <si>
    <t>【沈鼓】支撑轴承座盖\1616.10×1\SFG19F-C5A</t>
  </si>
  <si>
    <t>【沈鼓】支承轴部\305×9H\AST-1960/1400</t>
  </si>
  <si>
    <t>【沈鼓】支推轴承\1443.28×1\SFY28D-C6B</t>
  </si>
  <si>
    <t>【沈鼓】支推轴承座盖\1616.11×1\SFG19F-C5A</t>
  </si>
  <si>
    <t>【沈鼓】止动垫圈\1302.11-9\DFY23F-C4A</t>
  </si>
  <si>
    <t>【沈鼓】止推轴承隔环\530-117TC\ASN-2184/1120</t>
  </si>
  <si>
    <t>【沈鼓】止推轴承隔环\530-17TC\AST-1960/1400</t>
  </si>
  <si>
    <t>【沈鼓】止推轴承隔套\530-393TC\ASS-2700/1500-2H</t>
  </si>
  <si>
    <t>【沈鼓】止推轴承座\530-398TC\ASS-2700/1500-2H</t>
  </si>
  <si>
    <t>【沈鼓】中间轴\345-681H\ASS-2700/1500-2H</t>
  </si>
  <si>
    <t>【沈鼓】轴承侧盖\345-305H\ASS-3550/2000-2G</t>
  </si>
  <si>
    <t>【沈鼓】轴承底座\1111-1\SFG19F-C5A</t>
  </si>
  <si>
    <t>【沈鼓】轴承端盖\530-221TC\AST-1960/1400</t>
  </si>
  <si>
    <t>【沈鼓】轴承座\3406.28-1\AN42/13+4</t>
  </si>
  <si>
    <t>【沈鼓】轴承座\530-192TC\ASN-2184/1120</t>
  </si>
  <si>
    <t>【沈鼓】轴承座\530-193TC\ASN-2184/1120</t>
  </si>
  <si>
    <t>【沈鼓】轴承座\530-213TC\AST-1960/1400</t>
  </si>
  <si>
    <t>【沈鼓】轴承座\530-214TC\AST-1960/1400</t>
  </si>
  <si>
    <t>【沈鼓】轴承座\530-215TC\AST-1960/1400</t>
  </si>
  <si>
    <t>【沈鼓】轴承座\530-26TC\ASN-2790/1800</t>
  </si>
  <si>
    <t>【沈鼓】轴承座\530-27TC\ASN-2790/1800</t>
  </si>
  <si>
    <t>【沈鼓】轴承座\530-51TC\AST-1450/1000</t>
  </si>
  <si>
    <t>【沈鼓】轴承座\530-53TC\AST-1450/1000</t>
  </si>
  <si>
    <t>【沈鼓】轴承座\530-5TC\AST-1960/1400</t>
  </si>
  <si>
    <t>【沈鼓】轴承座\530-6TC\ASN-2070/900</t>
  </si>
  <si>
    <t>【沈鼓】轴承座\530-87TC\ASN-2660/1400</t>
  </si>
  <si>
    <t>【沈鼓】轴承座\530-88TC\ASN-2660/1400</t>
  </si>
  <si>
    <t>【沈鼓】轴端螺母\345-682H\ASS-2700/1500-2H</t>
  </si>
  <si>
    <t>【沈鼓】轴封\3402×5\AN42/13+4</t>
  </si>
  <si>
    <t>【沈鼓】轴封\3437.28-13\AN42/13+4</t>
  </si>
  <si>
    <t>【沈鼓】主轴\1913.25-1\SFG19F-C5A</t>
  </si>
  <si>
    <t>【沈鼓】主轴\530-501TC\AST-1960/1400</t>
  </si>
  <si>
    <t>【沈鼓】主轴\530-507TC\ASN-2184/1120</t>
  </si>
  <si>
    <t>【山推】密封环\16Y-15-00050\SD32\SD22</t>
  </si>
  <si>
    <t>【山推】行星轮轴\16Y-15-00048\SD32\SD22</t>
  </si>
  <si>
    <t>【山推】软轴\16Y-05C-01000\SD32\SD22</t>
  </si>
  <si>
    <t>【山推】弹簧\16Y-05-00009\SD32\SD22</t>
  </si>
  <si>
    <t>【山推】油箱盖\16Y-04C-02000X\SD32\SD22</t>
  </si>
  <si>
    <t>【山推】油箱盖\16Y-04C-02000\SD32\SD22</t>
  </si>
  <si>
    <t>【山推】管夹\16Y-04-10000\SD32\SD22</t>
  </si>
  <si>
    <t>【山推】放水接头\16Y-04-00008\SD32\SD22</t>
  </si>
  <si>
    <t>【山推】管接头\16Y-04-00007\SD32\SD22</t>
  </si>
  <si>
    <t>【山推】管接头\16Y-04-00003\SD32\SD22</t>
  </si>
  <si>
    <t>【山推】接头\16Y-04-00002\SD32\SD22</t>
  </si>
  <si>
    <t>【山推】油尺\16Y-04-00001\SD32\SD22</t>
  </si>
  <si>
    <t>【山推】管合件\16Y-03B-04000\SD32\SD22</t>
  </si>
  <si>
    <t>【山推】减震器\16Y-03B-03000\SD32\SD22</t>
  </si>
  <si>
    <t>【山推】放水阀\16Y-03B-01000\SD32\SD22</t>
  </si>
  <si>
    <t>【山推】软管\16Y-03B-00007\SD32\SD22</t>
  </si>
  <si>
    <t>【山推】软管\16Y-03B-00003\SD32\SD22</t>
  </si>
  <si>
    <t>【山推】橡胶垫\16Y-03B-00002\SD32\SD22</t>
  </si>
  <si>
    <t>【山推】管子\175-61-14451\SD32\SD22</t>
  </si>
  <si>
    <t>【山推】管\175-60-26182\SD32\SD22</t>
  </si>
  <si>
    <t>【山推】管\175-60-26162\SD32\SD22</t>
  </si>
  <si>
    <t>【山推】管子\175-60-26141\SD32\SD22</t>
  </si>
  <si>
    <t>【山推】管子\175-60-26114\SD32\SD22</t>
  </si>
  <si>
    <t>【山推】软管\07102-20314\SD32\SD22</t>
  </si>
  <si>
    <t>【山推】软管\07102-20204\SD32\SD22</t>
  </si>
  <si>
    <t>【山推】阀座\171-86-04000\SD32\SD22</t>
  </si>
  <si>
    <t>【山推】电磁阀\171-86-05000\SD32\SD22</t>
  </si>
  <si>
    <t>【山推】法兰\23Y-89B-00002\SD32\SD22</t>
  </si>
  <si>
    <t>【山推】法兰\23Y-89B-00001\SD32\SD22</t>
  </si>
  <si>
    <t>【山推】杠杆\195-78-42360\SD32\SD22</t>
  </si>
  <si>
    <t>【山推】操纵杆\171-87-01000\SD32\SD22</t>
  </si>
  <si>
    <t>【山推】护罩\195-61-45140\SD32\SD22</t>
  </si>
  <si>
    <t>【山推】手柄\171-87-02000\SD32\SD22</t>
  </si>
  <si>
    <t>【山推】轴\195-78-42291\SD32\SD22</t>
  </si>
  <si>
    <t>【山推】杆\175-61-13870\SD32\SD22</t>
  </si>
  <si>
    <t>【山推】托架\175-61-21280\SD32\SD22</t>
  </si>
  <si>
    <t>【山推】摇臂\175-61-13681\SD32\SD22</t>
  </si>
  <si>
    <t>【山推】摇臂\175-61-13691\SD32\SD22</t>
  </si>
  <si>
    <t>【山推】杆\04245-41213\SD32\SD22</t>
  </si>
  <si>
    <t>【山推】隔套\195-61-21312\SD32\SD22</t>
  </si>
  <si>
    <t>【山推】摇臂\175-61-21310\SD32\SD22</t>
  </si>
  <si>
    <t>【山推】杆\04245-41217\SD32\SD22</t>
  </si>
  <si>
    <t>【山推】杆\175-61-21290\SD32\SD22</t>
  </si>
  <si>
    <t>【山推】摇臂\195-61-21290\SD32\SD22</t>
  </si>
  <si>
    <t>【山推】轴\175-61-13662\SD32\SD22</t>
  </si>
  <si>
    <t>【山推】托架\195-61-21281\SD32\SD22</t>
  </si>
  <si>
    <t>【山推】关节轴承\04250-61265\SD32\SD22</t>
  </si>
  <si>
    <t>【山推】关节轴承\04250-41265\SD32\SD22</t>
  </si>
  <si>
    <t>【山推】螺栓\07372-21030\SD32\SD22</t>
  </si>
  <si>
    <t>【山推】法兰\07371-31255\SD32\SD22</t>
  </si>
  <si>
    <t>【山推】法兰\07371-31049\SD32\SD22</t>
  </si>
  <si>
    <t>【山推】轴\175-15-42512\SD32\SD22</t>
  </si>
  <si>
    <t>【山推】齿轮\175-15-42471\SD32\SD22</t>
  </si>
  <si>
    <t>【山推】轴承座\175-15-42311\SD32\SD22</t>
  </si>
  <si>
    <t>【山推】齿轮\175-15-42122\SD32\SD22</t>
  </si>
  <si>
    <t>【山推】齿轮轴\10Y-11-00010\SD32\SD22</t>
  </si>
  <si>
    <t>【山推】盖\154-49-51220\SD32\SD22</t>
  </si>
  <si>
    <t>【山推】软管\07260-04117\SD32\SD22</t>
  </si>
  <si>
    <t>【山推】管\154-49-51120\SD32\SD22</t>
  </si>
  <si>
    <t>【山推】管\23Y-74B-04000\SD32\SD22</t>
  </si>
  <si>
    <t>【山推】管接头\154-49-51270\SD32\SD22</t>
  </si>
  <si>
    <t>【山推】管\154-49-51760\SD32\SD22</t>
  </si>
  <si>
    <t>【山推】管\154-49-51250\SD32\SD22</t>
  </si>
  <si>
    <t>【山推】管\23Y-74B-01000\SD32\SD22</t>
  </si>
  <si>
    <t>【山推】O型圈\07002-12434\SD32\SD22</t>
  </si>
  <si>
    <t>【山推】弯头\07235-10628\SD32\SD22</t>
  </si>
  <si>
    <t>【山推】管接头\195-49-13830\SD32\SD22</t>
  </si>
  <si>
    <t>【山推】管\154-49-51660\SD32\SD22</t>
  </si>
  <si>
    <t>【山推】杠杆\17Y-05-08000\SD32\SD22</t>
  </si>
  <si>
    <t>【山推】螺钉\175-43-35210\SD32\SD22</t>
  </si>
  <si>
    <t>【山推】防尘密封圈\06122-02004\SD32\SD22</t>
  </si>
  <si>
    <t>【山推】防尘密封圈\06122-02504\SD32\SD22</t>
  </si>
  <si>
    <t>【山推】垫圈\01643-32460\SD32\SD22</t>
  </si>
  <si>
    <t>【山推】橡胶板\17Y-05-00016\SD32\SD22</t>
  </si>
  <si>
    <t>【山推】脚踏板\195-43-42350\SD32\SD22</t>
  </si>
  <si>
    <t>【山推】叉口板\198-43-18170\SD32\SD22</t>
  </si>
  <si>
    <t>【山推】螺母\01582-11008\SD32\SD22</t>
  </si>
  <si>
    <t>【山推】橡胶套\195-43-42280\SD32\SD22</t>
  </si>
  <si>
    <t>【山推】调整螺母\178-43-12180\SD32\SD22</t>
  </si>
  <si>
    <t>【山推】螺母\01508-21006\SD32\SD22</t>
  </si>
  <si>
    <t>【山推】开口销\04050-12016\SD32\SD22</t>
  </si>
  <si>
    <t>【山推】销轴\04205-10822\SD32\SD22</t>
  </si>
  <si>
    <t>【山推】杆\154-43-44120\SD32\SD22</t>
  </si>
  <si>
    <t>【山推】开口销\04050-13030\SD32\SD22</t>
  </si>
  <si>
    <t>【山推】螺母\01593-11210\SD32\SD22</t>
  </si>
  <si>
    <t>【山推】垫\101-43-11380\SD32\SD22</t>
  </si>
  <si>
    <t>【山推】垫圈\01640-21223\SD32\SD22</t>
  </si>
  <si>
    <t>【山推】螺栓\01052-51265\SD32\SD22</t>
  </si>
  <si>
    <t>【山推】螺栓\01010-51230\SD32\SD22</t>
  </si>
  <si>
    <t>【山推】O型圈\07000-05150\SD32\SD22</t>
  </si>
  <si>
    <t>【山推】螺母\01530-06814\SD32\SD22</t>
  </si>
  <si>
    <t>【山推】锁紧垫圈\01658-16823\SD32\SD22</t>
  </si>
  <si>
    <t>【山推】滚珠轴承\06040-06314\SD32\SD22</t>
  </si>
  <si>
    <t>【山推】键\04000-02050\SD32\SD22</t>
  </si>
  <si>
    <t>【山推】卡环\150-21-22180\SD32\SD22</t>
  </si>
  <si>
    <t>【山推】滚针轴承\154-01-12280\SD32\SD22</t>
  </si>
  <si>
    <t>【山推】弹簧垫圈\01602-21236\SD32\SD22</t>
  </si>
  <si>
    <t>【山推】螺栓\01010-51275\SD32\SD22</t>
  </si>
  <si>
    <t>【山推】螺栓\01011-51205\SD32\SD22</t>
  </si>
  <si>
    <t>【山推】定位销\04020-01024\SD32\SD22</t>
  </si>
  <si>
    <t>【山推】拼合凸缘\07371-30638\SD32\SD22</t>
  </si>
  <si>
    <t>【山推】联轴节\07332-02400\SD32\SD22</t>
  </si>
  <si>
    <t>【山推】连接器总成\07332-02000\SD32\SD22</t>
  </si>
  <si>
    <t>【山推】连接器\07332-01200\SD32\SD22</t>
  </si>
  <si>
    <t>【山推】喉箍\07281-00909\SD32\SD22</t>
  </si>
  <si>
    <t>【山推】卡子\07281-00809\SD32\SD22</t>
  </si>
  <si>
    <t>【山推】喉箍\07281-00609\SD32\SD22</t>
  </si>
  <si>
    <t>【山推】长箍\07281-00549\SD32\SD22</t>
  </si>
  <si>
    <t>【山推】软管夹\07281-00498\SD32\SD22</t>
  </si>
  <si>
    <t>【山推】喉箍\07281-00489\SD32\SD22</t>
  </si>
  <si>
    <t>【山推】卡子\07281-00419\SD32\SD22</t>
  </si>
  <si>
    <t>【山推】喉箍\07281-00259\SD32\SD22</t>
  </si>
  <si>
    <t>【山推】右阀体\175-33-28320\SD32\SD22</t>
  </si>
  <si>
    <t>【山推】左阀体\175-33-28310\SD32\SD22</t>
  </si>
  <si>
    <t>【山推】轴\154-33-21262\SD32\SD22</t>
  </si>
  <si>
    <t>【山推】制动带总成\175-33-28200\SD32\SD22</t>
  </si>
  <si>
    <t>【山推】法兰盘\175-27-31463\SD32\SD22</t>
  </si>
  <si>
    <t>【山推】轴承\170-09-13240\SD32\SD22</t>
  </si>
  <si>
    <t>【山推】轴承\170-09-13230\SD32\SD22</t>
  </si>
  <si>
    <t>【山推】中底护板\154-52A-01000\SD32\SD22</t>
  </si>
  <si>
    <t>【山推】半U型铲刀头\23Y-82-01000\SD32\SD22</t>
  </si>
  <si>
    <t>【山推】主销套\8228-MA-00032\SD32\SD22</t>
  </si>
  <si>
    <t>【山推】软管\07118-01216\SD32\SD22</t>
  </si>
  <si>
    <t>【山推】软管\07102-20612\SD32\SD22</t>
  </si>
  <si>
    <t>【山推】室内灯\D2430-01000\SD32\SD22</t>
  </si>
  <si>
    <t>【山推】压力表\23Y-96-02000\SD32\SD22</t>
  </si>
  <si>
    <t>【山推】右窗框总成\23Y-56B-08000\SD32\SD22</t>
  </si>
  <si>
    <t>【山推】左窗框总成\23Y-56B-07000\SD32\SD22</t>
  </si>
  <si>
    <t>【山推】软管\175-49-23380\SD32\SD22</t>
  </si>
  <si>
    <t>【山推】软管\07114-01409\SD32\SD22</t>
  </si>
  <si>
    <t>【山推】软管\07114-01013\SD32\SD22</t>
  </si>
  <si>
    <t>【山推】软管\07114-01009\SD32\SD22</t>
  </si>
  <si>
    <t>【山推】软管\07102-21011\SD32\SD22</t>
  </si>
  <si>
    <t>【山推】压力表\D2140-03000\SD32\SD22</t>
  </si>
  <si>
    <t>【山推】管\171-03C-00003\SD32\SD22</t>
  </si>
  <si>
    <t>【山推】管\171-03C-00001\SD32\SD22</t>
  </si>
  <si>
    <t>【山推】管\171-03C-00004\SD32\SD22</t>
  </si>
  <si>
    <t>【山推】管\171-03C-00005\SD32\SD22</t>
  </si>
  <si>
    <t>【山推】管\171-03C-00007\SD32\SD22</t>
  </si>
  <si>
    <t>【山推】软管\154-74A-07000\SD32\SD22</t>
  </si>
  <si>
    <t>【山推】垫板\154-49-23230\SD32\SD22</t>
  </si>
  <si>
    <t>【山推】管\154-49-23210\SD32\SD22</t>
  </si>
  <si>
    <t>【山推】管\23Y-74B-09000\SD32\SD22</t>
  </si>
  <si>
    <t>【山推】螺母\01803-02228\SD32\SD22</t>
  </si>
  <si>
    <t>【山推】O型圈\07000-12110\SD32\SD22</t>
  </si>
  <si>
    <t>【山推】O型圈\07000-12115\SD32\SD22</t>
  </si>
  <si>
    <t>【山推】接头\23Y-75B-00001\SD32\SD22</t>
  </si>
  <si>
    <t>【山推】前机罩\17S-50H-01000\SD32\SD22</t>
  </si>
  <si>
    <t>【山推】管\158-63-05000\SD32\SD22</t>
  </si>
  <si>
    <t>【山推】管\154-61-17131\SD32\SD22</t>
  </si>
  <si>
    <t>【山推】管\154-61-17150\SD32\SD22</t>
  </si>
  <si>
    <t>【山推】螺塞\07043-70617\SD32\SD22</t>
  </si>
  <si>
    <t>【山推】操纵杆\23Y-86B-01000\SD32\SD22</t>
  </si>
  <si>
    <t>【山推】垫圈\04254-11232\SD32\SD22</t>
  </si>
  <si>
    <t>【山推】铲刀提升油缸(右)\23Y-62B-04000(国三)\SD32\SD22</t>
  </si>
  <si>
    <t>【山推】铲刀提升油缸(左)\23Y-62B-03000(国三)\SD32\SD22</t>
  </si>
  <si>
    <t>【山推】压盖\158-71-00001\SD32\SD22</t>
  </si>
  <si>
    <t>【山推】发动机搭铁线\114-07-11000\SD32\SD22</t>
  </si>
  <si>
    <t>【山推】开关\D2540-00800\SD32\SD22</t>
  </si>
  <si>
    <t>【山推】螺钉\01252-70620\SD32\SD22</t>
  </si>
  <si>
    <t>【山推】夹\209-38-12260\SD32\SD22</t>
  </si>
  <si>
    <t>【山推】压缩机\23Y-58D-03000\SD32\SD22</t>
  </si>
  <si>
    <t>【山推】冷凝器\23Y-58D-11000\SD32\SD22</t>
  </si>
  <si>
    <t>【山推】座椅\16Y-53D-01000\SD32\SD22</t>
  </si>
  <si>
    <t>【山推】刮雨器\D2801-05030\SD32\SD22</t>
  </si>
  <si>
    <t>【山推】刮雨器\D2801-09500\SD32\SD22</t>
  </si>
  <si>
    <t>【山推】按钮开关\D2510-00200\SD32\SD22</t>
  </si>
  <si>
    <t>【山推】启动开关\D2500-00000\SD32\SD22</t>
  </si>
  <si>
    <t>【山推】行程开关\D2590-00820\SD32\SD22</t>
  </si>
  <si>
    <t>【山推】接近开关\D2580-00800\SD32\SD22</t>
  </si>
  <si>
    <t>【山推】片式熔断器\D2773-01500\SD32\SD22</t>
  </si>
  <si>
    <t>【山推】片式熔断器\D2773-03000\SD32\SD22</t>
  </si>
  <si>
    <t>【山推】片式熔断器\D2773-02000\SD32\SD22</t>
  </si>
  <si>
    <t>【山推】片式熔断器\D2773-01000\SD32\SD22</t>
  </si>
  <si>
    <t>【山推】右灯罩\115C-07-27000\SD32\SD22</t>
  </si>
  <si>
    <t>【山推】熔断器\D2772-12510\SD32\SD22</t>
  </si>
  <si>
    <t>【山推】继电器\D2610-30000\SD32\SD22</t>
  </si>
  <si>
    <t>【山推】滤芯\175-60-27380\SD32\SD22</t>
  </si>
  <si>
    <t>【山推】倾斜油缸\171-63-01000\SD32\SD22</t>
  </si>
  <si>
    <t>【山推】提升缸修理包\171-62-01000CK\SD32\SD22</t>
  </si>
  <si>
    <t>【山推】右推杆组件\175-71-30001V020\SD32\SD22</t>
  </si>
  <si>
    <t>【山推】左推杆组件\175-71-30001V030\SD32\SD22</t>
  </si>
  <si>
    <t>【山推】刀片\171-82-00001\SD32\SD22</t>
  </si>
  <si>
    <t>【山推】刀片\171-82-00002\SD32\SD22</t>
  </si>
  <si>
    <t>【山推】刀片\171-82-00003\SD32\SD22</t>
  </si>
  <si>
    <t>【山推】直倾铲刀头\171-82-02000\SD32\SD22</t>
  </si>
  <si>
    <t>【山推】半U型铲刀头\171-82-01000\SD32\SD22</t>
  </si>
  <si>
    <t>【山推】衬套\175-50-31160\SD32\SD22</t>
  </si>
  <si>
    <t>【山推】蓄电池\D1011-07500\SD32\SD22</t>
  </si>
  <si>
    <t>【山推】左灯罩\171-51-22000\SD32\SD22</t>
  </si>
  <si>
    <t>【山推】右灯罩\171-51-01000\SD32\SD22</t>
  </si>
  <si>
    <t>【山推】托轮支架\175-30-25184\SD32\SD22</t>
  </si>
  <si>
    <t>【山推】防护装置\175-30-32175\SD32\SD22</t>
  </si>
  <si>
    <t>【山推】护板\178-30-12161A\SD32\SD22</t>
  </si>
  <si>
    <t>【山推】喉箍\07281-00197\SD32\SD22</t>
  </si>
  <si>
    <t>【山推】软管夹\07280-08029\SD32\SD22</t>
  </si>
  <si>
    <t>【山推】胶管夹\07280-07429\SD32\SD22</t>
  </si>
  <si>
    <t>【山推】管夹\07280-05429\SD32\SD22</t>
  </si>
  <si>
    <t>【山推】管夹\07280-05026\SD32\SD22</t>
  </si>
  <si>
    <t>【山推】管夹\07280-02323\SD32\SD22</t>
  </si>
  <si>
    <t>【山推】夹钳\07280-01620\SD32\SD22</t>
  </si>
  <si>
    <t>【山推】管\07260-25820\SD32\SD22</t>
  </si>
  <si>
    <t>【山推】软管\07260-24122\SD32\SD22</t>
  </si>
  <si>
    <t>【山推】软管\07260-24118\SD32\SD22</t>
  </si>
  <si>
    <t>【山推】软管\07260-23236\SD32\SD22</t>
  </si>
  <si>
    <t>【山推】软管\07260-23216\SD32\SD22</t>
  </si>
  <si>
    <t>【山推】软管\07260-21420\SD32\SD22</t>
  </si>
  <si>
    <t>【山推】软管\07260-21413\SD32\SD22</t>
  </si>
  <si>
    <t>【山推】软管\07260-20922\SD32\SD22</t>
  </si>
  <si>
    <t>【山推】软管\07260-20616\SD32\SD22</t>
  </si>
  <si>
    <t>【山推】软管\07260-05825\SD32\SD22</t>
  </si>
  <si>
    <t>【山推】软管\07260-04128\SD32\SD22</t>
  </si>
  <si>
    <t>【山推】软管\07260-04120\SD32\SD22</t>
  </si>
  <si>
    <t>【山推】软管\07260-03213\SD32\SD22</t>
  </si>
  <si>
    <t>【山推】软管\07102-21005\SD32\SD22</t>
  </si>
  <si>
    <t>【山推】软管\07102-21003\SD32\SD22</t>
  </si>
  <si>
    <t>【山推】软管\07102-20623\SD32\SD22</t>
  </si>
  <si>
    <t>【山推】软管\07102-20616\SD32\SD22</t>
  </si>
  <si>
    <t>【山推】软管\07102-20614\SD32\SD22</t>
  </si>
  <si>
    <t>【山推】软管\07102-20609\SD32\SD22</t>
  </si>
  <si>
    <t>【山推】软管\07102-20607\SD32\SD22</t>
  </si>
  <si>
    <t>【山推】软管\07102-20606\SD32\SD22</t>
  </si>
  <si>
    <t>【山推】软管\07102-20605\SD32\SD22</t>
  </si>
  <si>
    <t>【山推】软管\07102-20603\SD32\SD22</t>
  </si>
  <si>
    <t>【山推】软管\07102-20519\SD32\SD22</t>
  </si>
  <si>
    <t>【山推】软管\07102-20518\SD32\SD22</t>
  </si>
  <si>
    <t>【山推】软管\07102-20506\SD32\SD22</t>
  </si>
  <si>
    <t>【山推】软管\07102-20505\SD32\SD22</t>
  </si>
  <si>
    <t>【山推】软管\07102-20504\SD32\SD22</t>
  </si>
  <si>
    <t>【山推】软管\07102-20503\SD32\SD22</t>
  </si>
  <si>
    <t>【山推】软管\07102-20412\SD32\SD22</t>
  </si>
  <si>
    <t>【山推】软管\07102-20410\SD32\SD22</t>
  </si>
  <si>
    <t>【山推】软管\07102-20403\SD32\SD22</t>
  </si>
  <si>
    <t>【山推】软管\07102-20313\SD32\SD22</t>
  </si>
  <si>
    <t>【山推】软管\07102-20304\SD32\SD22</t>
  </si>
  <si>
    <t>【山推】软管\07102-20303\SD32\SD22</t>
  </si>
  <si>
    <t>【山推】油封\07102-10100\SD32\SD22</t>
  </si>
  <si>
    <t>【山推】软管\07100-21406\SD32\SD22</t>
  </si>
  <si>
    <t>【山推】软管\0708-20412\SD32\SD22</t>
  </si>
  <si>
    <t>【山推】水箱过滤器\07056-00048\SD32\SD22</t>
  </si>
  <si>
    <t>【山推】盖\175-27-31170\SD32\SD22</t>
  </si>
  <si>
    <t>【山推】轴承壳\16Y-02A-00017\SD32\SD22</t>
  </si>
  <si>
    <t>【山推】操纵杆\154-61-16451\SD32\SD22</t>
  </si>
  <si>
    <t>【山推】防尘密封\07019-00130\SD32\SD22</t>
  </si>
  <si>
    <t>【山推】油封\07019-00100\SD32\SD22</t>
  </si>
  <si>
    <t>【山推】密封环\07018-12605\SD32\SD22</t>
  </si>
  <si>
    <t>【山推】密封圈\07018-12455\SD32\SD22</t>
  </si>
  <si>
    <t>【山推】密封环\07018-11805\SD32\SD22</t>
  </si>
  <si>
    <t>【山推】油封\07013-10120\SD32\SD22</t>
  </si>
  <si>
    <t>【山推】履带螺栓\154-32-11230\SD32\SD22</t>
  </si>
  <si>
    <t>【山推】中罩(右)\154-30-12930\SD32\SD22</t>
  </si>
  <si>
    <t>【山推】中罩(左)\154-30-12910\SD32\SD22</t>
  </si>
  <si>
    <t>【山推】后罩(右)\154-30-11951\SD32\SD22</t>
  </si>
  <si>
    <t>【山推】后罩(左)\154-30-11941\SD32\SD22</t>
  </si>
  <si>
    <t>【山推】密封垫\154-30-11831\SD32\SD22</t>
  </si>
  <si>
    <t>【山推】密封圈\154-30-11821\SD32\SD22</t>
  </si>
  <si>
    <t>【山推】轴瓦\154-30-11810\SD32\SD22</t>
  </si>
  <si>
    <t>【山推】活塞\154-30-11771\SD32\SD22</t>
  </si>
  <si>
    <t>【山推】盖\154-30-11612\SD32\SD22</t>
  </si>
  <si>
    <t>【山推】管\171-03C-00013\SD32\SD22</t>
  </si>
  <si>
    <t>【山推】管\171-03C-00012\SD32\SD22</t>
  </si>
  <si>
    <t>【山推】管\171-03C-00008\SD32\SD22</t>
  </si>
  <si>
    <t>【山推】管\171-03C-000011\SD32\SD22</t>
  </si>
  <si>
    <t>【山推】管\171-03C-000002\SD32\SD22</t>
  </si>
  <si>
    <t>【山推】隔套\175-27-31411\SD32\SD22</t>
  </si>
  <si>
    <t>【山推】主销\228MA-00042\SD32\SD22</t>
  </si>
  <si>
    <t>【山推】轴承\175-15-49340\SD32\SD22</t>
  </si>
  <si>
    <t>【山推】轴承\170-09-13250\SD32\SD22</t>
  </si>
  <si>
    <t>【山推】齿轮\154-15-33230\SD32\SD22</t>
  </si>
  <si>
    <t>【山推】轴总成\154-15-00311\SD32\SD22</t>
  </si>
  <si>
    <t>【山推】轴承\154-13-13360\SD32\SD22</t>
  </si>
  <si>
    <t>【山推】铁丝\154-13-11240\SD32\SD22</t>
  </si>
  <si>
    <t>【山推】风机\23Y-58R-02000\SD32\SD22</t>
  </si>
  <si>
    <t>【山推】管\175-49-22225\SD32\SD22</t>
  </si>
  <si>
    <t>【山推】轴承座\154-15-23151\SD32\SD22</t>
  </si>
  <si>
    <t>【山推】关节轴承\04250-90847\SD32\SD22</t>
  </si>
  <si>
    <t>【山推】球接头\04256-00816\SD32\SD22</t>
  </si>
  <si>
    <t>【山推】销\195-43-43170\SD32\SD22</t>
  </si>
  <si>
    <t>【山推】支架\154-43-43130\SD32\SD22</t>
  </si>
  <si>
    <t>【山推】轴承\195-61-34120\SD32\SD22</t>
  </si>
  <si>
    <t>【山推】摇臂\195-43-43150\SD32\SD22</t>
  </si>
  <si>
    <t>【山推】管接头\23Y-74B-08000\SD32\SD22</t>
  </si>
  <si>
    <t>【山推】管\154-19-22213\SD32\SD22</t>
  </si>
  <si>
    <t>【山推】接头\07213-81521\SD32\SD22</t>
  </si>
  <si>
    <t>【山推】管\154-49-51410\SD32\SD22</t>
  </si>
  <si>
    <t>【山推】软管\07260-00922\SD32\SD22</t>
  </si>
  <si>
    <t>【山推】螺栓\01010-51030\SD32\SD22</t>
  </si>
  <si>
    <t>【山推】O型圈\07000-13030\SD32\SD22</t>
  </si>
  <si>
    <t>【山推】管\23Y-74B-05000\SD32\SD22</t>
  </si>
  <si>
    <t>【山推】软管\17Y-74-30000\SD32\SD22</t>
  </si>
  <si>
    <t>【山推】法兰\154-49-51420\SD32\SD22</t>
  </si>
  <si>
    <t>【山推】O型圈\07000-13032\SD32\SD22</t>
  </si>
  <si>
    <t>【山推】管\154-49-23192\SD32\SD22</t>
  </si>
  <si>
    <t>【山推】管\154-49-21450\SD32\SD22</t>
  </si>
  <si>
    <t>【山推】O型圈\07000-13045\SD32\SD22</t>
  </si>
  <si>
    <t>【山推】弯头接头\23Y-74B-02000\SD32\SD22</t>
  </si>
  <si>
    <t>【山推】管\154-49-21314\SD32\SD22</t>
  </si>
  <si>
    <t>【山推】管\154-49-21295\SD32\SD22</t>
  </si>
  <si>
    <t>【山推】管接头\154-49-51751\SD32\SD22</t>
  </si>
  <si>
    <t>【山推】管接头\154-49-51241\SD32\SD22</t>
  </si>
  <si>
    <t>【山推】弯管接头\154-49-11362\SD32\SD22</t>
  </si>
  <si>
    <t>【山推】管\23Y-74B-10000\SD32\SD22</t>
  </si>
  <si>
    <t>【山推】锁垫\198-21-11480\SD32\SD22</t>
  </si>
  <si>
    <t>【山推】衬垫\154-21-22211\SD32\SD22</t>
  </si>
  <si>
    <t>【山推】圆柱滚子轴承\154-21-22161\SD32\SD22</t>
  </si>
  <si>
    <t>【山推】锁片\150-21-32140\SD32\SD22</t>
  </si>
  <si>
    <t>【山推】盖\23Y-50B-05000\SD32\SD22</t>
  </si>
  <si>
    <t>【山推】杆\154-54-43240\SD32\SD22</t>
  </si>
  <si>
    <t>【山推】支架\23Y-50B-06000\SD32\SD22</t>
  </si>
  <si>
    <t>【山推】上罩\23Y-50B-01000\SD32\SD22</t>
  </si>
  <si>
    <t>【山推】右前罩\158-54-02000\SD32\SD22</t>
  </si>
  <si>
    <t>【山推】右前罩\23Y-54B-03000\SD32\SD22</t>
  </si>
  <si>
    <t>【山推】杆\154-54-43250\SD32\SD22</t>
  </si>
  <si>
    <t>【山推】护板\178-30-12171A\SD32\SD22</t>
  </si>
  <si>
    <t>【山推】管\154-49-51651\SD32\SD22</t>
  </si>
  <si>
    <t>【山推】隔套\195-33-11220\SD32\SD22</t>
  </si>
  <si>
    <t>【山推】板\154-49-51560\SD32\SD22</t>
  </si>
  <si>
    <t>【山推】接头\17Y-74B-00002\SD32\SD22</t>
  </si>
  <si>
    <t>【山推】接头\17Y-74B-00001\SD32\SD22</t>
  </si>
  <si>
    <t>【山推】座\154-50-11123\SD32\SD22</t>
  </si>
  <si>
    <t>【山推】台车架\158-40-02000(左)\SD32\SD22</t>
  </si>
  <si>
    <t>【山推】螺栓\154-30-27180\SD32\SD22</t>
  </si>
  <si>
    <t>【山推】前罩\158-40-07000\SD32\SD22</t>
  </si>
  <si>
    <t>【山推】垫圈\01643-32260\SD32\SD22</t>
  </si>
  <si>
    <t>【山推】螺栓\01010-52265\SD32\SD22</t>
  </si>
  <si>
    <t>【山推】弹簧垫圈\01602-22060\SD32\SD22</t>
  </si>
  <si>
    <t>【山推】螺栓\01010-52040\SD32\SD22</t>
  </si>
  <si>
    <t>【山推】导板\158-40-00001\SD32\SD22</t>
  </si>
  <si>
    <t>【山推】护板\158-40-04000\SD32\SD22</t>
  </si>
  <si>
    <t>【山推】螺栓\150-30-15563\SD32\SD22</t>
  </si>
  <si>
    <t>【山推】垫圈\01602-21845\SD32\SD22</t>
  </si>
  <si>
    <t>【山推】螺栓\01010-51840\SD32\SD22</t>
  </si>
  <si>
    <t>【山推】螺母\01580-12419\SD32\SD22</t>
  </si>
  <si>
    <t>【山推】挡块\154-30-22190\SD32\SD22</t>
  </si>
  <si>
    <t>【山推】套筒\150-30-15553\SD32\SD22</t>
  </si>
  <si>
    <t>【山推】橡胶弹簧\155-30-13230\SD32\SD22</t>
  </si>
  <si>
    <t>【山推】引导轮轴\154-30-23122\SD32\SD22</t>
  </si>
  <si>
    <t>【山推】浮封环\154-30-12271\SD32\SD22</t>
  </si>
  <si>
    <t>【山推】轴套组件\155-30-16201\SD32\SD22</t>
  </si>
  <si>
    <t>【山推】单边支重轮总成\155-30-00128\SD32\SD22</t>
  </si>
  <si>
    <t>【山推】双边支重轮总成\155-30-00118\SD32\SD22</t>
  </si>
  <si>
    <t>【山推】链轨销\216-MA-01000\SD32\SD22</t>
  </si>
  <si>
    <t>【山推】履带板\8216-MD-001561\SD32\SD22</t>
  </si>
  <si>
    <t>【山推】履带总成\8216-MD-381561\SD32\SD22</t>
  </si>
  <si>
    <t>【山推】护栅\23Y-50B-07000\SD32\SD22</t>
  </si>
  <si>
    <t>【山推】前机罩\23Y-50B-04000\SD32\SD22</t>
  </si>
  <si>
    <t>【山推】右推杆\16Y-80-40000V010\SD32\SD22</t>
  </si>
  <si>
    <t>【山推】左推杆\16Y-80-30000V010\SD32\SD22</t>
  </si>
  <si>
    <t>【山推】安全阀\16Y-76-23000V010\SD32\SD22</t>
  </si>
  <si>
    <t>【山推】转向阀\16Y-76-22000V010\SD32\SD22</t>
  </si>
  <si>
    <t>【山推】转向油泵\16Y-76-06000V010\SD32\SD22</t>
  </si>
  <si>
    <t>【山推】冷却器\16Y-76-02000V010\SD32\SD22</t>
  </si>
  <si>
    <t>【山推】变速油泵\16Y-75-24000V010\SD32\SD22</t>
  </si>
  <si>
    <t>【山推】润滑阀\16Y-75-20000V010\SD32\SD22</t>
  </si>
  <si>
    <t>【山推】变速阀\16Y-75-10000V010\SD32\SD22</t>
  </si>
  <si>
    <t>【山推】铲刀提升油缸(左)\16Y-62-60000V010\SD32\SD22</t>
  </si>
  <si>
    <t>【山推】左提升缸总成\16Y-62-50000V010\SD32\SD22</t>
  </si>
  <si>
    <t>【山推】工作油泵\16Y-61-01000V010\SD32\SD22</t>
  </si>
  <si>
    <t>【山推】铲刀阀总成\16Y-60-05000V010\SD32\SD22</t>
  </si>
  <si>
    <t>【山推】双边支重轮\16Y-40-10000P010\SD32\SD22</t>
  </si>
  <si>
    <t>【山推】单边支重轮\16Y-40-09000P010\SD32\SD22</t>
  </si>
  <si>
    <t>【山推】托轮\16Y-40-06000P010\SD32\SD22</t>
  </si>
  <si>
    <t>【山推】引导轮总成\16Y-40-03000V010\SD32\SD22</t>
  </si>
  <si>
    <t>【山推】座椅\23Y-53B-10000V010\SD32\SD22</t>
  </si>
  <si>
    <t>【山推】变速阀\155-15-00370V010\SD32\SD22</t>
  </si>
  <si>
    <t>【山推】刀头总成\154-71-31001V010\SD32\SD22</t>
  </si>
  <si>
    <t>【山推】阀\154-49-51100V010\SD32\SD22</t>
  </si>
  <si>
    <t>【山推】转向控制阀\154-40-10005V010\SD32\SD22</t>
  </si>
  <si>
    <t>【山推】转向阀\154-40-00082V010\SD32\SD22</t>
  </si>
  <si>
    <t>【山推】履带板\216-MA-00156V010\SD32\SD22</t>
  </si>
  <si>
    <t>【山推】转向离合器\154-22-10001V010\SD32\SD22</t>
  </si>
  <si>
    <t>【山推】变速箱操纵阀\154-15-35000-01\SD32\SD22</t>
  </si>
  <si>
    <t>【山推】工作油泵总成\07446-66103-01\SD32\SD22</t>
  </si>
  <si>
    <t>【山推】油泵总成\07444-66103-01\SD32\SD22</t>
  </si>
  <si>
    <t>【山推】转向油泵\07440-72202-01\SD32\SD22</t>
  </si>
  <si>
    <t>【山推】转向泵总成\07436-72202-01\SD32\SD22</t>
  </si>
  <si>
    <t>【山推】锁垫\154-30-11540\SD32\SD22</t>
  </si>
  <si>
    <t>【山推】支座焊合件\154-30-11497\SD32\SD22</t>
  </si>
  <si>
    <t>【山推】驱动轮罩(右)\154-30-11393\SD32\SD22</t>
  </si>
  <si>
    <t>【山推】驱动轮罩\154-30-11383\SD32\SD22</t>
  </si>
  <si>
    <t>【山推】前罩\154-30-11326\SD32\SD22</t>
  </si>
  <si>
    <t>【山推】托轮支架\154-30-11292\SD32\SD22</t>
  </si>
  <si>
    <t>【山推】支架(左)\154-30-11274\SD32\SD22</t>
  </si>
  <si>
    <t>【山推】拉杆\154-30-11224\SD32\SD22</t>
  </si>
  <si>
    <t>【山推】密封垫\154-30-11212\SD32\SD22</t>
  </si>
  <si>
    <t>【山推】挡圈\154-27-12560\SD32\SD22</t>
  </si>
  <si>
    <t>【山推】衬垫\154-27-12424\SD32\SD22</t>
  </si>
  <si>
    <t>【山推】螺帽\154-27-12412\SD32\SD22</t>
  </si>
  <si>
    <t>【山推】隔套\154-27-12352\SD32\SD22</t>
  </si>
  <si>
    <t>【山推】轴瓦\154-27-12341\SD32\SD22</t>
  </si>
  <si>
    <t>【山推】润滑阀\154-15-34000\SD32\SD22</t>
  </si>
  <si>
    <t>【山推】轴承套\154-15-33350\SD32\SD22</t>
  </si>
  <si>
    <t>【山推】衬垫\154-15-33340\SD32\SD22</t>
  </si>
  <si>
    <t>【山推】弯头\07235-10311\SD32\SD22</t>
  </si>
  <si>
    <t>【山推】弯管接头\07217-50510\SD32\SD22</t>
  </si>
  <si>
    <t>【山推】管接头\07213-50510\SD32\SD22</t>
  </si>
  <si>
    <t>【山推】接头\07211-51016\SD32\SD22</t>
  </si>
  <si>
    <t>【山推】油封\07012-10100\SD32\SD22</t>
  </si>
  <si>
    <t>【山推】骨架油封\07012-10095\SD32\SD22</t>
  </si>
  <si>
    <t>【山推】油封\07012-00060\SD32\SD22</t>
  </si>
  <si>
    <t>【山推】骨架油封\07011-10090\SD32\SD22</t>
  </si>
  <si>
    <t>【山推】骨架油封\07011-10080\SD32\SD22</t>
  </si>
  <si>
    <t>【山推】松土缸修理包\16Y-84-62100\SD32\SD22</t>
  </si>
  <si>
    <t>【山推】上连杆销轴\16Y-84-00007\SD32\SD22</t>
  </si>
  <si>
    <t>【山推】上连杆衬套\16Y-84-00006\SD32\SD22</t>
  </si>
  <si>
    <t>【山推】上连杆销轴\16Y-84-00005\SD32\SD22</t>
  </si>
  <si>
    <t>【山推】下连杆衬套\16Y-84-00004\SD32\SD22</t>
  </si>
  <si>
    <t>【山推】齿条销轴\16Y-84-00002\SD32\SD22</t>
  </si>
  <si>
    <t>【山推】密封垫\175-13-23231\SD32\SD22</t>
  </si>
  <si>
    <t>【山推】油封\175-13-22760\SD32\SD22</t>
  </si>
  <si>
    <t>【山推】密封环\175-13-21720\SD32\SD22</t>
  </si>
  <si>
    <t>【山推】锁片\175-13-21711\SD32\SD22</t>
  </si>
  <si>
    <t>【山推】填密垫\175-11-11111\SD32\SD22</t>
  </si>
  <si>
    <t>【山推】喇叭\175-06-39170\SD32\SD22</t>
  </si>
  <si>
    <t>【山推】保险丝箱\175-06-35430\SD32\SD22</t>
  </si>
  <si>
    <t>【山推】保护线\175-06-35420\SD32\SD22</t>
  </si>
  <si>
    <t>【山推】保险丝\175-06-35410\SD32\SD22</t>
  </si>
  <si>
    <t>【山推】保险阀\175-06-35390\SD32\SD22</t>
  </si>
  <si>
    <t>【山推】保险阀\175-06-35380\SD32\SD22</t>
  </si>
  <si>
    <t>【山推】法兰\175-03-C2191\SD32\SD22</t>
  </si>
  <si>
    <t>【山推】垫\175-03-C2180\SD32\SD22</t>
  </si>
  <si>
    <t>【山推】套环\175-15-41310\SD32\SD22</t>
  </si>
  <si>
    <t>【山推】垫片\175-15-41121\SD32\SD22</t>
  </si>
  <si>
    <t>【山推】定位销\175-15-31210\SD32\SD22</t>
  </si>
  <si>
    <t>【山推】密封垫\175-15-14161\SD32\SD22</t>
  </si>
  <si>
    <t>【山推】密封环\175-15-12820\SD32\SD22</t>
  </si>
  <si>
    <t>【山推】密封环\175-15-12750\SD32\SD22</t>
  </si>
  <si>
    <t>【山推】波状弹簧\175-15-42890\SD32\SD22</t>
  </si>
  <si>
    <t>【山推】密封环\175-15-42750\SD32\SD22</t>
  </si>
  <si>
    <t>【山推】垫板\175-15-42721\SD32\SD22</t>
  </si>
  <si>
    <t>【山推】行星齿轮\175-15-42451\SD32\SD22</t>
  </si>
  <si>
    <t>【山推】导轮座\16Y-11-00011\SD32\SD22</t>
  </si>
  <si>
    <t>【山推】泵轮\16Y-11-00001\SD32\SD22</t>
  </si>
  <si>
    <t>【山推】液力变矩器总成\16Y-11-00000\SD32\SD22</t>
  </si>
  <si>
    <t>【山推】电气系统\16Y-07C-00000\SD32\SD22</t>
  </si>
  <si>
    <t>【山推】支架\195-54-42300\SD32\SD22</t>
  </si>
  <si>
    <t>【山推】定位器\09462-00080\SD32\SD22</t>
  </si>
  <si>
    <t>【山推】左后罩\23Y-54B-02000\SD32\SD22</t>
  </si>
  <si>
    <t>【山推】左前罩\158-54-01000\SD32\SD22</t>
  </si>
  <si>
    <t>【山推】左前罩\23Y-54B-01000\SD32\SD22</t>
  </si>
  <si>
    <t>【山推】盖\23Y-50B-03000\SD32\SD22</t>
  </si>
  <si>
    <t>【山推】盖\23Y-50B-02000\SD32\SD22</t>
  </si>
  <si>
    <t>【山推】盖板\23Y-51B-22000\SD32\SD22</t>
  </si>
  <si>
    <t>【山推】地板架\23Y-51B-02000\SD32\SD22</t>
  </si>
  <si>
    <t>【山推】帽\198-54-41941\SD32\SD22</t>
  </si>
  <si>
    <t>【山推】电瓶罩\23Y-51B-11000\SD32\SD22</t>
  </si>
  <si>
    <t>【山推】电瓶箱\23Y-51B-13000\SD32\SD22</t>
  </si>
  <si>
    <t>【山推】盖\23Y-51B-12000\SD32\SD22</t>
  </si>
  <si>
    <t>【山推】销轴\170-70-15190\SD32\SD22</t>
  </si>
  <si>
    <t>【山推】半瓦\154-61-13233\SD32\SD22</t>
  </si>
  <si>
    <t>【山推】密封圈\154-61-13150\SD32\SD22</t>
  </si>
  <si>
    <t>【山推】衬套\154-61-13141\SD32\SD22</t>
  </si>
  <si>
    <t>【山推】衬套\154-61-13130\SD32\SD22</t>
  </si>
  <si>
    <t>【山推】轴\154-60-51450\SD32\SD22</t>
  </si>
  <si>
    <t>【山推】滤油器总成\154-60-51401\SD32\SD22</t>
  </si>
  <si>
    <t>【山推】油箱\23Y-60B-01000\SD32\SD22</t>
  </si>
  <si>
    <t>【山推】防护罩\154-61-21751\SD32\SD22</t>
  </si>
  <si>
    <t>【山推】支架\154-61-21760\SD32\SD22</t>
  </si>
  <si>
    <t>【山推】软管\154-61-21770\SD32\SD22</t>
  </si>
  <si>
    <t>【山推】软管\23Y-62E-02000\SD32\SD22</t>
  </si>
  <si>
    <t>【山推】垫圈\01643-30623\SD32\SD22</t>
  </si>
  <si>
    <t>【山推】后视镜\16Y-56C-14000\SD32\SD22</t>
  </si>
  <si>
    <t>【山推】螺栓\01010-51435\SD32\SD22</t>
  </si>
  <si>
    <t>【山推】板\23Y-56B-00015\SD32\SD22</t>
  </si>
  <si>
    <t>【山推】螺栓\01010-51035\SD32\SD22</t>
  </si>
  <si>
    <t>【山推】密封条\23Y-56B-06000\SD32\SD22</t>
  </si>
  <si>
    <t>【山推】垫圈\01643-31445\SD32\SD22</t>
  </si>
  <si>
    <t>【山推】螺栓\01010-51460\SD32\SD22</t>
  </si>
  <si>
    <t>【山推】盖\23Y-56B-00003\SD32\SD22</t>
  </si>
  <si>
    <t>【山推】垫圈\01640-20610\SD32\SD22</t>
  </si>
  <si>
    <t>【山推】螺钉\01220-40612\SD32\SD22</t>
  </si>
  <si>
    <t>【山推】支架\175-54-26255\SD32\SD22</t>
  </si>
  <si>
    <t>【山推】盖\171-51-02000\SD32\SD22</t>
  </si>
  <si>
    <t>【山推】盖\171-51-20000\SD32\SD22</t>
  </si>
  <si>
    <t>【山推】右翼板\171-51-11000\SD32\SD22</t>
  </si>
  <si>
    <t>【山推】左翼板\171-51-14000\SD32\SD22</t>
  </si>
  <si>
    <t>【山推】油尺\175-21-32153\SD32\SD22</t>
  </si>
  <si>
    <t>【山推】管\171-30-04000\SD32\SD22</t>
  </si>
  <si>
    <t>【山推】加油口盖\07051-20000\SD32\SD22</t>
  </si>
  <si>
    <t>【山推】管\171-30-03000\SD32\SD22</t>
  </si>
  <si>
    <t>【山推】热成型软管\171-30-00001\SD32\SD22</t>
  </si>
  <si>
    <t>【山推】管\171-30-02000\SD32\SD22</t>
  </si>
  <si>
    <t>【山推】罩\175-21-11181\SD32\SD22</t>
  </si>
  <si>
    <t>【山推】盖\175-21-32170\SD32\SD22</t>
  </si>
  <si>
    <t>【山推】罩\175-30-33481\SD32\SD22</t>
  </si>
  <si>
    <t>【山推】罩\175-30-33471\SD32\SD22</t>
  </si>
  <si>
    <t>【山推】右罩壳\175-30-37230\SD32\SD22</t>
  </si>
  <si>
    <t>【山推】左罩壳\175-30-37220\SD32\SD22</t>
  </si>
  <si>
    <t>【山推】罩壳组件\175-30-37103\SD32\SD22</t>
  </si>
  <si>
    <t>【山推】支架\175-30-37113\SD32\SD22</t>
  </si>
  <si>
    <t>【山推】轴承盖\175-30-31540\SD32\SD22</t>
  </si>
  <si>
    <t>【山推】轴承盖\175-30-31530\SD32\SD22</t>
  </si>
  <si>
    <t>【山推】管\175-03-C2171\SD32\SD22</t>
  </si>
  <si>
    <t>【山推】变速油泵\07433-71103-01\SD32\SD22</t>
  </si>
  <si>
    <t>【山推】履带总成\228-MC-41156-P010\SD32\SD22</t>
  </si>
  <si>
    <t>【山推】变速泵\07432-71203-01\SD32\SD22</t>
  </si>
  <si>
    <t>【山推】杆\04245-41025\SD32\SD22</t>
  </si>
  <si>
    <t>【山推】O型圈\07000-02105\SD32\SD22</t>
  </si>
  <si>
    <t>【山推】左护板\171-59-09000\SD32\SD22</t>
  </si>
  <si>
    <t>【山推】左支撑架\171-59-04000\SD32\SD22</t>
  </si>
  <si>
    <t>【山推】托架\171-59-06000\SD32\SD22</t>
  </si>
  <si>
    <t>【山推】右支撑架\171-59-05000\SD32\SD22</t>
  </si>
  <si>
    <t>【山推】回水管\23Y-58D-05000\SD32\SD22</t>
  </si>
  <si>
    <t>【山推】轴\171-79-00001\SD32\SD22</t>
  </si>
  <si>
    <t>【山推】软管\07102-20328\SD32\SD22</t>
  </si>
  <si>
    <t>【山推】软管\171-79-01000\SD32\SD22</t>
  </si>
  <si>
    <t>【山推】管子\195-61-21471\SD32\SD22</t>
  </si>
  <si>
    <t>【山推】管子\195-61-21391\SD32\SD22</t>
  </si>
  <si>
    <t>【山推】软管\07102-20413\SD32\SD22</t>
  </si>
  <si>
    <t>【山推】联接器\07332-01400\SD32\SD22</t>
  </si>
  <si>
    <t>【山推】阀组件\175-60-27300\SD32\SD22</t>
  </si>
  <si>
    <t>【山推】软管\17Y-74B-02000\SD32\SD22</t>
  </si>
  <si>
    <t>【山推】软管\17Y-74B-01000\SD32\SD22</t>
  </si>
  <si>
    <t>【山推】软管\07114-01015\SD32\SD22</t>
  </si>
  <si>
    <t>【山推】管\175-78-63220\SD32\SD22</t>
  </si>
  <si>
    <t>【山推】管\175-78-63190\SD32\SD22</t>
  </si>
  <si>
    <t>【山推】软管\175-03-31530\SD32\SD22</t>
  </si>
  <si>
    <t>【山推】阀\195-03-13241\SD32\SD22</t>
  </si>
  <si>
    <t>【山推】连接管\24Y-03-01000\SD32\SD22</t>
  </si>
  <si>
    <t>【山推】托架\175-49-21510\SD32\SD22</t>
  </si>
  <si>
    <t>【山推】法兰\175-49-23211\SD32\SD22</t>
  </si>
  <si>
    <t>【山推】托架\175-49-23550\SD32\SD22</t>
  </si>
  <si>
    <t>【山推】管子\572-74-07000\SD32\SD22</t>
  </si>
  <si>
    <t>【山推】管\572-74-03000\SD32\SD22</t>
  </si>
  <si>
    <t>【山推】管子\175-49-C1132\SD32\SD22</t>
  </si>
  <si>
    <t>【山推】管\175-49-C1111\SD32\SD22</t>
  </si>
  <si>
    <t>【山推】法兰\07371-31465\SD32\SD22</t>
  </si>
  <si>
    <t>【山推】软管\07298-01408\SD32\SD22</t>
  </si>
  <si>
    <t>【山推】管子\175-49-22113\SD32\SD22</t>
  </si>
  <si>
    <t>【山推】杆组件\04244-51486\SD32\SD22</t>
  </si>
  <si>
    <t>【山推】管\175-43-42710\SD32\SD22</t>
  </si>
  <si>
    <t>【山推】管\175-43-42720\SD32\SD22</t>
  </si>
  <si>
    <t>【山推】杆\171-26-05000\SD32\SD22</t>
  </si>
  <si>
    <t>【山推】摇臂\154-43-15581\SD32\SD22</t>
  </si>
  <si>
    <t>【山推】轴\171-26-00001\SD32\SD22</t>
  </si>
  <si>
    <t>【山推】支座\195-43-24391\SD32\SD22</t>
  </si>
  <si>
    <t>【山推】轴\195-43-24321\SD32\SD22</t>
  </si>
  <si>
    <t>【山推】支座\195-43-24631\SD32\SD22</t>
  </si>
  <si>
    <t>【山推】支座\195-43-24621\SD32\SD22</t>
  </si>
  <si>
    <t>【山推】托架\175-43-42272\SD32\SD22</t>
  </si>
  <si>
    <t>【山推】杆\04245-41451\SD32\SD22</t>
  </si>
  <si>
    <t>【山推】关节轴承\04250-41474\SD32\SD22</t>
  </si>
  <si>
    <t>【山推】关节轴承\113-43-23270\SD32\SD22</t>
  </si>
  <si>
    <t>【山推】粗滤器总成\175-49-22101\SD32\SD22</t>
  </si>
  <si>
    <t>【山推】右盖\175-33-24388\SD32\SD22</t>
  </si>
  <si>
    <t>【山推】左盖\175-33-24378\SD32\SD22</t>
  </si>
  <si>
    <t>【山推】右托架\175-33-24291\SD32\SD22</t>
  </si>
  <si>
    <t>【山推】左托架\175-33-24281\SD32\SD22</t>
  </si>
  <si>
    <t>【山推】支座\175-27-30004V020\SD32\SD22</t>
  </si>
  <si>
    <t>【山推】轴套\175-27-31441\SD32\SD22</t>
  </si>
  <si>
    <t>【山推】销\170-27-12491\SD32\SD22</t>
  </si>
  <si>
    <t>【山推】右护板\175-27-32641\SD32\SD22</t>
  </si>
  <si>
    <t>【山推】左护板\175-27-32611\SD32\SD22</t>
  </si>
  <si>
    <t>【山推】盖\175-27-31291\SD32\SD22</t>
  </si>
  <si>
    <t>【山推】骨架油封\07013-70120\SD32\SD22</t>
  </si>
  <si>
    <t>【山推】垫片\175-27-31132\SD32\SD22</t>
  </si>
  <si>
    <t>【山推】轴承座\175-21-32190\SD32\SD22</t>
  </si>
  <si>
    <t>【山推】盖\178-15-13140\SD32\SD22</t>
  </si>
  <si>
    <t>【山推】轴承座\178-15-13260\SD32\SD22</t>
  </si>
  <si>
    <t>【山推】壳体\175-15-43152\SD32\SD22</t>
  </si>
  <si>
    <t>【山推】碟形弹簧\175-15-42180\SD32\SD22</t>
  </si>
  <si>
    <t>【山推】轴\175-15-42213\SD32\SD22</t>
  </si>
  <si>
    <t>【山推】垫板\175-15-41140\SD32\SD22</t>
  </si>
  <si>
    <t>【山推】壳\178-15-11130\SD32\SD22</t>
  </si>
  <si>
    <t>【山推】网罩\175-03-C1250\SD32\SD22</t>
  </si>
  <si>
    <t>【山推】骨架油封\07011-00090\SD32\SD22</t>
  </si>
  <si>
    <t>【山推】轴\175-03-C1271\SD32\SD22</t>
  </si>
  <si>
    <t>【山推】保护架\175-03-C1142\SD32\SD22</t>
  </si>
  <si>
    <t>【山推】管\6691-51-9521\SD32\SD22</t>
  </si>
  <si>
    <t>【山推】冷凝器\23Y-58-14000\SD32\SD22</t>
  </si>
  <si>
    <t>【山推】管\175-78-63161\SD32\SD22</t>
  </si>
  <si>
    <t>【山推】管\175-78-63180\SD32\SD22</t>
  </si>
  <si>
    <t>【山推】管\175-78-63210\SD32\SD22</t>
  </si>
  <si>
    <t>【山推】托架\195-78-45260\SD32\SD22</t>
  </si>
  <si>
    <t>【山推】管\195-78-22651\SD32\SD22</t>
  </si>
  <si>
    <t>【山推】软管\07113-00320\SD32\SD22</t>
  </si>
  <si>
    <t>【山推】托板\175-78-63241\SD32\SD22</t>
  </si>
  <si>
    <t>【山推】管\175-78-63250\SD32\SD22</t>
  </si>
  <si>
    <t>【山推】衬套\154-61-13246\SD32\SD22</t>
  </si>
  <si>
    <t>【山推】软管\154-60-21422\SD32\SD22</t>
  </si>
  <si>
    <t>【山推】软管\154-60-21113\SD32\SD22</t>
  </si>
  <si>
    <t>【山推】油封\154-60-12370\SD32\SD22</t>
  </si>
  <si>
    <t>【山推】扶手\154-57-12121\SD32\SD22</t>
  </si>
  <si>
    <t>【山推】油管\154-50-11260\SD32\SD22</t>
  </si>
  <si>
    <t>【山推】防尘圈\154-50-11250\SD32\SD22</t>
  </si>
  <si>
    <t>【山推】缓冲块\154-50-11193\SD32\SD22</t>
  </si>
  <si>
    <t>【山推】衬套\154-50-11171\SD32\SD22</t>
  </si>
  <si>
    <t>【山推】衬套\154-50-11164\SD32\SD22</t>
  </si>
  <si>
    <t>【山推】支架\154-50-11152\SD32\SD22</t>
  </si>
  <si>
    <t>【山推】中心销\154-50-11135\SD32\SD22</t>
  </si>
  <si>
    <t>【山推】螺套\154-44-21650\SD32\SD22</t>
  </si>
  <si>
    <t>【山推】挡销\154-44-14570\SD32\SD22</t>
  </si>
  <si>
    <t>【山推】弹簧\154-44-12460\SD32\SD22</t>
  </si>
  <si>
    <t>【山推】摩擦片\154-43-44280\SD32\SD22</t>
  </si>
  <si>
    <t>【山推】杠杆\154-43-44231\SD32\SD22</t>
  </si>
  <si>
    <t>【山推】杆组件\154-43-44162\SD32\SD22</t>
  </si>
  <si>
    <t>【山推】摇臂\154-43-43240\SD32\SD22</t>
  </si>
  <si>
    <t>【山推】支座\154-43-43230\SD32\SD22</t>
  </si>
  <si>
    <t>【山推】摇臂\154-43-43180\SD32\SD22</t>
  </si>
  <si>
    <t>【山推】支架\154-43-43170\SD32\SD22</t>
  </si>
  <si>
    <t>【山推】活塞\154-33-31150\SD32\SD22</t>
  </si>
  <si>
    <t>【山推】阀体(右)\154-33-31140\SD32\SD22</t>
  </si>
  <si>
    <t>【山推】阀体(左)\154-33-31130\SD32\SD22</t>
  </si>
  <si>
    <t>【山推】密封垫\154-33-22191\SD32\SD22</t>
  </si>
  <si>
    <t>【山推】密封垫\154-33-21471\SD32\SD22</t>
  </si>
  <si>
    <t>【山推】活塞\154-33-21460\SD32\SD22</t>
  </si>
  <si>
    <t>【山推】油封\154-33-21350\SD32\SD22</t>
  </si>
  <si>
    <t>【山推】油封\154-33-21340\SD32\SD22</t>
  </si>
  <si>
    <t>【山推】轴套\154-33-21330\SD32\SD22</t>
  </si>
  <si>
    <t>【山推】轴套\154-33-21320\SD32\SD22</t>
  </si>
  <si>
    <t>【山推】阀体(右)\154-33-21190\SD32\SD22</t>
  </si>
  <si>
    <t>【山推】阀体(左)\154-33-21180\SD32\SD22</t>
  </si>
  <si>
    <t>【山推】盖\154-33-21142\SD32\SD22</t>
  </si>
  <si>
    <t>【山推】一排行星架\16Y-15-00006\SD32\SD22</t>
  </si>
  <si>
    <t>【山推】齿圈\16Y-15-00004\SD32\SD22</t>
  </si>
  <si>
    <t>【山推】变速箱修理包\16Y-15-00000B\SD32\SD22</t>
  </si>
  <si>
    <t>【山推】动力换挡变速箱\16Y-15-00000\SD32\SD22</t>
  </si>
  <si>
    <t>【山推】回油泵总成\16Y-11-40000\SD32\SD22</t>
  </si>
  <si>
    <t>【山推】组合阀\16Y-11-30000\SD32\SD22</t>
  </si>
  <si>
    <t>【山推】涡轮组件\16Y-11-20000\SD32\SD22</t>
  </si>
  <si>
    <t>【山推】座圈\16Y-11-00020\SD32\SD22</t>
  </si>
  <si>
    <t>【山推】导向器\16Y-11-00019\SD32\SD22</t>
  </si>
  <si>
    <t>【山推】导轮\16Y-11-00012\SD32\SD22</t>
  </si>
  <si>
    <t>【山推】U型铲刀头总成\T220.72V010\SD32\SD22</t>
  </si>
  <si>
    <t>【山推】仪表灯泡\24V-2W\SD32\SD22</t>
  </si>
  <si>
    <t>【山推】风扇皮带\AV22*1995\SD32\SD22</t>
  </si>
  <si>
    <t>【山推】衬套\6623-21-4330\SD32\SD22</t>
  </si>
  <si>
    <t>【山推】变速箱修理包\154-15-01000A\SD32\SD22</t>
  </si>
  <si>
    <t>【山推】变矩器修理包\16Y-11-11111\SD32\SD22</t>
  </si>
  <si>
    <t>【山推】粗滤芯\16Y-76-09200\SD32\SD22</t>
  </si>
  <si>
    <t>【山推】软轴\175-43-24670\SD32\SD22</t>
  </si>
  <si>
    <t>【山推】滤杯\4297154A\SD32\SD22</t>
  </si>
  <si>
    <t>【山推】涨紧油缸\175-30-30004\SD32\SD22</t>
  </si>
  <si>
    <t>【山推】涨紧油缸\16Y-40-11000V040\SD32\SD22</t>
  </si>
  <si>
    <t>【山推】水滤芯\3305370\SD32\SD22</t>
  </si>
  <si>
    <t>【山推】右推杆组件\154-71-31164-01\SD32\SD22</t>
  </si>
  <si>
    <t>【山推】左推杆组件\154-71-31151-01\SD32\SD22</t>
  </si>
  <si>
    <t>【山推】引导轮总成\154-30-00770-02\SD32\SD22</t>
  </si>
  <si>
    <t>【山推】链轨合件\8228-MC-01000P010\SD32\SD22</t>
  </si>
  <si>
    <t>【山推】履带板\8228-MA-001562-1\SD32\SD22</t>
  </si>
  <si>
    <t>【山推】倾斜油缸\16Y-63-13000-1\SD32\SD22</t>
  </si>
  <si>
    <t>【山推】空气连接器\6711-11-4210\SD32\SD22</t>
  </si>
  <si>
    <t>【山推】管\154-920-2240\SD32\SD22</t>
  </si>
  <si>
    <t>【山推】管\154-920-2230\SD32\SD22</t>
  </si>
  <si>
    <t>【山推】管\23Y-63E-20000\SD32\SD22</t>
  </si>
  <si>
    <t>【山推】支架\154-920-2182\SD32\SD22</t>
  </si>
  <si>
    <t>【山推】盖\154-71-31394\SD32\SD22</t>
  </si>
  <si>
    <t>【山推】盖\154-71-31383\SD32\SD22</t>
  </si>
  <si>
    <t>【山推】管\158-63-08000\SD32\SD22</t>
  </si>
  <si>
    <t>【山推】护盖\158-63-07000\SD32\SD22</t>
  </si>
  <si>
    <t>【山推】盖\158-63-06000\SD32\SD22</t>
  </si>
  <si>
    <t>【山推】管\158-63-01000\SD32\SD22</t>
  </si>
  <si>
    <t>【山推】管\158-63-02000\SD32\SD22</t>
  </si>
  <si>
    <t>【山推】板\176-62-13270\SD32\SD22</t>
  </si>
  <si>
    <t>【山推】管\158-63-04000\SD32\SD22</t>
  </si>
  <si>
    <t>【山推】管\158-63-03000\SD32\SD22</t>
  </si>
  <si>
    <t>【山推】管接头\158-63-10000\SD32\SD22</t>
  </si>
  <si>
    <t>【山推】O型圈\07000-13048\SD32\SD22</t>
  </si>
  <si>
    <t>【山推】管\154-920-2121\SD32\SD22</t>
  </si>
  <si>
    <t>【山推】管\154-920-2111\SD32\SD22</t>
  </si>
  <si>
    <t>【山推】垫圈\195-71-32220\SD32\SD22</t>
  </si>
  <si>
    <t>【山推】前罩\158-71-03000\SD32\SD22</t>
  </si>
  <si>
    <t>【山推】中罩\158-71-04000\SD32\SD22</t>
  </si>
  <si>
    <t>【山推】夹\154-71-31460\SD32\SD22</t>
  </si>
  <si>
    <t>【山推】螺栓\01010-51430\SD32\SD22</t>
  </si>
  <si>
    <t>【山推】软管\07113-00412\SD32\SD22</t>
  </si>
  <si>
    <t>【山推】螺栓\01010-51225\SD32\SD22</t>
  </si>
  <si>
    <t>【山推】支架\154-61-17140\SD32\SD22</t>
  </si>
  <si>
    <t>【山推】O型圈\07002-12034\SD32\SD22</t>
  </si>
  <si>
    <t>【山推】螺母\07239-12009\SD32\SD22</t>
  </si>
  <si>
    <t>【山推】接头体\07234-10422\SD32\SD22</t>
  </si>
  <si>
    <t>【山推】螺栓\01010-51045\SD32\SD22</t>
  </si>
  <si>
    <t>【山推】O型圈\07000-13025\SD32\SD22</t>
  </si>
  <si>
    <t>【山推】软管\07042-20108\SD32\SD22</t>
  </si>
  <si>
    <t>【山推】垫板\154-61-16680\SD32\SD22</t>
  </si>
  <si>
    <t>【山推】托架\23Y-86B-05000\SD32\SD22</t>
  </si>
  <si>
    <t>【山推】杠杆\154-61-16611\SD32\SD22</t>
  </si>
  <si>
    <t>【山推】螺栓\01010-50820\SD32\SD22</t>
  </si>
  <si>
    <t>【山推】杠杆\154-61-16481\SD32\SD22</t>
  </si>
  <si>
    <t>【山推】板\154-61-16471\SD32\SD22</t>
  </si>
  <si>
    <t>【山推】按钮\23Y-86B-02000\SD32\SD22</t>
  </si>
  <si>
    <t>【山推】燃油滤芯\4297132\SD32\SD22</t>
  </si>
  <si>
    <t>【山推】燃油滤芯\4297154\SD32\SD22</t>
  </si>
  <si>
    <t>【山推】机油滤芯\3401544\SD32\SD22</t>
  </si>
  <si>
    <t>【山推】燃油滤芯\3315843\SD32\SD22</t>
  </si>
  <si>
    <t>【山推】空气内外芯\6127-81-7412T\SD32\SD22</t>
  </si>
  <si>
    <t>【山推】滤芯\16Y-60-13000\SD32\SD22</t>
  </si>
  <si>
    <t>【山推】滤芯\16Y-75-23200\SD32\SD22</t>
  </si>
  <si>
    <t>【山推】机油滤芯\61000070005\SD32\SD22</t>
  </si>
  <si>
    <t>【山推】出力装置总成\6710-23-4000\SD32\SD22</t>
  </si>
  <si>
    <t>【山推】涨紧缸修理包\154-30-11100P010\SD32\SD22</t>
  </si>
  <si>
    <t>【山推】涨紧装置总成\154-30-11000\SD32\SD22</t>
  </si>
  <si>
    <t>【山推】涨紧弹簧总成\16Y-40-11000V010-01\SD32\SD22</t>
  </si>
  <si>
    <t>【山推】涨紧油缸总成\154-30-11541\SD32\SD22</t>
  </si>
  <si>
    <t>【山推】发动机\171-01C-05000\SD32\SD22</t>
  </si>
  <si>
    <t>【山推】压缩机支架\23Y-58D-17000\SD32\SD22</t>
  </si>
  <si>
    <t>【山推】密封垫\16Y-18-00037\SD32\SD22</t>
  </si>
  <si>
    <t>【山推】螺栓\16Y-18-00013\SD32\SD22</t>
  </si>
  <si>
    <t>【山推】锁紧螺母\16Y-18-00011\SD32\SD22</t>
  </si>
  <si>
    <t>【山推】O型圈\16Y-18-00009\SD32\SD22</t>
  </si>
  <si>
    <t>【山推】浮动油封\16Y-18-00008\SD32\SD22</t>
  </si>
  <si>
    <t>【山推】隔套\16Y-18-00006\SD32\SD22</t>
  </si>
  <si>
    <t>【山推】工作泵\CBGJ3100AV010\SD32\SD22</t>
  </si>
  <si>
    <t>【山推】水泵涨紧轮\AR45189V010\SD32\SD22</t>
  </si>
  <si>
    <t>【山推】履带总成\203-MJ-37000V010\SD32\SD22</t>
  </si>
  <si>
    <t>【山推】变速泵\705-21-32051V010\SD32\SD22</t>
  </si>
  <si>
    <t>【山推】伺服阀总成\702-12-14000V010\SD32\SD22</t>
  </si>
  <si>
    <t>【山推】工作装置操纵阀总成\701-43-24002V010\SD32\SD22</t>
  </si>
  <si>
    <t>【山推】螺母\195-43-44220\SD32\SD22</t>
  </si>
  <si>
    <t>【山推】托架\154-61-16650\SD32\SD22</t>
  </si>
  <si>
    <t>【山推】杠杆\154-61-16770\SD32\SD22</t>
  </si>
  <si>
    <t>【山推】关节轴承\04250-71265\SD32\SD22</t>
  </si>
  <si>
    <t>【山推】螺母\01508-41207\SD32\SD22</t>
  </si>
  <si>
    <t>【山推】杆\04248-31240\SD32\SD22</t>
  </si>
  <si>
    <t>【山推】关节轴承\04252-11269\SD32\SD22</t>
  </si>
  <si>
    <t>【山推】螺套\23Y-86B-00001\SD32\SD22</t>
  </si>
  <si>
    <t>【山推】管\175-78-63110\SD32\SD22</t>
  </si>
  <si>
    <t>【山推】软管\07114-01406\SD32\SD22</t>
  </si>
  <si>
    <t>【山推】软管\07114-01407\SD32\SD22</t>
  </si>
  <si>
    <t>【山推】管\175-78-62163\SD32\SD22</t>
  </si>
  <si>
    <t>【山推】管\175-78-62173\SD32\SD22</t>
  </si>
  <si>
    <t>【山推】托架\175-78-62123\SD32\SD22</t>
  </si>
  <si>
    <t>【山推】阀总成\175-78-62101\SD32\SD22</t>
  </si>
  <si>
    <t>【山推】软管\175-78-62480\SD32\SD22</t>
  </si>
  <si>
    <t>【山推】松土器倾斜油缸总成(右)\175-63-43800\SD32\SD22</t>
  </si>
  <si>
    <t>【山推】松土器倾斜油缸总成(左)\175-63-43700\SD32\SD22</t>
  </si>
  <si>
    <t>【山推】罩\175-71-31331\SD32\SD22</t>
  </si>
  <si>
    <t>【山推】罩\175-71-31321\SD32\SD22</t>
  </si>
  <si>
    <t>【山推】罩\175-71-31353\SD32\SD22</t>
  </si>
  <si>
    <t>【山推】罩\175-71-31342\SD32\SD22</t>
  </si>
  <si>
    <t>【山推】管\175-71-31430\SD32\SD22</t>
  </si>
  <si>
    <t>【山推】托架\175-61-18210\SD32\SD22</t>
  </si>
  <si>
    <t>【山推】管子\175-61-18112\SD32\SD22</t>
  </si>
  <si>
    <t>【山推】托架\175-61-18162\SD32\SD22</t>
  </si>
  <si>
    <t>【山推】管子\175-914-4111\SD32\SD22</t>
  </si>
  <si>
    <t>【山推】管子\175-61-18370\SD32\SD22</t>
  </si>
  <si>
    <t>【山推】管子\175-61-18360\SD32\SD22</t>
  </si>
  <si>
    <t>【山推】管子\175-61-18350\SD32\SD22</t>
  </si>
  <si>
    <t>【山推】管子\175-61-18340\SD32\SD22</t>
  </si>
  <si>
    <t>【山推】法兰块\175-61-C2190\SD32\SD22</t>
  </si>
  <si>
    <t>【山推】法兰块\175-61-C2180\SD32\SD22</t>
  </si>
  <si>
    <t>【山推】托架\175-61-C2170\SD32\SD22</t>
  </si>
  <si>
    <t>【山推】管子\175-61-C2160\SD32\SD22</t>
  </si>
  <si>
    <t>【山推】管子\175-61-C2150\SD32\SD22</t>
  </si>
  <si>
    <t>【山推】法兰块\175-61-C2140\SD32\SD22</t>
  </si>
  <si>
    <t>【山推】管子\175-61-C2120\SD32\SD22</t>
  </si>
  <si>
    <t>【山推】管子\175-61-C2110\SD32\SD22</t>
  </si>
  <si>
    <t>【山推】软管\07118-01214\SD32\SD22</t>
  </si>
  <si>
    <t>【山推】板\175-61-C2130\SD32\SD22</t>
  </si>
  <si>
    <t>【山推】板\175-61-17220\SD32\SD22</t>
  </si>
  <si>
    <t>【山推】管子\175-61-14463\SD32\SD22</t>
  </si>
  <si>
    <t>【山推】全车线\TY220QCX\SD32\SD22</t>
  </si>
  <si>
    <t>【山推】全车软管\TY220QCRG\SD32\SD22</t>
  </si>
  <si>
    <t>【山推】暖风机\TY220-NFJ\SD32\SD22</t>
  </si>
  <si>
    <t>【山推】蓄电池继电器\08088-30000\SD32\SD22</t>
  </si>
  <si>
    <t>【山推】散热器总成\16Y-03A-03000\SD32\SD22</t>
  </si>
  <si>
    <t>【山推】司机座椅\155-57-30007\SD32\SD22</t>
  </si>
  <si>
    <t>【山推】托带轮总成\155-30-00231\SD32\SD22</t>
  </si>
  <si>
    <t>【山推】单边支重轮总成\155-30-00124\SD32\SD22</t>
  </si>
  <si>
    <t>【山推】双边支重轮总成\155-30-00114\SD32\SD22</t>
  </si>
  <si>
    <t>【山推】活塞\155-15-12892\SD32\SD22</t>
  </si>
  <si>
    <t>【山推】活塞\155-15-12880\SD32\SD22</t>
  </si>
  <si>
    <t>【山推】齿圈\155-15-12650\SD32\SD22</t>
  </si>
  <si>
    <t>【山推】齿圈\155-15-12632\SD32\SD22</t>
  </si>
  <si>
    <t>【山推】齿圈\155-15-12620\SD32\SD22</t>
  </si>
  <si>
    <t>【山推】齿毂\155-15-12420\SD32\SD22</t>
  </si>
  <si>
    <t>【山推】齿轮\155-15-12371\SD32\SD22</t>
  </si>
  <si>
    <t>【山推】行星架\155-15-12363\SD32\SD22</t>
  </si>
  <si>
    <t>【山推】轮辋螺栓(左旋)\75502317A\SD32\SD22</t>
  </si>
  <si>
    <t>【山推】放水开关\754-07-05002\SD32\SD22</t>
  </si>
  <si>
    <t>【山推】大灯\72401-07000\SD32\SD22</t>
  </si>
  <si>
    <t>【山推】密封圈\707-51-75110\SD32\SD22</t>
  </si>
  <si>
    <t>【山推】活塞杆密封圈\707-51-70110\SD32\SD22</t>
  </si>
  <si>
    <t>【山推】O型圈\707-44-22080\SD32\SD22</t>
  </si>
  <si>
    <t>【山推】护圈\707-40-15510\SD32\SD22</t>
  </si>
  <si>
    <t>【山推】挡板\707-40-12030\SD32\SD22</t>
  </si>
  <si>
    <t>【山推】风扇\D2830-42500\SD32\SD22</t>
  </si>
  <si>
    <t>【山推】前雨刷\D2801-03000\SD32\SD22</t>
  </si>
  <si>
    <t>【山推】保险丝盒\D2763-00900\SD32\SD22</t>
  </si>
  <si>
    <t>【山推】喇叭\D2711-10500\SD32\SD22</t>
  </si>
  <si>
    <t>【山推】继电器\D2660-02000\SD32\SD22</t>
  </si>
  <si>
    <t>【山推】喇叭继电器\D2650-01100\SD32\SD22</t>
  </si>
  <si>
    <t>【山推】倾斜缸修理包\P23Y-63B-00000\SD32\SD22</t>
  </si>
  <si>
    <t>【山推】提升缸修理包\P23Y-62B-00000\SD32\SD22</t>
  </si>
  <si>
    <t>【山推】盖\155-03-11850\SD32\SD22</t>
  </si>
  <si>
    <t>【山推】HG组合式前大灯\HG200*110\SD32\SD22</t>
  </si>
  <si>
    <t>【山推】轴总成\ZL50G2-11900D\SD32\SD22</t>
  </si>
  <si>
    <t>【山推】履带销\154-32-11193\SD32\SD22</t>
  </si>
  <si>
    <t>【山推】轴总成\ZL50G2-11700\SD32\SD22</t>
  </si>
  <si>
    <t>【山推】齿块栓母\178-27-11150\SD32\SD22</t>
  </si>
  <si>
    <t>【山推】仪表灯泡\FS24V,3W\SD32\SD22</t>
  </si>
  <si>
    <t>【山推】保险丝盒\D2762-00100\SD32\SD22</t>
  </si>
  <si>
    <t>【山推】前灯开关\D2530-01500\SD32\SD22</t>
  </si>
  <si>
    <t>【山推】防雨帽\6710-13-5780\SD32\SD22</t>
  </si>
  <si>
    <t>【山推】液压箱至泵软管\154-60-21442\SD32\SD22</t>
  </si>
  <si>
    <t>【山推】油尺\154-21-11880\SD32\SD22</t>
  </si>
  <si>
    <t>【山推】锁片\16Y-18-00003\SD32\SD22</t>
  </si>
  <si>
    <t>【山推】挡圈\16Y-18-00002\SD32\SD22</t>
  </si>
  <si>
    <t>【山推】销\16Y-17-00033\SD32\SD22</t>
  </si>
  <si>
    <t>【山推】左阀体\16Y-17-00028\SD32\SD22</t>
  </si>
  <si>
    <t>【山推】垫\16Y-17-00016\SD32\SD22</t>
  </si>
  <si>
    <t>【山推】垫\16Y-17-00012\SD32\SD22</t>
  </si>
  <si>
    <t>【山推】右阀体\16Y-17-00010\SD32\SD22</t>
  </si>
  <si>
    <t>【山推】衬套\16Y-17-00007\SD32\SD22</t>
  </si>
  <si>
    <t>【山推】活塞\16Y-17-00006\SD32\SD22</t>
  </si>
  <si>
    <t>【山推】弹簧\16Y-17-00005\SD32\SD22</t>
  </si>
  <si>
    <t>【山推】活塞\16Y-17-00004\SD32\SD22</t>
  </si>
  <si>
    <t>【山推】前盖\16Y-17-00001\SD32\SD22</t>
  </si>
  <si>
    <t>【山推】左轴承座\16Y-16-06000\SD32\SD22</t>
  </si>
  <si>
    <t>【山推】右轴承座\16Y-16-05000\SD32\SD22</t>
  </si>
  <si>
    <t>【山推】轮壳\16Y-16-03001\SD32\SD22</t>
  </si>
  <si>
    <t>【山推】内鼓\16Y-16-00009\SD32\SD22</t>
  </si>
  <si>
    <t>【山推】密封环\16Y-16-00008\SD32\SD22</t>
  </si>
  <si>
    <t>【山推】密封环\16Y-16-00007\SD32\SD22</t>
  </si>
  <si>
    <t>【山推】锁板\16Y-16-00006\SD32\SD22</t>
  </si>
  <si>
    <t>【山推】定位销\16Y-16-00004\SD32\SD22</t>
  </si>
  <si>
    <t>【山推】蝶形弹簧\16Y-16-00002\SD32\SD22</t>
  </si>
  <si>
    <t>【山推】外封\16Y-16-00001\SD32\SD22</t>
  </si>
  <si>
    <t>【山推】骨架油封\16Y-15-11000\SD32\SD22</t>
  </si>
  <si>
    <t>【山推】弹簧\16Y-15-00073\SD32\SD22</t>
  </si>
  <si>
    <t>【山推】垫\16Y-15-00072\SD32\SD22</t>
  </si>
  <si>
    <t>【山推】销\16Y-15-00071\SD32\SD22</t>
  </si>
  <si>
    <t>【山推】密封环\16Y-15-00069\SD32\SD22</t>
  </si>
  <si>
    <t>【山推】衬套\16Y-15-00068\SD32\SD22</t>
  </si>
  <si>
    <t>【山推】锁垫\16Y-15-00064\SD32\SD22</t>
  </si>
  <si>
    <t>【山推】蝶形弹簧\16Y-15-00045\SD32\SD22</t>
  </si>
  <si>
    <t>【山推】密封环\16Y-15-00044\SD32\SD22</t>
  </si>
  <si>
    <t>【山推】活塞\16Y-15-00043\SD32\SD22</t>
  </si>
  <si>
    <t>【山推】锁板\16Y-15-00037\SD32\SD22</t>
  </si>
  <si>
    <t>【山推】螺塞\16Y-15-00036\SD32\SD22</t>
  </si>
  <si>
    <t>【山推】阀体\16Y-15-00035\SD32\SD22</t>
  </si>
  <si>
    <t>【山推】行星轮轴\16Y-15-00031\SD32\SD22</t>
  </si>
  <si>
    <t>【山推】太阳轮\16Y-15-00030\SD32\SD22</t>
  </si>
  <si>
    <t>【山推】万向节总成\16Y-12-00000\SD32\SD22</t>
  </si>
  <si>
    <t>【山推】行星轮\16Y-15-00028\SD32\SD22</t>
  </si>
  <si>
    <t>【山推】密封环\16Y-15-00027A\SD32\SD22</t>
  </si>
  <si>
    <t>【山推】密封环\16Y-15-00027\SD32\SD22</t>
  </si>
  <si>
    <t>【山推】活塞\16Y-15-00026\SD32\SD22</t>
  </si>
  <si>
    <t>【山推】密封环\16Y-15-00025A\SD32\SD22</t>
  </si>
  <si>
    <t>【山推】密封环\16Y-15-00025\SD32\SD22</t>
  </si>
  <si>
    <t>【山推】行星轮\16Y-15-00019\SD32\SD22</t>
  </si>
  <si>
    <t>【山推】行星轮轴\16Y-15-00018\SD32\SD22</t>
  </si>
  <si>
    <t>【山推】密封环\16Y-15-00017\SD32\SD22</t>
  </si>
  <si>
    <t>【山推】太阳轮\16Y-15-00016\SD32\SD22</t>
  </si>
  <si>
    <t>【山推】太阳轮\16Y-15-00014\SD32\SD22</t>
  </si>
  <si>
    <t>【山推】花键套\16Y-15-00013\SD32\SD22</t>
  </si>
  <si>
    <t>【山推】O型圈\16Y-15-00012\SD32\SD22</t>
  </si>
  <si>
    <t>【山推】倾斜油缸操纵阀总成\701-41-11006V010\SD32\SD22</t>
  </si>
  <si>
    <t>【山推】控制阀总成(铲刀)\701-34-11002V010\SD32\SD22</t>
  </si>
  <si>
    <t>【山推】操作阀总成\701-32-27001V010\SD32\SD22</t>
  </si>
  <si>
    <t>【山推】安全补油阀\701-30-99000V010\SD32\SD22</t>
  </si>
  <si>
    <t>【山推】链轨合件\216-MJ-01000V010\SD32\SD22</t>
  </si>
  <si>
    <t>【山推】转向阀\195-40-11600V010\SD32\SD22</t>
  </si>
  <si>
    <t>【山推】铲刀升降油缸总成(右)\171-62-02000V010\SD32\SD22</t>
  </si>
  <si>
    <t>【山推】铲刀升降油缸总成(左)\171-62-01000V010\SD32\SD22</t>
  </si>
  <si>
    <t>【山推】油缸\175-30-24222V010\SD32\SD22</t>
  </si>
  <si>
    <t>【山推】引导轮总成\175-30-00572V010\SD32\SD22</t>
  </si>
  <si>
    <t>【山推】托轮总成\175-30-00513V010\SD32\SD22</t>
  </si>
  <si>
    <t>【山推】双边支重轮总成\175-30-00496V010\SD32\SD22</t>
  </si>
  <si>
    <t>【山推】单边支重轮总成\175-30-00486V010\SD32\SD22</t>
  </si>
  <si>
    <t>【山推】齿块\175-27-22325V010\SD32\SD22</t>
  </si>
  <si>
    <t>【山推】转向离合器总成\175-22-00032V010\SD32\SD22</t>
  </si>
  <si>
    <t>【山推】调压阀总成\175-13-26401V010\SD32\SD22</t>
  </si>
  <si>
    <t>【山推】玻璃\23Y-56B-00002\SD32\SD22</t>
  </si>
  <si>
    <t>【山推】玻璃镶条\23Y-56B-10000\SD32\SD22</t>
  </si>
  <si>
    <t>【山推】锁总成\23Y-56B-12000\SD32\SD22</t>
  </si>
  <si>
    <t>【山推】右窗\23Y-56B-05000\SD32\SD22</t>
  </si>
  <si>
    <t>【山推】左窗\23Y-56B-04000\SD32\SD22</t>
  </si>
  <si>
    <t>【山推】铰链\16Y-56C-04000\SD32\SD22</t>
  </si>
  <si>
    <t>【山推】玻璃\23Y-56B-00001\SD32\SD22</t>
  </si>
  <si>
    <t>【山推】右门\23Y-56B-03000\SD32\SD22</t>
  </si>
  <si>
    <t>【山推】输入轴\16Y-15-00011\SD32\SD22</t>
  </si>
  <si>
    <t>【山推】托板\16Y-15-00010\SD32\SD22</t>
  </si>
  <si>
    <t>【山推】联轴节\16Y-15-00009\SD32\SD22</t>
  </si>
  <si>
    <t>【山推】前盖\16Y-15-00008\SD32\SD22</t>
  </si>
  <si>
    <t>【山推】前轴承座\16Y-15-00007\SD32\SD22</t>
  </si>
  <si>
    <t>【山推】线束\16Y-07C-20000\SD32\SD22</t>
  </si>
  <si>
    <t>【山推】灯开关\16Y-07C-19000\SD32\SD22</t>
  </si>
  <si>
    <t>【山推】线束\16Y-07C-16000\SD32\SD22</t>
  </si>
  <si>
    <t>【山推】保险丝盒\16Y-07C-11000\SD32\SD22</t>
  </si>
  <si>
    <t>【山推】灯\16Y-07C-09000\SD32\SD22</t>
  </si>
  <si>
    <t>【山推】喇叭\16Y-07C-07000\SD32\SD22</t>
  </si>
  <si>
    <t>【山推】线束\16Y-07B-01000\SD32\SD22</t>
  </si>
  <si>
    <t>【山推】转向阀\195-40-11600A\SD32\SD22</t>
  </si>
  <si>
    <t>【山推】工作泵\175-60-25000-01\SD32\SD22</t>
  </si>
  <si>
    <t>【山推】油温表\D2122-15010\SD32\SD22</t>
  </si>
  <si>
    <t>【山推】智能单元\D2200-01000\SD32\SD22</t>
  </si>
  <si>
    <t>【山推】水温表\D2112-12020\SD32\SD22</t>
  </si>
  <si>
    <t>【山推】脚油门\D2280-00510\SD32\SD22</t>
  </si>
  <si>
    <t>【山推】手油门\D2291-00530\SD32\SD22</t>
  </si>
  <si>
    <t>【山推】蓄电池继电器\D2601-15000\SD32\SD22</t>
  </si>
  <si>
    <t>【山推】链轨合件\216-MG-01000\SD32\SD22</t>
  </si>
  <si>
    <t>【山推】盖\154-71-31380\SD32\SD22</t>
  </si>
  <si>
    <t>【山推】轴\154-13-52520\SD32\SD22</t>
  </si>
  <si>
    <t>【山推】溢流阀组件\701-30-51002\SD32\SD22</t>
  </si>
  <si>
    <t>【山推】齿圈\154-15-32610\SD32\SD22</t>
  </si>
  <si>
    <t>【山推】活塞杆\23Y-63B-01200\SD32\SD22</t>
  </si>
  <si>
    <t>【山推】转向离合器\16Y-16-00000\SD32\SD22</t>
  </si>
  <si>
    <t>【山推】散热器及管路\154-03A-00000\SD32\SD22</t>
  </si>
  <si>
    <t>【山推】变矩器总成\23Y-11B-00000\SD32\SD22</t>
  </si>
  <si>
    <t>【山推】齿圈\155-15-32610\SD32\SD22</t>
  </si>
  <si>
    <t>【山推】燃油箱\23Y-04B-01000\SD32\SD22</t>
  </si>
  <si>
    <t>【山推】蒸发器\23Y-58D-13000\SD32\SD22</t>
  </si>
  <si>
    <t>【山推】压力传感器\D2300-00100\SD32\SD22</t>
  </si>
  <si>
    <t>【山推】煤斗\ZL50G2-11100MD\SD32\SD22</t>
  </si>
  <si>
    <t>【山推】箱体\23Y-07B-11000\SD32\SD22</t>
  </si>
  <si>
    <t>【山推】涡轮轴\154-13-41651\SD32\SD22</t>
  </si>
  <si>
    <t>【山推】外护板(左)\154-30-11448\SD32\SD22</t>
  </si>
  <si>
    <t>【山推】外护板(右)\154-30-11438\SD32\SD22</t>
  </si>
  <si>
    <t>【山推】铲刀油缸总成(左)\23Y-62B-01000\SD32\SD22</t>
  </si>
  <si>
    <t>【山推】倾斜油缸总成\23Y-63B-01000\SD32\SD22</t>
  </si>
  <si>
    <t>【山推】内护板(左)\154-30-11429\SD32\SD22</t>
  </si>
  <si>
    <t>【山推】内护板(右)\154-30-11419\SD32\SD22</t>
  </si>
  <si>
    <t>【山推】惰轮\6691-21-4321\SD32\SD22</t>
  </si>
  <si>
    <t>【山推】齿轮\154-38-25150\SD32\SD22</t>
  </si>
  <si>
    <t>【山推】齿轮\154-15-32130\SD32\SD22</t>
  </si>
  <si>
    <t>【山推】管夹\195-61-16170\SD32\SD22</t>
  </si>
  <si>
    <t>【山推】管夹\07283-23442\SD32\SD22</t>
  </si>
  <si>
    <t>【山推】垫板\154-61-24280\SD32\SD22</t>
  </si>
  <si>
    <t>【山推】管\154-61-21254\SD32\SD22</t>
  </si>
  <si>
    <t>【山推】管\154-61-21114\SD32\SD22</t>
  </si>
  <si>
    <t>【山推】磁铁滤芯总成\175-49-11231V010\SD32\SD22</t>
  </si>
  <si>
    <t>【山推】万向节\175-20-30000V010\SD32\SD22</t>
  </si>
  <si>
    <t>【山推】工作泵\175-60-25000-V010\SD32\SD22</t>
  </si>
  <si>
    <t>【山推】伺服阀总成\702-12-13001\SD32\SD22</t>
  </si>
  <si>
    <t>【山推】机冷器修理包\3801199\SD32\SD22</t>
  </si>
  <si>
    <t>【山推】轮毂\198-21-11490\SD32\SD22</t>
  </si>
  <si>
    <t>【山推】回油泵总成\175-13-23500\SD32\SD22</t>
  </si>
  <si>
    <t>【山推】司机座\154-57-13000\SD32\SD22</t>
  </si>
  <si>
    <t>【山推】下修包\4915303\SD32\SD22</t>
  </si>
  <si>
    <t>【山推】全车线\TY160QCX\SD32\SD22</t>
  </si>
  <si>
    <t>【山推】全车密封圈\TY160QCMF\SD32\SD22</t>
  </si>
  <si>
    <t>【山推】发电机\6N9294\SD32\SD22</t>
  </si>
  <si>
    <t>【山推】驱动轮罩(右)\16Y-40-13000\SD32\SD22</t>
  </si>
  <si>
    <t>【山推】驱动轮罩(左)\16Y-40-12000\SD32\SD22</t>
  </si>
  <si>
    <t>【山推】仪表台\TPSL30W-YBT\SD32\SD22</t>
  </si>
  <si>
    <t>【山推】工作齿轮泵\TPCBGJ2100\SD32\SD22</t>
  </si>
  <si>
    <t>【山推】密封环\175-15-42850\SD32\SD22</t>
  </si>
  <si>
    <t>【山推】托板\154-15-33390\SD32\SD22</t>
  </si>
  <si>
    <t>【山推】轴承\154-15-39110\SD32\SD22</t>
  </si>
  <si>
    <t>【山推】盖\154-15-23360\SD32\SD22</t>
  </si>
  <si>
    <t>【山推】轴承\154-15-29120\SD32\SD22</t>
  </si>
  <si>
    <t>【山推】挡圈\04065-09030\SD32\SD22</t>
  </si>
  <si>
    <t>【山推】螺栓\150-21-12130\SD32\SD22</t>
  </si>
  <si>
    <t>【山推】螺旋伞齿轮\154-21-22120\SD32\SD22</t>
  </si>
  <si>
    <t>【山推】横轴\154-21-12114\SD32\SD22</t>
  </si>
  <si>
    <t>【山推】右盖\154-33-31120\SD32\SD22</t>
  </si>
  <si>
    <t>【山推】左盖\154-33-31110\SD32\SD22</t>
  </si>
  <si>
    <t>【山推】盖\154-27-11191\SD32\SD22</t>
  </si>
  <si>
    <t>【山推】外锁片\154-27-11420\SD32\SD22</t>
  </si>
  <si>
    <t>【山推】外夹板\154-27-11373\SD32\SD22</t>
  </si>
  <si>
    <t>【山推】轴承\150-09-13240\SD32\SD22</t>
  </si>
  <si>
    <t>【山推】键\154-27-11330\SD32\SD22</t>
  </si>
  <si>
    <t>【山推】O型圈\07000-05225\SD32\SD22</t>
  </si>
  <si>
    <t>【山推】圆柱滚子轴承\170-09-13160\SD32\SD22</t>
  </si>
  <si>
    <t>【山推】轴承座\154-27-11262\SD32\SD22</t>
  </si>
  <si>
    <t>【山推】垫圈\170-27-11232\SD32\SD22</t>
  </si>
  <si>
    <t>【山推】锁板\154-27-15250\SD32\SD22</t>
  </si>
  <si>
    <t>【山推】垫板\154-27-15240\SD32\SD22</t>
  </si>
  <si>
    <t>【山推】浮动油封\198-30-16612\SD32\SD22</t>
  </si>
  <si>
    <t>【山推】缓冲器\195-43-41360\SD32\SD22</t>
  </si>
  <si>
    <t>【山推】杆\154-43-42160\SD32\SD22</t>
  </si>
  <si>
    <t>【山推】轴\17Y-26-04000\SD32\SD22</t>
  </si>
  <si>
    <t>【山推】摇臂\154-43-42170\SD32\SD22</t>
  </si>
  <si>
    <t>【山推】摇臂\154-43-42110\SD32\SD22</t>
  </si>
  <si>
    <t>【山推】轴承\195-43-43190\SD32\SD22</t>
  </si>
  <si>
    <t>【山推】支架\154-43-41251\SD32\SD22</t>
  </si>
  <si>
    <t>【山推】摇臂\154-43-41310\SD32\SD22</t>
  </si>
  <si>
    <t>【山推】关节轴承\04250-81056\SD32\SD22</t>
  </si>
  <si>
    <t>【山推】摇臂\154-43-41340\SD32\SD22</t>
  </si>
  <si>
    <t>【山推】油封\175-40-31270\SD32\SD22</t>
  </si>
  <si>
    <t>【山推】支架\154-49-51320\SD32\SD22</t>
  </si>
  <si>
    <t>【山推】阀\175-49-25530\SD32\SD22</t>
  </si>
  <si>
    <t>【山推】滤油器总成\154-49-51301\SD32\SD22</t>
  </si>
  <si>
    <t>【东丽】反渗透膜元件\TML20D-400</t>
  </si>
  <si>
    <t>国投百川环保科技（北京）有限公司</t>
  </si>
  <si>
    <t>东丽</t>
  </si>
  <si>
    <t>WZSCCG-2019-BJ-030</t>
  </si>
  <si>
    <t>东丽反渗透膜元件铺货长协采购供货协议</t>
  </si>
  <si>
    <t>国投百川环保科技(北京)有限公司</t>
  </si>
  <si>
    <t>【东丽】反渗透膜元件\TM720D-400</t>
  </si>
  <si>
    <t>【东丽】反渗透膜元件\TM720D-440</t>
  </si>
  <si>
    <t>【东丽】反渗透膜元件\TMG20D-400</t>
  </si>
  <si>
    <t>【东丽】反渗透膜元件\TMG20D-440</t>
  </si>
  <si>
    <t>【东丽】反渗透膜元件\TM820M-400</t>
  </si>
  <si>
    <t>【东丽】反渗透膜元件\TM820V-400</t>
  </si>
  <si>
    <t>【东丽】反渗透膜元件\TM820M-440</t>
  </si>
  <si>
    <t>【东丽】反渗透膜元件\TM820V-440</t>
  </si>
  <si>
    <t>【金珠】钢球\Φ20mm,G\ZQCr2</t>
  </si>
  <si>
    <t>宁国市朝阳耐磨材料有限公司</t>
  </si>
  <si>
    <t>金珠</t>
  </si>
  <si>
    <t>WZSCCG-2019-BJ-027</t>
  </si>
  <si>
    <t>国家能源e购商城钢球铺货长协采购Ⅰ标段框架协议</t>
  </si>
  <si>
    <t>【金珠】钢球\Φ30mm,G\ZQCr2</t>
  </si>
  <si>
    <t>【金珠】钢球\Φ40mm,G\ZQCr2</t>
  </si>
  <si>
    <t>【金珠】钢球\Φ50mm,G\ZQCr2</t>
  </si>
  <si>
    <t>【金珠】钢球\Φ60mm,G\ZQCr2</t>
  </si>
  <si>
    <t>【金珠】钢球\Φ70mm,G\ZQCr2</t>
  </si>
  <si>
    <t>【金珠】钢球\Φ30mm,G\ZQCr5</t>
  </si>
  <si>
    <t>【金珠】钢球\Φ40mm,G\ZQCr5</t>
  </si>
  <si>
    <t>【金珠】钢球\Φ50mm,G\ZQCr5</t>
  </si>
  <si>
    <t>【金珠】钢球\Φ60mm,G\ZQCr5</t>
  </si>
  <si>
    <t>【金珠】钢球\Φ40mm,G\ZQCr8</t>
  </si>
  <si>
    <t>【金珠】钢球\Φ50mm,G\ZQCr8</t>
  </si>
  <si>
    <t>【金珠】钢球\Φ60mm,G\ZQCr8</t>
  </si>
  <si>
    <t>【金珠】钢球\Φ70mm,G\ZQCr8</t>
  </si>
  <si>
    <t>【金珠】钢球\Φ40mm\ZQCr5 HRC≥50</t>
  </si>
  <si>
    <t>【金珠】钢球\Φ50mm\ZQCr5 HRC≥50</t>
  </si>
  <si>
    <t>【金珠】钢球\Φ60mm\ZQCr5 HRC≥50</t>
  </si>
  <si>
    <t>【金珠】钢球\Φ40mm\ZQCr8 HRC≥50</t>
  </si>
  <si>
    <t>【金珠】钢球\Φ50mm\ZQCr8 HRC≥50</t>
  </si>
  <si>
    <t>【金珠】钢球\Φ60mm\ZQCr8 HRC≥50</t>
  </si>
  <si>
    <t>【金珠】钢球\Φ70mm\ZQCr8 HRC≥50</t>
  </si>
  <si>
    <t>【金珠】钢球\Φ40mm,G\ZQCr10</t>
  </si>
  <si>
    <t>【金珠】钢球\Φ50mm,G\ZQCr10</t>
  </si>
  <si>
    <t>【金珠】钢球\Φ60mm,G\ZQCr10</t>
  </si>
  <si>
    <t>【金珠】钢球\Φ70mm,G\ZQCr10</t>
  </si>
  <si>
    <t>【金珠】钢球\Φ20mm,G\ZQCr12</t>
  </si>
  <si>
    <t>【金珠】钢球\Φ30mm,G\ZQCr12</t>
  </si>
  <si>
    <t>【金珠】钢球\Φ40mm,G\ZQCr12</t>
  </si>
  <si>
    <t>【金珠】钢球\Φ50mm,G\ZQCr12</t>
  </si>
  <si>
    <t>【金珠】钢球\Φ60mm,G\ZQCr12</t>
  </si>
  <si>
    <t>【金珠】钢球\Φ70mm,G\ZQCr12</t>
  </si>
  <si>
    <t>【金珠】钢球\Φ30mm,G\ZQCr14</t>
  </si>
  <si>
    <t>【金珠】钢球\Φ70mm,G\ZQCr14</t>
  </si>
  <si>
    <t>【金珠】钢球\Φ20mm,G\ZQCr15</t>
  </si>
  <si>
    <t>【金珠】钢球\Φ30mm,G\ZQCr15</t>
  </si>
  <si>
    <t>【金珠】钢球\Φ40mm,G\ZQCr15</t>
  </si>
  <si>
    <t>【金珠】钢球\Φ50mm,G\ZQCr15</t>
  </si>
  <si>
    <t>【金珠】钢球\Φ60mm,G\ZQCr15</t>
  </si>
  <si>
    <t>【金珠】钢球\Φ70mm,G\ZQCr15</t>
  </si>
  <si>
    <t>【金珠】钢球\Φ30mm,G\ZQCr17</t>
  </si>
  <si>
    <t>【金珠】钢球\Φ40mm,G\ZQCr17</t>
  </si>
  <si>
    <t>【金珠】钢球\Φ50mm,G\ZQCr17</t>
  </si>
  <si>
    <t>【金珠】钢球\Φ60mm,G\ZQCr17</t>
  </si>
  <si>
    <t>【金珠】钢球\Φ70mm,G\ZQCr17</t>
  </si>
  <si>
    <t>【金珠】钢球\Φ80mm,G\ZQCr17</t>
  </si>
  <si>
    <t>【金珠】钢球\Φ90mm,G\ZQCr17</t>
  </si>
  <si>
    <t>【金珠】钢球\Φ40mm,G\ZQCr18</t>
  </si>
  <si>
    <t>【金珠】钢球\Φ50mm,G\ZQCr18</t>
  </si>
  <si>
    <t>【金珠】钢球\Φ60mm,G\ZQCr18</t>
  </si>
  <si>
    <t>【金珠】钢球\Φ70mm,G\ZQCr18</t>
  </si>
  <si>
    <t>【金珠】钢球\Φ20mm,G\ZQCr20</t>
  </si>
  <si>
    <t>【金珠】钢球\Φ30mm,G\ZQCr20</t>
  </si>
  <si>
    <t>【金珠】钢球\Φ40mm,G\ZQCr20</t>
  </si>
  <si>
    <t>【金珠】钢球\Φ50mm,G\ZQCr20</t>
  </si>
  <si>
    <t>【金珠】钢球\Φ60mm,G\ZQCr20</t>
  </si>
  <si>
    <t>【金珠】钢球\Φ70mm,G\ZQCr20</t>
  </si>
  <si>
    <t>【金珠】钢球\Φ80mm,G\ZQCr20</t>
  </si>
  <si>
    <t>【金珠】钢球\Φ90mm,G\ZQCr20</t>
  </si>
  <si>
    <t>【鲁中】钢球\Φ20mm,G\ZQCr2</t>
  </si>
  <si>
    <t>山东鲁中耐磨材料股份有限公司</t>
  </si>
  <si>
    <t>鲁中</t>
  </si>
  <si>
    <t>WZSCCG-2019-BJ-028</t>
  </si>
  <si>
    <t>国家能源e购商城钢球铺货长协采购Ⅱ标段框架协议</t>
  </si>
  <si>
    <t>【鲁中】钢球\Φ30mm,G\ZQCr2</t>
  </si>
  <si>
    <t>【鲁中】钢球\Φ40mm,G\ZQCr2</t>
  </si>
  <si>
    <t>【鲁中】钢球\Φ50mm,G\ZQCr2</t>
  </si>
  <si>
    <t>【鲁中】钢球\Φ60mm,G\ZQCr2</t>
  </si>
  <si>
    <t>【鲁中】钢球\Φ70mm,G\ZQCr2</t>
  </si>
  <si>
    <t>【鲁中】钢球\Φ30mm,G\ZQCr5</t>
  </si>
  <si>
    <t>【鲁中】钢球\Φ40mm,G\ZQCr5</t>
  </si>
  <si>
    <t>【鲁中】钢球\Φ50mm,G\ZQCr5</t>
  </si>
  <si>
    <t>【鲁中】钢球\Φ60mm,G\ZQCr5</t>
  </si>
  <si>
    <t>【鲁中】钢球\Φ40mm,G\ZQCr8</t>
  </si>
  <si>
    <t>【鲁中】钢球\Φ50mm,G\ZQCr8</t>
  </si>
  <si>
    <t>【鲁中】钢球\Φ60mm,G\ZQCr8</t>
  </si>
  <si>
    <t>【鲁中】钢球\Φ70mm,G\ZQCr8</t>
  </si>
  <si>
    <t>【鲁中】钢球\Φ40mm\ZQCr5 HRC≥50</t>
  </si>
  <si>
    <t>【鲁中】钢球\Φ50mm\ZQCr5 HRC≥50</t>
  </si>
  <si>
    <t>【鲁中】钢球\Φ60mm\ZQCr5 HRC≥50</t>
  </si>
  <si>
    <t>【鲁中】钢球\Φ40mm\ZQCr8 HRC≥50</t>
  </si>
  <si>
    <t>【鲁中】钢球\Φ50mm\ZQCr8 HRC≥50</t>
  </si>
  <si>
    <t>【鲁中】钢球\Φ60mm\ZQCr8 HRC≥50</t>
  </si>
  <si>
    <t>【鲁中】钢球\Φ70mm\ZQCr8 HRC≥50</t>
  </si>
  <si>
    <t>【鲁中】钢球\Φ40mm,G\ZQCr10</t>
  </si>
  <si>
    <t>【鲁中】钢球\Φ50mm,G\ZQCr10</t>
  </si>
  <si>
    <t>【鲁中】钢球\Φ60mm,G\ZQCr10</t>
  </si>
  <si>
    <t>【鲁中】钢球\Φ70mm,G\ZQCr10</t>
  </si>
  <si>
    <t>【鲁中】钢球\Φ20mm,G\ZQCr12</t>
  </si>
  <si>
    <t>【鲁中】钢球\Φ30mm,G\ZQCr12</t>
  </si>
  <si>
    <t>【鲁中】钢球\Φ40mm,G\ZQCr12</t>
  </si>
  <si>
    <t>【鲁中】钢球\Φ50mm,G\ZQCr12</t>
  </si>
  <si>
    <t>【鲁中】钢球\Φ60mm,G\ZQCr12</t>
  </si>
  <si>
    <t>【鲁中】钢球\Φ70mm,G\ZQCr12</t>
  </si>
  <si>
    <t>【鲁中】钢球\Φ30mm,G\ZQCr14</t>
  </si>
  <si>
    <t>【鲁中】钢球\Φ70mm,G\ZQCr14</t>
  </si>
  <si>
    <t>【鲁中】钢球\Φ20mm,G\ZQCr15</t>
  </si>
  <si>
    <t>【鲁中】钢球\Φ30mm,G\ZQCr15</t>
  </si>
  <si>
    <t>【鲁中】钢球\Φ40mm,G\ZQCr15</t>
  </si>
  <si>
    <t>【鲁中】钢球\Φ50mm,G\ZQCr15</t>
  </si>
  <si>
    <t>【鲁中】钢球\Φ60mm,G\ZQCr15</t>
  </si>
  <si>
    <t>【鲁中】钢球\Φ70mm,G\ZQCr15</t>
  </si>
  <si>
    <t>【鲁中】钢球\Φ30mm,G\ZQCr17</t>
  </si>
  <si>
    <t>【鲁中】钢球\Φ40mm,G\ZQCr17</t>
  </si>
  <si>
    <t>【鲁中】钢球\Φ50mm,G\ZQCr17</t>
  </si>
  <si>
    <t>【鲁中】钢球\Φ60mm,G\ZQCr17</t>
  </si>
  <si>
    <t>【鲁中】钢球\Φ70mm,G\ZQCr17</t>
  </si>
  <si>
    <t>【鲁中】钢球\Φ80mm,G\ZQCr17</t>
  </si>
  <si>
    <t>【鲁中】钢球\Φ90mm,G\ZQCr17</t>
  </si>
  <si>
    <t>【鲁中】钢球\Φ40mm,G\ZQCr18</t>
  </si>
  <si>
    <t>【鲁中】钢球\Φ50mm,G\ZQCr18</t>
  </si>
  <si>
    <t>【鲁中】钢球\Φ60mm,G\ZQCr18</t>
  </si>
  <si>
    <t>【鲁中】钢球\Φ70mm,G\ZQCr18</t>
  </si>
  <si>
    <t>【鲁中】钢球\Φ20mm,G\ZQCr20</t>
  </si>
  <si>
    <t>【鲁中】钢球\Φ30mm,G\ZQCr20</t>
  </si>
  <si>
    <t>【鲁中】钢球\Φ40mm,G\ZQCr20</t>
  </si>
  <si>
    <t>【鲁中】钢球\Φ50mm,G\ZQCr20</t>
  </si>
  <si>
    <t>【鲁中】钢球\Φ60mm,G\ZQCr20</t>
  </si>
  <si>
    <t>【鲁中】钢球\Φ70mm,G\ZQCr20</t>
  </si>
  <si>
    <t>【鲁中】钢球\Φ80mm,G\ZQCr20</t>
  </si>
  <si>
    <t>【鲁中】钢球\Φ90mm,G\ZQCr20</t>
  </si>
  <si>
    <t>WZSCCG-2019-NM-003</t>
  </si>
  <si>
    <t>山推工程机械备品备件集团级长协采购供货协议（山东松推）</t>
  </si>
  <si>
    <t>山东松推机械有限公司</t>
  </si>
  <si>
    <t>【北电】上拉杆\20MG30.11.13.99\ZGM95</t>
  </si>
  <si>
    <t>北京电力设备总厂有限公司</t>
  </si>
  <si>
    <t>北电</t>
  </si>
  <si>
    <t>WZSCCG-2019-BJ-033</t>
  </si>
  <si>
    <t>国家能源e购商城北电磨煤机备件及设备服务包长协采购框架协议(备件类)</t>
  </si>
  <si>
    <t>【北电】上拉杆\200MG41.11.13.99\ZGM113</t>
  </si>
  <si>
    <t>【北电】上拉杆\21MG40.11.13.99\ZGM113</t>
  </si>
  <si>
    <t>【北电】磨辊总成\200MG31.11.09\ZGM95</t>
  </si>
  <si>
    <t>【北电】加载油缸\20MG60.11.14\ZGM133</t>
  </si>
  <si>
    <t>【北电】加载油缸\20MG30.11.14\ZGM95</t>
  </si>
  <si>
    <t>【北电】加载油缸\20MG40.11.14\ZGM113</t>
  </si>
  <si>
    <t>【北电】辊轴\200MG31.11.09.89\ZGM95</t>
  </si>
  <si>
    <t>【北电】辊轴\MG20.11.09.90\ZGM80</t>
  </si>
  <si>
    <t>【北电】辊轴\300MG53.11.09.89\ZGM123</t>
  </si>
  <si>
    <t>【北电】辊轴\20MG60.11.09.89J\ZGM133</t>
  </si>
  <si>
    <t>【北电】辊轴\20MG30.11.09.89J\ZGM95</t>
  </si>
  <si>
    <t>【北电】辊轴\200MG41.11.09.89\ZGM113</t>
  </si>
  <si>
    <t>【北电】机壳导向板\MG40.11.12.07.99\ZGM113</t>
  </si>
  <si>
    <t>【北电】机壳导向板\20MG40.11.12.07.99\ZGM113</t>
  </si>
  <si>
    <t>【北电】机壳导向板\200MG31.11.12.07.93\ZGM95</t>
  </si>
  <si>
    <t>【北电】机壳导向板\20MG20.11.12.06.94\ZGM80</t>
  </si>
  <si>
    <t>【北电】机壳导向板\20MG50.11.12.07.93\ZGM123</t>
  </si>
  <si>
    <t>【北电】机壳导向板\20MG60.11.12.07.93\ZGM133</t>
  </si>
  <si>
    <t>【北电】机壳导向板\20MG30.11.12.07.93\ZGM95</t>
  </si>
  <si>
    <t>【北电】机壳导向板\200MG41.11.12.07.94\ZGM113</t>
  </si>
  <si>
    <t>【北电】机壳导向板\MG40.11.12.07.94\ZGM113</t>
  </si>
  <si>
    <t>【北电】磨辊总成\20MG23.11.09\ZGM80</t>
  </si>
  <si>
    <t>【北电】磨辊总成\300MG53.11.09\ZGM123</t>
  </si>
  <si>
    <t>【北电】磨辊总成\20MG62.11.09J\ZGM133</t>
  </si>
  <si>
    <t>【北电】磨辊总成\20MG63.11.09J\ZGM133</t>
  </si>
  <si>
    <t>【北电】磨辊总成\56MG33.11.09J\ZGM95</t>
  </si>
  <si>
    <t>【北电】磨辊总成\20MG33.11.09J\ZGM95</t>
  </si>
  <si>
    <t>【北电】磨辊总成\20MG32.11.09J\ZGM95</t>
  </si>
  <si>
    <t>【北电】磨辊总成\20MG43.11.09J\ZGM113</t>
  </si>
  <si>
    <t>【北电】磨辊总成\200MG41.11.09\ZGM113</t>
  </si>
  <si>
    <t>【北电】辊轴\20MG40.11.09.89J\ZGM113</t>
  </si>
  <si>
    <t>【北电】磨辊辊芯\200MG31.11.09.94\ZGM95</t>
  </si>
  <si>
    <t>【北电】磨辊辊芯\MG20.11.09.94\ZGM80</t>
  </si>
  <si>
    <t>【北电】磨辊辊芯\20MG60.11.09.94J\ZGM133</t>
  </si>
  <si>
    <t>【北电】磨辊辊芯\20MG30.11.09.94J\ZGM95</t>
  </si>
  <si>
    <t>【北电】磨辊辊芯\200MG41.11.09.94\ZGM113</t>
  </si>
  <si>
    <t>【北电】磨辊辊芯\MG40.11.09.94\ZGM113</t>
  </si>
  <si>
    <t>【北电】磨辊辊芯\20MG40.11.09.94J\ZGM113</t>
  </si>
  <si>
    <t>【北电】磨辊辊套\200MG31.11.09.99\ZGM95</t>
  </si>
  <si>
    <t>【北电】机壳导向板\20MG40.11.12.07.94\ZGM113</t>
  </si>
  <si>
    <t>【北电】弹性套\MG20.11.02.97\ZGM80</t>
  </si>
  <si>
    <t>【北电】弹性套\20MG50.11.02.96\ZGM123</t>
  </si>
  <si>
    <t>【北电】弹性套\20MG60.11.02.96\ZGM133</t>
  </si>
  <si>
    <t>【北电】弹性套\21MG30.11.02.96\ZGM95</t>
  </si>
  <si>
    <t>【北电】弹性套\200MG41.11.02.97\ZGM113</t>
  </si>
  <si>
    <t>【北电】弹性套\MK40.11.02.97\ZGM113</t>
  </si>
  <si>
    <t>【北电】弹性套\20MG40.11.02.97J\ZGM113</t>
  </si>
  <si>
    <t>【北电】弹性套\MG40.11.02.97\ZGM113</t>
  </si>
  <si>
    <t>【北电】磨辊总成\MG42.11.09\ZGM113</t>
  </si>
  <si>
    <t>【北电】磨辊总成\50MG43.11.09J\ZGM113</t>
  </si>
  <si>
    <t>【北电】磨辊轴承\20MG23.11.09-44\ZGM80</t>
  </si>
  <si>
    <t>【北电】磨辊轴承\20MG23.11.09-12\ZGM80</t>
  </si>
  <si>
    <t>【北电】磨辊轴承\300MG53.11.09-43\ZGM123</t>
  </si>
  <si>
    <t>【北电】磨辊轴承\300MG53.11.09-12\ZGM123</t>
  </si>
  <si>
    <t>【北电】磨辊轴承\20MG62.11.09J-44\ZGM133</t>
  </si>
  <si>
    <t>【北电】磨辊轴承\20MG63.11.09J-44\ZGM133</t>
  </si>
  <si>
    <t>【北电】磨辊轴承\20MG62.11.09J-12\ZGM133</t>
  </si>
  <si>
    <t>【北电】磨辊辊套\MG23.11.09.99J\ZGM80</t>
  </si>
  <si>
    <t>【北电】磨辊辊套\20MG62.11.09.99J\ZGM133</t>
  </si>
  <si>
    <t>【北电】磨辊辊套\300MG53.11.09.99\ZGM123</t>
  </si>
  <si>
    <t>【北电】磨辊辊套\20MG63.11.09.99J\ZGM133</t>
  </si>
  <si>
    <t>【北电】磨辊辊套\20MG33.11.09.99J\ZGM95</t>
  </si>
  <si>
    <t>【北电】磨辊辊套\20MG32.11.09.99J\ZGM95</t>
  </si>
  <si>
    <t>【北电】磨辊辊套\200MG41.11.09.99\ZGM113</t>
  </si>
  <si>
    <t>【北电】磨辊辊套\MG42.11.09.99\ZGM113</t>
  </si>
  <si>
    <t>【北电】磨辊辊套\240MG43.11.09.99J-DH\ZGM113</t>
  </si>
  <si>
    <t>【北电】衬板\200MG31.11.08.98\ZGM95</t>
  </si>
  <si>
    <t>【北电】衬板\MG23.11.08.96\ZGM80</t>
  </si>
  <si>
    <t>【北电】衬板\300MG53.11.08.98J\ZGM123</t>
  </si>
  <si>
    <t>【北电】衬板\20MG62.11.08.98J\ZGM133</t>
  </si>
  <si>
    <t>【北电】衬板\20MG63.11.08.98J\ZGM133</t>
  </si>
  <si>
    <t>【北电】衬板\21MG32.11.08.98\ZGM95</t>
  </si>
  <si>
    <t>【北电】衬板\20MG33.11.08.97BZ\ZGM95</t>
  </si>
  <si>
    <t>【北电】衬板\200MG41.11.08.98\ZGM113</t>
  </si>
  <si>
    <t>【北电】衬板\MG42.11.08.98\ZGM113</t>
  </si>
  <si>
    <t>【北电】磨辊轴承\20MG63.11.09J-12\ZGM133</t>
  </si>
  <si>
    <t>【北电】磨辊轴承\200MG31.11.09-12\ZGM95</t>
  </si>
  <si>
    <t>【北电】磨辊轴承\20MG32.11.09J-12\ZGM95</t>
  </si>
  <si>
    <t>【北电】磨辊轴承\20MG33.11.09J-12\ZGM95</t>
  </si>
  <si>
    <t>【北电】磨辊轴承\200MG31.11.09-44\ZGM95</t>
  </si>
  <si>
    <t>【北电】磨辊轴承\20MG32.11.09J-44\ZGM95</t>
  </si>
  <si>
    <t>【北电】磨辊轴承\20MG33.11.09J-44\ZGM95</t>
  </si>
  <si>
    <t>【北电】磨辊轴承\200MG41.11.09-40\ZGM113</t>
  </si>
  <si>
    <t>【北电】磨辊轴承\20MG42.11.09J-41\ZGM113</t>
  </si>
  <si>
    <t>【北电】磨辊辊套\20MG43.11.09.99J\ZGM113</t>
  </si>
  <si>
    <t>【北电】磨辊辊架\200MG31.11.09.98\ZGM95</t>
  </si>
  <si>
    <t>【北电】磨辊辊架\MG20.11.09.98\ZGM80</t>
  </si>
  <si>
    <t>【北电】磨辊辊架\300MG53.11.09.98\ZGM123</t>
  </si>
  <si>
    <t>【北电】磨辊辊架\20MG60.11.09.98J\ZGM133</t>
  </si>
  <si>
    <t>【北电】磨辊辊架\56MG30.11.09.98J\ZGM95</t>
  </si>
  <si>
    <t>【北电】磨辊辊架\20MG30.11.09.98J\ZGM95</t>
  </si>
  <si>
    <t>【北电】磨辊辊架\200MG41.11.09.98\ZGM113</t>
  </si>
  <si>
    <t>【北电】磨辊辊架\MG40.11.09.98\ZGM113</t>
  </si>
  <si>
    <t>【北电】衬板\240MG43.11.08.98J-DH\ZGM113</t>
  </si>
  <si>
    <t>【北电】衬板\21MG43.11.08.98J\ZGM113</t>
  </si>
  <si>
    <t>【北电】衬板\20MG43.11.08.98J\ZGM113</t>
  </si>
  <si>
    <t>【北电】沉头带榫螺栓\200MG31.11.12.07.96\ZGM95</t>
  </si>
  <si>
    <t>【北电】沉头带榫螺栓\20MG20.11.12.07.98\ZGM80</t>
  </si>
  <si>
    <t>【北电】沉头带榫螺栓\20MG50.11.12.07.98\ZGM123</t>
  </si>
  <si>
    <t>【北电】沉头带榫螺栓\20MG60.11.12.07.98\ZGM133</t>
  </si>
  <si>
    <t>【北电】沉头带榫螺栓\21MG30.11.12.07.96\ZGM95</t>
  </si>
  <si>
    <t>【北电】沉头带榫螺栓\200MG41.11.12.07.98\ZGM113</t>
  </si>
  <si>
    <t>【北电】磨辊轴承\20MG43.11.09J-41\ZGM113</t>
  </si>
  <si>
    <t>【北电】磨辊轴承\20MG42.11.09-13\ZGM113</t>
  </si>
  <si>
    <t>【北电】磨辊轴承\20MG43.11.09J-13\ZGM113</t>
  </si>
  <si>
    <t>【北电】磨辊轴承\200MG41.11.09-13\ZGM113</t>
  </si>
  <si>
    <t>【北电】磨辊轴承\20MG42.11.09J-13\ZGM113</t>
  </si>
  <si>
    <t>【北电】磨辊轴承\20MG43.11.09-13\ZGM113</t>
  </si>
  <si>
    <t>【北电】磨辊辊架\20MG40.11.09.98J\ZGM113</t>
  </si>
  <si>
    <t>【北电】磨辊辊架\50MG40.11.09.98\ZGM113</t>
  </si>
  <si>
    <t>【北电】刮板装置\200MG31.11.07.01\ZGM95</t>
  </si>
  <si>
    <t>【北电】刮板装置\MG23.11.07.01\ZGM80</t>
  </si>
  <si>
    <t>【北电】刮板装置\20MG50.11.07.01\ZGM123</t>
  </si>
  <si>
    <t>【北电】刮板装置\14MG60.11.07.01\ZGM133</t>
  </si>
  <si>
    <t>【北电】刮板装置\20MG30.11.07.01\ZGM95</t>
  </si>
  <si>
    <t>【北电】刮板装置\200MG41.11.07.01\ZGM113</t>
  </si>
  <si>
    <t>【北电】刮板装置\MG40.11.07.01\ZGM113</t>
  </si>
  <si>
    <t>【北电】沉头带榫螺栓\MG40.11.12.07.98\ZGM113</t>
  </si>
  <si>
    <t>【北电】沉头带榫螺栓\20MG40.11.12.07.98\ZGM113</t>
  </si>
  <si>
    <t>【北电】比例溢流阀\20MG00.21.14\ZGM</t>
  </si>
  <si>
    <t>【北电】磨辊呼吸器\MG20.11.09.01\ZGM80</t>
  </si>
  <si>
    <t>【北电】磨辊呼吸器\20MG50.11.09.01J\ZGM123</t>
  </si>
  <si>
    <t>【北电】刮板装置\20MG40.11.07.01\ZGM113</t>
  </si>
  <si>
    <t>【北电】刮板\200MG31.11.07.01.96\ZGM95</t>
  </si>
  <si>
    <t>【北电】刮板\MG20.11.07.01.98\ZGM80</t>
  </si>
  <si>
    <t>【北电】刮板\20MG50.11.07.01.96\ZGM123</t>
  </si>
  <si>
    <t>【北电】刮板\14MG60.11.07.01.96\ZGM133</t>
  </si>
  <si>
    <t>【北电】刮板\20MG30.11.07.01.96\ZGM95</t>
  </si>
  <si>
    <t>【北电】刮板\200MG41.11.07.01.96\ZGM113</t>
  </si>
  <si>
    <t>【北电】刮板\MG40.11.07.01.96\ZGM113</t>
  </si>
  <si>
    <t>【北电】刮板\20MG40.11.07.01.96\ZGM113</t>
  </si>
  <si>
    <t>【北电】锥形罩\MG20.11.08.01\ZGM80</t>
  </si>
  <si>
    <t>【北电】锥形罩\20MG50.11.08.02\ZGM123</t>
  </si>
  <si>
    <t>【北电】锥形罩\20MG60.11.08.02\ZGM133</t>
  </si>
  <si>
    <t>【北电】锥形罩\20MG30.11.08.02\ZGM95</t>
  </si>
  <si>
    <t>【北电】磨辊呼吸器\20MG60.11.09.01J\ZGM133</t>
  </si>
  <si>
    <t>【北电】磨辊呼吸器\20MG30.11.09.01J\ZGM95</t>
  </si>
  <si>
    <t>【北电】磨辊呼吸器\20MG40.11.09.01J\ZGM113</t>
  </si>
  <si>
    <t>【北电】磨辊防护罩\MG20.11.09.02\ZGM80</t>
  </si>
  <si>
    <t>【北电】磨辊防护罩\20MG50.11.09.03J\ZGM123</t>
  </si>
  <si>
    <t>【北电】磨辊防护罩\20MG60.11.09.03J\ZGM133</t>
  </si>
  <si>
    <t>【北电】磨辊防护罩\20MG30.11.09.03J\ZGM95</t>
  </si>
  <si>
    <t>【北电】磨辊防护罩\20MG40.11.09.03J\ZGM113</t>
  </si>
  <si>
    <t>【北电】联轴器销柱\MG20.11.02.98\ZGM80</t>
  </si>
  <si>
    <t>【北电】锥形罩\MG40.11.08.02\ZGM113</t>
  </si>
  <si>
    <t>【北电】锥形罩\20MG40.11.08.02\ZGM113</t>
  </si>
  <si>
    <t>【北电】轴套\MG23.11.08.89\ZGM80</t>
  </si>
  <si>
    <t>【北电】轴套\20MG50.11.09.84J\ZGM123</t>
  </si>
  <si>
    <t>【北电】轴套\20MG60.11.09.84J\ZGM133</t>
  </si>
  <si>
    <t>【北电】轴套\20MG30.11.09.84J\ZGM95</t>
  </si>
  <si>
    <t>【北电】轴套\MG40.11.09.84\ZGM113</t>
  </si>
  <si>
    <t>【北电】轴套\20MG40.11.09.84J\ZGM113</t>
  </si>
  <si>
    <t>【北电】油封支环\MG20.11.09.83\ZGM80</t>
  </si>
  <si>
    <t>【北电】联轴器销柱\20MG50.11.02.97\ZGM123</t>
  </si>
  <si>
    <t>【北电】联轴器销柱\20MG60.11.02.97\ZGM133</t>
  </si>
  <si>
    <t>【北电】联轴器销柱\21MG30.11.02.97\ZGM95</t>
  </si>
  <si>
    <t>【北电】联轴器销柱\200MG41.11.02.98\ZGM113</t>
  </si>
  <si>
    <t>【北电】联轴器销柱\MK40.11.02.98\ZGM113</t>
  </si>
  <si>
    <t>【北电】联轴器销柱\20MG40.11.02.98J\ZGM113</t>
  </si>
  <si>
    <t>【北电】联轴器销柱\MG40.11.02.98\ZGM113</t>
  </si>
  <si>
    <t>【北电】联轴器\MG20.11.02\ZGM80</t>
  </si>
  <si>
    <t>【北电】联轴器\20MG50.11.02\ZGM123</t>
  </si>
  <si>
    <t>【北电】高压油站油泵\MG20.21.02\ZGM80</t>
  </si>
  <si>
    <t>【北电】高压油站油泵\MG60.21.02\ZGM133</t>
  </si>
  <si>
    <t>【北电】高压油站油泵\MG30.21.02\ZGM95</t>
  </si>
  <si>
    <t>【北电】高压油站油泵\MG40.21.02\ZGM113</t>
  </si>
  <si>
    <t>【北电】高压油站吸油滤芯\MG20.21.35\ZGM80</t>
  </si>
  <si>
    <t>【北电】高压油站吸油滤芯\MG60.21.35\ZGM133</t>
  </si>
  <si>
    <t>【北电】高压油站吸油滤芯\MG30.21.35\ZGM95</t>
  </si>
  <si>
    <t>【北电】高压油站吸油滤芯\MG40.21.35\ZGM113</t>
  </si>
  <si>
    <t>【北电】磨辊油封支环\20MG50.11.09.83J\ZGM123</t>
  </si>
  <si>
    <t>【北电】磨辊油封支环\20MG60.11.09.83J\ZGM133</t>
  </si>
  <si>
    <t>【北电】磨辊油封支环\20MG30.11.09.83J\ZGM95</t>
  </si>
  <si>
    <t>【北电】磨辊油封支环\MG40.11.09.83\ZGM113</t>
  </si>
  <si>
    <t>【北电】磨辊油封支环\20MG40.11.09.83J\ZGM113</t>
  </si>
  <si>
    <t>【北电】液动换向阀\MG00.11.19.01\ZGM</t>
  </si>
  <si>
    <t>【北电】压紧螺栓\20MG23.11.08.92\ZGM80</t>
  </si>
  <si>
    <t>【北电】压紧螺栓\20MG50.11.08.94J\ZGM123</t>
  </si>
  <si>
    <t>【北电】联轴器\21MG60.11.02\ZGM133</t>
  </si>
  <si>
    <t>【北电】联轴器\21MG30.11.02\ZGM95</t>
  </si>
  <si>
    <t>【北电】联轴器\21MG30.11.02J\ZGM95</t>
  </si>
  <si>
    <t>【北电】联轴器\200MG41.11.02\ZGM113</t>
  </si>
  <si>
    <t>【北电】联轴器\MG40.11.02\ZGM113</t>
  </si>
  <si>
    <t>【北电】联轴器\MK40.11.02\ZGM113</t>
  </si>
  <si>
    <t>【北电】联轴器\20MG40.11.02J\ZGM113</t>
  </si>
  <si>
    <t>【北电】连接套\21MG30.11.13.02\ZGM95</t>
  </si>
  <si>
    <t>【北电】连接套\MG20.11.13.01\ZGM80</t>
  </si>
  <si>
    <t>【北电】高压油站回油滤芯\MG20.21.30.01\ZGM80</t>
  </si>
  <si>
    <t>【北电】高压油站回油滤芯\MG60.21.30.01\ZGM133</t>
  </si>
  <si>
    <t>【北电】高压油站回油滤芯\MG30.21.30.01\ZGM95</t>
  </si>
  <si>
    <t>【北电】高压油站回油滤芯\MG40.21.30.01\ZGM113</t>
  </si>
  <si>
    <t>【北电】高压油站供油滤芯\MG20.21.34.01\ZGM80</t>
  </si>
  <si>
    <t>【北电】压紧螺栓\20MG60.11.08.94J\ZGM133</t>
  </si>
  <si>
    <t>【北电】压紧螺栓\20MG30.11.08.92BZ\ZGM95</t>
  </si>
  <si>
    <t>【北电】压紧螺栓\200MG41.11.08.94\ZGM113</t>
  </si>
  <si>
    <t>【北电】压紧螺栓\MG40.11.08.94\ZGM113</t>
  </si>
  <si>
    <t>【北电】压紧螺栓\20MG40.11.08.94\ZGM113</t>
  </si>
  <si>
    <t>【北电】压架\200MG31.11.10\ZGM95</t>
  </si>
  <si>
    <t>【北电】压架\43MG20.11.10\ZGM80</t>
  </si>
  <si>
    <t>【北电】压架\20MG50.11.10\ZGM123</t>
  </si>
  <si>
    <t>【北电】压架\03MG60.11.10\ZGM133</t>
  </si>
  <si>
    <t>【北电】连接卡套\MG40.11.13.94\ZGM113</t>
  </si>
  <si>
    <t>【北电】连接卡套\20MG50.11.13.02\ZGM123</t>
  </si>
  <si>
    <t>【北电】连接卡套\20MG60.11.13.02\ZGM133</t>
  </si>
  <si>
    <t>【北电】连接卡套\20MG30.11.13.02\ZGM95</t>
  </si>
  <si>
    <t>【北电】连接卡套\200MG41.11.13.01\ZGM113</t>
  </si>
  <si>
    <t>【北电】连接卡套\21MG40.11.13.01\ZGM113</t>
  </si>
  <si>
    <t>【北电】拉杆推力关节轴承\20MG60.11.13-5\ZGM133</t>
  </si>
  <si>
    <t>【北电】球面调心轴承\MG20.11.13.98\ZGM80</t>
  </si>
  <si>
    <t>【北电】球面调心轴承\MG20.11.13.97\ZGM80</t>
  </si>
  <si>
    <t>【北电】高压油站供油滤芯\MG60.21.34.01\ZGM133</t>
  </si>
  <si>
    <t>【北电】高压油站供油滤芯\MG30.21.34.01\ZGM95</t>
  </si>
  <si>
    <t>【北电】高压油站供油滤芯\MG40.21.34.01\ZGM113</t>
  </si>
  <si>
    <t>【北电】磨辊防磨板\200MG31.11.09.71\ZGM95</t>
  </si>
  <si>
    <t>【北电】磨辊防磨板\MG20.11.09.68\ZGM80</t>
  </si>
  <si>
    <t>【北电】磨辊防磨板\20MG60.11.09.72J\ZGM133</t>
  </si>
  <si>
    <t>【北电】磨辊防磨板\20MG50.11.09.72J\ZGM123</t>
  </si>
  <si>
    <t>【北电】磨辊防磨板\20MG30.11.09.71J\ZGM95</t>
  </si>
  <si>
    <t>【北电】磨辊防磨板\MG40.11.09.72\ZGM113</t>
  </si>
  <si>
    <t>【北电】压架\21MG30.11.10.01\ZGM95</t>
  </si>
  <si>
    <t>【北电】压架\200MG41.11.10\ZGM113</t>
  </si>
  <si>
    <t>【北电】压架\01MG40.11.10\ZGM113</t>
  </si>
  <si>
    <t>【北电】压架\20MG40.11.10A-J\ZGM113</t>
  </si>
  <si>
    <t>【北电】蓄能器皮囊\MG23.11.14.02\ZGM80</t>
  </si>
  <si>
    <t>【北电】蓄能器皮囊\20MG50.11.14.02\ZGM123</t>
  </si>
  <si>
    <t>【北电】蓄能器皮囊\20MG60.11.14.02\ZGM133</t>
  </si>
  <si>
    <t>【北电】蓄能器皮囊\MG30.11.14.02\ZGM95</t>
  </si>
  <si>
    <t>【北电】蓄能器皮囊\25MG43.11.14.02\ZGM113</t>
  </si>
  <si>
    <t>【北电】拉杆推力关节轴承\200MG31.11.13-10\ZGM95</t>
  </si>
  <si>
    <t>【北电】拉杆推力关节轴承\21MG40.11.13-9\ZGM113</t>
  </si>
  <si>
    <t>【北电】磨辊防磨板\20MG40.11.09.72J\ZGM113</t>
  </si>
  <si>
    <t>【北电】磨辊防磨板\20MG50.11.09.70J\ZGM123</t>
  </si>
  <si>
    <t>【北电】磨辊防磨板\20MG60.11.09.70J\ZGM133</t>
  </si>
  <si>
    <t>【北电】磨辊防磨板\200MG31.11.09.70\ZGM95</t>
  </si>
  <si>
    <t>【北电】磨辊防磨板\MG20.11.09.67\ZGM80</t>
  </si>
  <si>
    <t>【北电】磨辊防磨板\20MG50.11.09.71J\ZGM123</t>
  </si>
  <si>
    <t>【北电】磨辊防磨板\20MG60.11.09.71J\ZGM133</t>
  </si>
  <si>
    <t>【北电】磨辊防磨板\20MG30.11.09.70J\ZGM95</t>
  </si>
  <si>
    <t>【北电】磨辊防磨板\200MG41.11.09.71\ZGM113</t>
  </si>
  <si>
    <t>【北电】磨辊楔环\200MG31.11.09.78\ZGM95</t>
  </si>
  <si>
    <t>【北电】磨辊楔环\MG20.11.09.80\ZGM80</t>
  </si>
  <si>
    <t>【北电】磨辊楔环\20MG50.11.09.78J\ZGM123</t>
  </si>
  <si>
    <t>【北电】磨辊楔环\20MG60.11.09.78J\ZGM133</t>
  </si>
  <si>
    <t>【北电】磨辊楔环\20MG30.11.09.78J\ZGM95</t>
  </si>
  <si>
    <t>【北电】磨辊楔环\200MG41.11.09.78\ZGM113</t>
  </si>
  <si>
    <t>【北电】磨辊楔环\MG40.11.09.78\ZGM113</t>
  </si>
  <si>
    <t>【北电】磨辊楔环\20MG40.11.09.78J\ZGM113</t>
  </si>
  <si>
    <t>【北电】下拉杆\200MG31.11.13.97\ZGM95</t>
  </si>
  <si>
    <t>【北电】拉杆\MG42.11.13.99\ZGM113</t>
  </si>
  <si>
    <t>【北电】磨辊防磨板\MG40.11.09.71\ZGM113</t>
  </si>
  <si>
    <t>【北电】磨辊防磨板\20MG40.11.09.71J\ZGM113</t>
  </si>
  <si>
    <t>【北电】磨辊端盖\200MG31.11.09.79\ZGM95</t>
  </si>
  <si>
    <t>【北电】磨辊端盖\MG20.11.09.03\ZGM80</t>
  </si>
  <si>
    <t>【北电】磨辊端盖\20MG50.11.09.79J\ZGM123</t>
  </si>
  <si>
    <t>【北电】磨辊端盖\20MG60.11.09.79J\ZGM133</t>
  </si>
  <si>
    <t>【北电】磨辊端盖\20MG30.11.09.79J\ZGM95</t>
  </si>
  <si>
    <t>【北电】磨辊端盖\MG40.11.09.79\ZGM113</t>
  </si>
  <si>
    <t>【北电】磨辊端盖\20MG40.11.09.79J\ZGM113</t>
  </si>
  <si>
    <t>【北电】下拉杆\MG23.11.13.98\ZGM80</t>
  </si>
  <si>
    <t>【北电】下拉杆\20MG50.11.13.99\ZGM123</t>
  </si>
  <si>
    <t>【北电】下拉杆\20MG60.11.13.99\ZGM133</t>
  </si>
  <si>
    <t>【北电】下拉杆\20MG30.11.13.97\ZGM95</t>
  </si>
  <si>
    <t>【北电】下拉杆\200MG41.11.13.96\ZGM113</t>
  </si>
  <si>
    <t>【北电】下拉杆\21MG40.11.13.96\ZGM113</t>
  </si>
  <si>
    <t>【北电】稀油站双筒滤芯\MG20.20.03.02\ZGM80</t>
  </si>
  <si>
    <t>【北电】稀油站双筒滤芯\MG60.20.03.02\ZGM133</t>
  </si>
  <si>
    <t>【北电】稀油站双筒滤芯\MG30.20.03.02\ZGM95</t>
  </si>
  <si>
    <t>【北电】紧固螺栓\200MG31.11.09.77\ZGM95</t>
  </si>
  <si>
    <t>【北电】紧固螺栓\MG20.11.09.81\ZGM80</t>
  </si>
  <si>
    <t>【北电】稀油站双筒滤芯\MG40.20.03.02\ZGM113</t>
  </si>
  <si>
    <t>【北电】稀油站螺杆泵\MG60.20.02\ZGM133</t>
  </si>
  <si>
    <t>【北电】稀油站螺杆泵\MG20.20.02\ZGM80</t>
  </si>
  <si>
    <t>【北电】稀油站螺杆泵\MG30.20.02\ZGM95</t>
  </si>
  <si>
    <t>【北电】稀油站螺杆泵\MG40.20.02\ZGM113</t>
  </si>
  <si>
    <t>【北电】紧固螺栓\20MG50.11.09.77J\ZGM123</t>
  </si>
  <si>
    <t>【北电】紧固螺栓\20MG60.11.09.77J\ZGM133</t>
  </si>
  <si>
    <t>【北电】紧固螺栓\20MG30.11.09.77J\ZGM95</t>
  </si>
  <si>
    <t>【北电】紧固螺栓\200MG41.11.09.77\ZGM113</t>
  </si>
  <si>
    <t>【北电】紧固螺栓\MG40.11.09.77\ZGM113</t>
  </si>
  <si>
    <t>【北电】紧固螺栓\20MG40.11.09.77J\ZGM113</t>
  </si>
  <si>
    <t>【北电】铰轴座\200MG31.11.11.99\ZGM95</t>
  </si>
  <si>
    <t>【北电】铰轴座\20MG20.11.11.99\ZGM80</t>
  </si>
  <si>
    <t>【北电】铰轴座\20MG50.11.10.99\ZGM123</t>
  </si>
  <si>
    <t>【北电】电磁换向阀\MG00.21.12\ZGM</t>
  </si>
  <si>
    <t>【北电】压架导向块\200MG31.11.12.07.95\ZGM95</t>
  </si>
  <si>
    <t>【北电】压架导向块\20MG20.11.12.06.96\ZGM80</t>
  </si>
  <si>
    <t>【北电】压架导向块\20MG50.11.12.07.96\ZGM123</t>
  </si>
  <si>
    <t>【北电】压架导向块\20MG60.11.12.07.96\ZGM133</t>
  </si>
  <si>
    <t>【北电】透盖\MG20.11.09.93\ZGM80</t>
  </si>
  <si>
    <t>【北电】透盖\20MG50.11.09.93J\ZGM123</t>
  </si>
  <si>
    <t>【北电】透盖\20MG60.11.09.93J\ZGM133</t>
  </si>
  <si>
    <t>【北电】透盖\20MG30.11.09.93J\ZGM95</t>
  </si>
  <si>
    <t>【北电】磨辊透盖\MG40.11.09.93\ZGM113</t>
  </si>
  <si>
    <t>【北电】磨辊透盖\20MG40.11.09.93J\ZGM113</t>
  </si>
  <si>
    <t>【北电】铰轴座\20MG60.11.10.99\ZGM133</t>
  </si>
  <si>
    <t>【北电】铰轴座\21MG30.11.10.99\ZGM95</t>
  </si>
  <si>
    <t>【北电】铰轴座\200MG41.11.11.99\ZGM113</t>
  </si>
  <si>
    <t>【北电】铰轴座\MG40.11.11.01\ZGM113</t>
  </si>
  <si>
    <t>【北电】铰轴座\20MG40.11.11.01\ZGM113</t>
  </si>
  <si>
    <t>【北电】绞轴\200MG31.11.11.98\ZGM95</t>
  </si>
  <si>
    <t>【北电】铰轴\20MG20.11.11.98\ZGM80</t>
  </si>
  <si>
    <t>【北电】绞轴\20MG50.11.10.98\ZGM123</t>
  </si>
  <si>
    <t>【北电】绞轴\20MG60.11.10.98\ZGM133</t>
  </si>
  <si>
    <t>【北电】压架导向块\20MG30.11.12.07.95\ZGM95</t>
  </si>
  <si>
    <t>【北电】压架导向块\200MG41.11.12.07.96\ZGM113</t>
  </si>
  <si>
    <t>【北电】压架导向块\MG40.11.12.07.96\ZGM113</t>
  </si>
  <si>
    <t>【北电】压架导向块\20MG40.11.12.07.96\ZGM113</t>
  </si>
  <si>
    <t>【北电】压架导向块\200MG31.11.12.07.94\ZGM95</t>
  </si>
  <si>
    <t>【北电】压架导向块\20MG20.11.12.06.95\ZGM80</t>
  </si>
  <si>
    <t>【北电】压架导向块\20MG50.11.12.07.94\ZGM123</t>
  </si>
  <si>
    <t>【北电】压架导向块\20MG60.11.12.07.94\ZGM133</t>
  </si>
  <si>
    <t>【北电】压架导向块\20MG30.11.12.07.94\ZGM95</t>
  </si>
  <si>
    <t>【北电】上拉杆\200MG31.11.13.99\ZGM95</t>
  </si>
  <si>
    <t>【北电】上拉杆\MG23.11.13.99\ZGM80</t>
  </si>
  <si>
    <t>【北电】上拉杆\20MG50.11.13.97\ZGM123</t>
  </si>
  <si>
    <t>【北电】上拉杆\20MG60.11.13.97\ZGM133</t>
  </si>
  <si>
    <t>【北电】上拉杆\21MG30.11.13.99\ZGM95</t>
  </si>
  <si>
    <t>【北电】绞轴\21MG30.11.10.98\ZGM95</t>
  </si>
  <si>
    <t>【北电】绞轴\200MG41.11.11.98\ZGM113</t>
  </si>
  <si>
    <t>【北电】铰轴\MG40.11.11.02\ZGM113</t>
  </si>
  <si>
    <t>【北电】铰轴\20MG40.11.11.02\ZGM113</t>
  </si>
  <si>
    <t>【北电】加载油缸\MG23.11.14\ZGM80</t>
  </si>
  <si>
    <t>【北电】压架导向块\200MG41.11.12.07.95\ZGM113</t>
  </si>
  <si>
    <t>【北电】压架导向块\MG40.11.12.07.95\ZGM113</t>
  </si>
  <si>
    <t>【北电】压架导向块\20MG40.11.12.07.95\ZGM113</t>
  </si>
  <si>
    <t>【北电】机壳导向板\200MG31.11.12.07.99\ZGM95</t>
  </si>
  <si>
    <t>【北电】机壳导向板\20MG20.11.12.06.99\ZGM80</t>
  </si>
  <si>
    <t>【北电】机壳导向板\20MG50.11.12.07.99\ZGM123</t>
  </si>
  <si>
    <t>【北电】机壳导向板\20MG60.11.12.07.99\ZGM133</t>
  </si>
  <si>
    <t>【北电】机壳导向板\20MG30.11.12.07.99\ZGM95</t>
  </si>
  <si>
    <t>【北电】机壳导向板\200MG41.11.12.07.99\ZGM113</t>
  </si>
  <si>
    <t>【北电】喷嘴静环\20MG43.11.08.99J-FF\ZGM113</t>
  </si>
  <si>
    <t>【北电】喷嘴静环\171MG43.11.08.99\ZGM113</t>
  </si>
  <si>
    <t>【北电】喷嘴静环\MG42.11.08.99\ZGM113</t>
  </si>
  <si>
    <t>【北电】喷嘴静环\200MG41.11.08.99F\ZGM113</t>
  </si>
  <si>
    <t>【北电】喷嘴静环\22MG43.11.08.04F\ZGM113</t>
  </si>
  <si>
    <t>【北电】喷嘴动环\20MG43.11.08.03AJ-F\ZGM113</t>
  </si>
  <si>
    <t>【北电】喷嘴动环\MG42.11.08.01\ZGM113</t>
  </si>
  <si>
    <t>【北电】喷嘴动环\171MG43.11.08.03J\ZGM113</t>
  </si>
  <si>
    <t>【北电】喷嘴动环\22MG43.11.08.03\ZGM113</t>
  </si>
  <si>
    <t>【北电】喷嘴静环\21MG32.11.08.99J\ZGM95</t>
  </si>
  <si>
    <t>【北电】喷嘴静环\21MG33.11.08.99J\ZGM95</t>
  </si>
  <si>
    <t>【北电】喷嘴静环\21MG33.11.08.99J-F\ZGM95</t>
  </si>
  <si>
    <t>【北电】喷嘴静环\22MG33.11.08.99J\ZGM95</t>
  </si>
  <si>
    <t>【北电】喷嘴动环\21MG33.11.08.98J\ZGM95</t>
  </si>
  <si>
    <t>【北电】喷嘴动环\MG33.11.08.98\ZGM95</t>
  </si>
  <si>
    <t>【北电】喷嘴动环\21MG32.11.08.98J\ZGM95</t>
  </si>
  <si>
    <t>【北电】喷嘴动环\20MG63.11.08.92BJ-F\ZGM133</t>
  </si>
  <si>
    <t>【北电】喷嘴动环\20MG62.11.08.92BJ-F\ZGM133</t>
  </si>
  <si>
    <t>【北电】喷嘴动环\300MG53.11.08.92JF\ZGM123</t>
  </si>
  <si>
    <t>【北电】喷嘴动环\MG23.11.08.99\ZGM80</t>
  </si>
  <si>
    <t>【北电】喷嘴动环\200MG31.11.08.92A/B\ZGM95</t>
  </si>
  <si>
    <t>【北电】喷嘴动环\200MG41.11.08.92F\ZGM113</t>
  </si>
  <si>
    <t>【北电】喷嘴静环\300MG53.11.08.99JF\ZGM123</t>
  </si>
  <si>
    <t>【北电】喷嘴静环\20MG62.11.08.99JF\ZGM133</t>
  </si>
  <si>
    <t>【北电】喷嘴静环\20MG63.11.08.99JF\ZGM133</t>
  </si>
  <si>
    <t>【北电】喷嘴静环\MG23.11.08.98\ZGM80</t>
  </si>
  <si>
    <t>【北电】喷嘴静环\200MG31.11.08.99\ZGM95</t>
  </si>
  <si>
    <t>【北电】拉杆密封\20MG40.11.12.06-D\ZGM113</t>
  </si>
  <si>
    <t>【北电】拉杆密封\20MG40.11.12.06A\ZGM113</t>
  </si>
  <si>
    <t>【北电】磨辊密封风管\20MG40.11.23J\ZGM113</t>
  </si>
  <si>
    <t>【北电】磨辊密封风管\20MG40.11.23\ZGM113</t>
  </si>
  <si>
    <t>【北电】磨辊密封风管\MG42.11.23\ZGM113</t>
  </si>
  <si>
    <t>【北电】碳精环\20MG40.11.06.98\ZGM113</t>
  </si>
  <si>
    <t>【北电】碳精环\MG40.11.06.98\ZGM113</t>
  </si>
  <si>
    <t>【北电】拉杆密封\21MG30.11.12.06A\ZGM95</t>
  </si>
  <si>
    <t>【北电】磨辊密封风管\20MG30.11.23J\ZGM95</t>
  </si>
  <si>
    <t>【北电】磨辊密封风管\20MG30.11.23\ZGM95</t>
  </si>
  <si>
    <t>【北电】磨辊密封风管\21MG30.11.23\ZGM95</t>
  </si>
  <si>
    <t>【北电】碳精环\20MG30.11.06.93\ZGM95</t>
  </si>
  <si>
    <t>【北电】拉杆密封\200MG41.11.12.06\ZGM113</t>
  </si>
  <si>
    <t>【北电】拉杆密封\20MG60.11.12.06J\ZGM133</t>
  </si>
  <si>
    <t>【北电】拉杆密封\20MG50.11.12.06J\ZGM123</t>
  </si>
  <si>
    <t>【北电】拉杆密封\20MG20.11.12.07A\ZGM80</t>
  </si>
  <si>
    <t>【北电】拉杆密封\200MG31.11.12.06\ZGM95</t>
  </si>
  <si>
    <t>【北电】磨辊密封风管\20MG60.11.23\ZGM133</t>
  </si>
  <si>
    <t>【北电】磨辊密封风管\20MG50.11.23\ZGM123</t>
  </si>
  <si>
    <t>【北电】磨辊密封风管\MG20.11.23\ZGM80</t>
  </si>
  <si>
    <t>【北电】磨辊密封风管\200MG31.11.23\ZGM95</t>
  </si>
  <si>
    <t>【北电】碳精环\200MG41.11.06.98\ZGM113</t>
  </si>
  <si>
    <t>【北电】碳精环\MG60.11.06.97\ZGM133</t>
  </si>
  <si>
    <t>【北电】碳精环\20MG50.11.06.97\ZGM123</t>
  </si>
  <si>
    <t>【北电】碳精环\MG23.11.06.01.96\ZGM80</t>
  </si>
  <si>
    <t>【北电】骨架油封\20MG43.11.09J-36\ZGM113</t>
  </si>
  <si>
    <t>【北电】骨架油封\20MG42.11.09J-36\ZGM113</t>
  </si>
  <si>
    <t>【北电】骨架油封\200MG41.11.09-36\ZGM113</t>
  </si>
  <si>
    <t>【北电】骨架油封\20MG33.11.09-36\ZGM95</t>
  </si>
  <si>
    <t>【北电】骨架油封\20MG32.11.09-34\ZGM95</t>
  </si>
  <si>
    <t>【北电】骨架油封\200MG31.11.09-34\ZGM95</t>
  </si>
  <si>
    <t>【北电】骨架油封\20MG63.11.09J-35\ZGM133</t>
  </si>
  <si>
    <t>【北电】骨架油封\20MG62.11.09J-35\ZGM133</t>
  </si>
  <si>
    <t>【北电】骨架油封\300MG53.11.09-35\ZGM123</t>
  </si>
  <si>
    <t>【北电】骨架油封\MG23.11.09-36\ZGM80</t>
  </si>
  <si>
    <t>【北电】高压油站油泵密封件\MG40.21.02.01\ZGM113</t>
  </si>
  <si>
    <t>【北电】高压油站油泵密封件\MG30.21.02.01\ZGM95</t>
  </si>
  <si>
    <t>【北电】高压油站油泵密封件\MG60.21.02.01\ZGM133</t>
  </si>
  <si>
    <t>【北电】高压油站油泵密封件\MG20.21.02.01\ZGM80</t>
  </si>
  <si>
    <t>【北电】稀油站螺杆泵机密\MG40.20.02.01\ZGM113</t>
  </si>
  <si>
    <t>【北电】稀油站螺杆泵机密\MG30.20.02.01\ZGM95</t>
  </si>
  <si>
    <t>【北电】稀油站螺杆泵机密\MG20.20.02.01\ZGM80</t>
  </si>
  <si>
    <t>【北电】稀油站螺杆泵机密\MG60.20.02.01\ZGM133</t>
  </si>
  <si>
    <t>【北电】稀油站密封件\MG30.20.01\ZGM95</t>
  </si>
  <si>
    <t>【北电】稀油站密封件\MG40.20.01\ZGM113</t>
  </si>
  <si>
    <t>【北电】稀油站密封件\MG60.20.01\ZGM133</t>
  </si>
  <si>
    <t>【北电】稀油站密封件\MG50.20.01\ZGM123</t>
  </si>
  <si>
    <t>【北电】稀油站密封件\MG20.20.01\ZGM80</t>
  </si>
  <si>
    <t>【北电】加载油缸密封件\20MG40.11.14.01\ZGM113</t>
  </si>
  <si>
    <t>【北电】加载油缸密封件\20MG30.11.14.01\ZGM95</t>
  </si>
  <si>
    <t>【北电】加载油缸密封件\20MG60.11.14.01\ZGM133</t>
  </si>
  <si>
    <t>【北电】加载油缸密封件\MG23.11.14.01\ZGM80</t>
  </si>
  <si>
    <t>【北电】液动换向阀密封\MG00.11.19.0108\ZGM</t>
  </si>
  <si>
    <t>【北电】O型密封圈\20MG43.11.09J-40\ZGM113</t>
  </si>
  <si>
    <t>【北电】O型密封圈\20MG43.11.09J-35\ZGM113</t>
  </si>
  <si>
    <t>【北电】O型密封圈\20MG43.11.09J-12\ZGM113</t>
  </si>
  <si>
    <t>【北电】O型密封圈\20MG33.11.09J-42\ZGM95</t>
  </si>
  <si>
    <t>【北电】O型密封圈\20MG33.11.09J-10\ZGM95</t>
  </si>
  <si>
    <t>【北电】O型密封圈\20MG33.11.09-34\ZGM95</t>
  </si>
  <si>
    <t>【北电】O型密封圈\200MG31.11.09-32\ZGM95</t>
  </si>
  <si>
    <t>【北电】O型密封圈\20MG63.11.09J-11\ZGM133</t>
  </si>
  <si>
    <t>【北电】O型密封圈\20MG63.11.09J-34\ZGM133</t>
  </si>
  <si>
    <t>【北电】O型密封圈\20MG63.11.09J-43\ZGM133</t>
  </si>
  <si>
    <t>【北电】O型密封圈\300MG53.11.09-11\ZGM123</t>
  </si>
  <si>
    <t>【北电】O型密封圈\300MG53.11.09-34\ZGM123</t>
  </si>
  <si>
    <t>【北电】O型密封圈\300MG53.11.09-42\ZGM123</t>
  </si>
  <si>
    <t>【北电】O型密封圈\20MG23.11.09-9\ZGM80</t>
  </si>
  <si>
    <t>【北电】O型密封圈\20MG23.11.09J-34\ZGM80</t>
  </si>
  <si>
    <t>【北电】O型密封圈\20MG23.11.09J-45\ZGM80</t>
  </si>
  <si>
    <t>【北电】板式冷油器\MG00.21.22\ZGM</t>
  </si>
  <si>
    <t>【北电】比例阀\MG00.21.14\ZGM</t>
  </si>
  <si>
    <t>【北电】比例溢流阀放大器\MG00.21.14.01\ZGM</t>
  </si>
  <si>
    <t>【北电】比例溢流阀放大器\20MG00.21.14.01\ZGM</t>
  </si>
  <si>
    <t>【北电】比例溢流阀设定数据线\MG00.21.14.02\ZGM</t>
  </si>
  <si>
    <t>【北电】比例溢流阀设定数据线\20MG00.21.14.02\ZGM</t>
  </si>
  <si>
    <t>【北电】衬板\ZGM95G-09-01\ZGM95</t>
  </si>
  <si>
    <t>【北电】衬板吊装工具\MG00.62\ZGM</t>
  </si>
  <si>
    <t>【北电】承力侧导向装置垫片组\07MG20.11.12.07.97\ZGM80</t>
  </si>
  <si>
    <t>【北电】承力侧导向装置垫片组\07MG30.11.12.07.97\ZGM95</t>
  </si>
  <si>
    <t>【北电】承力侧导向装置垫片组\07MG40.11.12.07.97\ZGM113</t>
  </si>
  <si>
    <t>【北电】承力侧导向装置垫片组\07MG50.11.12.07.97\ZGM123</t>
  </si>
  <si>
    <t>【北电】承力侧导向装置垫片组\07MG60.11.12.07.97\ZGM133</t>
  </si>
  <si>
    <t>【北电】传动盘\200MG21.11.07.97\ZGM80</t>
  </si>
  <si>
    <t>【北电】传动盘\20MG20.11.07.97\ZGM80</t>
  </si>
  <si>
    <t>【北电】传动盘\200MG31.11.07.97\ZGM95</t>
  </si>
  <si>
    <t>【北电】传动盘\20MG30.11.07.97\ZGM95</t>
  </si>
  <si>
    <t>【北电】传动盘\200MG41.11.07.97\ZGM113</t>
  </si>
  <si>
    <t>【北电】传动盘\20MG40.11.07.97\ZGM113</t>
  </si>
  <si>
    <t>【北电】传动盘\300MG51.11.07.97\ZGM123</t>
  </si>
  <si>
    <t>【北电】传动盘\20MG50.11.07.97\ZGM123</t>
  </si>
  <si>
    <t>【北电】传动盘\300MG61.11.07.97\ZGM133</t>
  </si>
  <si>
    <t>【北电】传动盘\20MG60.11.07.97\ZGM133</t>
  </si>
  <si>
    <t>【北电】传动销\20MG20.11.07.98\ZGM80</t>
  </si>
  <si>
    <t>【北电】传动销\20MG30.11.07.98\ZGM95</t>
  </si>
  <si>
    <t>【北电】传动销\20MG40.11.07.98\ZGM113</t>
  </si>
  <si>
    <t>【北电】传动销\20MG50.11.07.98\ZGM123</t>
  </si>
  <si>
    <t>【北电】传动销\20MG60.11.07.98\ZGM133</t>
  </si>
  <si>
    <t>【北电】传感高压油站式液位计\MG00.21.29\ZGM</t>
  </si>
  <si>
    <t>【北电】电磁阀\MG00.21.26\ZGM</t>
  </si>
  <si>
    <t>【北电】叠加式节流阀\MG00.21.31\ZGM</t>
  </si>
  <si>
    <t>【北电】碟形弹簧\MG20.11.08-19\ZGM</t>
  </si>
  <si>
    <t>【北电】碟形弹簧\MG40.11.08-19\ZGM</t>
  </si>
  <si>
    <t>【北电】顶块\20MG20.11.13.98\ZGM80</t>
  </si>
  <si>
    <t>【北电】顶块\20MG30.11.13.98\ZGM95</t>
  </si>
  <si>
    <t>【北电】顶块\20MG40.11.13.98\ZGM113</t>
  </si>
  <si>
    <t>【北电】顶块\20MG50.11.13.98\ZGM123</t>
  </si>
  <si>
    <t>【北电】顶块\20MG60.11.13.98\ZGM133</t>
  </si>
  <si>
    <t>【北电】阀用螺栓组件\MG00.21.19\ZGM</t>
  </si>
  <si>
    <t>【北电】非承力侧导向装置垫片组\07MG20.11.12.07.92\ZGM80</t>
  </si>
  <si>
    <t>【北电】非承力侧导向装置垫片组\07MG30.11.12.07.92\ZGM95</t>
  </si>
  <si>
    <t>【北电】非承力侧导向装置垫片组\07MG40.11.12.07.92\ZGM113</t>
  </si>
  <si>
    <t>【北电】非承力侧导向装置垫片组\07MG50.11.12.07.92\ZGM123</t>
  </si>
  <si>
    <t>【北电】非承力侧导向装置垫片组\07MG60.11.12.07.92\ZGM133</t>
  </si>
  <si>
    <t>【北电】分段动环\20MG20.11.08.92FD\ZGM80</t>
  </si>
  <si>
    <t>【北电】分段动环\20MG30.11.08.92FD\ZGM95</t>
  </si>
  <si>
    <t>【北电】分段动环\20MG40.11.08.92FD\ZGM113</t>
  </si>
  <si>
    <t>【北电】分段动环\20MG50.11.08.92FD\ZGM123</t>
  </si>
  <si>
    <t>【北电】分段动环\20MG60.11.08.92FD\ZGM133</t>
  </si>
  <si>
    <t>【北电】分段静环\20MG20.11.08.99FD\ZGM80</t>
  </si>
  <si>
    <t>【北电】分段静环\20MG30.11.08.99FD\ZGM95</t>
  </si>
  <si>
    <t>【北电】分段静环\20MG40.11.08.99FD\ZGM113</t>
  </si>
  <si>
    <t>【北电】分段静环\20MG50.11.08.99FD\ZGM123</t>
  </si>
  <si>
    <t>【北电】分段静环\20MG60.11.08.99FD\ZGM133</t>
  </si>
  <si>
    <t>【北电】分离器滚柱小车\MG00.68\ZGM</t>
  </si>
  <si>
    <t>【北电】复合衬板\MG23.11.08.96-DH\ZGM80</t>
  </si>
  <si>
    <t>【北电】复合衬板\200MG31.11.08.98DH\ZGM95</t>
  </si>
  <si>
    <t>【北电】复合衬板\21MG32.11.08.98-DH\ZGM95</t>
  </si>
  <si>
    <t>【北电】复合衬板\20MG33.11.08.97BZ-DH\ZGM95</t>
  </si>
  <si>
    <t>【北电】复合衬板\200MG41.11.08.98DH\ZGM113</t>
  </si>
  <si>
    <t>【北电】复合衬板\MG42.11.08.98DH\ZGM113</t>
  </si>
  <si>
    <t>【北电】复合衬板\21MG43.11.08.98J-DH\ZGM113</t>
  </si>
  <si>
    <t>【北电】复合衬板\20MG43.11.08.98J-DH\ZGM113</t>
  </si>
  <si>
    <t>【北电】复合衬板\20MG62.11.08.98J-DH\ZGM133</t>
  </si>
  <si>
    <t>【北电】复合衬板\20MG63.11.08.98J-DH\ZGM133</t>
  </si>
  <si>
    <t>【北电】复合衬板\300MG53.11.08.98J-DH\ZGM123</t>
  </si>
  <si>
    <t>【北电】高压过滤器\MG00.21.13\ZGM</t>
  </si>
  <si>
    <t>【北电】高压过滤器\20MG00.21.13\ZGM</t>
  </si>
  <si>
    <t>【北电】高压过滤器\21MG00.21.13\ZGM</t>
  </si>
  <si>
    <t>【北电】高压滤芯\22MG00.21.13.01\ZGM</t>
  </si>
  <si>
    <t>【北电】高压滤芯\20MG00.21.13.01\ZGM</t>
  </si>
  <si>
    <t>【北电】高压滤芯\21MG00.21.13.01\ZGM</t>
  </si>
  <si>
    <t>【北电】高压滤油器\22MG00.21.13\ZGM</t>
  </si>
  <si>
    <t>【北电】高压滤油器\23MG00.21.13\ZGM</t>
  </si>
  <si>
    <t>【北电】高压滤油器滤芯\24MG00.21.13.01\ZGM</t>
  </si>
  <si>
    <t>【北电】高压滤油器切换阀\MG00.21.13.02\ZGM</t>
  </si>
  <si>
    <t>【北电】高压油站比例阀\21MG00.21.14\ZGM</t>
  </si>
  <si>
    <t>【北电】高压油站测压接头\MG00.21.21\ZGM</t>
  </si>
  <si>
    <t>【北电】高压油站差压开关\MG00.21.06\ZGM</t>
  </si>
  <si>
    <t>【北电】高压油站齿轮阀\MG00.21.11\ZGM</t>
  </si>
  <si>
    <t>【北电】高压油站单向阀\MG00.21.09\ZGM</t>
  </si>
  <si>
    <t>【北电】高压油站单向阀\20MG00.21.09\ZGM</t>
  </si>
  <si>
    <t>【北电】高压油站单向阀\21MG00.21.09\ZGM</t>
  </si>
  <si>
    <t>【北电】高压油站单向阀\22MG00.21.09\ZGM</t>
  </si>
  <si>
    <t>【北电】高压油站单向阀\23MG00.21.09\ZGM</t>
  </si>
  <si>
    <t>【北电】高压油站单向阀\24MG00.21.09\ZGM</t>
  </si>
  <si>
    <t>【北电】高压油站单向阀\25MG00.21.09\ZGM</t>
  </si>
  <si>
    <t>【北电】高压油站单向阀\26MG00.21.09\ZGM</t>
  </si>
  <si>
    <t>【北电】高压油站单向阀\27MG00.21.09\ZGM</t>
  </si>
  <si>
    <t>【北电】高压油站单向阀\28MG00.21.09\ZGM</t>
  </si>
  <si>
    <t>【北电】高压油站单向阀\29MG00.21.09\ZGM</t>
  </si>
  <si>
    <t>【北电】高压油站单向节流阀\MG00.21.32\ZGM</t>
  </si>
  <si>
    <t>【北电】高压油站单向节流阀\20MG00.21.32\ZGM</t>
  </si>
  <si>
    <t>【北电】高压油站电磁阀\MG00.21.15\ZGM</t>
  </si>
  <si>
    <t>【北电】高压油站电磁阀\20MG00.21.15\ZGM</t>
  </si>
  <si>
    <t>【北电】高压油站电磁阀\21MG00.21.15\ZGM</t>
  </si>
  <si>
    <t>【北电】高压油站电磁换向阀\20MG00.21.12\ZGM</t>
  </si>
  <si>
    <t>【北电】高压油站电磁换向阀\21MG00.21.12\ZGM</t>
  </si>
  <si>
    <t>【北电】高压油站电磁换向阀\22MG00.21.12\ZGM</t>
  </si>
  <si>
    <t>【北电】高压油站电磁换向阀\23MG00.21.12\ZGM</t>
  </si>
  <si>
    <t>【北电】高压油站电磁换向阀\24MG00.21.12\ZGM</t>
  </si>
  <si>
    <t>【北电】高压油站电磁换向阀\25MG00.21.12\ZGM</t>
  </si>
  <si>
    <t>【北电】高压油站电磁换向阀\26MG00.21.12\ZGM</t>
  </si>
  <si>
    <t>【北电】高压油站电磁换向阀\27MG00.21.12\ZGM</t>
  </si>
  <si>
    <t>【北电】高压油站电磁换向阀\28MG00.21.12\ZGM</t>
  </si>
  <si>
    <t>【北电】高压油站电磁换向阀\29MG00.21.12\ZGM</t>
  </si>
  <si>
    <t>【北电】高压油站电磁换向阀\30MG00.21.12\ZGM</t>
  </si>
  <si>
    <t>【北电】高压油站电磁换向阀\31MG00.21.12\ZGM</t>
  </si>
  <si>
    <t>【北电】高压油站电磁换向阀\32MG00.21.12\ZGM</t>
  </si>
  <si>
    <t>【北电】高压油站电磁换向阀\33MG00.21.12\ZGM</t>
  </si>
  <si>
    <t>【北电】高压油站电磁溢流阀\22MG00.21.15\ZGM</t>
  </si>
  <si>
    <t>【北电】高压油站电磁溢流阀\23MG00.21.15\ZGM</t>
  </si>
  <si>
    <t>【北电】高压油站电磁溢流阀\24MG00.21.15\ZGM</t>
  </si>
  <si>
    <t>【北电】高压油站电磁溢流阀\25MG00.21.15\ZGM</t>
  </si>
  <si>
    <t>【北电】高压油站电磁溢流阀\26MG00.21.15\ZGM</t>
  </si>
  <si>
    <t>【北电】高压油站电加热器\MG00.21.20\ZGM</t>
  </si>
  <si>
    <t>【北电】高压油站电加热器\20MG00.21.20\ZGM</t>
  </si>
  <si>
    <t>【北电】高压油站电加热器\21MG00.21.20\ZGM</t>
  </si>
  <si>
    <t>【北电】高压油站换向阀\MG40.21.12\ZGM113</t>
  </si>
  <si>
    <t>【北电】高压油站回油过滤器\MG00.21.30\ZGM</t>
  </si>
  <si>
    <t>【北电】高压油站加载电机\MG00.21.01\ZGM</t>
  </si>
  <si>
    <t>【北电】高压油站加载油泵\MG00.21.02\ZGM</t>
  </si>
  <si>
    <t>【北电】高压油站加载油泵\20MG00.21.02\ZGM</t>
  </si>
  <si>
    <t>【北电】高压油站加载油泵\21MG00.21.02\ZGM</t>
  </si>
  <si>
    <t>【北电】高压油站节流阀\21MG00.21.32\ZGM</t>
  </si>
  <si>
    <t>【北电】高压油站冷却器\MG00.21.25\ZGM</t>
  </si>
  <si>
    <t>【北电】高压油站冷油器\20MG00.21.22\ZGM</t>
  </si>
  <si>
    <t>【北电】高压油站冷油器\21MG00.21.22\ZGM</t>
  </si>
  <si>
    <t>【北电】高压油站冷油器\22MG00.21.22\ZGM</t>
  </si>
  <si>
    <t>【北电】高压油站联轴器\MG00.21.01.01\ZGM</t>
  </si>
  <si>
    <t>【北电】高压油站联轴器\20MG00.21.01.01\ZGM</t>
  </si>
  <si>
    <t>【北电】高压油站联轴器\21MG00.21.01.01\ZGM</t>
  </si>
  <si>
    <t>【北电】高压油站流量阀\MG00.21.18\ZGM</t>
  </si>
  <si>
    <t>【北电】高压油站流量阀\20MG00.21.18\ZGM</t>
  </si>
  <si>
    <t>【北电】高压油站流量控制阀\MG00.21.33\ZGM</t>
  </si>
  <si>
    <t>【北电】高压油站滤芯\25MG00.21.13.01\ZGM</t>
  </si>
  <si>
    <t>【北电】高压油站滤芯\26MG00.21.13.01\ZGM</t>
  </si>
  <si>
    <t>【北电】高压油站滤芯\27MG00.21.13.01\ZGM</t>
  </si>
  <si>
    <t>【北电】高压油站滤油器\24MG00.21.13\ZGM</t>
  </si>
  <si>
    <t>【北电】高压油站滤油器\25MG00.21.13\ZGM</t>
  </si>
  <si>
    <t>【北电】高压油站滤油器\26MG00.21.13\ZGM</t>
  </si>
  <si>
    <t>【北电】高压油站滤油器\27MG00.21.13\ZGM</t>
  </si>
  <si>
    <t>【北电】高压油站软管\MG00.21.10\ZGM</t>
  </si>
  <si>
    <t>【北电】高压油站软管\20MG00.21.10\ZGM</t>
  </si>
  <si>
    <t>【北电】高压油站软管\21MG00.21.10\ZGM</t>
  </si>
  <si>
    <t>【北电】高压油站软管\22MG00.21.10\ZGM</t>
  </si>
  <si>
    <t>【北电】高压油站软管\23MG00.21.10\ZGM</t>
  </si>
  <si>
    <t>【北电】高压油站软管\24MG00.21.10\ZGM</t>
  </si>
  <si>
    <t>【北电】高压油站软管\25MG00.21.10\ZGM</t>
  </si>
  <si>
    <t>【北电】高压油站软管\26MG00.21.10\ZGM</t>
  </si>
  <si>
    <t>【北电】高压油站软管\27MG00.21.10\ZGM</t>
  </si>
  <si>
    <t>【北电】高压油站软管\28MG00.21.10\ZGM</t>
  </si>
  <si>
    <t>【北电】高压油站软管\29MG00.21.10\ZGM</t>
  </si>
  <si>
    <t>【北电】高压油站软管\30MG00.21.10\ZGM</t>
  </si>
  <si>
    <t>【北电】高压油站软管\31MG00.21.10\ZGM</t>
  </si>
  <si>
    <t>【北电】高压油站软管\32MG00.21.10\ZGM</t>
  </si>
  <si>
    <t>【北电】高压油站软管\33MG00.21.10\ZGM</t>
  </si>
  <si>
    <t>【北电】高压油站软管\34MG00.21.10\ZGM</t>
  </si>
  <si>
    <t>【北电】高压油站手动阀\MG00.21.17\ZGM</t>
  </si>
  <si>
    <t>【北电】高压油站手动换向阀\20MG00.21.17\ZGM</t>
  </si>
  <si>
    <t>【北电】高压油站手动换向阀\21MG00.21.17\ZGM</t>
  </si>
  <si>
    <t>【北电】高压油站手动换向阀\22MG00.21.17\ZGM</t>
  </si>
  <si>
    <t>【北电】高压油站吸油过滤器滤芯\21MG00.21.35.01\ZGM</t>
  </si>
  <si>
    <t>【北电】高压油站压力表\MG00.21.05\ZGM</t>
  </si>
  <si>
    <t>【北电】高压油站压力表开关\MG00.21.07\ZGM</t>
  </si>
  <si>
    <t>【北电】高压油站压力表开关\20MG00.21.07\ZGM</t>
  </si>
  <si>
    <t>【北电】高压油站压力开关\21MG00.21.07\ZGM</t>
  </si>
  <si>
    <t>【北电】高压油站压力调节器\MG00.21.08\ZGM</t>
  </si>
  <si>
    <t>【北电】高压油站液位计\20MG00.21.29\ZGM</t>
  </si>
  <si>
    <t>【北电】高压油站液位计\21MG00.21.29\ZGM</t>
  </si>
  <si>
    <t>【北电】高压油站液位计\22MG00.21.29\ZGM</t>
  </si>
  <si>
    <t>【北电】高压油站溢流阀\MG00.21.16\ZGM</t>
  </si>
  <si>
    <t>【北电】高压油站溢流阀\20MG00.21.16\ZGM</t>
  </si>
  <si>
    <t>【北电】高压油站溢流阀\21MG00.21.16\ZGM</t>
  </si>
  <si>
    <t>【北电】高压油站溢流阀\22MG00.21.16\ZGM</t>
  </si>
  <si>
    <t>【北电】高压油站溢流阀\23MG00.21.16\ZGM</t>
  </si>
  <si>
    <t>【北电】高压油站溢流阀\24MG00.21.16\ZGM</t>
  </si>
  <si>
    <t>【北电】高压油站溢流阀\25MG00.21.16\ZGM</t>
  </si>
  <si>
    <t>【北电】高压油站溢流阀\26MG00.21.16\ZGM</t>
  </si>
  <si>
    <t>【北电】高压油站溢流阀\27MG00.21.16\ZGM</t>
  </si>
  <si>
    <t>【北电】高压油站溢流阀\28MG00.21.16\ZGM</t>
  </si>
  <si>
    <t>【北电】高压油站溢流阀\29MG00.21.16\ZGM</t>
  </si>
  <si>
    <t>【北电】高压油站溢流阀\30MG00.21.16\ZGM</t>
  </si>
  <si>
    <t>【北电】高压油站溢流阀\31MG00.21.16\ZGM</t>
  </si>
  <si>
    <t>【北电】高压油站溢流阀\32MG00.21.16\ZGM</t>
  </si>
  <si>
    <t>【北电】回油过滤器\20MG00.21.30\ZGM</t>
  </si>
  <si>
    <t>【北电】回油过滤器\21MG00.21.30\ZGM</t>
  </si>
  <si>
    <t>【北电】回油过滤器滤芯\20MG00.21.30.01\ZGM</t>
  </si>
  <si>
    <t>【北电】回油滤芯\22MG00.21.30.01\ZGM</t>
  </si>
  <si>
    <t>【北电】回油滤芯\23MG00.21.30.01\ZGM</t>
  </si>
  <si>
    <t>【北电】回油滤芯\24MG00.21.30.01\ZGM</t>
  </si>
  <si>
    <t>【北电】机座密封上密封环\07MG60.11.06.03\ZGM133</t>
  </si>
  <si>
    <t>【北电】机座密封下密封环\07MG60.11.06.04\ZGM133</t>
  </si>
  <si>
    <t>【北电】加载油泵\22MG00.21.02\ZGM</t>
  </si>
  <si>
    <t>【北电】加载油泵\MG10.21.02\ZGM</t>
  </si>
  <si>
    <t>【北电】加载油泵\20MG30.21.02\ZGM</t>
  </si>
  <si>
    <t>【北电】加载油泵\20MG40.21.02\ZGM</t>
  </si>
  <si>
    <t>【北电】加载油泵\21MG30.21.02\ZGM</t>
  </si>
  <si>
    <t>【北电】加载油泵\20MG60.21.02\ZGM</t>
  </si>
  <si>
    <t>【北电】加载油缸\MG08.11.14\ZGM50</t>
  </si>
  <si>
    <t>【北电】加载油缸\02MG10.11.14\ZGM65</t>
  </si>
  <si>
    <t>【北电】加载油缸\28MG20.11.14\ZGM80</t>
  </si>
  <si>
    <t>【北电】加载油缸\28MG20.11.14-1\ZGM80</t>
  </si>
  <si>
    <t>【北电】加载油缸\30MG30.11.14\ZGM95</t>
  </si>
  <si>
    <t>【北电】加载油缸\30MG30.11.14-1\ZGM95</t>
  </si>
  <si>
    <t>【北电】加载油缸\MG33.11.14-1\ZGM95</t>
  </si>
  <si>
    <t>【北电】加载油缸\26MG40.11.14\ZGM113</t>
  </si>
  <si>
    <t>【北电】加载油缸\21MG40.11.14\ZGM113</t>
  </si>
  <si>
    <t>【北电】加载油缸\21MG40.11.14-1\ZGM113</t>
  </si>
  <si>
    <t>【北电】加载油缸\27MG50.11.14\ZGM123</t>
  </si>
  <si>
    <t>【北电】加载油缸\21MG60.11.14\ZGM133</t>
  </si>
  <si>
    <t>【北电】加载油缸\21MG60.11.14-1\ZGM133</t>
  </si>
  <si>
    <t>【北电】加载油缸放气阀\MG00.11.14.02\ZGM</t>
  </si>
  <si>
    <t>【北电】加载油缸密封件\MG08.11.14.01\ZGM50</t>
  </si>
  <si>
    <t>【北电】加载油缸密封件\MG10.11.14.01\ZGM65</t>
  </si>
  <si>
    <t>【北电】加载油缸密封件\MG20.11.14.01\ZGM80</t>
  </si>
  <si>
    <t>【北电】加载油缸密封件\MG30.11.14.01\ZGM95</t>
  </si>
  <si>
    <t>【北电】加载油缸密封件\MG40.11.14.01\ZGM113</t>
  </si>
  <si>
    <t>【北电】加载油缸密封件\21MG40.11.14.01\ZGM113</t>
  </si>
  <si>
    <t>【北电】加载油缸密封件\22MG40.11.14.01\ZGM113</t>
  </si>
  <si>
    <t>【北电】加载油缸密封件\MG50.11.14.01\ZGM123</t>
  </si>
  <si>
    <t>【北电】加载油缸密封件\MG60.11.14.01\ZGM133</t>
  </si>
  <si>
    <t>【北电】减速机伞齿\MG00.11.03.01\ZGM</t>
  </si>
  <si>
    <t>【北电】减速机斜齿轴(输入轴)\MG00.11.03.02\ZGM</t>
  </si>
  <si>
    <t>【北电】铰轴装置\20MG20.11.11\ZGM80</t>
  </si>
  <si>
    <t>【北电】铰轴装置\20MG30.11.11\ZGM95</t>
  </si>
  <si>
    <t>【北电】铰轴装置\20MG40.11.11\ZGM113</t>
  </si>
  <si>
    <t>【北电】铰轴装置\20MG50.11.11\ZGM123</t>
  </si>
  <si>
    <t>【北电】铰轴装置\20MG60.11.11\ZGM133</t>
  </si>
  <si>
    <t>【北电】空气滤清器\MG00.21.23\ZGM</t>
  </si>
  <si>
    <t>【北电】扣压式胶管\MG00.21.24\ZGM</t>
  </si>
  <si>
    <t>【北电】扣压式胶管\20MG00.21.24\ZGM</t>
  </si>
  <si>
    <t>【北电】扣压式胶管\21MG00.21.24\ZGM</t>
  </si>
  <si>
    <t>【北电】扣压式胶管\22MG00.21.24\ZGM</t>
  </si>
  <si>
    <t>【北电】扣压式胶管\MG00.21.28\ZGM</t>
  </si>
  <si>
    <t>【北电】拉杆下密封压盖\20MG40.11.12.06.01.99\ZGM113</t>
  </si>
  <si>
    <t>【北电】螺杆泵机械密封\20MG20.20.02.01\ZGM80</t>
  </si>
  <si>
    <t>【北电】螺杆泵机械密封\20MG30.20.02.01\ZGM95</t>
  </si>
  <si>
    <t>【北电】螺杆泵机械密封\20MG40.20.02.01\ZGM113</t>
  </si>
  <si>
    <t>【北电】螺杆泵机械密封\20MG50.20.02.01\ZGM123</t>
  </si>
  <si>
    <t>【北电】螺杆泵机械密封\21MG20.20.02.01\ZGM80</t>
  </si>
  <si>
    <t>【北电】螺杆泵机械密封\21MG30.20.02.01\ZGM95</t>
  </si>
  <si>
    <t>【北电】螺杆泵机械密封\21MG40.20.02.01\ZGM113</t>
  </si>
  <si>
    <t>【北电】螺杆泵机械密封\22MG40.20.02.01\ZGM113</t>
  </si>
  <si>
    <t>【北电】不锈钢落煤管组件\07MG60.11.12.05\ZGM133</t>
  </si>
  <si>
    <t>【北电】滤油器\28MG00.21.13\ZGM</t>
  </si>
  <si>
    <t>【北电】密封风管逆止阀\20MG30.11.27.01\ZGM95</t>
  </si>
  <si>
    <t>【北电】密封风管伸缩组件\20MG30.11.27.02\ZGM95</t>
  </si>
  <si>
    <t>【北电】磨辊复合辊套\MG23.11.09.99J-DH\ZGM80</t>
  </si>
  <si>
    <t>【北电】磨辊复合辊套\200MG31.11.09.99DH\ZGM95</t>
  </si>
  <si>
    <t>【北电】磨辊复合辊套\20MG32.11.09.99J-DH\ZGM95</t>
  </si>
  <si>
    <t>【北电】磨辊复合辊套\20MG33.11.09.99J-DH\ZGM95</t>
  </si>
  <si>
    <t>【北电】磨辊复合辊套\20MG42.11.09.99-DH\ZGM113</t>
  </si>
  <si>
    <t>【北电】磨辊复合辊套\20MG62.11.09.99J-DH\ZGM133</t>
  </si>
  <si>
    <t>【北电】磨辊复合辊套\20MG63.11.09.99J-DH\ZGM133</t>
  </si>
  <si>
    <t>【北电】磨辊复合辊套\300MG53.11.09.99-DH\ZGM123</t>
  </si>
  <si>
    <t>【北电】磨辊盖板\20MG20.11.09.97\ZGM80</t>
  </si>
  <si>
    <t>【北电】磨辊盖板\20MG30.11.09.97\ZGM95</t>
  </si>
  <si>
    <t>【北电】磨辊盖板\20MG40.11.09.97\ZGM113</t>
  </si>
  <si>
    <t>【北电】磨辊盖板\20MG50.11.09.97\ZGM123</t>
  </si>
  <si>
    <t>【北电】磨辊盖板\20MG60.11.09.97\ZGM133</t>
  </si>
  <si>
    <t>【北电】磨辊辊套\ZGM95G-09-02\ZGM95</t>
  </si>
  <si>
    <t>【北电】磨辊后盖\20MG20.11.09.02\ZGM80</t>
  </si>
  <si>
    <t>【北电】磨辊后盖\20MG30.11.09.02\ZGM95</t>
  </si>
  <si>
    <t>【北电】磨辊后盖\20MG40.11.09.02\ZGM113</t>
  </si>
  <si>
    <t>【北电】磨辊后盖\20MG50.11.09.02\ZGM123</t>
  </si>
  <si>
    <t>【北电】磨辊后盖\20MG60.11.09.02\ZGM133</t>
  </si>
  <si>
    <t>【北电】磨辊密封风管关节球轴承\MG20.11.23-9\ZGM80</t>
  </si>
  <si>
    <t>【北电】磨辊密封风管关节球轴承\MG30.11.23-9\ZGM95</t>
  </si>
  <si>
    <t>【北电】磨辊密封风管关节球轴承\MG40.11.23-9\ZGM113</t>
  </si>
  <si>
    <t>【北电】磨辊密封风管关节球轴承\MG50.11.23-9\ZGM123</t>
  </si>
  <si>
    <t>【北电】磨辊密封风管关节球轴承\MG60.11.23-9\ZGM133</t>
  </si>
  <si>
    <t>【北电】磨辊密封环圈\MG20.11.09.92\ZGM80</t>
  </si>
  <si>
    <t>【北电】磨辊密封环圈\MG30.11.09.92\ZGM95</t>
  </si>
  <si>
    <t>【北电】磨辊密封环圈\MG40.11.09.92\ZGM113</t>
  </si>
  <si>
    <t>【北电】磨辊密封环圈\MG50.11.09.92\ZGM123</t>
  </si>
  <si>
    <t>【北电】磨辊密封环圈\MG63.11.09.92\ZGM133</t>
  </si>
  <si>
    <t>【北电】磨辊锁环\MG20.11.09.89\ZGM80</t>
  </si>
  <si>
    <t>【北电】磨辊锁环\20MG30.11.09.90\ZGM95</t>
  </si>
  <si>
    <t>【北电】磨辊锁环\20MG40.11.09.91\ZGM113</t>
  </si>
  <si>
    <t>【北电】磨辊锁环\20MG50.11.09.91\ZGM123</t>
  </si>
  <si>
    <t>【北电】磨辊锁环\20MG60.11.09.91\ZGM133</t>
  </si>
  <si>
    <t>【北电】磨辊陶瓷辊套\20MG23.11.09.99TC-1\ZGM80</t>
  </si>
  <si>
    <t>【北电】磨辊陶瓷辊套\20MG32.11.09.99TC-1\ZGM95</t>
  </si>
  <si>
    <t>【北电】磨辊陶瓷辊套\20MG32.11.09.99JTC-1\ZGM95</t>
  </si>
  <si>
    <t>【北电】磨辊陶瓷辊套\20MG33.11.09.99TC-1\ZGM95</t>
  </si>
  <si>
    <t>【北电】磨辊陶瓷辊套\20MG33.11.09.99JTC-1\ZGM95</t>
  </si>
  <si>
    <t>【北电】磨辊陶瓷辊套\ZGM95-09-02TC-1\ZGM95</t>
  </si>
  <si>
    <t>【北电】磨辊陶瓷辊套\ZGM95G-09-02TC-1\ZGM95</t>
  </si>
  <si>
    <t>【北电】磨辊陶瓷辊套\20MG42.11.09.99TC-1\ZGM113</t>
  </si>
  <si>
    <t>【北电】磨辊陶瓷辊套\20MG42.11.09.99JTC-1\ZGM113</t>
  </si>
  <si>
    <t>【北电】磨辊陶瓷辊套\20MG43.11.09.99TC-1\ZGM113</t>
  </si>
  <si>
    <t>【北电】磨辊陶瓷辊套\20MG43.11.09.99JTC-1\ZGM113</t>
  </si>
  <si>
    <t>【北电】磨辊陶瓷辊套\09MG52.11.09.99TC-1\ZGM123</t>
  </si>
  <si>
    <t>【北电】磨辊陶瓷辊套\20MG52.11.09.99JTC-1\ZGM123</t>
  </si>
  <si>
    <t>【北电】磨辊陶瓷辊套\20MG53.11.09.99JTC-1\ZGM123</t>
  </si>
  <si>
    <t>【北电】磨辊陶瓷辊套\MG53.11.09.99TC-1\ZGM123</t>
  </si>
  <si>
    <t>【北电】磨辊陶瓷辊套\20MG62.11.09.99TC-1\ZGM133</t>
  </si>
  <si>
    <t>【北电】磨辊陶瓷辊套\20MG62.11.09.99JTC-1\ZGM133</t>
  </si>
  <si>
    <t>【北电】磨辊陶瓷辊套\20MG63.11.09.99TC-1\ZGM133</t>
  </si>
  <si>
    <t>【北电】磨辊陶瓷辊套\20MG63.11.09.99JTC-1\ZGM133</t>
  </si>
  <si>
    <t>【北电】磨辊陶瓷辊套\300MG31.11.09.99STC-1\ZGM95</t>
  </si>
  <si>
    <t>【北电】磨辊陶瓷辊套\300MG32.11.09.99STC-1\ZGM95</t>
  </si>
  <si>
    <t>【北电】磨辊陶瓷辊套\300MG33.11.09.99STC-1\ZGM95</t>
  </si>
  <si>
    <t>【北电】磨辊陶瓷辊套\300MG41.11.09.99STC-1\ZGM113</t>
  </si>
  <si>
    <t>【北电】磨辊陶瓷辊套\300MG42.11.09.99TC-1\ZGM113</t>
  </si>
  <si>
    <t>【北电】磨辊陶瓷辊套\300MG43.11.09.99TC-1\ZGM113</t>
  </si>
  <si>
    <t>【北电】磨辊陶瓷辊套\300MG52.11.09.99TC-1\ZGM123</t>
  </si>
  <si>
    <t>【北电】磨辊陶瓷辊套\300MG53.11.09.99TC-1\ZGM123</t>
  </si>
  <si>
    <t>【北电】磨辊陶瓷辊套\300MG62.11.09.99TC-1\ZGM133</t>
  </si>
  <si>
    <t>【北电】磨辊陶瓷辊套\300MG63.11.09.99TC-1\ZGM133</t>
  </si>
  <si>
    <t>【北电】磨辊陶瓷辊套\200MG31.11.09.99TC-1\ZGM95</t>
  </si>
  <si>
    <t>【北电】磨辊陶瓷辊套\200MG41.11.09.99TC-1\ZGM113</t>
  </si>
  <si>
    <t>【北电】磨辊陶瓷辊套\20MG23.11.09.99TC\ZGM80</t>
  </si>
  <si>
    <t>【北电】磨辊陶瓷辊套\20MG32.11.09.99TC\ZGM95</t>
  </si>
  <si>
    <t>【北电】磨辊陶瓷辊套\20MG32.11.09.99JTC\ZGM95</t>
  </si>
  <si>
    <t>【北电】磨辊陶瓷辊套\20MG33.11.09.99TC\ZGM95</t>
  </si>
  <si>
    <t>【北电】磨辊陶瓷辊套\20MG33.11.09.99JTC\ZGM95</t>
  </si>
  <si>
    <t>【北电】磨辊陶瓷辊套\ZGM95-09-02TC\ZGM95</t>
  </si>
  <si>
    <t>【北电】磨辊陶瓷辊套\ZGM95G-09-02TC\ZGM95</t>
  </si>
  <si>
    <t>【北电】磨辊陶瓷辊套\20MG42.11.09.99TC\ZGM113</t>
  </si>
  <si>
    <t>【北电】磨辊陶瓷辊套\20MG42.11.09.99JTC\ZGM113</t>
  </si>
  <si>
    <t>【北电】磨辊陶瓷辊套\20MG43.11.09.99TC\ZGM113</t>
  </si>
  <si>
    <t>【北电】磨辊陶瓷辊套\20MG43.11.09.99JTC\ZGM113</t>
  </si>
  <si>
    <t>【北电】磨辊陶瓷辊套\09MG52.11.09.99TC\ZGM123</t>
  </si>
  <si>
    <t>【北电】磨辊陶瓷辊套\20MG52.11.09.99JTC\ZGM123</t>
  </si>
  <si>
    <t>【北电】磨辊陶瓷辊套\20MG53.11.09.99JTC\ZGM123</t>
  </si>
  <si>
    <t>【北电】磨辊陶瓷辊套\MG53.11.09.99TC\ZGM123</t>
  </si>
  <si>
    <t>【北电】磨辊陶瓷辊套\20MG62.11.09.99TC\ZGM133</t>
  </si>
  <si>
    <t>【北电】磨辊陶瓷辊套\20MG62.11.09.99JTC\ZGM133</t>
  </si>
  <si>
    <t>【北电】磨辊陶瓷辊套\20MG63.11.09.99TC\ZGM133</t>
  </si>
  <si>
    <t>【北电】磨辊陶瓷辊套\20MG63.11.09.99JTC\ZGM133</t>
  </si>
  <si>
    <t>【北电】磨辊陶瓷辊套\300MG31.11.09.99STC\ZGM95</t>
  </si>
  <si>
    <t>【北电】磨辊陶瓷辊套\300MG32.11.09.99STC\ZGM95</t>
  </si>
  <si>
    <t>【北电】磨辊陶瓷辊套\300MG33.11.09.99STC\ZGM95</t>
  </si>
  <si>
    <t>【北电】磨辊陶瓷辊套\300MG41.11.09.99STC\ZGM113</t>
  </si>
  <si>
    <t>【北电】磨辊陶瓷辊套\300MG42.11.09.99TC\ZGM113</t>
  </si>
  <si>
    <t>【北电】磨辊陶瓷辊套\300MG43.11.09.99TC\ZGM113</t>
  </si>
  <si>
    <t>【北电】磨辊陶瓷辊套\300MG52.11.09.99TC\ZGM123</t>
  </si>
  <si>
    <t>【北电】磨辊陶瓷辊套\300MG53.11.09.99TC\ZGM123</t>
  </si>
  <si>
    <t>【北电】磨辊陶瓷辊套\300MG62.11.09.99TC\ZGM133</t>
  </si>
  <si>
    <t>【北电】磨辊陶瓷辊套\300MG63.11.09.99TC\ZGM133</t>
  </si>
  <si>
    <t>【北电】磨辊陶瓷辊套\200MG31.11.09.99TC\ZGM95</t>
  </si>
  <si>
    <t>【北电】磨辊陶瓷辊套\200MG41.11.09.99TC\ZGM113</t>
  </si>
  <si>
    <t>【北电】磨环托盘\22MG23.11.08.97\ZGM80</t>
  </si>
  <si>
    <t>【北电】磨环托盘\20MG33.11.08.97\ZGM95</t>
  </si>
  <si>
    <t>【北电】磨环托盘\20MG43.11.08.97\ZGM113</t>
  </si>
  <si>
    <t>【北电】磨环托盘\20MG53.11.08.97\ZGM123</t>
  </si>
  <si>
    <t>【北电】磨环托盘\20MG63.11.08.97\ZGM133</t>
  </si>
  <si>
    <t>【北电】磨环托盘\300MG53.11.08.01\ZGM123</t>
  </si>
  <si>
    <t>【北电】磨环托盘\200MG41.11.08.01\ZGM113</t>
  </si>
  <si>
    <t>【北电】磨环托盘\MG23.11.08.97\ZGM80</t>
  </si>
  <si>
    <t>【北电】磨环托盘\20MG33.11.08.01\ZGM95</t>
  </si>
  <si>
    <t>【北电】磨环托盘\20MG41.11.08.01\ZGM113</t>
  </si>
  <si>
    <t>【北电】耐磨套筒\20MG20.11.23.96\ZGM80</t>
  </si>
  <si>
    <t>【北电】耐磨套筒\20MG30.11.23.96\ZGM95</t>
  </si>
  <si>
    <t>【北电】耐磨套筒\20MG40.11.23.96\ZGM113</t>
  </si>
  <si>
    <t>【北电】耐磨套筒\20MG50.11.23.96\ZGM123</t>
  </si>
  <si>
    <t>【北电】耐磨套筒\20MG60.11.23.96\ZGM133</t>
  </si>
  <si>
    <t>【北电】排渣油泵\MG00.21.04\ZGM</t>
  </si>
  <si>
    <t>【北电】盘车装置\20MG20.65\ZGM80</t>
  </si>
  <si>
    <t>【北电】盘车装置\20MG30.65\ZGM95</t>
  </si>
  <si>
    <t>【北电】盘车装置\20MG40.65\ZGM113</t>
  </si>
  <si>
    <t>【北电】盘车装置\20MG50.65\ZGM123</t>
  </si>
  <si>
    <t>【北电】盘车装置\20MG60.65\ZGM133</t>
  </si>
  <si>
    <t>【北电】润滑油站过滤器\MG00.20.03\ZGM</t>
  </si>
  <si>
    <t>【北电】润滑油站过滤器\MG10.20.03\ZGM</t>
  </si>
  <si>
    <t>【北电】润滑油站过滤器\MG30.20.03\ZGM</t>
  </si>
  <si>
    <t>【北电】润滑油站过滤器\MG50.20.03\ZGM</t>
  </si>
  <si>
    <t>【北电】润滑油站过滤器\MG60.20.03\ZGM</t>
  </si>
  <si>
    <t>【北电】润滑油站过滤器放气阀\MG00.20.03.01\ZGM</t>
  </si>
  <si>
    <t>【北电】润滑油站换向阀\MG40.20.04\ZGM</t>
  </si>
  <si>
    <t>【北电】润滑油站换向阀\MG50.20.04\ZGM</t>
  </si>
  <si>
    <t>【北电】润滑油站换向阀\MG60.20.04\ZGM</t>
  </si>
  <si>
    <t>【北电】润滑油站联轴器\MG00.20.02.02\ZGM</t>
  </si>
  <si>
    <t>【北电】润滑油站联轴器连接块\MG00.20.02.03\ZGM</t>
  </si>
  <si>
    <t>【北电】润滑油站滤网\MG10.20.03.02\ZGM</t>
  </si>
  <si>
    <t>【北电】润滑油站滤网\20MG30.20.03.02\ZGM</t>
  </si>
  <si>
    <t>【北电】润滑油站滤网\MG50.20.03.02\ZGM</t>
  </si>
  <si>
    <t>【北电】润滑油站滤芯\MG00.20.03.03\ZGM</t>
  </si>
  <si>
    <t>【北电】润滑油站滤芯\MG50.20.03.03\ZGM</t>
  </si>
  <si>
    <t>【北电】双联冷油器\MG50.21.22\ZGM</t>
  </si>
  <si>
    <t>【北电】陶瓷衬板\20MG23.11.08.96TC-1\ZGM80</t>
  </si>
  <si>
    <t>【北电】陶瓷衬板\20MG23.11.08.96JTC-1\ZGM80</t>
  </si>
  <si>
    <t>【北电】陶瓷衬板\MG32.11.08.97TC-1\ZGM95</t>
  </si>
  <si>
    <t>【北电】陶瓷衬板\01MG32.11.08.96TC-1\ZGM95</t>
  </si>
  <si>
    <t>【北电】陶瓷衬板\20MG32.11.08.97TC-1\ZGM95</t>
  </si>
  <si>
    <t>【北电】陶瓷衬板\20MG32.11.08.98JTC-1\ZGM95</t>
  </si>
  <si>
    <t>【北电】陶瓷衬板\20MG33.11.08.98TC-1\ZGM95</t>
  </si>
  <si>
    <t>【北电】陶瓷衬板\MG33.11.08.97TC-1\ZGM95</t>
  </si>
  <si>
    <t>【北电】陶瓷衬板\20MG33.11.08.98JTC-1\ZGM95</t>
  </si>
  <si>
    <t>【北电】陶瓷衬板\ZGM95G-09-01TC-1\ZGM95</t>
  </si>
  <si>
    <t>【北电】陶瓷衬板\MG42.11.08.98TC-1\ZGM113</t>
  </si>
  <si>
    <t>【北电】陶瓷衬板\20MG42.11.08.98JTC-1\ZGM113</t>
  </si>
  <si>
    <t>【北电】陶瓷衬板\20MG43.11.08.98TC-1\ZGM113</t>
  </si>
  <si>
    <t>【北电】陶瓷衬板\20MG43.11.08.98JTC-1\ZGM113</t>
  </si>
  <si>
    <t>【北电】陶瓷衬板\05MG52.11.08.98TC-1\ZGM123</t>
  </si>
  <si>
    <t>【北电】陶瓷衬板\20MG52.11.08.98JTC-1\ZGM123</t>
  </si>
  <si>
    <t>【北电】陶瓷衬板\15MG53.11.08.98TC-1\ZGM123</t>
  </si>
  <si>
    <t>【北电】陶瓷衬板\20MG53.11.08.98TC-1\ZGM123</t>
  </si>
  <si>
    <t>【北电】陶瓷衬板\04MG62.11.08.98TC-1\ZGM133</t>
  </si>
  <si>
    <t>【北电】陶瓷衬板\06MG62.11.08.98TC-1\ZGM133</t>
  </si>
  <si>
    <t>【北电】陶瓷衬板\07MG62.11.08.98TC-1\ZGM133</t>
  </si>
  <si>
    <t>【北电】陶瓷衬板\20MG62.11.08.98JTC-1\ZGM133</t>
  </si>
  <si>
    <t>【北电】陶瓷衬板\20MG63.11.08.98JTC-1\ZGM133</t>
  </si>
  <si>
    <t>【北电】陶瓷衬板\300MG31.11.08.98STC-1\ZGM95</t>
  </si>
  <si>
    <t>【北电】陶瓷衬板\300MG32.11.08.98STC-1\ZGM95</t>
  </si>
  <si>
    <t>【北电】陶瓷衬板\300MG33.11.08.98STC-1\ZGM95</t>
  </si>
  <si>
    <t>【北电】陶瓷衬板\300MG41.11.08.98STC-1\ZGM113</t>
  </si>
  <si>
    <t>【北电】陶瓷衬板\300MG42.11.08.98TC-1\ZGM113</t>
  </si>
  <si>
    <t>【北电】陶瓷衬板\300MG43.11.08.98TC-1\ZGM113</t>
  </si>
  <si>
    <t>【北电】陶瓷衬板\300MG52.11.08.98TC-1\ZGM123</t>
  </si>
  <si>
    <t>【北电】陶瓷衬板\300MG53.11.08.98TC-1\ZGM123</t>
  </si>
  <si>
    <t>【北电】陶瓷衬板\300MG62.11.08.98TC-1\ZGM133</t>
  </si>
  <si>
    <t>【北电】陶瓷衬板\300MG63.11.08.98TC-1\ZGM133</t>
  </si>
  <si>
    <t>【北电】陶瓷衬板\200MG31.11.08.98TC-1\ZGM95</t>
  </si>
  <si>
    <t>【北电】陶瓷衬板\200MG41.11.08.98TC-1\ZGM113</t>
  </si>
  <si>
    <t>【北电】陶瓷衬板\20MG23.11.08.96TC\ZGM80</t>
  </si>
  <si>
    <t>【北电】陶瓷衬板\20MG23.11.08.96JTC\ZGM80</t>
  </si>
  <si>
    <t>【北电】陶瓷衬板\MG32.11.08.97TC\ZGM95</t>
  </si>
  <si>
    <t>【北电】陶瓷衬板\01MG32.11.08.96TC\ZGM95</t>
  </si>
  <si>
    <t>【北电】陶瓷衬板\20MG32.11.08.97TC\ZGM95</t>
  </si>
  <si>
    <t>【北电】陶瓷衬板\20MG32.11.08.98JTC\ZGM95</t>
  </si>
  <si>
    <t>【北电】陶瓷衬板\20MG33.11.08.98TC\ZGM95</t>
  </si>
  <si>
    <t>【北电】陶瓷衬板\MG33.11.08.97TC\ZGM95</t>
  </si>
  <si>
    <t>【北电】陶瓷衬板\20MG33.11.08.98JTC\ZGM95</t>
  </si>
  <si>
    <t>【北电】陶瓷衬板\ZGM95G-09-01TC\ZGM95</t>
  </si>
  <si>
    <t>【北电】陶瓷衬板\MG42.11.08.98TC\ZGM113</t>
  </si>
  <si>
    <t>【北电】陶瓷衬板\20MG42.11.08.98JTC\ZGM113</t>
  </si>
  <si>
    <t>【北电】陶瓷衬板\20MG43.11.08.98TC\ZGM113</t>
  </si>
  <si>
    <t>【北电】陶瓷衬板\20MG43.11.08.98JTC\ZGM113</t>
  </si>
  <si>
    <t>【北电】陶瓷衬板\05MG52.11.08.98TC\ZGM123</t>
  </si>
  <si>
    <t>【北电】陶瓷衬板\20MG52.11.08.98JTC\ZGM123</t>
  </si>
  <si>
    <t>【北电】陶瓷衬板\15MG53.11.08.98TC\ZGM123</t>
  </si>
  <si>
    <t>【北电】陶瓷衬板\20MG53.11.08.98TC\ZGM123</t>
  </si>
  <si>
    <t>【北电】陶瓷衬板\04MG62.11.08.98TC\ZGM133</t>
  </si>
  <si>
    <t>【北电】陶瓷衬板\06MG62.11.08.98TC\ZGM133</t>
  </si>
  <si>
    <t>【北电】陶瓷衬板\07MG62.11.08.98TC\ZGM133</t>
  </si>
  <si>
    <t>【北电】陶瓷衬板\20MG62.11.08.98JTC\ZGM133</t>
  </si>
  <si>
    <t>【北电】陶瓷衬板\20MG63.11.08.98JTC\ZGM133</t>
  </si>
  <si>
    <t>【北电】陶瓷衬板\300MG31.11.08.98STC\ZGM95</t>
  </si>
  <si>
    <t>【北电】陶瓷衬板\300MG32.11.08.98STC\ZGM95</t>
  </si>
  <si>
    <t>【北电】陶瓷衬板\300MG33.11.08.98STC\ZGM95</t>
  </si>
  <si>
    <t>【北电】陶瓷衬板\300MG41.11.08.98STC\ZGM113</t>
  </si>
  <si>
    <t>【北电】陶瓷衬板\300MG42.11.08.98TC\ZGM113</t>
  </si>
  <si>
    <t>【北电】陶瓷衬板\300MG43.11.08.98TC\ZGM113</t>
  </si>
  <si>
    <t>【北电】陶瓷衬板\300MG52.11.08.98TC\ZGM123</t>
  </si>
  <si>
    <t>【北电】陶瓷衬板\300MG53.11.08.98TC\ZGM123</t>
  </si>
  <si>
    <t>【北电】陶瓷衬板\300MG62.11.08.98TC\ZGM133</t>
  </si>
  <si>
    <t>【北电】陶瓷衬板\300MG63.11.08.98TC\ZGM133</t>
  </si>
  <si>
    <t>【北电】陶瓷衬板\200MG31.11.08.98TC\ZGM95</t>
  </si>
  <si>
    <t>【北电】陶瓷衬板\200MG41.11.08.98TC\ZGM113</t>
  </si>
  <si>
    <t>【北电】陶瓷动环\20MG20.11.08.98TC\ZGM80</t>
  </si>
  <si>
    <t>【北电】陶瓷动环\20MG30.11.08.98TC\ZGM95</t>
  </si>
  <si>
    <t>【北电】陶瓷动环\20MG40.11.08.98TC\ZGM113</t>
  </si>
  <si>
    <t>【北电】陶瓷动环\20MG50.11.08.98TC\ZGM123</t>
  </si>
  <si>
    <t>【北电】陶瓷动环\20MG60.11.08.98TC\ZGM133</t>
  </si>
  <si>
    <t>【北电】陶瓷静环\20MG20.11.08.92TC\ZGM80</t>
  </si>
  <si>
    <t>【北电】陶瓷静环\20MG30.11.08.92TC\ZGM95</t>
  </si>
  <si>
    <t>【北电】陶瓷静环\20MG40.11.08.92TC\ZGM113</t>
  </si>
  <si>
    <t>【北电】陶瓷静环\20MG50.11.08.92TC\ZGM123</t>
  </si>
  <si>
    <t>【北电】陶瓷静环\20MG60.11.08.92TC\ZGM133</t>
  </si>
  <si>
    <t>【北电】陶瓷推力关节轴承\MG00.11.13-9-TC\ZGM</t>
  </si>
  <si>
    <t>【北电】稀油站过滤器差压开关\20MG00.20.06\ZGM</t>
  </si>
  <si>
    <t>【北电】稀油站过滤器差压开关\21MG00.20.06\ZGM</t>
  </si>
  <si>
    <t>【北电】稀油站过滤器差压开关\22MG00.20.06\ZGM</t>
  </si>
  <si>
    <t>【北电】稀油站过滤器差压开关\MG00.20.06\ZGM</t>
  </si>
  <si>
    <t>【北电】稀油站过滤器冷却器\MG20.20.07\ZGM</t>
  </si>
  <si>
    <t>【北电】稀油站过滤器冷却器\MG30.20.07\ZGM</t>
  </si>
  <si>
    <t>【北电】稀油站过滤器冷却器\MG40.20.07\ZGM</t>
  </si>
  <si>
    <t>【北电】稀油站过滤器冷却器\MG50.20.07\ZGM</t>
  </si>
  <si>
    <t>【北电】稀油站过滤器冷却器\20MG50.20.07\ZGM</t>
  </si>
  <si>
    <t>【北电】稀油站过滤器冷却器\MG60.20.07\ZGM</t>
  </si>
  <si>
    <t>【北电】稀油站过滤器冷却器\20MG60.20.07\ZGM</t>
  </si>
  <si>
    <t>【北电】稀油站过滤器冷却器\MG00.20.07\ZGM</t>
  </si>
  <si>
    <t>【北电】稀油站过滤器双联冷却器\20MG20.20.07\ZGM</t>
  </si>
  <si>
    <t>【北电】稀油站过滤器压力表开关\20MG00.20.05\ZGM</t>
  </si>
  <si>
    <t>【北电】稀油站过滤器压力表开关\21MG00.20.05\ZGM</t>
  </si>
  <si>
    <t>【北电】蓄能器\MG20.21.03\ZGM</t>
  </si>
  <si>
    <t>【北电】蓄能器\MG30.21.03\ZGM</t>
  </si>
  <si>
    <t>【北电】蓄能器\MG40.21.03\ZGM</t>
  </si>
  <si>
    <t>【北电】蓄能器\MG50.21.03\ZGM</t>
  </si>
  <si>
    <t>【北电】蓄能器\MG60.21.03\ZGM</t>
  </si>
  <si>
    <t>【北电】蓄能器充气阀\MG00.21.27.01\ZGM</t>
  </si>
  <si>
    <t>【北电】蓄能器充气工具\MG00.21.27\ZGM</t>
  </si>
  <si>
    <t>【北电】蓄能器皮囊\MG20.21.03.01\ZGM</t>
  </si>
  <si>
    <t>【北电】蓄能器皮囊\MG30.21.03.01\ZGM</t>
  </si>
  <si>
    <t>【北电】蓄能器皮囊\MG40.21.03.01\ZGM</t>
  </si>
  <si>
    <t>【北电】蓄能器皮囊\MG50.21.03.01\ZGM</t>
  </si>
  <si>
    <t>【北电】蓄能器皮囊\MG60.21.03.01\ZGM</t>
  </si>
  <si>
    <t>【北电】旋转分离器O型圈\20MG20.11.15X-3\ZGM80</t>
  </si>
  <si>
    <t>【北电】旋转分离器O型圈\20MG30.11.15X-3\ZGM95</t>
  </si>
  <si>
    <t>【北电】旋转分离器O型圈\20MG40.11.15X-3\ZGM113</t>
  </si>
  <si>
    <t>【北电】旋转分离器O型圈\20MG50.11.15X-3\ZGM123</t>
  </si>
  <si>
    <t>【北电】旋转分离器O型圈\20MG60.11.15X-3\ZGM133</t>
  </si>
  <si>
    <t>【北电】旋转分离器回转支承\48MG20.11.15X.06.88\ZGM80</t>
  </si>
  <si>
    <t>【北电】旋转分离器回转支撑\10MG50.11.15X.06.88\ZGM123</t>
  </si>
  <si>
    <t>【北电】旋转分离器回转支撑\10MG30.11.15X.06.88\ZGM95</t>
  </si>
  <si>
    <t>【北电】旋转分离器回转支撑\51MG40.11.15X.09.86\ZGM113</t>
  </si>
  <si>
    <t>【北电】旋转分离器回转支撑\10MG50.11.15X.09.86\ZGM123</t>
  </si>
  <si>
    <t>【北电】旋转分离器回转支撑\07MG60.11.15X.06.88\ZGM133</t>
  </si>
  <si>
    <t>【北电】旋转分离器静止叶片\48MG20.11.15X.02.01.98\ZGM80</t>
  </si>
  <si>
    <t>【北电】旋转分离器静止叶片\171MG30.11.15X.02.01\ZGM95</t>
  </si>
  <si>
    <t>【北电】旋转分离器静止叶片\145MG40.11.15X.04.99\ZGM113</t>
  </si>
  <si>
    <t>【北电】旋转分离器静止叶片\20MG50.11.15X.04.99\ZGM123</t>
  </si>
  <si>
    <t>【北电】旋转分离器静止叶片\07MG60.11.15X.02.01.99\ZGM133</t>
  </si>
  <si>
    <t>【北电】旋转分离器静止叶片\33MG50K.11.15X.02.01\ZGM123</t>
  </si>
  <si>
    <t>【北电】旋转分离器联轴器\MG00.11.15X-2\ZGM</t>
  </si>
  <si>
    <t>【北电】旋转分离器内端封\48MG20.11.15X.06.91\ZGM80</t>
  </si>
  <si>
    <t>【北电】旋转分离器内端封\10MG30.11.15X.06.91\ZGM95</t>
  </si>
  <si>
    <t>【北电】旋转分离器内端封\51MG40.11.15X.09.89\ZGM113</t>
  </si>
  <si>
    <t>【北电】旋转分离器内端封\10MG50.11.15X.09.90\ZGM123</t>
  </si>
  <si>
    <t>【北电】旋转分离器内端封\07MG60.11.15X.06.92\ZGM133</t>
  </si>
  <si>
    <t>【北电】旋转分离器内端封\10MG50.11.15X.06.91G\ZGM123</t>
  </si>
  <si>
    <t>【北电】旋转分离器驱动部箱体\48MG20.11.15X.06\ZGM80</t>
  </si>
  <si>
    <t>【北电】旋转分离器驱动部箱体\170MG30(Q).11.15X.06\ZGM95</t>
  </si>
  <si>
    <t>【北电】旋转分离器驱动部箱体\302MG41.11.15X.09\ZGM113</t>
  </si>
  <si>
    <t>【北电】旋转分离器驱动部箱体\10MG50.11.15X.09\ZGM123</t>
  </si>
  <si>
    <t>【北电】旋转分离器驱动部箱体\12MG60.11.15X.06\ZGM133</t>
  </si>
  <si>
    <t>【北电】旋转分离器驱动部箱体\33MG50.11.15X.06\ZGM123</t>
  </si>
  <si>
    <t>【北电】旋转分离器外端封\48MG20.11.15X.06.90\ZGM80</t>
  </si>
  <si>
    <t>【北电】旋转分离器外端封\10MG30.11.15X.06.90G\ZGM95</t>
  </si>
  <si>
    <t>【北电】旋转分离器外端封\51MG40.11.15X.09.90G\ZGM113</t>
  </si>
  <si>
    <t>【北电】旋转分离器外端封\10MG50.11.15X.09.91\ZGM123</t>
  </si>
  <si>
    <t>【北电】旋转分离器外端封\07MG60.11.15X.06.95\ZGM133</t>
  </si>
  <si>
    <t>【北电】旋转分离器外端封\10MG50.11.15X.06.90G\ZGM123</t>
  </si>
  <si>
    <t>【北电】旋转分离器小齿轮\48MG20.11.15X.06.98\ZGM80</t>
  </si>
  <si>
    <t>【北电】旋转分离器小齿轮\33MG50.11.15X.06.99\ZGM123</t>
  </si>
  <si>
    <t>【北电】旋转分离器小齿轮\145MG40.11.15X.09.98\ZGM113</t>
  </si>
  <si>
    <t>【北电】旋转分离器小齿轮\10MG50.11.15X.09.98\ZGM123</t>
  </si>
  <si>
    <t>【北电】旋转分离器小齿轮\07MG60.11.15X.06.97\ZGM133</t>
  </si>
  <si>
    <t>【北电】旋转分离器小齿轮\10MG50.11.15X.06.98\ZGM123</t>
  </si>
  <si>
    <t>【北电】旋转分离器小齿轮\20MG20.11.15X-1\ZGM80</t>
  </si>
  <si>
    <t>【北电】旋转分离器小齿轮\20MG30.11.15X-1\ZGM95</t>
  </si>
  <si>
    <t>【北电】旋转分离器小齿轮\20MG40.11.15X-1\ZGM113</t>
  </si>
  <si>
    <t>【北电】旋转分离器小齿轮\20MG50.11.15X-1\ZGM123</t>
  </si>
  <si>
    <t>【北电】旋转分离器小齿轮\20MG60.11.15X-1\ZGM133</t>
  </si>
  <si>
    <t>【北电】旋转分离器小端封\20MG20.11.15X-4\ZGM80</t>
  </si>
  <si>
    <t>【北电】旋转分离器小端封\20MG30.11.15X-4\ZGM95</t>
  </si>
  <si>
    <t>【北电】旋转分离器小端封\20MG40.11.15X-4\ZGM113</t>
  </si>
  <si>
    <t>【北电】旋转分离器小端封\20MG50.11.15X-4\ZGM123</t>
  </si>
  <si>
    <t>【北电】旋转分离器小端封\20MG60.11.15X-4\ZGM133</t>
  </si>
  <si>
    <t>【北电】旋转分离器转子部分\48MG20.11.15XQ.04\ZGM80</t>
  </si>
  <si>
    <t>【北电】旋转分离器转子部分\30MG30.11.15X.04\ZGM95</t>
  </si>
  <si>
    <t>【北电】旋转分离器转子部分\145MG40.11.15X.05\ZGM113</t>
  </si>
  <si>
    <t>【北电】旋转分离器转子部分\10MG50.11.15X.05\ZGM123</t>
  </si>
  <si>
    <t>【北电】旋转分离器转子部分\12MG60.11.15X.04\ZGM133</t>
  </si>
  <si>
    <t>【北电】旋转分离器转子部分\33MG50K.11.15X.04\ZGM123</t>
  </si>
  <si>
    <t>【北电】压紧螺栓套\MG20.11.08.93\ZGM80</t>
  </si>
  <si>
    <t>【北电】压紧螺栓套\MG40.11.08.93\ZGM113</t>
  </si>
  <si>
    <t>【北电】液控单向阀\30MG00.21.09\ZGM</t>
  </si>
  <si>
    <t>【北电】液压微型软管\MG00.21.68\ZGM</t>
  </si>
  <si>
    <t>【北电】液压油站过滤器滤网\MG00.21.13.01\ZGM</t>
  </si>
  <si>
    <t>【北电】液压油站回油过滤器滤芯\21MG00.21.30.01\ZGM</t>
  </si>
  <si>
    <t>【北电】液压油站空滤器\20MG00.21.23\ZGM</t>
  </si>
  <si>
    <t>【北电】液压油站温度计阀\MG00.21.70\ZGM</t>
  </si>
  <si>
    <t>【北电】蓄能器\MG00.21.03\ZGM</t>
  </si>
  <si>
    <t>【北电】中压过滤器\MG00.21.69\ZGM</t>
  </si>
  <si>
    <t>【北电】锥形罩\07MG63.11.08.02\ZGM133</t>
  </si>
  <si>
    <t>【北电】磨辊总成\301MG41.11.09S\ZGM113</t>
  </si>
  <si>
    <t>【北电】磨辊总成\300MG41.11.09S\ZGM113</t>
  </si>
  <si>
    <t>【北电】磨辊复合辊套\301MG41.11.09.99S-DH\ZGM113</t>
  </si>
  <si>
    <t>【北电】磨辊辊套\300MG41.11.09.99S\ZGM113</t>
  </si>
  <si>
    <t>【北电】磨辊辊架\300MG41.11.09.98\ZGM113</t>
  </si>
  <si>
    <t>【北电】磨辊楔环\301MG41.11.09.78S\ZGM113</t>
  </si>
  <si>
    <t>【北电】磨辊楔环\300MG41.11.09.78S\ZGM113</t>
  </si>
  <si>
    <t>【北电】磨辊油封支环\300MG43.11.09.83\ZGM113</t>
  </si>
  <si>
    <t>【北电】磨辊透盖\300MG43.11.09.93\ZGM113</t>
  </si>
  <si>
    <t>【北电】磨辊防护罩\300MG43.11.09.03\ZGM113</t>
  </si>
  <si>
    <t>【北电】磨辊辊芯\301MG41.11.09.94S\ZGM113</t>
  </si>
  <si>
    <t>【北电】磨辊辊芯\300MG41.11.09.94S\ZGM113</t>
  </si>
  <si>
    <t>【北电】磨辊轴套\300MG43.11.09.84\ZGM113</t>
  </si>
  <si>
    <t>【北电】磨辊紧固螺栓\300MG41.11.09.77\ZGM113</t>
  </si>
  <si>
    <t>【北电】磨辊呼吸器\300MG43.11.09.01\ZGM113</t>
  </si>
  <si>
    <t>【北电】磨辊盖板\300MG43.11.09.97\ZGM113</t>
  </si>
  <si>
    <t>【北电】磨辊辊轴\300MG41.11.09.89\ZGM113</t>
  </si>
  <si>
    <t>【北电】磨辊防磨板\300MG43.11.09.72\ZGM113</t>
  </si>
  <si>
    <t>【北电】磨辊防磨板\300MG41.11.09.71\ZGM113</t>
  </si>
  <si>
    <t>【北电】磨辊密封环圈\300MG43.11.09.92\ZGM113</t>
  </si>
  <si>
    <t>【北电】磨辊后盖\300MG43.11.09.02\ZGM113</t>
  </si>
  <si>
    <t>【北电】磨辊端盖\300MG41.11.09.79\ZGM113</t>
  </si>
  <si>
    <t>【北电】碳精环\300MG41.11.06.98\ZGM113</t>
  </si>
  <si>
    <t>【北电】刮板装置\300MG41.11.07.01\ZGM113</t>
  </si>
  <si>
    <t>【北电】刮板\300MG41.11.07.01.96\ZGM113</t>
  </si>
  <si>
    <t>【北电】磨环托盘\300MG41.11.08.01\ZGM113</t>
  </si>
  <si>
    <t>【北电】锥形罩\300MG41.11.08.02\ZGM113</t>
  </si>
  <si>
    <t>【北电】动环\300MG41.11.08.92\ZGM113</t>
  </si>
  <si>
    <t>【北电】压紧螺栓套\300MG41.11.08.93\ZGM113</t>
  </si>
  <si>
    <t>【北电】压紧螺栓\300MG41.11.08.94\ZGM113</t>
  </si>
  <si>
    <t>【北电】衬板\300MG41.11.08.98S\ZGM113</t>
  </si>
  <si>
    <t>【北电】静环\300MG41.11.08.99\ZGM113</t>
  </si>
  <si>
    <t>【北电】压架\300MG41.11.10\ZGM113</t>
  </si>
  <si>
    <t>【北电】铰轴装置\300MG41.11.11\ZGM113</t>
  </si>
  <si>
    <t>【北电】铰轴\300MG41.11.11.98\ZGM113</t>
  </si>
  <si>
    <t>【北电】铰轴座\300MG41.11.11.99\ZGM113</t>
  </si>
  <si>
    <t>【北电】拉杆密封\300MG41.11.12.06\ZGM113</t>
  </si>
  <si>
    <t>【北电】机壳导向板\300MG41.11.12.07.94\ZGM113</t>
  </si>
  <si>
    <t>【北电】压架导向块\300MG41.11.12.07.95\ZGM113</t>
  </si>
  <si>
    <t>【北电】压架导向块\300MG41.11.12.07.96\ZGM113</t>
  </si>
  <si>
    <t>【北电】承力侧导向装置垫片组\300MG41.11.12.07.97-2\ZGM113</t>
  </si>
  <si>
    <t>【北电】非承力侧导向装置垫片组\300MG41.11.12.07.97-1\ZGM113</t>
  </si>
  <si>
    <t>【北电】沉头带榫螺栓\300MG41.11.12.07.98\ZGM113</t>
  </si>
  <si>
    <t>【北电】机壳导向板\300MG41.11.12.07.99\ZGM113</t>
  </si>
  <si>
    <t>【北电】连接卡套\300MG41.11.13.04G\ZGM113</t>
  </si>
  <si>
    <t>【北电】下拉杆\300MG41.11.13.96G\ZGM113</t>
  </si>
  <si>
    <t>【北电】上拉杆\300MG41.11.13.99G\ZGM113</t>
  </si>
  <si>
    <t>【北电】顶块\300MG43.11.13.97\ZGM113</t>
  </si>
  <si>
    <t>【北电】磨辊密封风管\300MG43.11.23\ZGM113</t>
  </si>
  <si>
    <t>【北电】耐磨套筒\300MG43.11.23.97\ZGM113</t>
  </si>
  <si>
    <t>【北电】磨辊辊架\ZGM95G-08-2\ZGM95</t>
  </si>
  <si>
    <t>【北电】磨辊透盖\ZGM95G-08-5\ZGM95</t>
  </si>
  <si>
    <t>【北电】磨辊端盖\ZGM95G-08-4\ZGM95</t>
  </si>
  <si>
    <t>【北电】磨辊辊芯\ZGM95G-08-3\ZGM95</t>
  </si>
  <si>
    <t>【北电】磨辊轴套\ZGM95G-08-11\ZGM95G</t>
  </si>
  <si>
    <t>【北电】磨辊呼吸器\ZGM95G-08-62\ZGM95G</t>
  </si>
  <si>
    <t>【北电】磨辊辊轴\ZGM95G-08-7\ZGM95</t>
  </si>
  <si>
    <t>【北电】刮板装置\ZGM95G-05-004\ZGM95G</t>
  </si>
  <si>
    <t>【北电】刮板\ZGM95G-05-005\ZGM95</t>
  </si>
  <si>
    <t>【北电】静环\ZGM95G-06-1\ZGM95</t>
  </si>
  <si>
    <t>【北电】压紧螺栓\ZGM95G-07-7\ZGM95</t>
  </si>
  <si>
    <t>【北电】衬板\ZGM95-09-01\ZGM95</t>
  </si>
  <si>
    <t>【北电】铰轴装置\ZGM95G-10-1\ZGM95</t>
  </si>
  <si>
    <t>【北电】铰轴座\ZGM95G-10-6\ZGM95G</t>
  </si>
  <si>
    <t>【北电】铰轴\ZGM95G-10-8\ZGM95G</t>
  </si>
  <si>
    <t>【北电】磨辊总成\20MG63.11.09J-1-1\ZGM133</t>
  </si>
  <si>
    <t>【北电】液压落渣门\300MG41.11.05.01\ZGM113</t>
  </si>
  <si>
    <t>【北电】锥形罩盖板\300MG41.11.08.96\ZGM113</t>
  </si>
  <si>
    <t>【北电】磨辊防护环\300MG41.11.09.04\ZGM113</t>
  </si>
  <si>
    <t>【北电】磨辊挡板\300MG41.11.09.63\ZGM113</t>
  </si>
  <si>
    <t>【北电】磨辊锁板\300MG41.11.09.70\ZGM113</t>
  </si>
  <si>
    <t>【北电】磨辊右压板\300MG41.11.09.80\ZGM113</t>
  </si>
  <si>
    <t>【北电】磨辊左压板\300MG41.11.09.85\ZGM113</t>
  </si>
  <si>
    <t>【北电】磨辊键\300MG41.11.09.90\ZGM113</t>
  </si>
  <si>
    <t>【北电】磨辊轴承隔套\300MG41.11.09.91\ZGM113</t>
  </si>
  <si>
    <t>【北电】磨辊密封风环\300MG41.11.09.95\ZGM113</t>
  </si>
  <si>
    <t>【北电】压架盖板\300MG41.11.10.01\ZGM113</t>
  </si>
  <si>
    <t>【北电】铰轴卡板\300MG41.11.11.97\ZGM113</t>
  </si>
  <si>
    <t>【北电】拉杆台板\300MG41.32.99\ZGM113</t>
  </si>
  <si>
    <t>【北电】液压落渣门\300MG53.11.05.01\ZGM123</t>
  </si>
  <si>
    <t>【北电】锥形罩盖板\300MG53.11.08.96\ZGM123</t>
  </si>
  <si>
    <t>【北电】磨辊挡板\300MG53.11.09.63\ZGM123</t>
  </si>
  <si>
    <t>【北电】磨辊锁板\300MG53.11.09.70\ZGM123</t>
  </si>
  <si>
    <t>【北电】磨辊右压板\300MG53.11.09.80\ZGM123</t>
  </si>
  <si>
    <t>【北电】磨辊左压板\300MG53.11.09.85\ZGM123</t>
  </si>
  <si>
    <t>【北电】磨辊键\300MG53.11.09.90\ZGM123</t>
  </si>
  <si>
    <t>【北电】磨辊轴承隔套\300MG53.11.09.91\ZGM123</t>
  </si>
  <si>
    <t>【北电】拉杆台板\300MG53.32.99\ZGM123</t>
  </si>
  <si>
    <t>【北电】磨辊总成\ZGM95G-08-1\ZGM95</t>
  </si>
  <si>
    <t>【北电】磨辊右压板\ZGM95G-08-9\ZGM95</t>
  </si>
  <si>
    <t>【北电】磨辊左压板\ZGM95G-08-8\ZGM95</t>
  </si>
  <si>
    <t>【北电】磨辊防磨环\ZGM95G-08-15\ZGM95G</t>
  </si>
  <si>
    <t>【北电】磨辊轴罩组\ZGM95G-08-45\ZGM95</t>
  </si>
  <si>
    <t>【北电】磨辊罩子\ZGM95G-08-46\ZGM95</t>
  </si>
  <si>
    <t>【北电】压架盖板\03MG60.11.10.01\ZGM133</t>
  </si>
  <si>
    <t>【北电】静环护板\20MG20.11.08.92.01HB\ZGM80</t>
  </si>
  <si>
    <t>【北电】带护板静环\20MG20.11.08.92HB\ZGM80</t>
  </si>
  <si>
    <t>【北电】液压落渣门\20MG30.11.05.01\ZGM95</t>
  </si>
  <si>
    <t>【北电】静环护板\20MG30.11.08.92.01HB\ZGM95</t>
  </si>
  <si>
    <t>【北电】带护板静环\20MG30.11.08.92HB\ZGM95</t>
  </si>
  <si>
    <t>【北电】锥形罩盖板\20MG30.11.08.96BZ\ZGM95</t>
  </si>
  <si>
    <t>【北电】磨辊防护环\20MG30.11.09.04\ZGM95</t>
  </si>
  <si>
    <t>【北电】磨辊防护环\20MG30.11.09.04J\ZGM95</t>
  </si>
  <si>
    <t>【北电】磨辊锁板\20MG30.11.09.69\ZGM95</t>
  </si>
  <si>
    <t>【北电】磨辊锁板\20MG30.11.09.69J\ZGM95</t>
  </si>
  <si>
    <t>【北电】磨辊挡板\20MG30.11.09.76\ZGM95</t>
  </si>
  <si>
    <t>【北电】磨辊挡板\20MG30.11.09.76J\ZGM95</t>
  </si>
  <si>
    <t>【北电】磨辊右压板\20MG30.11.09.80\ZGM95</t>
  </si>
  <si>
    <t>【北电】磨辊右压板\20MG30.11.09.80J\ZGM95</t>
  </si>
  <si>
    <t>【北电】磨辊左压板\20MG30.11.09.85\ZGM95</t>
  </si>
  <si>
    <t>【北电】磨辊左压板\20MG30.11.09.85J\ZGM95</t>
  </si>
  <si>
    <t>【北电】磨辊键\20MG30.11.09.86\ZGM95</t>
  </si>
  <si>
    <t>【北电】磨辊键\20MG30.11.09.90J\ZGM95</t>
  </si>
  <si>
    <t>【北电】磨辊轴承隔套\20MG30.11.09.91\ZGM95</t>
  </si>
  <si>
    <t>【北电】磨辊轴承隔套\20MG30.11.09.91J\ZGM95</t>
  </si>
  <si>
    <t>【北电】磨辊密封风环\20MG30.11.09.95\ZGM95</t>
  </si>
  <si>
    <t>【北电】磨辊密封风环\20MG30.11.09.95J\ZGM95</t>
  </si>
  <si>
    <t>【北电】拉杆台板\20MG30.32.99\ZGM95</t>
  </si>
  <si>
    <t>【北电】液压落渣门\20MG40.11.05.01\ZGM113</t>
  </si>
  <si>
    <t>【北电】静环护板\20MG40.11.08.92.01HB\ZGM113</t>
  </si>
  <si>
    <t>【北电】带护板静环\20MG40.11.08.92HB\ZGM113</t>
  </si>
  <si>
    <t>【北电】锥形罩盖板\20MG40.11.08.97J\ZGM113</t>
  </si>
  <si>
    <t>【北电】磨辊挡板\20MG40.11.09.63\ZGM113</t>
  </si>
  <si>
    <t>【北电】磨辊挡板\20MG40.11.09.63J\ZGM113</t>
  </si>
  <si>
    <t>【北电】磨辊锁板\20MG40.11.09.70\ZGM113</t>
  </si>
  <si>
    <t>【北电】磨辊锁板\20MG40.11.09.70J\ZGM113</t>
  </si>
  <si>
    <t>【北电】磨辊右压板\20MG40.11.09.80\ZGM113</t>
  </si>
  <si>
    <t>【北电】磨辊右压板\20MG40.11.09.80J\ZGM113</t>
  </si>
  <si>
    <t>【北电】磨辊左压板\20MG40.11.09.85\ZGM113</t>
  </si>
  <si>
    <t>【北电】磨辊左压板\20MG40.11.09.85J\ZGM113</t>
  </si>
  <si>
    <t>【北电】磨辊键\20MG40.11.09.90\ZGM113</t>
  </si>
  <si>
    <t>【北电】磨辊键\20MG40.11.09.90J\ZGM113</t>
  </si>
  <si>
    <t>【北电】磨辊轴承隔套\20MG40.11.09.67\ZGM113</t>
  </si>
  <si>
    <t>【北电】磨辊轴承隔套\20MG40.11.09.91J\ZGM113</t>
  </si>
  <si>
    <t>【北电】压架盖板\20MG40.11.10.96\ZGM113</t>
  </si>
  <si>
    <t>【北电】铰轴卡板\20MG40.11.11.03\ZGM113</t>
  </si>
  <si>
    <t>【北电】拉杆台板\20MG40.32.99\ZGM113</t>
  </si>
  <si>
    <t>【北电】静环护板\20MG50.11.08.92.01HB\ZGM123</t>
  </si>
  <si>
    <t>【北电】带护板静环\20MG50.11.08.92HB\ZGM123</t>
  </si>
  <si>
    <t>【北电】压架盖板\20MG50.11.10.96\ZGM123</t>
  </si>
  <si>
    <t>【北电】铰轴卡板\20MG50.11.10.97\ZGM123</t>
  </si>
  <si>
    <t>【北电】液压落渣门\20MG60.11.05.01\ZGM133</t>
  </si>
  <si>
    <t>【北电】静环护板\20MG60.11.08.92.01HB\ZGM133</t>
  </si>
  <si>
    <t>【北电】带护板静环\20MG60.11.08.92HB\ZGM133</t>
  </si>
  <si>
    <t>【北电】锥形罩盖板\20MG60.11.08.96J\ZGM133</t>
  </si>
  <si>
    <t>【北电】磨辊挡板\20MG60.11.09.67J\ZGM133</t>
  </si>
  <si>
    <t>【北电】磨辊锁板\20MG60.11.09.68J\ZGM133</t>
  </si>
  <si>
    <t>【北电】磨辊右压板\20MG60.11.09.80J\ZGM133</t>
  </si>
  <si>
    <t>【北电】磨辊左压板\20MG60.11.09.85J\ZGM133</t>
  </si>
  <si>
    <t>【北电】磨辊键\20MG60.11.09.90J\ZGM133</t>
  </si>
  <si>
    <t>【北电】磨辊轴承隔套\20MG60.11.09.91J\ZGM133</t>
  </si>
  <si>
    <t>【北电】铰轴卡板\20MG60.11.11.03\ZGM133</t>
  </si>
  <si>
    <t>【北电】拉杆台板\20MG60.32.99\ZGM133</t>
  </si>
  <si>
    <t>【北电】压架盖板\21MG30.11.10.96\ZGM95</t>
  </si>
  <si>
    <t>【北电】铰轴卡板\21MG30.11.10.97\ZGM95</t>
  </si>
  <si>
    <t>【北电】压架盖板\43MG20.11.10.01\ZGM80</t>
  </si>
  <si>
    <t>【北电】液压落渣门\MG20.11.05.01\ZGM80</t>
  </si>
  <si>
    <t>【北电】磨辊锁板\MG20.11.09.66\ZGM80</t>
  </si>
  <si>
    <t>【北电】磨辊挡板\MG20.11.09.74\ZGM80</t>
  </si>
  <si>
    <t>【北电】磨辊右压板\MG20.11.09.79\ZGM80</t>
  </si>
  <si>
    <t>【北电】磨辊左压板\MG20.11.09.85\ZGM80</t>
  </si>
  <si>
    <t>【北电】磨辊键\MG20.11.09.86\ZGM80</t>
  </si>
  <si>
    <t>【北电】磨辊轴承隔套\MG20.11.09.91\ZGM80</t>
  </si>
  <si>
    <t>【北电】磨辊密封风环\MG20.11.09.77\ZGM80</t>
  </si>
  <si>
    <t>【北电】磨辊防护环\MG20.11.09.95\ZGM80</t>
  </si>
  <si>
    <t>【北电】铰轴卡板\MG20.11.11.03\ZGM80</t>
  </si>
  <si>
    <t>【北电】拉杆台板\MG20.32.99\ZGM80</t>
  </si>
  <si>
    <t>【北电】锥形罩盖板\MG23.11.08.95\ZGM80</t>
  </si>
  <si>
    <t>【北电】磨辊键\ZGM95G-08-14\ZGM95</t>
  </si>
  <si>
    <t>【北电】铰轴卡板\ZGM95G-10-7\ZGM95</t>
  </si>
  <si>
    <t>【北电】回油过滤器\22MG00.21.30\ZGM</t>
  </si>
  <si>
    <t>【北电】手动换向阀\23MG00.21.17\ZGM</t>
  </si>
  <si>
    <t>【北电】蓄能器\20MG60.21.03\ZGM</t>
  </si>
  <si>
    <t>【北电】高压油管总成\20MG00.11.19.01\ZGM</t>
  </si>
  <si>
    <t>【北电】高压油管总成\21MG00.11.19.01\ZGM</t>
  </si>
  <si>
    <t>【北电】加载油缸密封件\21MG60.11.14.01\ZGM</t>
  </si>
  <si>
    <t>【北电】加载油缸密封件\22MG60.11.14.01\ZGM</t>
  </si>
  <si>
    <t>【北电】高压供油过滤器\MG00.21.34\ZGM</t>
  </si>
  <si>
    <t>【北电】高压供油过滤器滤芯\MG00.21.34.01\ZGM</t>
  </si>
  <si>
    <t>【北电】高压供油过滤器\20MG00.21.34\ZGM</t>
  </si>
  <si>
    <t>【北电】高压供油过滤器滤芯\20MG00.21.34.01\ZGM</t>
  </si>
  <si>
    <t>【北电】磨煤机减速机\SXJ100\ZGM</t>
  </si>
  <si>
    <t>【北电】磨煤机减速机\SXJ120\ZGM</t>
  </si>
  <si>
    <t>【北电】磨煤机减速机\SXJ100-A\ZGM</t>
  </si>
  <si>
    <t>【北电】磨煤机减速机\SXJ140\ZGM</t>
  </si>
  <si>
    <t>【北电】磨煤机减速机\SXJ120-A\ZGM</t>
  </si>
  <si>
    <t>【北电】磨煤机减速机\SXJ160\ZGM</t>
  </si>
  <si>
    <t>【北电】磨煤机减速机\SXJ140-A\ZGM</t>
  </si>
  <si>
    <t>【北电】磨煤机减速机\SXJ180\ZGM</t>
  </si>
  <si>
    <t>【北电】磨煤机减速机\SXJ160-A\ZGM</t>
  </si>
  <si>
    <t>【北电】磨煤机减速机\SXJ190\ZGM</t>
  </si>
  <si>
    <t>【北电】磨煤机减速机\SXJ180-A\ZGM</t>
  </si>
  <si>
    <t>【北电】螺伞\JX12.10.05/06.01G\ZGM80</t>
  </si>
  <si>
    <t>【北电】齿轴\JX12.10.05.11G\ZGM80</t>
  </si>
  <si>
    <t>【北电】太阳轮\JX12.20.02.07G\ZGM80</t>
  </si>
  <si>
    <t>【北电】联轴器齿套\JX12.10.05.12G\ZGM80</t>
  </si>
  <si>
    <t>【北电】内齿圈\JX12.10.84G\ZGM80</t>
  </si>
  <si>
    <t>【北电】行星架\JX12.10.02.08G\ZGM80</t>
  </si>
  <si>
    <t>【北电】行星轮\JX12.10.02.01G\ZGM80</t>
  </si>
  <si>
    <t>【北电】推力瓦\JX12.10.87G\ZGM80</t>
  </si>
  <si>
    <t>【北电】半球瓦垫\JX12.10.90/86\ZGM80</t>
  </si>
  <si>
    <t>【北电】定位销\JX12.10.95\ZGM80</t>
  </si>
  <si>
    <t>【北电】调整垫\JX12.10.05.08/06.05\ZGM80</t>
  </si>
  <si>
    <t>【北电】密封件\JX12.30.15\ZGM80</t>
  </si>
  <si>
    <t>【北电】螺伞\JX22.10.05/06.01G\ZGM95</t>
  </si>
  <si>
    <t>【北电】齿轴\JX22.10.05.11G\ZGM95</t>
  </si>
  <si>
    <t>【北电】太阳轮\JX22.10.02.07G\ZGM95</t>
  </si>
  <si>
    <t>【北电】联轴器齿套\JX22.10.05.12G\ZGM95</t>
  </si>
  <si>
    <t>【北电】内齿圈\JX22.10.82G\ZGM95</t>
  </si>
  <si>
    <t>【北电】行星架\JX22.10.02.08G\ZGM95</t>
  </si>
  <si>
    <t>【北电】行星轮\JX22.10.02.01G\ZGM95</t>
  </si>
  <si>
    <t>【北电】推力瓦\JX22.10.87G\ZGM95</t>
  </si>
  <si>
    <t>【北电】半球瓦垫\JX22.10.90/83\ZGM95</t>
  </si>
  <si>
    <t>【北电】定位销\JX22.10.92\ZGM95</t>
  </si>
  <si>
    <t>【北电】调整垫\JX22.10.05.08 /06.05\ZGM95</t>
  </si>
  <si>
    <t>【北电】密封件\JX22.30.15\ZGM95</t>
  </si>
  <si>
    <t>【北电】螺伞\JX34.10.05/06.01BG\ZGM113</t>
  </si>
  <si>
    <t>【北电】齿轴\JX34.10.05.12G\ZGM113</t>
  </si>
  <si>
    <t>【北电】太阳轮\JX34.10.02.07G\ZGM113</t>
  </si>
  <si>
    <t>【北电】联轴器齿套\JX34.10.05.13G\ZGM113</t>
  </si>
  <si>
    <t>【北电】内齿圈\JX34.10.02.06G\ZGM113</t>
  </si>
  <si>
    <t>【北电】行星架\JX34.10.02.08G\ZGM113</t>
  </si>
  <si>
    <t>【北电】行星轮\JX34.10.02.01G\ZGM113</t>
  </si>
  <si>
    <t>【北电】推力瓦\JX34.10.88G\ZGM113</t>
  </si>
  <si>
    <t>【北电】半球瓦垫\JX34.10.90/89\ZGM113</t>
  </si>
  <si>
    <t>【北电】定位销\JX34.10.92\ZGM113</t>
  </si>
  <si>
    <t>【北电】调整垫\JX10.05.07 /34.10.06.06\ZGM113</t>
  </si>
  <si>
    <t>【北电】密封件\JX32.30.15\ZGM113</t>
  </si>
  <si>
    <t>【北电】螺伞\JXQ42.10.05/06.01G\ZGM123</t>
  </si>
  <si>
    <t>【北电】齿轴\JXQ42.10.05.10G\ZGM123</t>
  </si>
  <si>
    <t>【北电】太阳轮\JXQ42.10.02.07G\ZGM123</t>
  </si>
  <si>
    <t>【北电】联轴器齿套\JXQ42.10.05.12G\ZGM123</t>
  </si>
  <si>
    <t>【北电】内齿圈\JXQ42.10.02.06G\ZGM123</t>
  </si>
  <si>
    <t>【北电】行星架\JXQ42.10.02.08G\ZGM123</t>
  </si>
  <si>
    <t>【北电】行星轮\JXQ42.10.02.01G\ZGM123</t>
  </si>
  <si>
    <t>【北电】推力瓦\JXQ42.10.86\ZGM123</t>
  </si>
  <si>
    <t>【北电】半球瓦垫\JXQ42.10.86/87\ZGM123</t>
  </si>
  <si>
    <t>【北电】定位销\JXQ42.10.92\ZGM123</t>
  </si>
  <si>
    <t>【北电】调整垫\JXQ42.10.05.07/06.04\ZGM123</t>
  </si>
  <si>
    <t>【北电】密封件\JX42.30.15\ZGM123</t>
  </si>
  <si>
    <t>【北电】螺伞\JXQ62.10.05/06.01G\ZGM133</t>
  </si>
  <si>
    <t>【北电】齿轴\JXQ62.10.05.10G\ZGM133</t>
  </si>
  <si>
    <t>【北电】太阳轮\JXQ62.10.02.07G\ZGM133</t>
  </si>
  <si>
    <t>【北电】联轴器齿套\JXQ62.10.05.12G\ZGM133</t>
  </si>
  <si>
    <t>【北电】内齿圈\JXQ62.10.02.06G\ZGM133</t>
  </si>
  <si>
    <t>【北电】行星架\JXQ62.10.02.08G\ZGM133</t>
  </si>
  <si>
    <t>【北电】行星轮\JXQ62.10.02.01G\ZGM133</t>
  </si>
  <si>
    <t>【北电】推力瓦\JXQ62.10.85G\ZGM133</t>
  </si>
  <si>
    <t>【北电】半球瓦垫\JXQ62.10.87/86\ZGM133</t>
  </si>
  <si>
    <t>【北电】定位销\JXQ62.10.92\ZGM133</t>
  </si>
  <si>
    <t>【北电】调整垫\JXQ62.10.05.07/62.10.06.04\ZGM133</t>
  </si>
  <si>
    <t>【北电】密封件\JX62.30.15\ZGM133</t>
  </si>
  <si>
    <t>【北电】磨辊轴承\20MG23.11.09-12JK\ZGM80G</t>
  </si>
  <si>
    <t>【北电】磨辊轴承\20MG23.11.09-44JK\ZGM80</t>
  </si>
  <si>
    <t>【北电】磨辊轴承\20MG33.11.09J-12JK\ZGM95</t>
  </si>
  <si>
    <t>【北电】磨辊轴承\20MG33.11.09J-44JK\ZGM95</t>
  </si>
  <si>
    <t>【北电】磨辊轴承\20MG43.11.09J-13JK\ZGM113</t>
  </si>
  <si>
    <t>【北电】磨辊轴承\20MG43.11.09-13JK\ZGM113</t>
  </si>
  <si>
    <t>【北电】磨辊轴承\20MG43.11.09J-41JK\ZGM113</t>
  </si>
  <si>
    <t>【北电】磨辊轴承\20MG63.11.09J-12JK\ZGM133</t>
  </si>
  <si>
    <t>【北电】磨辊轴承\300MG53.11.09-12JK\ZGM123</t>
  </si>
  <si>
    <t>【北电】磨辊轴承\20MG63.11.09J-44JK\ZGM133</t>
  </si>
  <si>
    <t>【北电】磨辊轴承\300MG53.11.09-43JK\ZGM123</t>
  </si>
  <si>
    <t>【北电】磨辊总成\20MG23.11.09-1\ZGM80</t>
  </si>
  <si>
    <t>【北电】磨辊总成\200MG31.11.09-1\ZGM95</t>
  </si>
  <si>
    <t>【北电】磨辊总成\20MG32.11.09J-1\ZGM95</t>
  </si>
  <si>
    <t>【北电】磨辊总成\20MG33.11.09J-1\ZGM95</t>
  </si>
  <si>
    <t>【北电】磨辊总成\56MG33.11.09J-1\ZGM95</t>
  </si>
  <si>
    <t>【北电】磨辊总成\200MG41.11.09-1\ZGM113</t>
  </si>
  <si>
    <t>【北电】磨辊总成\MG42.11.09-1\ZGM113</t>
  </si>
  <si>
    <t>【北电】磨辊总成\301MG41.11.09S.J\ZGM113</t>
  </si>
  <si>
    <t>【北电】磨辊总成\300MG41.11.09S.J\ZGM113</t>
  </si>
  <si>
    <t>【北电】磨辊总成\20MG43.11.09\ZGM113</t>
  </si>
  <si>
    <t>【北电】磨辊总成\20MG43.11.09J-1\ZGM113</t>
  </si>
  <si>
    <t>【北电】磨辊总成\50MG43.11.09J-1\ZGM113</t>
  </si>
  <si>
    <t>【北电】磨辊总成\20MG62.11.09J-1\ZGM133</t>
  </si>
  <si>
    <t>【北电】磨辊总成\300MG53.11.09-1\ZGM123</t>
  </si>
  <si>
    <t>【北电】磨辊总成\300MG41.11.09S.SQ\ZGM113</t>
  </si>
  <si>
    <t>【北电】液位开关\MG00.21.35\ZGM</t>
  </si>
  <si>
    <t>【北电】液位液温计\MG00.21.39\ZGM</t>
  </si>
  <si>
    <t>【北电】加油口\MG00.21.40\ZGM</t>
  </si>
  <si>
    <t>【北电】套筒式加热器\MG00.21.41\ZGM</t>
  </si>
  <si>
    <t>【北电】放油球阀\MG00.21.42\ZGM</t>
  </si>
  <si>
    <t>【北电】冷却器\20MG00.21.25\ZGM</t>
  </si>
  <si>
    <t>【北电】回油滤油器\23MG00.21.30\ZGM</t>
  </si>
  <si>
    <t>【北电】三通球阀\MG00.21.43\ZGM</t>
  </si>
  <si>
    <t>【北电】钟型罩\MG00.21.44\ZGM</t>
  </si>
  <si>
    <t>【北电】联轴器\23MG00.21.01.01\ZGM</t>
  </si>
  <si>
    <t>【北电】双筒管路高压过滤器\29MG00.21.13\ZGM</t>
  </si>
  <si>
    <t>【北电】单向阀\31MG00.21.09\ZGM</t>
  </si>
  <si>
    <t>【北电】电磁换向阀\24MG00.21.17\ZGM</t>
  </si>
  <si>
    <t>【北电】流量控制阀\20MG00.21.33\ZGM</t>
  </si>
  <si>
    <t>【北电】球阀\MG00.21.45\ZGM</t>
  </si>
  <si>
    <t>【北电】热电阻\MG00.21.38\ZGM</t>
  </si>
  <si>
    <t>【北电】端子箱\MG00.21.47\ZGM</t>
  </si>
  <si>
    <t>【北电】测压接头\20MG00.21.21\ZGM</t>
  </si>
  <si>
    <t>【北电】测压软管\MG00.21.51\ZGM</t>
  </si>
  <si>
    <t>【北电】液位液温计\MG00.21.52\ZGM113</t>
  </si>
  <si>
    <t>【北电】电加热器\20MG00.21.41\ZGM113</t>
  </si>
  <si>
    <t>【北电】空气滤清器\21MG00.21.23\ZGM113</t>
  </si>
  <si>
    <t>【北电】低压球阀\MG00.21.46\ZGM113</t>
  </si>
  <si>
    <t>【北电】低压球阀\20MG00.21.46\ZGM113</t>
  </si>
  <si>
    <t>【北电】溢流阀\33MG00.21.16\ZGM113</t>
  </si>
  <si>
    <t>【北电】溢流阀\34MG00.21.16\ZGM113</t>
  </si>
  <si>
    <t>【北电】联轴器\22MG00.21.01.01\ZGM113</t>
  </si>
  <si>
    <t>【北电】钟罩\MG00.21.53\ZGM113</t>
  </si>
  <si>
    <t>【北电】联轴器\24MG00.21.01.01\ZGM113</t>
  </si>
  <si>
    <t>【北电】钟罩\MG00.21.54\ZGM113</t>
  </si>
  <si>
    <t>【北电】单向阀\32MG00.21.09\ZGM113</t>
  </si>
  <si>
    <t>【北电】单向阀\33MG00.21.09\ZGM113</t>
  </si>
  <si>
    <t>【北电】节流阀\22MG00.21.32\ZGM113</t>
  </si>
  <si>
    <t>【北电】节流阀\23MG00.21.32\ZGM113</t>
  </si>
  <si>
    <t>【北电】节流阀\24MG00.21.32\ZGM113</t>
  </si>
  <si>
    <t>【北电】三通球阀\20MG00.21.43\ZGM113</t>
  </si>
  <si>
    <t>【北电】单向阀\34MG00.21.09\ZGM113</t>
  </si>
  <si>
    <t>【北电】稀油站阀块\MG00.21.55\ZGM113</t>
  </si>
  <si>
    <t>【北电】控制阀块\20MG00.21.55\ZGM113</t>
  </si>
  <si>
    <t>【北电】流量计\MG00.21.37\ZGM113</t>
  </si>
  <si>
    <t>【北电】流量计\20MG00.21.37\ZGM113</t>
  </si>
  <si>
    <t>【北电】流量视窗\MG00.21.56\ZGM113</t>
  </si>
  <si>
    <t>【北电】流量视窗\20MG00.21.56\ZGM113</t>
  </si>
  <si>
    <t>【北电】过滤器\30MG00.21.13\ZGM113</t>
  </si>
  <si>
    <t>【北电】过滤器滤芯\30MG00.21.13.01\ZGM113</t>
  </si>
  <si>
    <t>【北电】双联齿轮泵\MG00.21.57\ZGM113</t>
  </si>
  <si>
    <t>【北电】溢流阀\35MG00.21.16\ZGM113</t>
  </si>
  <si>
    <t>【北电】齿轮排渣泵\20MG00.21.04\ZGM</t>
  </si>
  <si>
    <t>【北电】齿轮泵联轴器\25MG00.21.01.01\ZGM</t>
  </si>
  <si>
    <t>【北电】单向阀\35MG00.21.09\ZGM</t>
  </si>
  <si>
    <t>【北电】电磁阀\27MG00.21.15\ZGM</t>
  </si>
  <si>
    <t>【北电】叠加式溢流阀\36MG00.21.16\ZGM</t>
  </si>
  <si>
    <t>【北电】高压滤油器滤芯\22MG00.21.34.01\ZGM</t>
  </si>
  <si>
    <t>【北电】回油过滤器\24MG00.21.30\ZGM</t>
  </si>
  <si>
    <t>【北电】加油口油塞\MG00.21.58\ZGM</t>
  </si>
  <si>
    <t>【北电】空气滤清器\23MG00.21.23\ZGM</t>
  </si>
  <si>
    <t>【北电】空气滤清器\22MG00.21.23\ZGM</t>
  </si>
  <si>
    <t>【北电】扣压式胶管\MG00.21.59\ZGM</t>
  </si>
  <si>
    <t>【北电】联轴器弹性块\MG00.21.01.01.01\ZGM</t>
  </si>
  <si>
    <t>【北电】联轴器弹性块\20MG00.21.01.01.01\ZGM</t>
  </si>
  <si>
    <t>【北电】密封组件\20MG00.11.14.01\ZGM</t>
  </si>
  <si>
    <t>【北电】排渣泵联轴器\20MG00.21.04.01\ZGM</t>
  </si>
  <si>
    <t>【北电】球阀\20MG00.21.45\ZGM</t>
  </si>
  <si>
    <t>【北电】球阀\21MG00.21.45\ZGM</t>
  </si>
  <si>
    <t>【北电】球阀\22MG00.21.45\ZGM</t>
  </si>
  <si>
    <t>【北电】球阀\23MG00.21.45\ZGM</t>
  </si>
  <si>
    <t>【北电】稀油站油冷却器\20MG00.20.07\ZGM</t>
  </si>
  <si>
    <t>【北电】调速阀\MG00.21.60\ZGM</t>
  </si>
  <si>
    <t>【北电】蓄能器皮囊\MG00.21.61\ZGM</t>
  </si>
  <si>
    <t>【北电】液位计\MG00.21.62\ZGM</t>
  </si>
  <si>
    <t>【北电】油缸密封\21MG00.11.14.01\ZGM</t>
  </si>
  <si>
    <t>【北电】油路块\MG00.21.63\ZGM</t>
  </si>
  <si>
    <t>【北电】油路块\20MG00.21.63\ZGM</t>
  </si>
  <si>
    <t>【北电】双室过滤器滤芯\20MG00.20.03\ZGM</t>
  </si>
  <si>
    <t>【北电】手动对夹蝶阀\MG00.21.64\ZGM</t>
  </si>
  <si>
    <t>【北电】升降式止回阀\MG00.21.65\ZGM</t>
  </si>
  <si>
    <t>【北电】双金属温度计\MG00.21.66\ZGM</t>
  </si>
  <si>
    <t>【北电】比例溢流阀\22MG00.21.14\ZGM</t>
  </si>
  <si>
    <t>【北电】电磁换向阀\25MG00.21.17\ZGM</t>
  </si>
  <si>
    <t>【北电】滤油器\31MG00.21.13\ZGM</t>
  </si>
  <si>
    <t>【北电】双金属温度计\20MG00.21.66\ZGM</t>
  </si>
  <si>
    <t>【北电】双支铂电阻\20MG00.21.38\ZGM</t>
  </si>
  <si>
    <t>【北电】回油滤芯\25MG00.21.30.01\ZGM</t>
  </si>
  <si>
    <t>【北电】流量阀\21MG00.21.18\ZGM</t>
  </si>
  <si>
    <t>【北电】高压过滤器滤芯\21MG00.21.34.01\ZGM</t>
  </si>
  <si>
    <t>【北电】手动对夹蝶阀\20MG00.21.64\ZGM</t>
  </si>
  <si>
    <t>【北电】电加热器\21MG00.21.41\ZGM</t>
  </si>
  <si>
    <t>【北电】单向阀\36MG00.21.09\ZGM</t>
  </si>
  <si>
    <t>【北电】溢流阀\37MG00.21.16\ZGM</t>
  </si>
  <si>
    <t>【北电】溢流阀\38MG00.21.16\ZGM</t>
  </si>
  <si>
    <t>【北电】溢流阀\39MG00.21.16\ZGM</t>
  </si>
  <si>
    <t>【北电】空气滤清器\PAF1-0.02-0.75-20L\ZGM</t>
  </si>
  <si>
    <t>【北电】稀油站油泵\20MG30.20.02\ZGM</t>
  </si>
  <si>
    <t>【北电】稀油站油泵\20MG40.20.02\ZGM113</t>
  </si>
  <si>
    <t>【北电】液压缸\21MG30.11.14\ZGM</t>
  </si>
  <si>
    <t>【北电】油泵\20MG60.20.02\ZGM95</t>
  </si>
  <si>
    <t>【北电】稀油站系统密封件\MG08.20.01\ZGM</t>
  </si>
  <si>
    <t>【北电】齿轮泵\21MG40.20.02\ZGM113</t>
  </si>
  <si>
    <t>【北电】稀油站系统密封件\MG10.20.01\ZGM</t>
  </si>
  <si>
    <t>【北电】加载油缸密封件\20MG10.11.14.01ATS\ZGM65</t>
  </si>
  <si>
    <t>【北电】加载油缸密封件\20MG20.11.14.01ATS\ZGM80</t>
  </si>
  <si>
    <t>【北电】加载油缸密封件\20MG30.11.14.01ATS\ZGM95</t>
  </si>
  <si>
    <t>【北电】加载油缸密封件\20MG40.11.14.01ATS\ZGM113</t>
  </si>
  <si>
    <t>【北电】加载油缸密封件\300MG41.11.14.01ATS\ZGM113K</t>
  </si>
  <si>
    <t>【北电】加载油缸密封件\300MG53.11.14.01ATS\ZGM133G-II</t>
  </si>
  <si>
    <t>【北电】加载油缸密封件\20MG60.11.14.01ATS\ZGM133</t>
  </si>
  <si>
    <t>【北电】磨辊轴承\MG63.11.09-12JK\ZGM133</t>
  </si>
  <si>
    <t>【北电】磨辊轴承\MG63.11.09-43JK\ZGM133</t>
  </si>
  <si>
    <t>【北电】等压排渣伸缩节\66MG50.11.05.02.08\ZGM123</t>
  </si>
  <si>
    <t>【北电】等压排渣密封圈\66MG50.11.05.02.07\ZGM123</t>
  </si>
  <si>
    <t>【北电】气动快关门\KQ-520-1\ZGM113</t>
  </si>
  <si>
    <t>【北电】碳精密封环组件\HP1003.15X.06.04\ZGM113</t>
  </si>
  <si>
    <t>【北电】碳精环\HP1003.15X.06.04.99\ZGM113</t>
  </si>
  <si>
    <t>【北电】端封\HP1003.15X.06.90\ZGM113</t>
  </si>
  <si>
    <t>【北电】端封\HP1003.15X.06.89\ZGM113</t>
  </si>
  <si>
    <t>【北电】小端封\33MG50.11.15X.06.78\ZGM113</t>
  </si>
  <si>
    <t>【北电】回转支承\HP1003.15X.06.87\ZGM113</t>
  </si>
  <si>
    <t>【北电】小齿轮\HP1003.15X.06.98\ZGM113</t>
  </si>
  <si>
    <t>【北电】高速轴\MG50.11.15X.06.99\ZGM113</t>
  </si>
  <si>
    <t>【北电】O型密封圈\HP1003.15X.06-18\ZGM113</t>
  </si>
  <si>
    <t>【北电】骨架油封\HP1003.15X.06-32\ZGM113</t>
  </si>
  <si>
    <t>【北电】角接触球轴承\HP1003.15X.06-4\ZGM113</t>
  </si>
  <si>
    <t>【北电】电机座\10MG50.11.15X.95\ZGM113</t>
  </si>
  <si>
    <t>【北电】转动部件\HP1003.15X.04\ZGM113</t>
  </si>
  <si>
    <t>【北电】静止叶片\HP1003.15X.02.01\ZGM113</t>
  </si>
  <si>
    <t>【北电】驱动部\HP1003.15X.06\ZGM113</t>
  </si>
  <si>
    <t>【北电】碳精密封环组件\03MG10.11.15X.06.04\ZGM65</t>
  </si>
  <si>
    <t>【北电】碳精环\03MG10.11.15X.06.04.99\ZGM65</t>
  </si>
  <si>
    <t>【北电】端封\03MG10.11.15X.06.90\ZGM65</t>
  </si>
  <si>
    <t>【北电】端封\03MG10.11.15X.06.91\ZGM65</t>
  </si>
  <si>
    <t>【北电】小端封\11MG10.11.15X.06.82\ZGM65</t>
  </si>
  <si>
    <t>【北电】回转支承\03MG10.11.15X.06.88\ZGM65</t>
  </si>
  <si>
    <t>【北电】小齿轮\03MG10.11.15X.06.98\ZGM65</t>
  </si>
  <si>
    <t>【北电】高速轴\21MG10.11.15X.06.99\ZGM65</t>
  </si>
  <si>
    <t>【北电】O型密封圈\MG10.11.15X.06-11\ZGM65</t>
  </si>
  <si>
    <t>【北电】骨架油封\MG10.11.15X.06-29\ZGM65</t>
  </si>
  <si>
    <t>【北电】角接触球轴承\MG10.11.15X.06-2\ZGM65</t>
  </si>
  <si>
    <t>【北电】角接触球轴承\MG10.11.15X.06-2-1\ZGM65</t>
  </si>
  <si>
    <t>【北电】电机座\03MG10.11.15X.95\ZGM65</t>
  </si>
  <si>
    <t>【北电】转动部件\MG10.11.15X.04(AS)\ZGM65</t>
  </si>
  <si>
    <t>【北电】静止叶片\MG10.11.15X.02.01(AS)\ZGM65</t>
  </si>
  <si>
    <t>【北电】驱动部组件\03MG10.11.15X.06\ZGM65</t>
  </si>
  <si>
    <t>【北电】油箱焊接件\JX62.10.01\ZGM</t>
  </si>
  <si>
    <t>【北电】阀块\ES-MMJ-ZFK\ZGM</t>
  </si>
  <si>
    <t>【北电】机壳导向板\MG40.11.12.07.99-TC\ZGM113</t>
  </si>
  <si>
    <t>【北电】机壳导向板\20MG40.11.12.07.99-TC\ZGM113</t>
  </si>
  <si>
    <t>【北电】机壳导向板\200MG31.11.12.07.93-TC\ZGM95K</t>
  </si>
  <si>
    <t>【北电】机壳导向板\20MG20.11.12.06.94-TC\ZGM80</t>
  </si>
  <si>
    <t>【北电】机壳导向板\20MG50.11.12.07.93-TC\ZGM123</t>
  </si>
  <si>
    <t>【北电】机壳导向板\20MG60.11.12.07.93-TC\ZGM133</t>
  </si>
  <si>
    <t>【北电】机壳导向板\20MG30.11.12.07.93-TC\ZGM95</t>
  </si>
  <si>
    <t>【北电】机壳导向板\200MG41.11.12.07.94-TC\ZGM113K</t>
  </si>
  <si>
    <t>【北电】机壳导向板\MG40.11.12.07.94-TC\ZGM113</t>
  </si>
  <si>
    <t>【北电】机壳导向板\20MG40.11.12.07.94-TC\ZGM113</t>
  </si>
  <si>
    <t>【北电】压架导向块\200MG31.11.12.07.95-TC\ZGM95K</t>
  </si>
  <si>
    <t>【北电】压架导向块\20MG20.11.12.06.96-TC\ZGM80</t>
  </si>
  <si>
    <t>【北电】压架导向块\20MG50.11.12.07.96-TC\ZGM123</t>
  </si>
  <si>
    <t>【北电】压架导向块\20MG60.11.12.07.96-TC\ZGM133</t>
  </si>
  <si>
    <t>【北电】压架导向块\20MG30.11.12.07.95-TC\ZGM95</t>
  </si>
  <si>
    <t>【北电】压架导向块\200MG41.11.12.07.96-TC\ZGM113K</t>
  </si>
  <si>
    <t>【北电】压架导向块\MG40.11.12.07.96-TC\ZGM113</t>
  </si>
  <si>
    <t>【北电】压架导向块\20MG40.11.12.07.96-TC\ZGM113</t>
  </si>
  <si>
    <t>【北电】压架导向块\200MG31.11.12.07.94-TC\ZGM95K</t>
  </si>
  <si>
    <t>【北电】压架导向块\20MG20.11.12.06.95-TC\ZGM80</t>
  </si>
  <si>
    <t>【北电】压架导向块\20MG50.11.12.07.94-TC\ZGM123</t>
  </si>
  <si>
    <t>【北电】压架导向块\20MG60.11.12.07.94-TC\ZGM133</t>
  </si>
  <si>
    <t>【北电】压架导向块\20MG30.11.12.07.94-TC\ZGM95</t>
  </si>
  <si>
    <t>【北电】压架导向块\200MG41.11.12.07.95-TC\ZGM113K</t>
  </si>
  <si>
    <t>【北电】压架导向块\MG40.11.12.07.95-TC\ZGM113</t>
  </si>
  <si>
    <t>【北电】压架导向块\20MG40.11.12.07.95-TC\ZGM113</t>
  </si>
  <si>
    <t>【北电】机壳导向板\200MG31.11.12.07.99-TC\ZGM95K</t>
  </si>
  <si>
    <t>【北电】机壳导向板\20MG20.11.12.06.99-TC\ZGM80</t>
  </si>
  <si>
    <t>【北电】机壳导向板\20MG50.11.12.07.99-TC\ZGM123</t>
  </si>
  <si>
    <t>【北电】机壳导向板\20MG60.11.12.07.99-TC\ZGM133</t>
  </si>
  <si>
    <t>【北电】机壳导向板\20MG30.11.12.07.99-TC\ZGM95</t>
  </si>
  <si>
    <t>【北电】机壳导向板\200MG41.11.12.07.99-TC\ZGM113K</t>
  </si>
  <si>
    <t>【北电】机壳导向板\300MG41.11.12.07.94-TC\ZGM113</t>
  </si>
  <si>
    <t>【北电】机壳导向板\300MG41.11.12.07.99-TC\ZGM113K</t>
  </si>
  <si>
    <t>【北电】压架导向块\300MG41.11.12.07.95-TC\ZGM113K</t>
  </si>
  <si>
    <t>【北电】压架导向块\300MG41.11.12.07.96-TC\ZGM113K</t>
  </si>
  <si>
    <t>【北电】导向板\ZGM95-12-03D-TC\ZGM95</t>
  </si>
  <si>
    <t>【北电】导向板\ZGM95-12-02D-TC\ZGM95</t>
  </si>
  <si>
    <t>【北电】导向板\ZGM95-12-04-TC\ZGM95</t>
  </si>
  <si>
    <t>【北电】机壳导向板\300MG31.11.12.07.93-TC\ZGM95KA</t>
  </si>
  <si>
    <t>【北电】压架导向块\300MG31.11.12.07.95-TC\ZGM95KA</t>
  </si>
  <si>
    <t>【北电】压架导向块\300MG31.11.12.07.94-TC\ZGM95KA</t>
  </si>
  <si>
    <t>【北电】机壳导向板\300MG31.11.12.07.99-TC\ZGM95KA</t>
  </si>
  <si>
    <t>【北电】端面密封环\20MG40.11.15X-2\ZGM113</t>
  </si>
  <si>
    <t>【北电】窥镜观察窗\20MG40.11.15X-5\ZGM113</t>
  </si>
  <si>
    <t>【北电】分离器皮带\20MG40.11.15X-6\ZGM113</t>
  </si>
  <si>
    <t>【北电】分离器静叶片\20MG40.11.15X.04.99-GZ\ZGM113</t>
  </si>
  <si>
    <t>【北电】分离器动叶片\20MG40.11.15X.05.99-GZ\ZGM113</t>
  </si>
  <si>
    <t>【北电】密封伸缩节\20MG40.11.17.01\ZGM113</t>
  </si>
  <si>
    <t>【北电】乙丙橡胶伸缩节\20MG40.11.17.02\ZGM113</t>
  </si>
  <si>
    <t>【北电】O型密封圈\20MG40.21.03\ZGM113</t>
  </si>
  <si>
    <t>【北电】O型密封圈\20MG40.21.04\ZGM113</t>
  </si>
  <si>
    <t>【北电】拉杆上密封\20MG40.11.12.06.01-XJ\ZGM113</t>
  </si>
  <si>
    <t>【北电】拉杆下密封\20MG40.11.12.06.02-XJ\ZGM113</t>
  </si>
  <si>
    <t>【北电】机壳防磨板\20MG00.11.12.01.97-12\ZGM</t>
  </si>
  <si>
    <t>【北电】机壳防磨板\20MG00.11.12.01.97-14\ZGM</t>
  </si>
  <si>
    <t>【北电】机壳防磨板\20MG00.11.12.01.97-16\ZGM</t>
  </si>
  <si>
    <t>【北电】机壳防磨板\20MG00.11.12.01.97-18\ZGM</t>
  </si>
  <si>
    <t>【北电】机壳防磨板\20MG00.11.12.01.97-20\ZGM</t>
  </si>
  <si>
    <t>【北电】机壳防磨板\20MG00.11.12.01.97-25\ZGM</t>
  </si>
  <si>
    <t>【北电】碳精环\20MG30.11.06.93-DWK\ZGM95</t>
  </si>
  <si>
    <t>【北电】机壳防磨板\20MG00.11.12.01.97-12-1\ZGM</t>
  </si>
  <si>
    <t>【北电】机壳防磨板\20MG00.11.12.01.97-14-1\ZGM</t>
  </si>
  <si>
    <t>【北电】机壳防磨板\20MG00.11.12.01.97-16-1\ZGM</t>
  </si>
  <si>
    <t>【北电】机壳防磨板\20MG00.11.12.01.97-18-1\ZGM</t>
  </si>
  <si>
    <t>【北电】机壳防磨板\20MG00.11.12.01.97-20-1\ZGM</t>
  </si>
  <si>
    <t>【北电】机壳防磨板\20MG00.11.12.01.97-25-1\ZGM</t>
  </si>
  <si>
    <t>【北电】机壳防磨板\20MG00.11.12.01.97\ZGM</t>
  </si>
  <si>
    <t>【北电】胀锚螺栓\MG00.11.02-9\ZGM</t>
  </si>
  <si>
    <t>【北电】八爪弹性体\20MG40.21.01.01.01\ZGM113</t>
  </si>
  <si>
    <t>【北电】对轮外护罩\20MG40.11.02.99\ZGM113</t>
  </si>
  <si>
    <t>【北电】联轴器\20MG00.11.02\ZGM</t>
  </si>
  <si>
    <t>【北电】联轴器\21MG00.11.02\ZGM</t>
  </si>
  <si>
    <t>【北电】联轴器连接件\20MG30.11.02\ZGM95</t>
  </si>
  <si>
    <t>【北电】门板\MG40.11.05.01\ZGM113</t>
  </si>
  <si>
    <t>【北电】三螺杆泵泵头\MG60.20.02.02\ZGM</t>
  </si>
  <si>
    <t>【北电】拉杆密封\20MG10.11.12.06-XJ\ZGM80</t>
  </si>
  <si>
    <t>【北电】拉杆密封\20MG20.11.12.06-XJ\ZGM80</t>
  </si>
  <si>
    <t>【北电】拉杆密封\20MG30.11.12.06-XJ\ZGM95</t>
  </si>
  <si>
    <t>【北电】拉杆密封\20MG40.11.12.06-XJ\ZGM113</t>
  </si>
  <si>
    <t>【北电】拉杆密封\20MG50.11.12.06-XJ\ZGM123</t>
  </si>
  <si>
    <t>【北电】拉杆密封\20MG60.11.12.06-XJ\ZGM133</t>
  </si>
  <si>
    <t>【北电】蓄能器密封件\20MG20.11.14.01\ZGM80</t>
  </si>
  <si>
    <t>【北电】蓄能器密封件\200MG30.11.14.01\ZGM95</t>
  </si>
  <si>
    <t>【北电】蓄能器密封件\200MG40.11.14.01\ZGM113</t>
  </si>
  <si>
    <t>【北电】蓄能器密封件\20MG50.11.14.01\ZGM123</t>
  </si>
  <si>
    <t>【北电】蓄能器密封件\200MG60.11.14.01\ZGM133</t>
  </si>
  <si>
    <t>【北电】加载油缸护套\20MG20.11.14.02\ZGM80</t>
  </si>
  <si>
    <t>【北电】加载油缸护套\20MG30.11.14.02\ZGM95</t>
  </si>
  <si>
    <t>【北电】加载油缸护套\20MG40.11.14.02\ZGM113</t>
  </si>
  <si>
    <t>【北电】加载油缸护套\20MG50.11.14.03\ZGM123</t>
  </si>
  <si>
    <t>【北电】加载油缸护套\20MG60.11.14.03\ZGM133</t>
  </si>
  <si>
    <t>【北电】拉杆\20MG20.11.13.99\ZGM80</t>
  </si>
  <si>
    <t>【北电】分离器顶板\20MG20.11.15.02.02\ZGM80</t>
  </si>
  <si>
    <t>【北电】分离器顶板\20MG30.11.15.02.02\ZGM95</t>
  </si>
  <si>
    <t>【北电】分离器顶板\20MG40.11.15.02.02\ZGM113</t>
  </si>
  <si>
    <t>【北电】分离器顶板\20MG50.11.15.02.02\ZGM123</t>
  </si>
  <si>
    <t>【北电】分离器顶板\20MG60.11.15.02.02\ZGM133</t>
  </si>
  <si>
    <t>【北电】分离器顶板\20MG10.11.15.02.02\ZGM65</t>
  </si>
  <si>
    <t>【北电】分离器顶板\MG08.11.15.02.02\ZGM50</t>
  </si>
  <si>
    <t>【北电】机座密封上连接环\20MG10.11.06.01\ZGM65</t>
  </si>
  <si>
    <t>【北电】机座密封上连接环\20MG20.11.06.01\ZGM80</t>
  </si>
  <si>
    <t>【北电】机座密封上连接环\20MG30.11.06.01\ZGM95</t>
  </si>
  <si>
    <t>【北电】机座密封上连接环\20MG40.11.06.01\ZGM113</t>
  </si>
  <si>
    <t>【北电】机座密封上连接环\300MG53.11.06.01\ZGM133G-II</t>
  </si>
  <si>
    <t>【北电】机座密封上连接环\20MG60.11.06.01\ZGM133</t>
  </si>
  <si>
    <t>【北电】机座密封上连接环\200MG31.11.06.01\ZGM95K</t>
  </si>
  <si>
    <t>【北电】机座密封上连接环\200MG41.11.06.01\ZGM113K</t>
  </si>
  <si>
    <t>【北电】机座密封下连接环\20MG10.11.06.02\ZGM65</t>
  </si>
  <si>
    <t>【北电】机座密封下连接环\20MG20.11.06.02\ZGM80</t>
  </si>
  <si>
    <t>【北电】机座密封下连接环\20MG30.11.06.02\ZGM95</t>
  </si>
  <si>
    <t>【北电】机座密封下连接环\20MG40.11.06.02\ZGM113</t>
  </si>
  <si>
    <t>【北电】机座密封下连接环\300MG53.11.06.02\ZGM133G-II</t>
  </si>
  <si>
    <t>【北电】机座密封下连接环\20MG60.11.06.02\ZGM133</t>
  </si>
  <si>
    <t>【北电】机座密封下连接环\200MG31.11.06.02\ZGM95K</t>
  </si>
  <si>
    <t>【北电】机座密封下连接环\200MG41.11.06.02\ZGM113K</t>
  </si>
  <si>
    <t>【北电】磨辊密封风管\20MG10.11.23RG\ZGM80</t>
  </si>
  <si>
    <t>【北电】磨辊密封风管\20MG20.11.23RG\ZGM80</t>
  </si>
  <si>
    <t>【北电】磨辊密封风管\20MG30.11.23RG\ZGM95</t>
  </si>
  <si>
    <t>【北电】磨辊密封风管\20MG40.11.23RG\ZGM113</t>
  </si>
  <si>
    <t>【北电】磨辊密封风管\300MG53.11.23RG\ZGM133G-II</t>
  </si>
  <si>
    <t>【北电】磨辊密封风管\20MG60.11.23RG\ZGM133</t>
  </si>
  <si>
    <t>【北电】碳精环\20MG10.11.15X.06.04.99\ZGM65</t>
  </si>
  <si>
    <t>【北电】碳精环\20MG20.11.15X.06.04.99\ZGM80</t>
  </si>
  <si>
    <t>【北电】碳精环\20MG30.11.15X.06.04.99\ZGM95</t>
  </si>
  <si>
    <t>【北电】碳精环\20MG40.11.15X.06.04.99\ZGM113</t>
  </si>
  <si>
    <t>【北电】碳精环\300MG53.11.15X.06.04.99\ZGM133G-II</t>
  </si>
  <si>
    <t>【北电】碳精环\20MG60.11.15X.06.04.99\ZGM133</t>
  </si>
  <si>
    <t>【北电】骨架油封\20MG10.11.15X.06.70\ZGM65</t>
  </si>
  <si>
    <t>【北电】骨架油封\20MG20.11.15X.06.70\ZGM80</t>
  </si>
  <si>
    <t>【北电】骨架油封\20MG30.11.15X.06.70\ZGM95</t>
  </si>
  <si>
    <t>【北电】骨架油封\20MG40.11.15X.06.70\ZGM113</t>
  </si>
  <si>
    <t>【北电】骨架油封\300MG53.11.15X.06.70\ZGM133G-II</t>
  </si>
  <si>
    <t>【北电】骨架油封\20MG60.11.15X.06.70\ZGM133</t>
  </si>
  <si>
    <t>【北电】机座密封上密封环\20MG10.11.06.03\ZGM80</t>
  </si>
  <si>
    <t>【北电】机座密封上密封环\20MG20.11.06.03\ZGM80</t>
  </si>
  <si>
    <t>【北电】机座密封上密封环\20MG30.11.06.03\ZGM95</t>
  </si>
  <si>
    <t>【北电】机座密封上密封环\20MG40.11.06.03\ZGM113</t>
  </si>
  <si>
    <t>【北电】机座密封上密封环\300MG53.11.06.03\ZGM133G-II</t>
  </si>
  <si>
    <t>【北电】机座密封上密封环\20MG60.11.06.03\ZGM133</t>
  </si>
  <si>
    <t>【北电】机座密封上密封环\200MG31.11.06.03\ZGM95K</t>
  </si>
  <si>
    <t>【北电】机座密封上密封环\200MG41.11.06.03\ZGM113K</t>
  </si>
  <si>
    <t>【北电】机座密封下密封环\20MG10.11.06.04\ZGM80</t>
  </si>
  <si>
    <t>【北电】机座密封下密封环\20MG20.11.06.04\ZGM80</t>
  </si>
  <si>
    <t>【北电】机座密封下密封环\20MG30.11.06.04\ZGM95</t>
  </si>
  <si>
    <t>【北电】机座密封下密封环\20MG40.11.06.04\ZGM113</t>
  </si>
  <si>
    <t>【北电】机座密封下密封环\300MG53.11.06.04\ZGM133G-II</t>
  </si>
  <si>
    <t>【北电】机座密封下密封环\20MG60.11.06.04\ZGM133</t>
  </si>
  <si>
    <t>【北电】机座密封下密封环\200MG31.11.06.04\ZGM95K</t>
  </si>
  <si>
    <t>【北电】机座密封下密封环\200MG41.11.06.04\ZGM113K</t>
  </si>
  <si>
    <t>【北电】拉杆下密封压盖\20MG10.11.12.06.01.99\ZGM65</t>
  </si>
  <si>
    <t>【北电】拉杆下密封压盖\20MG20.11.12.06.01.99\ZGM80</t>
  </si>
  <si>
    <t>【北电】拉杆下密封压盖\20MG30.11.12.06.01.99\ZGM95</t>
  </si>
  <si>
    <t>【北电】拉杆下密封压盖\20MG60.11.12.06.01.99\ZGM133</t>
  </si>
  <si>
    <t>【北电】拉杆下密封压盖\300MG53.11.12.06.01.99\ZGM133G-II</t>
  </si>
  <si>
    <t>【北电】机械翻辊工具\20MG40.11.69-JX\ZGM113</t>
  </si>
  <si>
    <t>【北电】机械翻辊工具\20MG50.11.69-JX\ZGM123</t>
  </si>
  <si>
    <t>【北电】机械翻辊工具\20MG60.11.69-JX\ZGM133</t>
  </si>
  <si>
    <t>【北电】机械翻辊工具\20MG30.11.69-JX\ZGM95</t>
  </si>
  <si>
    <t>【北电】气动快关门\KQ-250-1\ZGM</t>
  </si>
  <si>
    <t>【北电】气动快关门\KQ-300-1\ZGM</t>
  </si>
  <si>
    <t>【北电】气动快关门\KQ-350-1\ZGM</t>
  </si>
  <si>
    <t>【北电】气动快关门\KQ-400-1\ZGM</t>
  </si>
  <si>
    <t>【北电】气动快关门\KQ-450-1\ZGM</t>
  </si>
  <si>
    <t>【北电】气动快关门\KQ-500-1\ZGM</t>
  </si>
  <si>
    <t>【北电】气动快关门\KQ-550-1\ZGM</t>
  </si>
  <si>
    <t>【北电】气动快关门\KQ-600-1\ZGM</t>
  </si>
  <si>
    <t>【北电】气动快关门\KQ-625-1\ZGM</t>
  </si>
  <si>
    <t>【北电】气动快关门\KQ-650-1\ZGM</t>
  </si>
  <si>
    <t>【北电】气动快关门\KQ-700-1\ZGM</t>
  </si>
  <si>
    <t>【北电】气动快关门\KQ-750-1\ZGM</t>
  </si>
  <si>
    <t>【北电】气动快关门\KQ-800-1\ZGM</t>
  </si>
  <si>
    <t>【北电】气动快关门\KQ-250\ZGM</t>
  </si>
  <si>
    <t>【北电】气动快关门\KQ-300\ZGM</t>
  </si>
  <si>
    <t>【北电】气动快关门\KQ-350\ZGM</t>
  </si>
  <si>
    <t>【北电】气动快关门\KQ-400\ZGM</t>
  </si>
  <si>
    <t>【北电】气动快关门\KQ-450\ZGM</t>
  </si>
  <si>
    <t>【北电】气动快关门\KQ-500\ZGM</t>
  </si>
  <si>
    <t>【北电】气动快关门\KQ-550\ZGM</t>
  </si>
  <si>
    <t>【北电】气动快关门\KQ-600\ZGM</t>
  </si>
  <si>
    <t>【北电】气动快关门\KQ-625\ZGM</t>
  </si>
  <si>
    <t>【北电】气动快关门\KQ-650\ZGM</t>
  </si>
  <si>
    <t>【北电】气动快关门本体\KQ-250-01-1\ZGM</t>
  </si>
  <si>
    <t>【北电】气动快关门本体\KQ-300-01-1\ZGM</t>
  </si>
  <si>
    <t>【北电】气动快关门本体\KQ-350-01-1\ZGM</t>
  </si>
  <si>
    <t>【北电】气动快关门本体\KQ-400-01-1\ZGM</t>
  </si>
  <si>
    <t>【北电】气动快关门本体\KQ-450-01-1\ZGM</t>
  </si>
  <si>
    <t>【北电】气动快关门本体\KQ-500-01-1\ZGM</t>
  </si>
  <si>
    <t>【北电】气动快关门本体\KQ-550-01-1\ZGM</t>
  </si>
  <si>
    <t>【北电】气动快关门本体\KQ-600-01-1\ZGM</t>
  </si>
  <si>
    <t>【北电】气动快关门本体\KQ-625-01-1\ZGM</t>
  </si>
  <si>
    <t>【北电】气动快关门本体\KQ-650-01-1\ZGM</t>
  </si>
  <si>
    <t>【北电】气动快关门本体\KQ-700-01-1\ZGM</t>
  </si>
  <si>
    <t>【北电】气动快关门本体\KQ-750-01-1\ZGM</t>
  </si>
  <si>
    <t>【北电】气动快关门本体\KQ-800-01-1\ZGM</t>
  </si>
  <si>
    <t>【北电】气动快关门本体\KQ-250-01\ZGM</t>
  </si>
  <si>
    <t>【北电】气动快关门本体\KQ-300-01\ZGM</t>
  </si>
  <si>
    <t>【北电】气动快关门本体\KQ-350-01\ZGM</t>
  </si>
  <si>
    <t>【北电】气动快关门本体\KQ-400-01\ZGM</t>
  </si>
  <si>
    <t>【北电】气动快关门本体\KQ-450-01\ZGM</t>
  </si>
  <si>
    <t>【北电】气动快关门本体\KQ-500-01\ZGM</t>
  </si>
  <si>
    <t>【北电】气动快关门本体\KQ-550-01\ZGM</t>
  </si>
  <si>
    <t>【北电】气动快关门本体\KQ-600-01\ZGM</t>
  </si>
  <si>
    <t>【北电】气动快关门本体\KQ-625-01\ZGM</t>
  </si>
  <si>
    <t>【北电】气动快关门本体\KQ-650-01\ZGM</t>
  </si>
  <si>
    <t>【北电】骨架油封\200MG31.11.09-58\ZGM95K</t>
  </si>
  <si>
    <t>【北电】O型密封圈\200MG31.11.09-56\ZGM95K</t>
  </si>
  <si>
    <t>【北电】O型密封圈\200MG31.11.09-55\ZGM95K</t>
  </si>
  <si>
    <t>【北电】O型密封圈\200MG31.11.09-54\ZGM95K</t>
  </si>
  <si>
    <t>【北电】磨辊辊芯\20MG50.11.09.94\ZGM123</t>
  </si>
  <si>
    <t>【北电】磨辊辊芯\300MG53.11.09.94\ZGM133G-II</t>
  </si>
  <si>
    <t>【北电】磨辊总成\20MG52.11.09\ZGM123N</t>
  </si>
  <si>
    <t>【北电】磨辊总成\20MG53.11.09\ZGM123G</t>
  </si>
  <si>
    <t>【北电】磨辊辊套\20MG52.11.09.99\ZGM123N</t>
  </si>
  <si>
    <t>【北电】磨辊辊套\20MG53.11.09.99\ZGM123G</t>
  </si>
  <si>
    <t>【北电】磨辊复合辊套\20MG52.11.09.99-DH\ZGM123N</t>
  </si>
  <si>
    <t>【北电】磨辊复合辊套\20MG53.11.09.99-DH\ZGM123G</t>
  </si>
  <si>
    <t>【北电】衬板\20MG52.11.08.98\ZGM123N</t>
  </si>
  <si>
    <t>【北电】衬板\20MG53.11.08.98\ZGM123G</t>
  </si>
  <si>
    <t>【北电】复合衬板\20MG52.11.08.98-DH\ZGM123N</t>
  </si>
  <si>
    <t>【北电】复合衬板\20MG53.11.08.98-DH\ZGM123G</t>
  </si>
  <si>
    <t>【北电】联轴器\MG08.11.02\ZGM50G</t>
  </si>
  <si>
    <t>【北电】联轴器弹性套\MG08.11.02.95\ZGM50G</t>
  </si>
  <si>
    <t>【北电】联轴器销柱\MG08.11.02.96\ZGM50G</t>
  </si>
  <si>
    <t>【北电】机座密封上连接环\MG08.11.06.01\ZGM50G</t>
  </si>
  <si>
    <t>【北电】机座密封下连接环\MG08.11.06.02\ZGM50G</t>
  </si>
  <si>
    <t>【北电】碳精环\MG08.11.06.95\ZGM50G</t>
  </si>
  <si>
    <t>【北电】机座密封上密封环\MG08.11.06.98\ZGM50G</t>
  </si>
  <si>
    <t>【北电】机座密封下密封环\MG08.11.06.99\ZGM50G</t>
  </si>
  <si>
    <t>【北电】刮板装置\MG08.11.07.01\ZGM50G</t>
  </si>
  <si>
    <t>【北电】刮板\MG08.11.07.01.98\ZGM50G</t>
  </si>
  <si>
    <t>【北电】传动盘\MG08.11.07.97\ZGM50G</t>
  </si>
  <si>
    <t>【北电】传动销\MG08.11.07.98\ZGM50G</t>
  </si>
  <si>
    <t>【北电】喷嘴静环\MG08.11.08.01\ZGM50G</t>
  </si>
  <si>
    <t>【北电】磨环托盘\MG08.11.08.02\ZGM50G</t>
  </si>
  <si>
    <t>【北电】压紧螺栓\MG08.11.08.98\ZGM50G</t>
  </si>
  <si>
    <t>【北电】衬板\MG08.11.08.99\ZGM50G</t>
  </si>
  <si>
    <t>【北电】复合衬板\MG08.11.08.99-DH\ZGM50G</t>
  </si>
  <si>
    <t>【北电】磨辊总成\MG08.11.09\ZGM50G</t>
  </si>
  <si>
    <t>【北电】磨辊呼吸器\MG08.11.09.01\ZGM50G</t>
  </si>
  <si>
    <t>【北电】磨辊防护罩\MG08.11.09.02\ZGM50G</t>
  </si>
  <si>
    <t>【北电】磨辊轴承上隔套\MG08.11.09.77\ZGM50G</t>
  </si>
  <si>
    <t>【北电】磨辊防磨板\MG08.11.09.78\ZGM50G</t>
  </si>
  <si>
    <t>【北电】磨辊防磨板\MG08.11.09.79\ZGM50G</t>
  </si>
  <si>
    <t>【北电】紧固螺栓\MG08.11.09.80\ZGM50G</t>
  </si>
  <si>
    <t>【北电】磨辊楔环\MG08.11.09.81\ZGM50G</t>
  </si>
  <si>
    <t>【北电】磨辊端盖\MG08.11.09.82\ZGM50G</t>
  </si>
  <si>
    <t>【北电】磨辊右压板\MG08.11.09.83\ZGM50G</t>
  </si>
  <si>
    <t>【北电】磨辊油封支环\MG08.11.09.85\ZGM50G</t>
  </si>
  <si>
    <t>【北电】磨辊轴套\MG08.11.09.86\ZGM50G</t>
  </si>
  <si>
    <t>【北电】磨辊左压板\MG08.11.09.87\ZGM50G</t>
  </si>
  <si>
    <t>【北电】磨辊辊轴\MG08.11.09.91\ZGM50G</t>
  </si>
  <si>
    <t>【北电】磨辊键\MG08.11.09.92\ZGM50G</t>
  </si>
  <si>
    <t>【北电】磨辊轴承隔套\MG08.11.09.93\ZGM50G</t>
  </si>
  <si>
    <t>【北电】磨辊密封环套\MG08.11.09.94\ZGM50G</t>
  </si>
  <si>
    <t>【北电】磨辊透盖\MG08.11.09.95\ZGM50G</t>
  </si>
  <si>
    <t>【北电】磨辊辊芯\MG08.11.09.96\ZGM50G</t>
  </si>
  <si>
    <t>【北电】磨辊盖板\MG08.11.09.97\ZGM50G</t>
  </si>
  <si>
    <t>【北电】磨辊辊架\MG08.11.09.98\ZGM50G</t>
  </si>
  <si>
    <t>【北电】磨辊辊套\MG08.11.09.99\ZGM50G</t>
  </si>
  <si>
    <t>【北电】磨辊复合辊套\MG08.11.09.99-DH\ZGM50G</t>
  </si>
  <si>
    <t>【北电】骨架油封\MG08.11.09-14\ZGM50G</t>
  </si>
  <si>
    <t>【北电】O型密封圈\MG08.11.09-24\ZGM50G</t>
  </si>
  <si>
    <t>【北电】O型密封圈\MG08.11.09-31\ZGM50G</t>
  </si>
  <si>
    <t>【北电】磨辊轴承\MG08.11.09-39\ZGM50G</t>
  </si>
  <si>
    <t>【北电】磨辊轴承\MG08.11.09-40\ZGM50G</t>
  </si>
  <si>
    <t>【北电】O型密封圈\MG08.11.09-41\ZGM50G</t>
  </si>
  <si>
    <t>【北电】压架\MG08.11.10\ZGM50G</t>
  </si>
  <si>
    <t>【北电】压架盖板\MG08.11.10.99\ZGM50G</t>
  </si>
  <si>
    <t>【北电】铰轴装置\MG08.11.11\ZGM50G</t>
  </si>
  <si>
    <t>【北电】铰轴卡板\MG08.11.11.97\ZGM50G</t>
  </si>
  <si>
    <t>【北电】铰轴\MG08.11.11.98\ZGM50G</t>
  </si>
  <si>
    <t>【北电】铰轴座\MG08.11.11.99\ZGM50G</t>
  </si>
  <si>
    <t>【北电】拉杆密封\MG08.11.12.06\ZGM50G</t>
  </si>
  <si>
    <t>【北电】拉杆下密封压盖\MG08.11.12.06.01.99\ZGM50G</t>
  </si>
  <si>
    <t>【北电】机壳导向板\MG08.11.12.07.93\ZGM50G</t>
  </si>
  <si>
    <t>【北电】压架导向块\MG08.11.12.07.94\ZGM50G</t>
  </si>
  <si>
    <t>【北电】压架导向块\MG08.11.12.07.95\ZGM50G</t>
  </si>
  <si>
    <t>【北电】垫片组\MG08.11.12.07.96-1\ZGM50G</t>
  </si>
  <si>
    <t>【北电】垫片组\MG08.11.12.07.96-2\ZGM50G</t>
  </si>
  <si>
    <t>【北电】沉头带榫螺栓\MG08.11.12.07.98\ZGM50G</t>
  </si>
  <si>
    <t>【北电】机壳导向板\MG08.11.12.07.99\ZGM50G</t>
  </si>
  <si>
    <t>【北电】连接卡套\MG08.11.13.02\ZGM50G</t>
  </si>
  <si>
    <t>【北电】拉杆\MG08.11.13.99\ZGM50G</t>
  </si>
  <si>
    <t>【北电】拉杆推力关节轴承\MG08.11.13-12\ZGM50G</t>
  </si>
  <si>
    <t>【北电】磨辊密封风管\MG08.11.23\ZGM50G</t>
  </si>
  <si>
    <t>【北电】耐磨套筒\MG08.11.23.98\ZGM50G</t>
  </si>
  <si>
    <t>【北电】向心关节轴承\MG08.11.23-3\ZGM50G</t>
  </si>
  <si>
    <t>【北电】拉杆台板\MG08.32.99\ZGM50G</t>
  </si>
  <si>
    <t>【北电】联轴器\20MG10.11.02\ZGM65</t>
  </si>
  <si>
    <t>【北电】联轴器弹性套\20MG10.11.02.96\ZGM65</t>
  </si>
  <si>
    <t>【北电】联轴器销柱\20MG10.11.02.97\ZGM65</t>
  </si>
  <si>
    <t>【北电】机座密封上连接环\200MG10.11.06.01\ZGM65K</t>
  </si>
  <si>
    <t>【北电】机座密封下连接环\200MG10.11.06.02\ZGM65K</t>
  </si>
  <si>
    <t>【北电】碳精环\20MG10.11.06.96\ZGM65</t>
  </si>
  <si>
    <t>【北电】机座密封下密封环\20MG10.11.06.98\ZGM65</t>
  </si>
  <si>
    <t>【北电】机座密封上密封环\20MG10.11.06.99\ZGM65</t>
  </si>
  <si>
    <t>【北电】刮板装置\20MG10.11.07.01\ZGM65</t>
  </si>
  <si>
    <t>【北电】刮板\20MG10.11.07.01.98\ZGM65</t>
  </si>
  <si>
    <t>【北电】传动盘\20MG10.11.07.97\ZGM65</t>
  </si>
  <si>
    <t>【北电】传动销\20MG10.11.07.98\ZGM65</t>
  </si>
  <si>
    <t>【北电】磨环托盘\20MG10.11.08.02\ZGM65</t>
  </si>
  <si>
    <t>【北电】压紧螺栓\20MG10.11.08.98\ZGM65</t>
  </si>
  <si>
    <t>【北电】磨辊呼吸器\20MG10.11.09.01\ZGM65</t>
  </si>
  <si>
    <t>【北电】磨辊防护罩\20MG10.11.09.02\ZGM65</t>
  </si>
  <si>
    <t>【北电】磨辊端盖\20MG10.11.09.03\ZGM65</t>
  </si>
  <si>
    <t>【北电】磨辊锁板\20MG10.11.09.77\ZGM65</t>
  </si>
  <si>
    <t>【北电】磨辊防磨板\20MG10.11.09.78\ZGM65</t>
  </si>
  <si>
    <t>【北电】磨辊防磨板\20MG10.11.09.79\ZGM65</t>
  </si>
  <si>
    <t>【北电】磨辊楔环\20MG10.11.09.80\ZGM65</t>
  </si>
  <si>
    <t>【北电】紧固螺栓\20MG10.11.09.81\ZGM65</t>
  </si>
  <si>
    <t>【北电】磨辊右压板\20MG10.11.09.82\ZGM65</t>
  </si>
  <si>
    <t>【北电】磨辊油封支环\20MG10.11.09.85\ZGM65</t>
  </si>
  <si>
    <t>【北电】磨辊轴套\20MG10.11.09.86\ZGM65</t>
  </si>
  <si>
    <t>【北电】磨辊左压板\20MG10.11.09.87\ZGM65</t>
  </si>
  <si>
    <t>【北电】磨辊辊轴\20MG10.11.09.90\ZGM65</t>
  </si>
  <si>
    <t>【北电】磨辊键\20MG10.11.09.91\ZGM65</t>
  </si>
  <si>
    <t>【北电】磨辊密封环圈\20MG10.11.09.93\ZGM65</t>
  </si>
  <si>
    <t>【北电】压架\20MG10.11.10.01\ZGM65</t>
  </si>
  <si>
    <t>【北电】压架盖板\20MG10.11.10.01.01\ZGM65</t>
  </si>
  <si>
    <t>【北电】铰轴装置\20MG10.11.11\ZGM65</t>
  </si>
  <si>
    <t>【北电】铰轴卡板\20MG10.11.11.97\ZGM65</t>
  </si>
  <si>
    <t>【北电】铰轴\20MG10.11.11.98\ZGM65</t>
  </si>
  <si>
    <t>【北电】铰轴座\20MG10.11.11.99\ZGM65</t>
  </si>
  <si>
    <t>【北电】机壳导向板\20MG10.11.12.05.93\ZGM65</t>
  </si>
  <si>
    <t>【北电】压架导向块\20MG10.11.12.05.94\ZGM65</t>
  </si>
  <si>
    <t>【北电】压架导向块\20MG10.11.12.05.95\ZGM65</t>
  </si>
  <si>
    <t>【北电】垫片组\20MG10.11.12.05.96-1\ZGM65</t>
  </si>
  <si>
    <t>【北电】垫片组\20MG10.11.12.05.96-2\ZGM65</t>
  </si>
  <si>
    <t>【北电】沉头带榫螺栓\20MG10.11.12.05.98\ZGM65</t>
  </si>
  <si>
    <t>【北电】机壳导向板\20MG10.11.12.05.99\ZGM65</t>
  </si>
  <si>
    <t>【北电】拉杆密封\20MG10.11.12.06\ZGM65</t>
  </si>
  <si>
    <t>【北电】拉杆下密封压盖\200MG10.11.12.06.01.99\ZGM65K</t>
  </si>
  <si>
    <t>【北电】连接卡套\20MG10.11.13.02\ZGM65</t>
  </si>
  <si>
    <t>【北电】磨辊密封风管\20MG10.11.23\ZGM65</t>
  </si>
  <si>
    <t>【北电】耐磨套筒\20MG10.11.23.98\ZGM65</t>
  </si>
  <si>
    <t>【北电】向心关节轴承\20MG10.11.23-3\ZGM65</t>
  </si>
  <si>
    <t>【北电】拉杆台板\20MG10.32.99\ZGM65</t>
  </si>
  <si>
    <t>【北电】喷嘴静环\20MG13.11.08.01\ZGM65G</t>
  </si>
  <si>
    <t>【北电】衬板\20MG13.11.08.99\ZGM65G</t>
  </si>
  <si>
    <t>【北电】复合衬板\20MG13.11.08.99-DH\ZGM65G</t>
  </si>
  <si>
    <t>【北电】磨辊总成\20MG13.11.09\ZGM65G</t>
  </si>
  <si>
    <t>【北电】磨辊锁环\20MG10.11.09.92\ZGM65</t>
  </si>
  <si>
    <t>【北电】磨辊透盖\20MG10.11.09.94\ZGM65</t>
  </si>
  <si>
    <t>【北电】磨辊辊芯\20MG10.11.09.95\ZGM65</t>
  </si>
  <si>
    <t>【北电】磨辊盖板\20MG10.11.09.97\ZGM65G</t>
  </si>
  <si>
    <t>【北电】磨辊辊架\20MG10.11.09.98\ZGM65</t>
  </si>
  <si>
    <t>【北电】磨辊辊套\20MG13.11.09.99\ZGM65G</t>
  </si>
  <si>
    <t>【北电】磨辊复合辊套\20MG13.11.09.99-DH\ZGM65G</t>
  </si>
  <si>
    <t>【北电】O型密封圈\20MG13.11.09-12\ZGM65G</t>
  </si>
  <si>
    <t>【北电】磨辊轴承\20MG13.11.09-14\ZGM65G</t>
  </si>
  <si>
    <t>【北电】O型密封圈\20MG13.11.09-31\ZGM65G</t>
  </si>
  <si>
    <t>【北电】骨架油封\20MG13.11.09-32\ZGM65</t>
  </si>
  <si>
    <t>【北电】O型密封圈\20MG13.11.09-39\ZGM65G</t>
  </si>
  <si>
    <t>【北电】磨辊轴承\20MG13.11.09-40\ZGM65G</t>
  </si>
  <si>
    <t>【北电】拉杆\20MG13.11.13.99\ZGM65G</t>
  </si>
  <si>
    <t>【北电】拉杆推力关节轴承\20MG13.11.13-12\ZGM65G</t>
  </si>
  <si>
    <t>【北电】联轴器\200MG21.11.02\ZGM80K</t>
  </si>
  <si>
    <t>【北电】联轴器弹性套\200MG21.11.02.97\ZGM80K</t>
  </si>
  <si>
    <t>【北电】联轴器销柱\200MG21.11.02.98\ZGM80K</t>
  </si>
  <si>
    <t>【北电】机座密封上连接环\200MG21.11.06.01\ZGM80K</t>
  </si>
  <si>
    <t>【北电】机座密封下连接环\200MG21.11.06.02\ZGM80K</t>
  </si>
  <si>
    <t>【北电】碳精环\200MG21.11.06.96\ZGM80K</t>
  </si>
  <si>
    <t>【北电】机座密封上密封环\200MG21.11.06.99\ZGM80K</t>
  </si>
  <si>
    <t>【北电】机座密封下密封环\200MG21.11.06.98\ZGM80K</t>
  </si>
  <si>
    <t>【北电】刮板装置\200MG21.11.07.01\ZGM80K</t>
  </si>
  <si>
    <t>【北电】刮板\200MG21.11.07.01.98\ZGM80K</t>
  </si>
  <si>
    <t>【北电】锥形罩\200MG21.11.08.01\ZGM80K</t>
  </si>
  <si>
    <t>【北电】喷嘴动环\200MG21.11.08.02\ZGM80K</t>
  </si>
  <si>
    <t>【北电】喷嘴静环\200MG21.11.08.03\ZGM80K</t>
  </si>
  <si>
    <t>【北电】磨环托盘\200MG21.11.08.97\ZGM80K</t>
  </si>
  <si>
    <t>【北电】压紧螺栓\200MG21.11.08.90\ZGM80K</t>
  </si>
  <si>
    <t>【北电】衬板\200MG21.11.08.96\ZGM80K</t>
  </si>
  <si>
    <t>【北电】复合衬板\200MG21.11.08.96-DH\ZGM80K</t>
  </si>
  <si>
    <t>【北电】磨辊总成\200MG21.11.09\ZGM80K</t>
  </si>
  <si>
    <t>【北电】磨辊呼吸器\200MG21.11.09.01\ZGM80K</t>
  </si>
  <si>
    <t>【北电】磨辊防护罩\200MG21.11.09.02\ZGM80K</t>
  </si>
  <si>
    <t>【北电】磨辊锁板\200MG21.11.09.70\ZGM80K</t>
  </si>
  <si>
    <t>【北电】磨辊防磨板\200MG21.11.09.71\ZGM80K</t>
  </si>
  <si>
    <t>【北电】磨辊防磨板\200MG21.11.09.72\ZGM80K</t>
  </si>
  <si>
    <t>【北电】紧固螺栓\200MG21.11.09.77\ZGM80K</t>
  </si>
  <si>
    <t>【北电】磨辊楔环\200MG21.11.09.78\ZGM80K</t>
  </si>
  <si>
    <t>【北电】磨辊端盖\200MG21.11.09.79\ZGM80K</t>
  </si>
  <si>
    <t>【北电】磨辊油封支环\200MG21.11.09.83\ZGM80K</t>
  </si>
  <si>
    <t>【北电】磨辊轴套\200MG21.11.09.84\ZGM80K</t>
  </si>
  <si>
    <t>【北电】磨辊辊轴\200MG21.11.09.89\ZGM80K</t>
  </si>
  <si>
    <t>【北电】磨辊键\200MG21.11.09.90\ZGM80K</t>
  </si>
  <si>
    <t>【北电】磨辊轴承隔套\200MG21.11.09.91\ZGM80K</t>
  </si>
  <si>
    <t>【北电】磨辊密封环圈\200MG21.11.09.92\ZGM80K</t>
  </si>
  <si>
    <t>【北电】磨辊透盖\200MG21.11.09.93\ZGM80K</t>
  </si>
  <si>
    <t>【北电】磨辊辊芯\200MG21.11.09.94\ZGM80K</t>
  </si>
  <si>
    <t>【北电】磨辊盖板\200MG21.11.09.97\ZGM80K</t>
  </si>
  <si>
    <t>【北电】磨辊辊架\200MG21.11.09.98\ZGM80K</t>
  </si>
  <si>
    <t>【北电】磨辊辊套\200MG21.11.09.99\ZGM80K</t>
  </si>
  <si>
    <t>【北电】磨辊复合辊套\200MG21.11.09.99-DH\ZGM80K</t>
  </si>
  <si>
    <t>【北电】骨架油封\200MG21.11.09-59\ZGM80K</t>
  </si>
  <si>
    <t>【北电】O型密封圈\200MG21.11.09-40\ZGM80K</t>
  </si>
  <si>
    <t>【北电】O型密封圈\200MG21.11.09-41\ZGM80K</t>
  </si>
  <si>
    <t>【北电】O型密封圈\200MG21.11.09-42\ZGM80K</t>
  </si>
  <si>
    <t>【北电】压架\200MG21.11.10.01\ZGM80K</t>
  </si>
  <si>
    <t>【北电】压架盖板\200MG21.11.10.01.96\ZGM80K</t>
  </si>
  <si>
    <t>【北电】铰轴装置\200MG21.11.11\ZGM80K</t>
  </si>
  <si>
    <t>【北电】铰轴卡板\200MG21.11.11.97\ZGM80K</t>
  </si>
  <si>
    <t>【北电】铰轴\200MG21.11.11.98\ZGM80K</t>
  </si>
  <si>
    <t>【北电】铰轴座\200MG21.11.11.99\ZGM80K</t>
  </si>
  <si>
    <t>【北电】拉杆密封\200MG21.11.12.07\ZGM80K</t>
  </si>
  <si>
    <t>【北电】拉杆下密封压盖\200MG21.11.12.07.01.99\ZGM80K</t>
  </si>
  <si>
    <t>【北电】机壳导向板\200MG21.11.12.06.94\ZGM80K</t>
  </si>
  <si>
    <t>【北电】压架导向块\200MG21.11.12.06.96\ZGM80K</t>
  </si>
  <si>
    <t>【北电】压架导向块\200MG21.11.12.06.95\ZGM80K</t>
  </si>
  <si>
    <t>【北电】沉头带榫螺栓\200MG21.11.12.06.98\ZGM80K</t>
  </si>
  <si>
    <t>【北电】机壳导向板\200MG21.11.12.06.99\ZGM80K</t>
  </si>
  <si>
    <t>【北电】连接卡套\200MG21.11.13.01\ZGM80K</t>
  </si>
  <si>
    <t>【北电】拉杆\200MG21.11.13.99\ZGM80K</t>
  </si>
  <si>
    <t>【北电】拉杆推力关节轴承\200MG21.11.13-7\ZGM80K</t>
  </si>
  <si>
    <t>【北电】磨辊密封风管\200MG21.11.23\ZGM80K</t>
  </si>
  <si>
    <t>【北电】耐磨套筒\200MG21.11.23.97\ZGM80K</t>
  </si>
  <si>
    <t>【北电】向心关节轴承\200MG21.11.23-3\ZGM80K</t>
  </si>
  <si>
    <t>【北电】拉杆台板\200MG21.32.99\ZGM80K</t>
  </si>
  <si>
    <t>【北电】O型密封圈\20MG32.11.09-11\ZGM95N</t>
  </si>
  <si>
    <t>【北电】O型密封圈\20MG33.11.09-11\ZGM95G</t>
  </si>
  <si>
    <t>【北电】磨辊复合辊套\301MG53.11.09.99-DH\ZGM133G</t>
  </si>
  <si>
    <t>【北电】复合衬板\300MG53.11.08.98-DH\ZGM133G-II</t>
  </si>
  <si>
    <t>【北电】导向块\301MG50.11.12.07.94DH\ZGM133G</t>
  </si>
  <si>
    <t>【北电】导向块\301MG50.11.12.07.96DH\ZGM133G</t>
  </si>
  <si>
    <t>【北电】导向板\301MG50.11.12.07.93DH\ZGM133G</t>
  </si>
  <si>
    <t>【北电】导向板\301MG50.11.12.07.99DH\ZGM133G</t>
  </si>
  <si>
    <t>【北电】磨辊防护罩\301MG50.11.09.03FM\ZGM133G</t>
  </si>
  <si>
    <t>【北电】内锥体\301MG53.11.15X.02.01DH\ZGM133G</t>
  </si>
  <si>
    <t>【北电】顶盖\301MG53.11.15X.01DH\ZGM133G</t>
  </si>
  <si>
    <t>【北电】天方地圆\301MG53.11.15X.02DH\ZGM133G</t>
  </si>
  <si>
    <t>【北电】磨辊防磨板\301MG50.11.09.71DH\ZGM133G</t>
  </si>
  <si>
    <t>【北电】磨辊防磨板\301MG50.11.09.72FM\ZGM133G</t>
  </si>
  <si>
    <t>【北电】机壳耐磨复合护板\MG53.11.12.01.98FM\ZGM133G</t>
  </si>
  <si>
    <t>【北电】落煤管\301MG53.11.15X.06.93DH\ZGM133G</t>
  </si>
  <si>
    <t>【北电】磨辊防磨板\107MG21.11.09.72FM\ZGM80K-Ⅱ</t>
  </si>
  <si>
    <t>【北电】导向块\200MG21.11.12.06.96FM\ZGM80K-Ⅱ</t>
  </si>
  <si>
    <t>【北电】机壳密封风管\200MG21.11.12.05AFM\ZGM80K-Ⅱ</t>
  </si>
  <si>
    <t>【北电】导向块\200MG21.11.12.06.95FM\ZGM80K-Ⅱ</t>
  </si>
  <si>
    <t>【北电】复合衬板\107MG21.11.08.96FM\ZGM80K-Ⅱ</t>
  </si>
  <si>
    <t>【北电】磨辊防护罩\107MG21.11.09.02FM\ZGM80K-Ⅱ</t>
  </si>
  <si>
    <t>【北电】顶盖\107MG21.11.15.02.98FM\ZGM80K-Ⅱ</t>
  </si>
  <si>
    <t>【北电】落煤管\107MG21.11.15.01.02.04FM\ZGM80K-Ⅱ</t>
  </si>
  <si>
    <t>【北电】机壳护板\107MG21.11.12.01.97FM\ZGM80K-Ⅱ</t>
  </si>
  <si>
    <t>【北电】外密封组件\NMXT-WMF-07\ZGM80K-Ⅱ</t>
  </si>
  <si>
    <t>【北电】磨辊防磨板\107MG21.11.09.71FM\ZGM80K-Ⅱ</t>
  </si>
  <si>
    <t>【北电】分离器防磨板\57MG20.11.15.05X.99NM\ZGM80K-Ⅱ</t>
  </si>
  <si>
    <t>【北电】内锥体\107MG21.11.15.01.02-6FM\ZGM80K-Ⅱ</t>
  </si>
  <si>
    <t>【北电】拉杆外密封组件密封环组件\ND-MZY-W-07\ZGM80K-Ⅱ</t>
  </si>
  <si>
    <t>【北电】磨辊复合辊套\200MG21.11.09.99FM\ZGM80K-Ⅱ</t>
  </si>
  <si>
    <t>【北电】落煤管\107MG21.11.15.01.02.13FM\ZGM80K-Ⅱ</t>
  </si>
  <si>
    <t>【北电】天方地圆\107MG21.11.15.01.02FM\ZGM80K-Ⅱ</t>
  </si>
  <si>
    <t>【北电】导向板\200MG21.11.12.06.99FM\ZGM80K-Ⅱ</t>
  </si>
  <si>
    <t>【北电】耐磨护板\22MG60.11.14\ZGM133</t>
  </si>
  <si>
    <t>【北电】导向板\200MG21.11.12.06.94FM\ZGM80K-Ⅱ</t>
  </si>
  <si>
    <t>【北电】拉杆内密封组件小法兰\ND-MZY-N-01\ZGM80K</t>
  </si>
  <si>
    <t>【北电】拉杆内密封组件密封套\ND-MZY-N-02\ZGM80K</t>
  </si>
  <si>
    <t>【北电】拉杆内密封组件小滑块\ND-MZY-N-03\ZGM80K</t>
  </si>
  <si>
    <t>【北电】拉杆内密封组件大法兰\ND-MZY-N-04\ZGM80K</t>
  </si>
  <si>
    <t>【北电】拉杆内密封组件大滑块\ND-MZY-N-05\ZGM80K</t>
  </si>
  <si>
    <t>【北电】拉杆外密封组件橡胶挡环\ND-MZY-W-01-1-2\ZGM80K</t>
  </si>
  <si>
    <t>【北电】拉杆外密封组件环\ND-MZY-W-04\ZGM80K</t>
  </si>
  <si>
    <t>【北电】拉杆外密封组件滑块\ND-MZY-W-05\ZGM80K</t>
  </si>
  <si>
    <t>【北电】拉杆外密封组件密封环\ND-MZY-W-06\ZGM80K</t>
  </si>
  <si>
    <t>【北电】拉杆外密封组件密封环组件\ND-MZY-W-07-1\ZGM80K</t>
  </si>
  <si>
    <t>【北电】耐磨动环\MG62.11.08.98NM\ZGM133N</t>
  </si>
  <si>
    <t>【北电】静环护板\20MG63.11.08.99NM\ZGM133G</t>
  </si>
  <si>
    <t>【北电】压架护板\03MG60.11.10-01NM\ZGM133</t>
  </si>
  <si>
    <t>【北电】锥形罩\20MG50.11.08.02JNM\ZGM133N</t>
  </si>
  <si>
    <t>【北电】粉管衬板\20MG20.11.29FM\ZGM80N</t>
  </si>
  <si>
    <t>【北电】粉管衬板\20MG60.11.29FM\ZGM133N</t>
  </si>
  <si>
    <t>【北电】碳精环\20MG40.11.06.98-1\ZGM113</t>
  </si>
  <si>
    <t>【北电】碳精环\MG40.11.06.98-1\ZGM113</t>
  </si>
  <si>
    <t>【北电】碳精环\20MG30.11.06.93-1\ZGM95</t>
  </si>
  <si>
    <t>【北电】碳精环\200MG41.11.06.98-1\ZGM113K</t>
  </si>
  <si>
    <t>【北电】碳精环\20MG60.11.06.97\ZGM133</t>
  </si>
  <si>
    <t>【北电】碳精环\20MG50.11.06.97-1\ZGM123</t>
  </si>
  <si>
    <t>【北电】碳精环\20MG23.11.06.01.96\ZGM80G</t>
  </si>
  <si>
    <t>【北电】碳精环\300MG41.11.06.98-1\ZGM113K</t>
  </si>
  <si>
    <t>【北电】磨煤机陶瓷防板\MG00.10.05—TC5\ZGM</t>
  </si>
  <si>
    <t>【北电】磨煤机陶瓷防板\MG00.10.05—TC8\ZGM</t>
  </si>
  <si>
    <t>【北电】磨煤机陶瓷防板\MG00.10.05—TC10\ZGM</t>
  </si>
  <si>
    <t>【北电】磨煤机陶瓷防板\MG00.10.05—TC12\ZGM</t>
  </si>
  <si>
    <t>【北电】磨煤机陶瓷防板\MG00.10.05—TC15\ZGM</t>
  </si>
  <si>
    <t>【北电】磨煤机陶瓷防板\MG00.10.05—TC20\ZGM</t>
  </si>
  <si>
    <t>【北电】T型螺栓\ZGM95-02-016\ZGM95</t>
  </si>
  <si>
    <t>【北电】防磨圈\ZGM95-08-12-8D\ZGM95</t>
  </si>
  <si>
    <t>【北电】分离器折向门\ZGM95-19-18\ZGM95</t>
  </si>
  <si>
    <t>【北电】钢丝绳拉紧装置\ZGM95-17-01\ZGM95</t>
  </si>
  <si>
    <t>【北电】钢丝绳锚固件\ZGM95-17-08\ZGM95</t>
  </si>
  <si>
    <t>【北电】钢丝绳上护甲\ZGM95-17-2\ZGM95</t>
  </si>
  <si>
    <t>【北电】钢丝绳下护甲\ZGM95-17-6\ZGM95</t>
  </si>
  <si>
    <t>【北电】护甲螺栓\ZGM95-12-07\ZGM95</t>
  </si>
  <si>
    <t>【北电】护甲螺栓\ZGM95-12-08\ZGM95</t>
  </si>
  <si>
    <t>【北电】加油孔防护罩\ZGM95G-08-44\ZGM95</t>
  </si>
  <si>
    <t>【北电】磨辊密封风管\ZGM95-15-14\ZGM95</t>
  </si>
  <si>
    <t>【北电】密封风接头座\ZGM95-15-20\ZGM95</t>
  </si>
  <si>
    <t>【北电】磨辊弹簧\ZGM95-11-03\ZGM95</t>
  </si>
  <si>
    <t>【北电】磨盘\ZGM95-07-03\ZGM95</t>
  </si>
  <si>
    <t>【北电】上压环\ZGM95-11-01\ZGM95</t>
  </si>
  <si>
    <t>【北电】下压环\ZGM95-11-04\ZGM95</t>
  </si>
  <si>
    <t>【北电】耐磨衬板\ZGM95G-04-009-1.2\ZGM95</t>
  </si>
  <si>
    <t>【北电】耐磨衬板\ZGM95G-04-009-1.3\ZGM95</t>
  </si>
  <si>
    <t>【北电】耐磨衬板\ZGM95G-04-009-7\ZGM95</t>
  </si>
  <si>
    <t>【北电】耐磨衬板\ZGM95G-04-009-7.1\ZGM95</t>
  </si>
  <si>
    <t>【北电】耐磨衬板\ZGM95G-04-009-13\ZGM95</t>
  </si>
  <si>
    <t>【北电】耐磨衬板\ZGM95G-04-009-14\ZGM95</t>
  </si>
  <si>
    <t>【北电】耐磨衬板\ZGM95G-04-009-15\ZGM95</t>
  </si>
  <si>
    <t>【北电】磨辊紫铜垫\ZGM95-08-31\ZGM95</t>
  </si>
  <si>
    <t>【北电】滑板\ZGM95G-03-025\ZGM95</t>
  </si>
  <si>
    <t>【北电】圆柱压缩弹簧\ZGM95G-03-032\ZGM95</t>
  </si>
  <si>
    <t>【北电】关断门盖板\ZGM95G-03-037\ZGM95</t>
  </si>
  <si>
    <t>【北电】防磨套\ZGM95G-04-008-4\ZGM95</t>
  </si>
  <si>
    <t>【北电】耐磨衬板\ZGM95G-04-009-1.1\ZGM95</t>
  </si>
  <si>
    <t>【北电】耐磨衬板\ZGM95G-04-009-16.1\ZGM95</t>
  </si>
  <si>
    <t>【北电】耐磨衬板\ZGM95G-04-009-29.2\ZGM95</t>
  </si>
  <si>
    <t>【北电】防磨板组\ZGM95G-08-34\ZGM95</t>
  </si>
  <si>
    <t>【北电】调整垫片\ZGM95G-12-05\ZGM95</t>
  </si>
  <si>
    <t>【北电】刮板螺栓\ZGM95G-05-08-1\ZGM95</t>
  </si>
  <si>
    <t>【北电】磨辊紫铜垫片\ZGM95G-08-32\ZGM95</t>
  </si>
  <si>
    <t>【北电】磨辊紫铜垫片\ZGM95G-08-33\ZGM95</t>
  </si>
  <si>
    <t>【北电】磨辊紫铜垫片\ZGM95G-08-29\ZGM95</t>
  </si>
  <si>
    <t>【北电】耐磨衬板\ZGM95G-04-009-29.1\ZGM95</t>
  </si>
  <si>
    <t>【北电】耐磨衬板\ZGM95G-04-009-01\ZGM95</t>
  </si>
  <si>
    <t>【北电】锥形垫\ZGM95G-06-06\ZGM95</t>
  </si>
  <si>
    <t>【北电】关节球轴承外套\ZGM95G-15-14\ZGM95</t>
  </si>
  <si>
    <t>【北电】分段法兰\ZGM95G-07-06\ZGM95</t>
  </si>
  <si>
    <t>【北电】短管\ZGM95G-08-27\ZGM95</t>
  </si>
  <si>
    <t>【北电】管接头\ZGM95G-08-28\ZGM95</t>
  </si>
  <si>
    <t>【北电】油封承压环\ZGM95G-08-18\ZGM95</t>
  </si>
  <si>
    <t>【北电】磨辊垫片\ZGM95G-08-52\ZGM95</t>
  </si>
  <si>
    <t>【北电】紫铜衬套\ZGM95G-17-05\ZGM95</t>
  </si>
  <si>
    <t>【北电】联轴器\ZGM95G-29-29-00\ZGM95</t>
  </si>
  <si>
    <t>【北电】迷宫环\ZGM95G-14-05\ZGM95</t>
  </si>
  <si>
    <t>【北电】耐磨套筒\ZGM95G-15-12\ZGM95</t>
  </si>
  <si>
    <t>【北电】钢丝绳锚固件\ZGM95G-17-08\ZGM95</t>
  </si>
  <si>
    <t>【北电】弹性套\ZGM95-29-29-13\ZGM95</t>
  </si>
  <si>
    <t>【北电】六角自锁螺母\ZGM95G-07-09\ZGM95</t>
  </si>
  <si>
    <t>【北电】磨辊钢板\ZGM95G-08-37\ZGM95</t>
  </si>
  <si>
    <t>【北电】磨辊紫铜垫片\ZGM95G-08-30\ZGM95</t>
  </si>
  <si>
    <t>【北电】沉头螺栓\ZGM95G-04-010\ZGM95</t>
  </si>
  <si>
    <t>【北电】传动销\ZGM95G-05-003\ZGM95</t>
  </si>
  <si>
    <t>【北电】六角螺栓\ZGM95G-05-08\ZGM95</t>
  </si>
  <si>
    <t>【北电】碟形弹簧\ZGM95G-07-23\ZGM95</t>
  </si>
  <si>
    <t>【北电】圆柱销\ZGM95G-07-20\ZGM95</t>
  </si>
  <si>
    <t>【北电】磨辊螺塞\ZGM95G-08-19\ZGM95</t>
  </si>
  <si>
    <t>【北电】磨辊螺塞\ZGM95G-08-20\ZGM95</t>
  </si>
  <si>
    <t>【北电】磨辊螺塞\ZGM95G-08-21\ZGM95</t>
  </si>
  <si>
    <t>【北电】磨辊螺塞\ZGM95G-08-22\ZGM95</t>
  </si>
  <si>
    <t>【北电】磨辊螺塞\ZGM95G-08-23\ZGM95</t>
  </si>
  <si>
    <t>【北电】磨辊螺钉\ZGM95G-08-50\ZGM95</t>
  </si>
  <si>
    <t>【北电】磨辊螺钉\ZGM95G-08-51\ZGM95</t>
  </si>
  <si>
    <t>【北电】半圆卡子\ZGM95G-17-04\ZGM95</t>
  </si>
  <si>
    <t>【北电】螺伞齿轮\ZGM95-29-13-16\ZGM95</t>
  </si>
  <si>
    <t>【北电】密封填料箱\ZGM95G-04-008\ZGM95</t>
  </si>
  <si>
    <t>【北电】耐磨衬板\ZGM95G-04-009-29\ZGM95</t>
  </si>
  <si>
    <t>【北电】六角螺栓\ZGM95-05-013\ZGM95</t>
  </si>
  <si>
    <t>【北电】磨辊总成\300MG31.11.09\ZGM95KA</t>
  </si>
  <si>
    <t>【北电】磨辊辊轴\300MG31.11.09.89\ZGM95KA</t>
  </si>
  <si>
    <t>【北电】机壳导向板\300MG31.11.12.07.93\ZGM95KA</t>
  </si>
  <si>
    <t>【北电】磨辊辊芯\300MG31.11.09.94\ZGM95KA</t>
  </si>
  <si>
    <t>【北电】磨辊辊套\300MG31.11.09.99\ZGM95KA</t>
  </si>
  <si>
    <t>【北电】衬板\300MG31.11.08.98\ZGM95KA</t>
  </si>
  <si>
    <t>【北电】磨辊轴承\300MG31.11.09-12\ZGM95KA</t>
  </si>
  <si>
    <t>【北电】磨辊轴承\300MG31.11.09-46\ZGM95KA</t>
  </si>
  <si>
    <t>【北电】磨辊辊架\300MG31.11.09.98\ZGM95KA</t>
  </si>
  <si>
    <t>【北电】沉头带榫螺栓\300MG31.11.12.07.96\ZGM95KA</t>
  </si>
  <si>
    <t>【北电】刮板装置\300MG31.11.07.01\ZGM95KA</t>
  </si>
  <si>
    <t>【北电】刮板\300MG31.11.07.01.96\ZGM95KA</t>
  </si>
  <si>
    <t>【北电】压架\300MG31.11.10\ZGM95KA</t>
  </si>
  <si>
    <t>【北电】磨辊防磨板\300MG31.11.09.71\ZGM95KA</t>
  </si>
  <si>
    <t>【北电】拉杆推力关节轴承\300MG31.11.13-10\ZGM95KA</t>
  </si>
  <si>
    <t>【北电】磨辊防磨板\300MG31.11.09.70\ZGM95KA</t>
  </si>
  <si>
    <t>【北电】磨辊楔环\300MG31.11.09.78\ZGM95KA</t>
  </si>
  <si>
    <t>【北电】下拉杆\300MG31.11.13.97\ZGM95KA</t>
  </si>
  <si>
    <t>【北电】磨辊端盖\300MG31.11.09.79\ZGM95KA</t>
  </si>
  <si>
    <t>【北电】紧固螺栓\300MG31.11.09.77\ZGM95KA</t>
  </si>
  <si>
    <t>【北电】铰轴座\300MG31.11.11.99\ZGM95KA</t>
  </si>
  <si>
    <t>【北电】压架导向块\300MG31.11.12.07.95\ZGM95KA</t>
  </si>
  <si>
    <t>【北电】铰轴\300MG31.11.11.98\ZGM95KA</t>
  </si>
  <si>
    <t>【北电】压架导向块\300MG31.11.12.07.94\ZGM95KA</t>
  </si>
  <si>
    <t>【北电】上拉杆\300MG31.11.13.99\ZGM95KA</t>
  </si>
  <si>
    <t>【北电】机壳导向板\300MG31.11.12.07.99\ZGM95KA</t>
  </si>
  <si>
    <t>【北电】喷嘴动环\300MG31.11.08.92\ZGM95KA</t>
  </si>
  <si>
    <t>【北电】喷嘴静环\300MG31.11.08.99\ZGM95KA</t>
  </si>
  <si>
    <t>【北电】拉杆密封\300MG31.11.12.06\ZGM95KA</t>
  </si>
  <si>
    <t>【北电】磨辊密封风管\300MG31.11.23\ZGM95KA</t>
  </si>
  <si>
    <t>【北电】传动盘\300MG31.11.07.97\ZGM95KA</t>
  </si>
  <si>
    <t>【北电】复合衬板\300MG31.11.08.98-DH\ZGM95KA</t>
  </si>
  <si>
    <t>【北电】磨辊复合辊套\300MG31.11.09.99-DH\ZGM95KA</t>
  </si>
  <si>
    <t>【北电】碳精环\300MG31.11.06.93\ZGM95KA</t>
  </si>
  <si>
    <t>【北电】拉杆台板\300MG31.11.32.99\ZGM95KA</t>
  </si>
  <si>
    <t>【北电】磨环托盘\300MG31.11.08.01\ZGM95KA</t>
  </si>
  <si>
    <t>【北电】锥形罩盖板\300MG31.11.08.97\ZGM95KA</t>
  </si>
  <si>
    <t>【北电】联轴器\300MG31.11.02\ZGM95KA</t>
  </si>
  <si>
    <t>【北电】联轴器销柱\300MG31.11.02.98\ZGM95KA</t>
  </si>
  <si>
    <t>【北电】联轴器弹性套\300MG31.11.02.97\ZGM95KA</t>
  </si>
  <si>
    <t>【北电】机座密封上连接环\300MG31.11.06.01\ZGM95KA</t>
  </si>
  <si>
    <t>【北电】机座密封下连接环\300MG31.11.06.02\ZGM95KA</t>
  </si>
  <si>
    <t>【北电】机座密封上密封环\300MG31.11.06.99\ZGM95KA</t>
  </si>
  <si>
    <t>【北电】机座密封下密封环\300MG31.11.06.98\ZGM95KA</t>
  </si>
  <si>
    <t>【北电】铰轴装置\300MG31.11.11\ZGM95KA</t>
  </si>
  <si>
    <t>【北电】连接卡套\300MG31.11.13.02\ZGM95KA</t>
  </si>
  <si>
    <t>【北电】磨辊盖板\300MG31.11.09.97\ZGM95KA</t>
  </si>
  <si>
    <t>【北电】磨辊密封风环\300MG31.11.09.95\ZGM95KA</t>
  </si>
  <si>
    <t>【北电】磨辊透盖\300MG31.11.09.93\ZGM95KA</t>
  </si>
  <si>
    <t>【北电】磨辊密封环圈\300MG31.11.09.92\ZGM95KA</t>
  </si>
  <si>
    <t>【北电】磨辊轴承隔套\300MG31.11.09.91\ZGM95KA</t>
  </si>
  <si>
    <t>【北电】磨辊键\300MG31.11.09.90\ZGM95KA</t>
  </si>
  <si>
    <t>【北电】磨辊左压板\300MG31.11.09.85\ZGM95KA</t>
  </si>
  <si>
    <t>【北电】磨辊轴套\300MG31.11.09.84\ZGM95KA</t>
  </si>
  <si>
    <t>【北电】磨辊油封支环\300MG31.11.09.83\ZGM95KA</t>
  </si>
  <si>
    <t>【北电】磨辊右压板\300MG31.11.09.80\ZGM95KA</t>
  </si>
  <si>
    <t>【北电】磨辊防护环\300MG31.11.09.04\ZGM95KA</t>
  </si>
  <si>
    <t>【北电】磨辊防护罩\300MG31.11.09.03\ZGM95KA</t>
  </si>
  <si>
    <t>【北电】磨辊后盖\300MG31.11.09.02\ZGM95KA</t>
  </si>
  <si>
    <t>【北电】磨辊锁板\300MG31.11.09.69\ZGM95KA</t>
  </si>
  <si>
    <t>【北电】磨辊呼吸器\300MG31.11.09.01\ZGM95KA</t>
  </si>
  <si>
    <t>【北电】骨架油封\300MG31.11.09-58\ZGM95KA</t>
  </si>
  <si>
    <t>【北电】O型密封圈\300MG31.11.09-56\ZGM95KA</t>
  </si>
  <si>
    <t>【北电】O型密封圈\300MG31.11.09-55\ZGM95KA</t>
  </si>
  <si>
    <t>【北电】O型密封圈\300MG31.11.09-54\ZGM95KA</t>
  </si>
  <si>
    <t>【北电】压紧螺栓\300MG31.11.08.94\ZGM95KA</t>
  </si>
  <si>
    <t>【北电】压紧螺栓套\300MG31.11.08.93\ZGM95KA</t>
  </si>
  <si>
    <t>【北电】锥形罩\300MG31.11.08.02\ZGM95KA</t>
  </si>
  <si>
    <t>【北电】铰轴卡板\300MG31.11.11.97\ZGM95KA</t>
  </si>
  <si>
    <t>【北电】压架盖板\300MG31.11.10.01\ZGM95KA</t>
  </si>
  <si>
    <t>【北电】垫片组\300MG31.11.12.07.97\ZGM95KA</t>
  </si>
  <si>
    <t>【北电】垫片组\300MG31.11.12.07.98\ZGM95KA</t>
  </si>
  <si>
    <t>【北电】耐磨套筒\300MG31.11.23.98\ZGM95KA</t>
  </si>
  <si>
    <t>【北电】顶块\300MG31.11.13.96\ZGM95KA</t>
  </si>
  <si>
    <t>【北电】磨辊辊套\300MG32.11.09.99\ZGM95NA</t>
  </si>
  <si>
    <t>【北电】磨辊辊架\300MG32.11.09.98\ZGM95NA</t>
  </si>
  <si>
    <t>【北电】磨辊辊芯\300MG32.11.09.94\ZGM95NA</t>
  </si>
  <si>
    <t>【北电】磨辊轴承隔套\300MG32.11.09.91\ZGM95NA</t>
  </si>
  <si>
    <t>【北电】磨辊辊轴\300MG32.11.09.89\ZGM95NA</t>
  </si>
  <si>
    <t>【北电】磨辊防磨板\300MG32.11.09.70\ZGM95NA</t>
  </si>
  <si>
    <t>【北电】紧固螺栓\300MG32.11.09.77\ZGM95NA</t>
  </si>
  <si>
    <t>【北电】磨辊楔环\300MG32.11.09.78\ZGM95NA</t>
  </si>
  <si>
    <t>【北电】磨辊挡板\300MG32.11.09.76\ZGM95NA</t>
  </si>
  <si>
    <t>【北电】磨辊总成\300MG32.11.09\ZGM95NA</t>
  </si>
  <si>
    <t>【北电】骨架油封\300MG32.11.09-34\ZGM95NA</t>
  </si>
  <si>
    <t>【北电】O型密封圈\300MG32.11.09-32\ZGM95NA</t>
  </si>
  <si>
    <t>【北电】O型密封圈\300MG32.11.09-9\ZGM95NA</t>
  </si>
  <si>
    <t>【北电】O型密封圈\300MG32.11.09-45\ZGM95NA</t>
  </si>
  <si>
    <t>【北电】磨辊轴承\300MG32.11.09-12\ZGM95NA</t>
  </si>
  <si>
    <t>【北电】磨辊轴承\300MG32.11.09-46\ZGM95NA</t>
  </si>
  <si>
    <t>【北电】衬板\300MG32.11.08.98\ZGM95NA</t>
  </si>
  <si>
    <t>【北电】喷嘴静环\300MG32.11.08.99\ZGM95NA</t>
  </si>
  <si>
    <t>【北电】喷嘴动环\300MG32.11.08.03\ZGM95NA</t>
  </si>
  <si>
    <t>【北电】传动盘\300MG32.11.07.97\ZGM95NA</t>
  </si>
  <si>
    <t>【北电】刮板装置\300MG32.11.07.01\ZGM95NA</t>
  </si>
  <si>
    <t>【北电】压紧螺栓\300MG32.11.08.94\ZGM95NA</t>
  </si>
  <si>
    <t>【北电】锥形罩盖板\300MG32.11.08.97\ZGM95NA</t>
  </si>
  <si>
    <t>【北电】磨环托盘\300MG32.11.08.01\ZGM95NA</t>
  </si>
  <si>
    <t>【北电】压架\300MG32.11.10\ZGM95NA</t>
  </si>
  <si>
    <t>【北电】下拉杆\300MG32.11.13.97\ZGM95NA</t>
  </si>
  <si>
    <t>【北电】刮板\300MG32.11.07.01.96\ZGM95NA</t>
  </si>
  <si>
    <t>【北电】压紧螺栓\200MG31.11.08.94\ZGM95K</t>
  </si>
  <si>
    <t>【北电】压紧螺栓套\200MG31.11.08.93\ZGM95K</t>
  </si>
  <si>
    <t>【北电】锥形罩\200MG31.11.08.02\ZGM95K</t>
  </si>
  <si>
    <t>【北电】铰轴卡板\200MG31.11.11.97\ZGM95K</t>
  </si>
  <si>
    <t>【北电】压架盖板\200MG31.11.10.01\ZGM95K</t>
  </si>
  <si>
    <t>【北电】垫片组\200MG31.11.12.07.97\ZGM95K</t>
  </si>
  <si>
    <t>【北电】垫片组\200MG31.11.12.07.98\ZGM95K</t>
  </si>
  <si>
    <t>【北电】耐磨套筒\200MG31.11.23.98\ZGM95K</t>
  </si>
  <si>
    <t>【北电】顶块\200MG31.11.13.96\ZGM95K</t>
  </si>
  <si>
    <t>【北电】磨辊盖板\200MG31.11.09.97\ZGM95K</t>
  </si>
  <si>
    <t>【北电】磨辊密封风环\200MG31.11.09.95\ZGM95K</t>
  </si>
  <si>
    <t>【北电】磨辊透盖\200MG31.11.09.93\ZGM95K</t>
  </si>
  <si>
    <t>【北电】磨辊密封环圈\200MG31.11.09.92\ZGM95K</t>
  </si>
  <si>
    <t>【北电】磨辊轴承隔套\200MG31.11.09.91\ZGM95K</t>
  </si>
  <si>
    <t>【北电】磨辊键\200MG31.11.09.90\ZGM95K</t>
  </si>
  <si>
    <t>【北电】磨辊左压板\200MG31.11.09.85\ZGM95K</t>
  </si>
  <si>
    <t>【北电】磨辊轴套\200MG31.11.09.84\ZGM95K</t>
  </si>
  <si>
    <t>【北电】磨辊油封支环\200MG31.11.09.83\ZGM95K</t>
  </si>
  <si>
    <t>【北电】磨辊右压板\200MG31.11.09.80\ZGM95K</t>
  </si>
  <si>
    <t>【北电】磨辊防护环\200MG31.11.09.04\ZGM95K</t>
  </si>
  <si>
    <t>【北电】磨辊防护罩\200MG31.11.09.03\ZGM95K</t>
  </si>
  <si>
    <t>【北电】磨辊后盖\200MG31.11.09.02\ZGM95K</t>
  </si>
  <si>
    <t>【北电】磨辊锁板\200MG31.11.09.69\ZGM95K</t>
  </si>
  <si>
    <t>【北电】磨辊呼吸器\200MG31.11.09.01\ZGM95K</t>
  </si>
  <si>
    <t>【北电】机座密封上连接环\300MG41.11.06.01\ZGM113K</t>
  </si>
  <si>
    <t>【北电】机座密封下连接环\300MG41.11.06.02\ZGM113K</t>
  </si>
  <si>
    <t>【北电】磨辊密封风管\300MG41.11.23RG\ZGM113K</t>
  </si>
  <si>
    <t>【北电】碳精环\300MG41.11.15X.06.04.99\ZGM113K</t>
  </si>
  <si>
    <t>【北电】骨架油封\300MG41.11.15X.06.70\ZGM113K</t>
  </si>
  <si>
    <t>【北电】机座密封上密封环\300MG41.11.06.03\ZGM113K</t>
  </si>
  <si>
    <t>【北电】机座密封下密封环\300MG41.11.06.04\ZGM113K</t>
  </si>
  <si>
    <t>【北电】拉杆下密封压盖\300MG41.11.12.06.01.99\ZGM113K</t>
  </si>
  <si>
    <t>【北电】联轴器\300MG41.11.02\ZGM113K</t>
  </si>
  <si>
    <t>【北电】联轴器销柱\300MG41.11.02.98\ZGM113K</t>
  </si>
  <si>
    <t>【北电】联轴器弹性套\300MG41.11.02.97\ZGM113K</t>
  </si>
  <si>
    <t>【北电】O型密封圈\300MG41.11.09-12\ZGM113K</t>
  </si>
  <si>
    <t>【北电】O型密封圈\300MG41.11.09-35\ZGM113K</t>
  </si>
  <si>
    <t>【北电】O型密封圈\300MG41.11.09-41\ZGM113K</t>
  </si>
  <si>
    <t>【北电】骨架油封\300MG41.11.09-36\ZGM113K</t>
  </si>
  <si>
    <t>【北电】机座密封改造(炭精环复合式)\ZGM80</t>
  </si>
  <si>
    <t>国家能源e购商城北电磨煤机备件及设备服务包长协采购框架协议(服务包类)</t>
  </si>
  <si>
    <t>【北电】机座密封改造(炭精环复合式)\ZGM95</t>
  </si>
  <si>
    <t>【北电】机座密封改造(炭精环复合式)\ZGM113</t>
  </si>
  <si>
    <t>【北电】机座密封改造(炭精环复合式)\ZGM123</t>
  </si>
  <si>
    <t>【北电】机座密封改造(炭精环复合式)\ZGM133</t>
  </si>
  <si>
    <t>【北电】机座密封改造(橡胶阻风环式)\ZGM80</t>
  </si>
  <si>
    <t>【北电】机座密封改造(橡胶阻风环式)\ZGM95</t>
  </si>
  <si>
    <t>【北电】机座密封改造(橡胶阻风环式)\ZGM113</t>
  </si>
  <si>
    <t>【北电】机座密封改造(橡胶阻风环式)\ZGM123</t>
  </si>
  <si>
    <t>【北电】机座密封改造(橡胶阻风环式)\ZGM133</t>
  </si>
  <si>
    <t>【北电】拉杆密封改造(碳精环式)\ZGM80</t>
  </si>
  <si>
    <t>【北电】拉杆密封改造(碳精环式)\ZGM95</t>
  </si>
  <si>
    <t>【北电】拉杆密封改造(碳精环式)\ZGM113</t>
  </si>
  <si>
    <t>【北电】拉杆密封改造(碳精环式)\ZGM123</t>
  </si>
  <si>
    <t>【北电】拉杆密封改造(碳精环式)\ZGM133</t>
  </si>
  <si>
    <t>【北电】拉杆密封改造(锥形滑动式)\ZGM80</t>
  </si>
  <si>
    <t>【北电】拉杆密封改造(锥形滑动式)\ZGM95</t>
  </si>
  <si>
    <t>【北电】拉杆密封改造(锥形滑动式)\ZGM113</t>
  </si>
  <si>
    <t>【北电】拉杆密封改造(锥形滑动式)\ZGM123</t>
  </si>
  <si>
    <t>【北电】拉杆密封改造(锥形滑动式)\ZGM133</t>
  </si>
  <si>
    <t>【北电】动静组合式旋转分离器改造\ZGM80</t>
  </si>
  <si>
    <t>【北电】动静组合式旋转分离器改造\ZGM95</t>
  </si>
  <si>
    <t>【北电】动静组合式旋转分离器改造\ZGM113</t>
  </si>
  <si>
    <t>【北电】动静组合式旋转分离器改造\ZGM123</t>
  </si>
  <si>
    <t>【北电】动静组合式旋转分离器改造\ZGM133</t>
  </si>
  <si>
    <t>【北电】磨煤机检修\ZGM80</t>
  </si>
  <si>
    <t>【北电】磨煤机检修\ZGM95</t>
  </si>
  <si>
    <t>【北电】磨煤机检修\ZGM113</t>
  </si>
  <si>
    <t>【北电】磨煤机检修\ZGM123</t>
  </si>
  <si>
    <t>【北电】磨煤机检修\ZGM133</t>
  </si>
  <si>
    <t>【北电】减速机提速改造\ZGM80</t>
  </si>
  <si>
    <t>【北电】减速机提速改造\ZGM95</t>
  </si>
  <si>
    <t>【北电】减速机提速改造\ZGM113</t>
  </si>
  <si>
    <t>【北电】减速机提速改造\ZGM123</t>
  </si>
  <si>
    <t>【北电】减速机提速改造\ZGM133</t>
  </si>
  <si>
    <t>【北电】减速机返厂检修\ZGM80</t>
  </si>
  <si>
    <t>【北电】减速机返厂检修\ZGM95</t>
  </si>
  <si>
    <t>【北电】减速机返厂检修\ZGM113</t>
  </si>
  <si>
    <t>【北电】减速机返厂检修\ZGM123</t>
  </si>
  <si>
    <t>【北电】减速机返厂检修\ZGM133</t>
  </si>
  <si>
    <t>【贺德克】滤芯\0660R010ON\10um</t>
  </si>
  <si>
    <t>贺德克</t>
  </si>
  <si>
    <t>WZSCCG-2019-HB-014</t>
  </si>
  <si>
    <t>国家能源e购商城贺德克净化装置备件商城铺货长协采购</t>
  </si>
  <si>
    <t>西安重齿齿轮箱有限公司</t>
  </si>
  <si>
    <t>【贺德克】滤芯\0030D010BH4HC\10um</t>
  </si>
  <si>
    <t>【贺德克】滤芯\0060D010BH4HC/-V\10um</t>
  </si>
  <si>
    <t>【贺德克】滤芯\0060D025W/-V\25um</t>
  </si>
  <si>
    <t>【贺德克】滤芯\0240D025W/-V\25um</t>
  </si>
  <si>
    <t>【贺德克】滤芯\0250DN010BN4HC\10um</t>
  </si>
  <si>
    <t>【贺德克】滤芯\0165R010ON\10um</t>
  </si>
  <si>
    <t>【贺德克】滤芯\0060D025W/HC\25um</t>
  </si>
  <si>
    <t>【贺德克】滤芯\0110D010ON/-V\10um</t>
  </si>
  <si>
    <t>【贺德克】滤芯\N5DM002\2um</t>
  </si>
  <si>
    <t>【贺德克】滤芯\0160D010ON\10um</t>
  </si>
  <si>
    <t>【贺德克】滤芯\0950R010ON\10um</t>
  </si>
  <si>
    <t>【贺德克】滤芯\0950R003ON\3um</t>
  </si>
  <si>
    <t>【贺德克】滤芯\0160R020ON\20um</t>
  </si>
  <si>
    <t>【贺德克】滤芯\0330R020ON\20um</t>
  </si>
  <si>
    <t>【贺德克】滤芯\0660R020ON\20um</t>
  </si>
  <si>
    <t>【贺德克】滤芯\1300R010ON\10um</t>
  </si>
  <si>
    <t>【贺德克】滤芯\0140D005ON\5um</t>
  </si>
  <si>
    <t>【贺德克】滤芯\0060D005BH4HC\5um</t>
  </si>
  <si>
    <t>【贺德克】滤芯\0240R010BN4HC\10um</t>
  </si>
  <si>
    <t>【贺德克】滤芯\0110R010ON\10um</t>
  </si>
  <si>
    <t>【贺德克】滤芯\1300R005ON/-KB\5um</t>
  </si>
  <si>
    <t>【贺德克】滤芯\1300R003ON/-V-KB\3um</t>
  </si>
  <si>
    <t>【贺德克】滤芯\1300R005ON\5um</t>
  </si>
  <si>
    <t>【贺德克】滤芯\1300R010ON/-KB\10um</t>
  </si>
  <si>
    <t>【贺德克】滤芯\ELEMENTSATZKS100-1-N\100um</t>
  </si>
  <si>
    <t>【贺德克】滤网\SuctionStrainerOF5</t>
  </si>
  <si>
    <t>【贺德克】球阀\KHP-16-1114-02X\PN=35Mpa/DN16</t>
  </si>
  <si>
    <t>【贺德克】球阀\KHB-30SR-1112-02X</t>
  </si>
  <si>
    <t>【贺德克】球阀\KHNVS-Rp1/2-2233-12X</t>
  </si>
  <si>
    <t>【贺德克】球阀\KHNVS-Rp3/4-2233-12X</t>
  </si>
  <si>
    <t>【贺德克】球阀\KHNVS-Rp1-2233-12X</t>
  </si>
  <si>
    <t>【贺德克】球阀\KHNVS-Rp11/2-2233-12X</t>
  </si>
  <si>
    <t>【贺德克】球阀\KHNVS-Rp1/4-2233-12X</t>
  </si>
  <si>
    <t>【贺德克】球阀\KHNVS-Rp3/8-2233-12X</t>
  </si>
  <si>
    <t>【贺德克】球阀\KHB-28LR-1112-01X-A\PN=31.5Mpa/DN25</t>
  </si>
  <si>
    <t>【贺德克】球阀\KHM-42LR-1112-01X-A</t>
  </si>
  <si>
    <t>【贺德克】球阀\KHP-20-1114-02X\PN=35Mpa/DN20</t>
  </si>
  <si>
    <t>【贺德克】球阀\KHNVS-Rp11/4-2233-12X</t>
  </si>
  <si>
    <t>【贺德克】球阀\KHB-30SR-1112-01X-A</t>
  </si>
  <si>
    <t>【贺德克】球阀\KHM-40-F3-11141-06X-A\PN=21Mpa/DN40</t>
  </si>
  <si>
    <t>【贺德克】球阀\KHMF-050-PN040-11146-06X-A\PN=4Mpa/DN50</t>
  </si>
  <si>
    <t>【贺德克】球阀\KHB-G1/2-1112-01X-A\PN=40Mpa/DN16</t>
  </si>
  <si>
    <t>【贺德克】球阀\KHB-G3/8-1112-01X-A\PN=50Mpa/DN10</t>
  </si>
  <si>
    <t>【贺德克】球阀\KHM-G11/2-1112-01X-A\PN=31.5Mpa/DN40</t>
  </si>
  <si>
    <t>【贺德克】单向阀\RVE-G1/2-01-V-0.5</t>
  </si>
  <si>
    <t>【贺德克】单向阀\RV-16-01.1/0</t>
  </si>
  <si>
    <t>【贺德克】单向阀\RV-20-01.1/0</t>
  </si>
  <si>
    <t>【贺德克】单向阀\RV12A-01-C-N-05</t>
  </si>
  <si>
    <t>【贺德克】单向阀\RV-30-01.1/0</t>
  </si>
  <si>
    <t>【贺德克】单向阀\RV-12-01.1/0</t>
  </si>
  <si>
    <t>【贺德克】单向阀\RV-25-01.1/0</t>
  </si>
  <si>
    <t>【贺德克】单向阀\RV-30-01.1/0-1.5BAR</t>
  </si>
  <si>
    <t>【贺德克】单向阀\RV16A-01-C-N-05</t>
  </si>
  <si>
    <t>【贺德克】单向阀\RV10A-01-C-N-05</t>
  </si>
  <si>
    <t>【贺德克】单向阀\RV-10-01.1/0</t>
  </si>
  <si>
    <t>【贺德克】单向阀\RV08A-01-C-N-05</t>
  </si>
  <si>
    <t>【贺德克】节流阀\SRVR-12-12.1/0\55L/min</t>
  </si>
  <si>
    <t>【贺德克】节流阀\SRVR-12-01.1/0\55L/min</t>
  </si>
  <si>
    <t>【贺德克】电磁阀\WSM06020Z-01-C-N-24DG\40L/min</t>
  </si>
  <si>
    <t>【贺德克】电磁阀\WS16Z-01M-C-N-24DG\150L/min</t>
  </si>
  <si>
    <t>【贺德克】电磁阀\WSM08130C-01-C-N-24DG\19L/min</t>
  </si>
  <si>
    <t>【贺德克】电磁阀\WSM12120W-01-C-N-24DG\110L/min</t>
  </si>
  <si>
    <t>【贺德克】电磁阀\WSM12120V-01-C-N-0\110L/min</t>
  </si>
  <si>
    <t>【贺德克】电磁换向阀\4WE10HS01-24DG/V\120L/min</t>
  </si>
  <si>
    <t>【贺德克】电磁换向阀\4WE10DS01-24DG/V\120L/min</t>
  </si>
  <si>
    <t>【贺德克】电磁换向阀\WSM08130C-01-C-N-0\19L/min</t>
  </si>
  <si>
    <t>【贺德克】电磁换向阀\WSM08130D-01-C-N-0\19L/min</t>
  </si>
  <si>
    <t>【贺德克】截止蝶阀\D7A1X-16PB3-X7DN100\DN100</t>
  </si>
  <si>
    <t>【贺德克】球阀\KHNVN-G1/2-2233-12X</t>
  </si>
  <si>
    <t>【贺德克】球阀\KHB-22LR-1112-01X-A\PN=31.5Mpa/DN20</t>
  </si>
  <si>
    <t>【贺德克】调节阀\DV-20-01.1/0\DN20</t>
  </si>
  <si>
    <t>【贺德克】截止阀\DVE12920-01-C-V\DN12</t>
  </si>
  <si>
    <t>【贺德克】调节阀\DV-25-01.1/0</t>
  </si>
  <si>
    <t>【贺德克】开关阀\DV-12-01-X/0\DN12</t>
  </si>
  <si>
    <t>【贺德克】调节阀\DVE08920-01-C-V</t>
  </si>
  <si>
    <t>【贺德克】开关阀\DV-08-30.1/0\DN08</t>
  </si>
  <si>
    <t>【贺德克】调节阀\DVE10920-01-C-V</t>
  </si>
  <si>
    <t>【贺德克】调节阀\DVE16920-01-C-V</t>
  </si>
  <si>
    <t>【贺德克】开关阀\DV-08-01.5/0</t>
  </si>
  <si>
    <t>【贺德克】截止蝶阀\D7A1X-16PB3-X7DN80\DN80</t>
  </si>
  <si>
    <t>【贺德克】球阀\KHB3K-20SR-L-1112-01X-A\PN=40Mpa/DN16</t>
  </si>
  <si>
    <t>【贺德克】球阀\KHN3K-G1-L-2233-12X</t>
  </si>
  <si>
    <t>【贺德克】球阀\KHN3K-G11/2-T-2233-12X</t>
  </si>
  <si>
    <t>【贺德克】球阀\KHP3K-32-L-1114-06X-A</t>
  </si>
  <si>
    <t>【贺德克】球阀\KHB3K-16SR-L-1112-01X-A</t>
  </si>
  <si>
    <t>【贺德克】蓄能器安全阀\SAF20M16N210A-S13</t>
  </si>
  <si>
    <t>【贺德克】蓄能器安全阀\SAF32M16N210A-S309</t>
  </si>
  <si>
    <t>【贺德克】单向阀\ZW-RP10-01-AAB-V</t>
  </si>
  <si>
    <t>【贺德克】单向阀\RP16A-01-C-N-15-4</t>
  </si>
  <si>
    <t>【贺德克】溢流阀\DB10120A-02X-C-V-250V</t>
  </si>
  <si>
    <t>【贺德克】溢流阀\Druckvent.SPV10A1G1A12</t>
  </si>
  <si>
    <t>【贺德克】溢流阀\DB12120A-01X-030V</t>
  </si>
  <si>
    <t>【贺德克】溢流阀\DB12P-01-C-N-090V</t>
  </si>
  <si>
    <t>【贺德克】溢流阀\DB12120A-01X-090V</t>
  </si>
  <si>
    <t>【贺德克】溢流阀\DB10120A-02X-C-V-50V</t>
  </si>
  <si>
    <t>【贺德克】溢流阀\KRACHT-SPVF20A1G1A12</t>
  </si>
  <si>
    <t>【贺德克】溢流阀\DB16P-01-C-N-090V</t>
  </si>
  <si>
    <t>【贺德克】溢流阀\DB08A-01-C-N-330V</t>
  </si>
  <si>
    <t>【贺德克】溢流阀\DBDS30K1X/25</t>
  </si>
  <si>
    <t>【贺德克】溢流阀\SPVF20A1G1A07</t>
  </si>
  <si>
    <t>【贺德克】溢流阀\SPVF32A1G1A07</t>
  </si>
  <si>
    <t>【贺德克】溢流阀\SPVF50C2F1A12</t>
  </si>
  <si>
    <t>【贺德克】溢流阀\DBDS30KIXB/100</t>
  </si>
  <si>
    <t>【贺德克】溢流阀\DBDS30K10/31.5</t>
  </si>
  <si>
    <t>【贺德克】溢流阀\DBDS30KIXB/315</t>
  </si>
  <si>
    <t>【贺德克】溢流阀\DB12P-01-C-N-050V</t>
  </si>
  <si>
    <t>【贺德克】溢流阀\DB12120A-01X-055V</t>
  </si>
  <si>
    <t>【贺德克】溢流阀\DB16P-01-C-N-050V</t>
  </si>
  <si>
    <t>【贺德克】溢流阀\DB4E-01X-250V</t>
  </si>
  <si>
    <t>【贺德克】溢流阀\DB4E-01X-350V</t>
  </si>
  <si>
    <t>【贺德克】溢流阀\DBDS30K1X/100</t>
  </si>
  <si>
    <t>【贺德克】溢流阀\DBDS30K1X/50</t>
  </si>
  <si>
    <t>【贺德克】溢流阀\KRACHT-SPVF32A1G1A12</t>
  </si>
  <si>
    <t>【贺德克】溢流阀\KRACHT-SPVF32A1G1A02</t>
  </si>
  <si>
    <t>【贺德克】逻辑阀\L-CEE16H6B/N\2700L/min，</t>
  </si>
  <si>
    <t>【贺德克】截止阀阀块\SAF32M12N210A\PN=21Mpa/DN20</t>
  </si>
  <si>
    <t>【贺德克】蓄能器安全阀\SAF20M12N250A-S13</t>
  </si>
  <si>
    <t>【贺德克】蓄能器安全阀\SAF10M12T330A</t>
  </si>
  <si>
    <t>【贺德克】排污阀\RSKE-RF3-1-1-C-ND-N-16-0\RF3-1</t>
  </si>
  <si>
    <t>【贺德克】过滤器\ELFP5G10W3.0\10µm</t>
  </si>
  <si>
    <t>【贺德克】过滤器\ELFP7F10W1.0\10µm</t>
  </si>
  <si>
    <t>【贺德克】过滤器\ELFP3F10W1.0\10µm</t>
  </si>
  <si>
    <t>【贺德克】过滤器\BDE400G2W1.0\2µm</t>
  </si>
  <si>
    <t>【贺德克】过滤器\BDE400F2W1.0\2µm</t>
  </si>
  <si>
    <t>【贺德克】过滤器\FLNDW/HC160DDE25A1.2\PN=2.5Mpa/25µm</t>
  </si>
  <si>
    <t>【贺德克】过滤器\FMNDBN/HC250LDF10A1.2\PN=21Mpa/10µm</t>
  </si>
  <si>
    <t>【贺德克】过滤器\FLNDBN/HC160DDE10A1.2\PN=2.5Mpa/10µm</t>
  </si>
  <si>
    <t>【贺德克】过滤器\RFDON660DAN10C1.1\PN=2.5Mpa/10µm</t>
  </si>
  <si>
    <t>【贺德克】过滤器\REPAIRKIT-EDFDK.30G1.0</t>
  </si>
  <si>
    <t>【贺德克】过滤器\REPAIRKIT-EDFDK.60G1.0</t>
  </si>
  <si>
    <t>【贺德克】过滤器\RFLDW/HC851DAS25VE1.0\PN=2.5Mpa/25µm</t>
  </si>
  <si>
    <t>【贺德克】过滤器\DFDKBH/HC110QLC10C1.1\PN=31.5Mpa/10µm</t>
  </si>
  <si>
    <t>【贺德克】过滤器\DFDKBH/HC110QLC10A1.1\PN=31.5Mpa/10µm</t>
  </si>
  <si>
    <t>【贺德克】过滤器\DFDKBH/HC240QLF10A1.1\PN=31.5Mpa/10µm</t>
  </si>
  <si>
    <t>【贺德克】过滤器\RFLDW/HC951DAS25B10\PN=2.5Mpa/25µm</t>
  </si>
  <si>
    <t>【贺德克】过滤器\RFDON110DAC10F1.0\PN=2.5Mpa/10µm</t>
  </si>
  <si>
    <t>【贺德克】过滤器\RFDON110DAC10C1.0\PN=2.5Mpa/10µm</t>
  </si>
  <si>
    <t>【贺德克】过滤器\DFDKW60QLC25A1.1\PN=31.5Mpa/25µm</t>
  </si>
  <si>
    <t>【贺德克】过滤器\DFDKW140QLC25A1.1\PN=31.5Mpa/25µm</t>
  </si>
  <si>
    <t>【贺德克】过滤器\DFDKBH/HC60QAC5C1.1\PN=31.5Mpa/10µm</t>
  </si>
  <si>
    <t>【贺德克】过滤器\DFDKW110QAC25A1.1\PN=31.5Mpa/25µm</t>
  </si>
  <si>
    <t>【贺德克】过滤器\DFDKW160QAF25A1.1\PN=31.5Mpa/25µm</t>
  </si>
  <si>
    <t>【贺德克】离线过滤单元\OLF-5/15-S-370-N-N5DM002-BM\PN=0.45Mpa/2µm</t>
  </si>
  <si>
    <t>【贺德克】过滤器\REPAIRKIT-EDF.30QE1.0</t>
  </si>
  <si>
    <t>【贺德克】过滤器\REPAIRKIT-ERF.160G1.1</t>
  </si>
  <si>
    <t>【贺德克】过滤器\REPAIRDF.60P1.0/-V</t>
  </si>
  <si>
    <t>【贺德克】过滤器\REPAIRDF.160P1.0/-V</t>
  </si>
  <si>
    <t>【贺德克】油缸蓄能器组\MPS190HP-Ⅱ</t>
  </si>
  <si>
    <t>【贺德克】油缸蓄能器组\MPS235HP-Ⅱ</t>
  </si>
  <si>
    <t>【贺德克】油缸蓄能器组\MPS200HP-Ⅱ</t>
  </si>
  <si>
    <t>【贺德克】油缸蓄能器组\MPS225HP-Ⅱ</t>
  </si>
  <si>
    <t>【贺德克】蓄能器\SB330-20A1/112A9-330A-S309</t>
  </si>
  <si>
    <t>【贺德克】蓄能器\SB330-20A1/112A9-330A</t>
  </si>
  <si>
    <t>【贺德克】蓄能器\SB330-4A1/112A9-330A</t>
  </si>
  <si>
    <t>【贺德克】蓄能器\SB330-13A1/112A9-330A</t>
  </si>
  <si>
    <t>【贺德克】蓄能器\SB330-32A1/112A9-330A</t>
  </si>
  <si>
    <t>【贺德克】蓄能器密封组件\SealkitNBR/SB330/400/2.5-6L</t>
  </si>
  <si>
    <t>【贺德克】蓄能器密封组件\SealkitNBR/SB330/400/500/10-50L</t>
  </si>
  <si>
    <t>【贺德克】蓄能器密封组件\SealkitIIR/SB330/400/500</t>
  </si>
  <si>
    <t>【贺德克】蓄能器皮囊\Bladder6L/7/8-14UNF/VG5NBR20/P460</t>
  </si>
  <si>
    <t>【贺德克】蓄能器皮囊\Blase20L/7/8-14UNF/VG5NBR20/P460</t>
  </si>
  <si>
    <t>【贺德克】蓄能器皮囊\Bladder10L/7/8-14UNF/VG5IIR44/P460</t>
  </si>
  <si>
    <t>【贺德克】蓄能器皮囊\Bladder24L/7/8-14UNF/VG5NBR20/P460</t>
  </si>
  <si>
    <t>【贺德克】蓄能器皮囊\Bladder32L/7/8-14UNF/VG5NBR20/P460</t>
  </si>
  <si>
    <t>【贺德克】蓄能器皮囊\Blase50L/M50×1.5/VG5NBR20/P460</t>
  </si>
  <si>
    <t>【贺德克】蓄能器皮囊\Blase50L/M50×1.5/VG5IIR44/P460</t>
  </si>
  <si>
    <t>【贺德克】液压油缸\ZH133250160×400-TZ\400,25</t>
  </si>
  <si>
    <t>【贺德克】液压油缸\ZH180140×160\160,16</t>
  </si>
  <si>
    <t>【贺德克】液压油缸\ZH250110×450\450,31.5</t>
  </si>
  <si>
    <t>【贺德克】液压油缸\ZH190250110×450-Ⅰ\450,31.5</t>
  </si>
  <si>
    <t>【贺德克】液压油缸\ZH225270130×550-Ⅱ\550,31.5</t>
  </si>
  <si>
    <t>【贺德克】液压油缸\ZH200250110×500\500,31.5</t>
  </si>
  <si>
    <t>【贺德克】液压油缸\ZH113200125×300\300,25</t>
  </si>
  <si>
    <t>【贺德克】油缸密封组件\ZH113200/125×300-I-CJ\200mm,125mm,300mm\ZH113200/125×300</t>
  </si>
  <si>
    <t>【贺德克】油缸密封组件\ZH225270/130×550-I-CJ\270mm,130mm,550mm\ZH225270/130×550-Ⅱ</t>
  </si>
  <si>
    <t>【贺德克】钟形罩\PTS-300/M/144/FB038</t>
  </si>
  <si>
    <t>【贺德克】钟形罩\PT-200/M/100/FB029-E</t>
  </si>
  <si>
    <t>【贺德克】钟形罩\PT-350/M/192.5/FB087-E</t>
  </si>
  <si>
    <t>【贺德克】钟形罩\PT-300/M/162.5/FB087-E</t>
  </si>
  <si>
    <t>【贺德克】钟形罩\PTS-250/M/120/FB017</t>
  </si>
  <si>
    <t>【贺德克】钟形罩\PTS-350/M/204/FB084</t>
  </si>
  <si>
    <t>【贺德克】钟形罩\PTS-300/M/130/FB038</t>
  </si>
  <si>
    <t>【贺德克】钟形罩\PT-350/5.0/AM/FL128E</t>
  </si>
  <si>
    <t>【贺德克】钟形罩\P-250/2.0/M/FL007-E</t>
  </si>
  <si>
    <t>【贺德克】钟形罩\PTS-350/2.0/M/173/ZRP2</t>
  </si>
  <si>
    <t>【贺德克】钟形罩\PTS-350/M/228/FB106</t>
  </si>
  <si>
    <t>【贺德克】钟形罩\PTS-250/M/135/FB085</t>
  </si>
  <si>
    <t>【贺德克】钟形罩\PTS-300/2.0/M/132/ZRP1</t>
  </si>
  <si>
    <t>【贺德克】测压软管\S100-AC-FH-0100(M16X2-G1/2)\L=1000mm</t>
  </si>
  <si>
    <t>【贺德克】可挠曲橡胶接头\KXT-11-65</t>
  </si>
  <si>
    <t>【贺德克】可挠曲橡胶接头\KXT-11-150</t>
  </si>
  <si>
    <t>【贺德克】橡胶垫圈\G222</t>
  </si>
  <si>
    <t>【贺德克】高压胶管\4SP25-11231-25-1250\L=1250mm</t>
  </si>
  <si>
    <t>【贺德克】高压胶管\2SN25-11231-25-1250\L=1250mm</t>
  </si>
  <si>
    <t>【贺德克】高压胶管\4SP25-11231-25-11231-25259-1000\L=1000mm</t>
  </si>
  <si>
    <t>【贺德克】高压胶管\Schlau-GH506-24DN40-PN300L=1250mm\L=1250mm</t>
  </si>
  <si>
    <t>【贺德克】高压胶管\4SP16-11231-16-1000\L=1000mm</t>
  </si>
  <si>
    <t>【贺德克】高压胶管\4SP16-11231-16-11231-16169-1000\L=1000mm</t>
  </si>
  <si>
    <t>【贺德克】高压胶管\2SN16-11231-16-1000\L=1000mm</t>
  </si>
  <si>
    <t>【贺德克】高压胶管\2SN16-11231-16-11231-16169-1500\L=1500mm</t>
  </si>
  <si>
    <t>【贺德克】吸油管\C1006111/φ34×3\L=3000mm/DN28</t>
  </si>
  <si>
    <t>【贺德克】出油管\C1006112/φ34×3\L=3000mm/DN28</t>
  </si>
  <si>
    <t>【贺德克】出油管\D-Schl.OF5-NW25-25S-PVC-NBR-3.0-Std\L=3000mm/DN25</t>
  </si>
  <si>
    <t>【贺德克】吸油管\S-Schl.OF5-NW30-28L-PVC-NBR-3.0-Std\L=3000mm/DN30</t>
  </si>
  <si>
    <t>【东方自控】滤芯\AP3E301-01D03V/-W</t>
  </si>
  <si>
    <t>东方电气自动控制工程有限公司</t>
  </si>
  <si>
    <t>东方电气</t>
  </si>
  <si>
    <t>WZSCCG-2019-BJ-025</t>
  </si>
  <si>
    <t>国家能源e购商城东方电气自控备件长协采购框架协议</t>
  </si>
  <si>
    <t>【东方自控】滤芯\AP3E301-01D01V/-F</t>
  </si>
  <si>
    <t>【东方自控】主泵出口滤芯(工作)\AP3E301-02D03V/-W</t>
  </si>
  <si>
    <t>【东方自控】主泵出口滤芯(冲洗)\AP3E301-02D01V/-F</t>
  </si>
  <si>
    <t>【东方自控】滤芯\AP3E301-03D03V/-W</t>
  </si>
  <si>
    <t>【东方自控】滤芯\AP3E301-03D01V/-F</t>
  </si>
  <si>
    <t>【东方自控】滤芯\AD3E301-01D03V/-W</t>
  </si>
  <si>
    <t>【东方自控】滤芯\AD3E301-01D01V/-F</t>
  </si>
  <si>
    <t>【东方自控】系统回油滤芯(工作)\AD3E301-02D03V/-W</t>
  </si>
  <si>
    <t>【东方自控】系统回油滤芯(冲洗)\AD3E301-02D01V/-F</t>
  </si>
  <si>
    <t>【东方自控】滤芯\AD3E301-03D20V/-W</t>
  </si>
  <si>
    <t>【东方自控】滤芯\AD3E301-03D03V/-F</t>
  </si>
  <si>
    <t>【东方自控】油动机滤芯(工作)\AP3E302-01D10V/-W</t>
  </si>
  <si>
    <t>【东方自控】油动机滤芯(冲洗)\AP3E302-01D01V/-F</t>
  </si>
  <si>
    <t>【东方自控】油动机工作滤芯\AP3E302-02D10V/-W</t>
  </si>
  <si>
    <t>【东方自控】油动机冲洗滤芯\AP3E302-02D01V/-F</t>
  </si>
  <si>
    <t>【东方自控】油动机入口滤芯(工作)\AP6E602-01D10V/-W</t>
  </si>
  <si>
    <t>【东方自控】油动机入口滤芯(冲洗)\AP6E602-01D01V/-F</t>
  </si>
  <si>
    <t>【东方自控】再生装置精密滤芯\AZ3E303-01D01V/-W</t>
  </si>
  <si>
    <t>【东方自控】再生装置硅藻土滤芯\AZ3E303-02D01V/-W</t>
  </si>
  <si>
    <t>【东方自控】滤芯(工作)\AP1E102-01D10V/-W</t>
  </si>
  <si>
    <t>【东方自控】滤芯(冲洗)\AP1E102-01D01V/-F</t>
  </si>
  <si>
    <t>【东方自控】主泵入口滤芯\AX3E301-01D10V/-W</t>
  </si>
  <si>
    <t>【东方自控】循环泵入口滤芯\AX3E301-02D10V/-W</t>
  </si>
  <si>
    <t>【东方自控】油箱内吸油滤油器\AX3E301-03D10V/-W</t>
  </si>
  <si>
    <t>【东方自控】再生装置阳离子树脂滤芯\AZ3E303-04D01V/-W</t>
  </si>
  <si>
    <t>【东方自控】再生装置阴离子树脂滤芯\AZ3E303-05D01V/-W</t>
  </si>
  <si>
    <t>【东方自控】位移传感器\DET100A</t>
  </si>
  <si>
    <t>【东方自控】位移传感器\DET150A</t>
  </si>
  <si>
    <t>【东方自控】位移传感器\DET200A</t>
  </si>
  <si>
    <t>【东方自控】位移传感器\DET250A</t>
  </si>
  <si>
    <t>【东方自控】位移传感器\DET300A</t>
  </si>
  <si>
    <t>【东方自控】位移传感器\DET350A</t>
  </si>
  <si>
    <t>【东方自控】位移传感器\DET400A</t>
  </si>
  <si>
    <t>【东方自控】位移传感器\DET500A</t>
  </si>
  <si>
    <t>【东方自控】位移传感器\ZDET100B</t>
  </si>
  <si>
    <t>【东方自控】位移传感器\ZDET200B</t>
  </si>
  <si>
    <t>【东方自控】位移传感器\ZDET250B</t>
  </si>
  <si>
    <t>【东方自控】位移传感器\ZDET300B</t>
  </si>
  <si>
    <t>【东方自控】位移传感器\ZDET350B</t>
  </si>
  <si>
    <t>【东方自控】位移传感器\ZDET400B</t>
  </si>
  <si>
    <t>【东方自控】位移传感器\ZDET500B</t>
  </si>
  <si>
    <t>【东方自控】行程开关\D4A-4501N+D4A-A00</t>
  </si>
  <si>
    <t>【东方自控】行程开关\WLGCA2(含接头SC-P2)</t>
  </si>
  <si>
    <t>【东方自控】精密瞬态转速监测仪\DF9011</t>
  </si>
  <si>
    <t>【东方自控】热膨胀检测仪\DF9032/03/03(0-35mm)</t>
  </si>
  <si>
    <t>【东方自控】热膨胀检测仪\DF9032/03/03(0-50mm)</t>
  </si>
  <si>
    <t>【东方自控】热膨胀检测仪\DF9032/03/03(0-80mm)</t>
  </si>
  <si>
    <t>【东方自控】传感器\DF6202-005-050-04-00-01-000</t>
  </si>
  <si>
    <t>【东方自控】停机电磁铁线圈\DF11025</t>
  </si>
  <si>
    <t>【东方自控】停机电磁铁线圈\DF22025</t>
  </si>
  <si>
    <t>【东方自控】磁阻传感器\CS-1-G-065-05-01</t>
  </si>
  <si>
    <t>【东方自控】磁阻传感器\CS-1-G-100-05-01</t>
  </si>
  <si>
    <t>【东方自控】磁阻传感器\CS-1-G-100-05-00</t>
  </si>
  <si>
    <t>【东方自控】伺服阀\DSV-001A</t>
  </si>
  <si>
    <t>【东方自控】伺服阀\DSV-003A</t>
  </si>
  <si>
    <t>【东方自控】伺服阀\DSV-001B</t>
  </si>
  <si>
    <t>【东方自控】伺服阀\DJSV-001A</t>
  </si>
  <si>
    <t>【东方自控】伺服阀\DJSV-003A</t>
  </si>
  <si>
    <t>【东方自控】伺服阀\DJSV-005A</t>
  </si>
  <si>
    <t>【东方自控】伺服阀\MOOG72-1202-10</t>
  </si>
  <si>
    <t>【东方自控】伺服阀\G761-3033B</t>
  </si>
  <si>
    <t>【东方自控】伺服阀\PSSV-890-DF-0056</t>
  </si>
  <si>
    <t>【东方自控】主油泵\PVH098R01AD30A25</t>
  </si>
  <si>
    <t>【东方自控】主油泵\PVH074R01AB10A25</t>
  </si>
  <si>
    <t>【东方自控】循环泵\F3-V10-1S6S-1C20</t>
  </si>
  <si>
    <t>【东方自控】轴封\589332</t>
  </si>
  <si>
    <t>【东方自控】轴封\919772</t>
  </si>
  <si>
    <t>【东方自控】蓄能器皮囊(抗燃油系统)\10L</t>
  </si>
  <si>
    <t>【东方自控】蓄能器皮囊(抗燃油系统)\25L</t>
  </si>
  <si>
    <t>【东方自控】蓄能器皮囊(抗燃油系统)\40L</t>
  </si>
  <si>
    <t>【东方自控】蓄能器皮囊(抗燃油系统)\63L</t>
  </si>
  <si>
    <t>【东方自控】隔离阀\F3DG5S2-062A-110DC50-DFZKV/B08</t>
  </si>
  <si>
    <t>【东方自控】压力控制阀\HGPCV-02-B10</t>
  </si>
  <si>
    <t>【东方自控】电磁阀\4WE10D5X/EG110N9DK6L/V+1×7PZ6</t>
  </si>
  <si>
    <t>【东方自控】电磁阀\4WE6D6X/EG110N9K4/V</t>
  </si>
  <si>
    <t>【东方自控】电磁阀\M-3SED6UK1X/350CG110N9K4/V/60</t>
  </si>
  <si>
    <t>【东方自控】电磁阀\4WE6U6X/EG110N9K4/V</t>
  </si>
  <si>
    <t>【东方自控】电磁阀\4WE6D6X/EG220N9K4/V</t>
  </si>
  <si>
    <t>【东方自控】电磁阀\4WE10D5X/EG205N9K4/V+1×RZ5</t>
  </si>
  <si>
    <t>【东方自控】电磁阀\4WE10D5X/EG220N9K4/V+1×Z4</t>
  </si>
  <si>
    <t>【东方自控】湿式电磁换向阀\4WE10Y5X/EG220N9K4/V+1×Z4</t>
  </si>
  <si>
    <t>【东方自控】隔离阀\F3DG5S2-062A-220DC50-DFZKV/B08</t>
  </si>
  <si>
    <t>【东方自控】关断阀\DEA-PCV-06/0900</t>
  </si>
  <si>
    <t>【东方自控】电磁阀\4WE6U6X/EG220N9K4/V/60</t>
  </si>
  <si>
    <t>【东方自控】电磁阀\WE10Y-L3X/CG220NZ4/V</t>
  </si>
  <si>
    <t>【东方自控】电磁阀\4WE10Y-L3X/CG110NZ4/V</t>
  </si>
  <si>
    <t>【东方自控】隔离阀\F3DG5S2-062A-220AC50-DFZK</t>
  </si>
  <si>
    <t>【东方自控】关断阀\HGPCV-02-B30</t>
  </si>
  <si>
    <t>【东方自控】单向阀\SV6PB4-6X/V</t>
  </si>
  <si>
    <t>【东方自控】伺服卡\DMSVC005</t>
  </si>
  <si>
    <t>【东方自控】超速保护卡\DPOPC003</t>
  </si>
  <si>
    <t>【东方自控】触摸屏\TPC-1551</t>
  </si>
  <si>
    <t>【东方自控】HUB集线器\EKI-2528</t>
  </si>
  <si>
    <t>【东方自控】电源模块\8100.5000033714</t>
  </si>
  <si>
    <t>【东方自控】冗余电源模块\8100.5000033730</t>
  </si>
  <si>
    <t>【东方自控】主控模块\ADAM-5560KW</t>
  </si>
  <si>
    <t>【东方自控】模数转换模块\ADAM-5017S</t>
  </si>
  <si>
    <t>【东方自控】脉冲形成模块\ADAM-5081S</t>
  </si>
  <si>
    <t>【东方自控】开入模块\ADAM-5051S</t>
  </si>
  <si>
    <t>【东方自控】开出模块\ADAM-5056S</t>
  </si>
  <si>
    <t>【东方自控】同步信号调理模块装配\8100.5000045841</t>
  </si>
  <si>
    <t>【东方自控】机端信号调理模块装配\8100.5000045840</t>
  </si>
  <si>
    <t>【东方自控】脉冲变压器隔离模块\8100.5000045855</t>
  </si>
  <si>
    <t>【东方自控】整流柜监控模块\8100.5000045883</t>
  </si>
  <si>
    <t>【东方自控】脉冲放大模块\8100.5000045882</t>
  </si>
  <si>
    <t>【东方自控】功率柜信号及显示板\8100.5000045881</t>
  </si>
  <si>
    <t>【东方自控】以太网开入开出模块\ADAM6066</t>
  </si>
  <si>
    <t>【东方自控】风机\D2E</t>
  </si>
  <si>
    <t>【东方自控】直流接触器\CZT-60</t>
  </si>
  <si>
    <t>【东方自控】直流接触器\CZT60</t>
  </si>
  <si>
    <t>【东方自控】磁场断路器\8100.5000036434</t>
  </si>
  <si>
    <t>【东方自控】磁场断路器\HPB45M-82S-DS4</t>
  </si>
  <si>
    <t>【东方自控】机械密封\HSN280</t>
  </si>
  <si>
    <t>【东方自控】机械密封\HSN210</t>
  </si>
  <si>
    <t>【东方自控】机械密封\DFB100</t>
  </si>
  <si>
    <t>【东方自控】机械密封\CZ65</t>
  </si>
  <si>
    <t>【东方自控】机械密封\ACG070</t>
  </si>
  <si>
    <t>【东方自控】机械密封\DFB80</t>
  </si>
  <si>
    <t>【东方自控】机械密封\YCZ50</t>
  </si>
  <si>
    <t>【东方自控】联轴器\HSN280</t>
  </si>
  <si>
    <t>【东方自控】联轴器\HSN210</t>
  </si>
  <si>
    <t>【东方自控】联轴器\ACG070K7</t>
  </si>
  <si>
    <t>【东方自控】联轴器\DFB80</t>
  </si>
  <si>
    <t>【东方自控】联轴器\YCZ50</t>
  </si>
  <si>
    <t>【东方自控】联轴器\YCZ65</t>
  </si>
  <si>
    <t>【东方自控】油过滤器滤芯\HC8314FCT39H</t>
  </si>
  <si>
    <t>【东方自控】水过滤器滤芯\SL-9/50.03</t>
  </si>
  <si>
    <t>【东方自控】水过滤器滤芯\SL-12/50.03</t>
  </si>
  <si>
    <t>【东方自控】水过滤器滤芯\MSL-125/31</t>
  </si>
  <si>
    <t>【东方自控】波纹管截止阀\DN10\WJ10F1.6PA</t>
  </si>
  <si>
    <t>【东方自控】波纹管截止阀\DN15\WJ15F1.6P</t>
  </si>
  <si>
    <t>【东方自控】波纹管截止阀\DN25\WJ25F1.6P</t>
  </si>
  <si>
    <t>【东方自控】波纹管截止阀\DN40\WJ40F1.6P</t>
  </si>
  <si>
    <t>【东方自控】波纹管截止阀\DN50\WJ50F1.6P</t>
  </si>
  <si>
    <t>【东方自控】波纹管截止阀阀芯\DN10\WJ10F1.6P</t>
  </si>
  <si>
    <t>【东方自控】波纹管截止阀阀芯\DN15\WJ15F1.6P</t>
  </si>
  <si>
    <t>【东方自控】波纹管截止阀阀芯\DN25\WJ25F1.6P</t>
  </si>
  <si>
    <t>【东方自控】波纹管截止阀阀芯\DN40\WJ40F1.6P</t>
  </si>
  <si>
    <t>【东方自控】压差阀\8100.5000035011</t>
  </si>
  <si>
    <t>【东方自控】O型密封圈\02.015.002.0004</t>
  </si>
  <si>
    <t>【东方自控】O型密封圈\02.015.002.0005</t>
  </si>
  <si>
    <t>【东方自控】O型密封圈\02.015.002.0022</t>
  </si>
  <si>
    <t>【东方自控】O型密封圈\02.015.002.0029</t>
  </si>
  <si>
    <t>【东方自控】O型密封圈\02.015.002.0041</t>
  </si>
  <si>
    <t>【东方自控】阳极喷口\03.007.018.0849</t>
  </si>
  <si>
    <t>【东方自控】阳极组件\03.007.018.1132</t>
  </si>
  <si>
    <t>【东方自控】导通杆前端\07.001.016.0284</t>
  </si>
  <si>
    <t>【东方自控】旋气环\03.007.018.0838</t>
  </si>
  <si>
    <t>【东方自控】绝缘段\03.007.018.0839</t>
  </si>
  <si>
    <t>【东方自控】阴极头\07.001.016.0288</t>
  </si>
  <si>
    <t>【东方自控】电磁铁\04.003.004.0033</t>
  </si>
  <si>
    <t>【东方自控】散热膏\06.007.004.0020</t>
  </si>
  <si>
    <t>【东方自控】金属软管\03.007.018.1115\DN20</t>
  </si>
  <si>
    <t>【东方自控】金属软管\03.007.018.1116\DN25</t>
  </si>
  <si>
    <t>【东方自控】金属软管\03.007.018.1117\DN40</t>
  </si>
  <si>
    <t>【东方自控】发生器安装管组件\03.007.018.1174</t>
  </si>
  <si>
    <t>【东方自控】发生器套管组件\03.007.018.1175</t>
  </si>
  <si>
    <t>【东方自控】等离子冷却水泵机械密封\02.015.005.0085</t>
  </si>
  <si>
    <t>【东方自控】截止阀\02.011.012.0092</t>
  </si>
  <si>
    <t>【东方自控】逆变单元\03.003.001.0028</t>
  </si>
  <si>
    <t>【东方自控】模拟量转接板\99.002.003.0004</t>
  </si>
  <si>
    <t>【东方自控】主控板\03.007.014.0694</t>
  </si>
  <si>
    <t>【东方自控】驱动板\03.007.008.0002</t>
  </si>
  <si>
    <t>【东方自控】不间断电源\03.005.001.0010</t>
  </si>
  <si>
    <t>【东方自控】主板达拉斯\03.007.018.1176</t>
  </si>
  <si>
    <t>【东方自控】开关电源\03.005.002.0146</t>
  </si>
  <si>
    <t>【东方自控】开关电源\03.005.002.0147</t>
  </si>
  <si>
    <t>【东方自控】图像火检探头\09.005.021.0096</t>
  </si>
  <si>
    <t>【东方自控】智能火焰检测器通信管理模块\IFD100-CM</t>
  </si>
  <si>
    <t>【东方自控】智能火焰检测器传感器\IFD100-SE</t>
  </si>
  <si>
    <t>【东方自控】智能火焰检测器机箱模块\IFD100-CH</t>
  </si>
  <si>
    <t>【东方自控】智能火焰检测器电源模块\IFD100-PS</t>
  </si>
  <si>
    <t>【东方自控】智能火焰检测器信号处理模块\IFD100-PR</t>
  </si>
  <si>
    <t>【东方自控】智能火焰检测器专用电缆\IFD100-CB</t>
  </si>
  <si>
    <t>【东方自控】间隙传感器\DZJK/ECS-2-6</t>
  </si>
  <si>
    <t>【东方自控】间隙探头组件\DZJK-2-6-A1</t>
  </si>
  <si>
    <t>【东方自控】间隙探头\DZJK-2-6-A0</t>
  </si>
  <si>
    <t>【东方自控】L型探头支架组件\YF-C08-1-10-L\YF-C08-1-11\YF-C08-1-12\YF-C08-1-13</t>
  </si>
  <si>
    <t>【东方自控】J型探头支架组件\YF-C08-1-10-J\YF-C08-1-11\YF-C08-1-12\YF-C08-1-13</t>
  </si>
  <si>
    <t>【东方自控】L型探头支架\YF-C08-1-10-L</t>
  </si>
  <si>
    <t>【东方自控】J型探头支架\YF-C08-1-10-J</t>
  </si>
  <si>
    <t>【东方自控】间隙信号延伸电缆\DZJK-2-6-C1</t>
  </si>
  <si>
    <t>【东方自控】前置器电源及信号电缆\DZJK-2-6-D1</t>
  </si>
  <si>
    <t>【东方自控】间隙信号前置器模件\DZJK-2-6-D2</t>
  </si>
  <si>
    <t>【东方自控】间隙就地电源端子箱\DZJK-2-6-E1</t>
  </si>
  <si>
    <t>【东方自控】空预器间隙执行器\AH-1000LD6</t>
  </si>
  <si>
    <t>【东方自控】空预器间隙执行器\AH-1000LD10</t>
  </si>
  <si>
    <t>【东方自控】空预器间隙执行器\AH-1620LD30</t>
  </si>
  <si>
    <t>【东方自控】绝对位移检测装置\JDWY-1000</t>
  </si>
  <si>
    <t>【东方自控】绝对位移检测装置\JDWY-1620</t>
  </si>
  <si>
    <t>【东方自控】声波传感器\DZXL-IIIA\电压型\Mpa,℃</t>
  </si>
  <si>
    <t>【东方自控】增强型声波传感器\DZXL-V\电流型\Mpa,℃</t>
  </si>
  <si>
    <t>【东方自控】声波传导管\DZXL-Ⅲ-IB\圆口\Mpa,℃</t>
  </si>
  <si>
    <t>【东方自控】声波传导管\DZXL-Ⅲ-IB\扁口\Mpa,℃</t>
  </si>
  <si>
    <t>【东方自控】炉管泄漏用金属软管\JSRG-1A-0\Mpa,℃</t>
  </si>
  <si>
    <t>【东方自控】优化型声波传感器\DZXL-VI\Mpa,℃</t>
  </si>
  <si>
    <t>【东方自控】点火电气箱\EHE-20-A-1-220A</t>
  </si>
  <si>
    <t>【东方自控】点火电气箱\EHE-20-A-1-240A</t>
  </si>
  <si>
    <t>【东方自控】高能点火枪\EHE-20-B-1-18H-S</t>
  </si>
  <si>
    <t>【东方自控】高能点火枪\EHE-20-B-1-18S-S</t>
  </si>
  <si>
    <t>【东方自控】高能点火枪\EHE-20-B-1-18S-M</t>
  </si>
  <si>
    <t>【东方自控】高能点火枪\EHE-20-B-1-18S-L</t>
  </si>
  <si>
    <t>【东方自控】点火电缆\EHE-20-C-1-6</t>
  </si>
  <si>
    <t>【东方自控】气动推进器\ETJ-23-0-400</t>
  </si>
  <si>
    <t>【东方自控】电动单体点火枪推进器\ETJ-11-1-400</t>
  </si>
  <si>
    <t>【东方自控】气动推进器\ETJ-21-1-400</t>
  </si>
  <si>
    <t>【东方自控】微油油枪组件\EOBS-O系列(常规)</t>
  </si>
  <si>
    <t>【东方自控】微油油枪组件\EOBS-O系列(W炉)</t>
  </si>
  <si>
    <t>【东方自控】雾化片\EOBS-O系列</t>
  </si>
  <si>
    <t>【东方自控】点火枪\EHE-20-B-1-18H</t>
  </si>
  <si>
    <t>【东方自控】光纤\EFD-II-E-1</t>
  </si>
  <si>
    <t>【东方自控】油气混合腔\95N1DA35-30-01-01</t>
  </si>
  <si>
    <t>【东方自控】紫铜垫片\95N1DA35-30-01-03</t>
  </si>
  <si>
    <t>【东方自控】微油燃烧器喷口\带固定螺栓</t>
  </si>
  <si>
    <t>【东方自控】高能点火器电气箱\EHE-20-A-1-220A</t>
  </si>
  <si>
    <t>【东方自控】高能电缆\EHE-20-C-1-6</t>
  </si>
  <si>
    <t>【东方自控】图像火检探头\EIIS-1-A</t>
  </si>
  <si>
    <t>【东方自控】滤网\微油</t>
  </si>
  <si>
    <t>【东方自控】雾化片\138M1DA35-30-02-02(B1版)</t>
  </si>
  <si>
    <t>【东方自控】火焰电视执行器\DXTV-600C\Mpa,℃</t>
  </si>
  <si>
    <t>【东方自控】摄像镜管\SXJZ-40C\Mpa,℃</t>
  </si>
  <si>
    <t>【东方自控】摄像镜管\SXJZ-70C\Mpa,℃</t>
  </si>
  <si>
    <t>【东方自控】物镜前端\YF-A18-2A-2-0(B)\Mpa,℃</t>
  </si>
  <si>
    <t>【东方自控】物镜前端\YF-A18-5A-2-0(B)\Mpa,℃</t>
  </si>
  <si>
    <t>【东方自控】远操器\P-F21YC01-P\Mpa,℃</t>
  </si>
  <si>
    <t>【东方自控】远操器\P-F41YC01-P\Mpa,℃</t>
  </si>
  <si>
    <t>【东方自控】数据处理单元\P-FLCU01\Mpa,℃</t>
  </si>
  <si>
    <t>【东方自控】水位摄像探头\P-WS01\Mpa,℃</t>
  </si>
  <si>
    <t>【东方自控】水位摄像探头\P-WS02\Mpa,℃</t>
  </si>
  <si>
    <t>【东方自控】水位摄像探头\P-WS03\Mpa,℃</t>
  </si>
  <si>
    <t>【东方自控】云台支架\P-WZJ01\Mpa,℃</t>
  </si>
  <si>
    <t>【东方自控】云台支架\P-WZJ02\Mpa,℃</t>
  </si>
  <si>
    <t>【东方自控】远操器\P-W210YC01-P\Mpa,℃</t>
  </si>
  <si>
    <t>【东方自控】远操器\P-W211YC01-P\Mpa,℃</t>
  </si>
  <si>
    <t>【东方自控】数据处理单元\P-WLCU001\Mpa,℃</t>
  </si>
  <si>
    <t>【东方自控】数据处理单元\P-WLCU101\Mpa,℃</t>
  </si>
  <si>
    <t>【东方自控】摄像探头组件\EIIS-2-CP\Mpa,℃</t>
  </si>
  <si>
    <t>【东方自控】机箱\3500/05-01-01-00-00-01</t>
  </si>
  <si>
    <t>【东方自控】机箱\3500/05-02-04-00-00-01</t>
  </si>
  <si>
    <t>【东方自控】电源前板\3500/15(106M1079-01)</t>
  </si>
  <si>
    <t>【东方自控】电源模块\3500/15-03-05-00</t>
  </si>
  <si>
    <t>【东方自控】框架接口模块\3500/22-01-01-00\DFZK005A</t>
  </si>
  <si>
    <t>【东方自控】框架接口模块\3500/22-01-02-00</t>
  </si>
  <si>
    <t>【东方自控】键相器模块\3500/25-01-01-00</t>
  </si>
  <si>
    <t>【东方自控】键相器模块\3500/25-01-03-00</t>
  </si>
  <si>
    <t>【东方自控】鉴相器模块\3500/25-02-01-00</t>
  </si>
  <si>
    <t>【东方自控】继电器模块\3500/32-01-00\4通道</t>
  </si>
  <si>
    <t>【东方自控】继电器模块\3500/33-01-00\16通道</t>
  </si>
  <si>
    <t>【东方自控】位移,速度,加速度监视器\3500/42-01-00</t>
  </si>
  <si>
    <t>【东方自控】位移,速度,加速度监视器\3500/42-04-00</t>
  </si>
  <si>
    <t>【东方自控】胀差模件\3500/45-01-00</t>
  </si>
  <si>
    <t>【东方自控】转速模块\3500/50-01-00\DFZK015A</t>
  </si>
  <si>
    <t>【东方自控】超速保护卡\3500/53-01</t>
  </si>
  <si>
    <t>【东方自控】超速保护系统\3500/53-03-00</t>
  </si>
  <si>
    <t>【东方自控】超速保护系统\3500/54-01-00</t>
  </si>
  <si>
    <t>【东方自控】超速保护系统\3500/54-03-00</t>
  </si>
  <si>
    <t>【东方自控】往复式脉冲/速度监视器\3500/70-04-00</t>
  </si>
  <si>
    <t>【东方自控】通讯网关\3500/92-02-01-00</t>
  </si>
  <si>
    <t>【东方自控】通讯网关\3500/92-04-01-00</t>
  </si>
  <si>
    <t>【东方自控】组态软件\3500/01-01</t>
  </si>
  <si>
    <t>【东方自控】接地模块\3500-4-1(新3500/04-01-00)</t>
  </si>
  <si>
    <t>【东方自控】油封\37948-01</t>
  </si>
  <si>
    <t>【东方自控】速度传感器\74712-01-10-02-00</t>
  </si>
  <si>
    <t>【东方自控】振动传感器\74712-01-10-04-02</t>
  </si>
  <si>
    <t>【东方自控】电源模块\106M1079-01</t>
  </si>
  <si>
    <t>【东方自控】电源输入模块\106M1081-01</t>
  </si>
  <si>
    <t>【东方自控】鉴相卡I/O模块\125800-01</t>
  </si>
  <si>
    <t>【东方自控】空板\131151-01</t>
  </si>
  <si>
    <t>【东方自控】超速卡\3500/53</t>
  </si>
  <si>
    <t>【东方自控】超速检测I/O模块\133396-01</t>
  </si>
  <si>
    <t>【东方自控】转速卡I/O模块\133442-01</t>
  </si>
  <si>
    <t>【东方自控】键相器模块\149369-01</t>
  </si>
  <si>
    <t>【东方自控】本特利校验仪\177313-02-01\TK-3E</t>
  </si>
  <si>
    <t>【东方自控】本特利校验仪\177313-02-02\TK-3E</t>
  </si>
  <si>
    <t>【东方自控】键相传感器\21000-16-10-00-131-04-02</t>
  </si>
  <si>
    <t>【东方自控】键相传感器\21000-16-10-00-157-04-02</t>
  </si>
  <si>
    <t>【东方自控】轴振传感器\21000-16-10-015-151-04-02</t>
  </si>
  <si>
    <t>【东方自控】轴振传感器\21000-16-10-015-161-04-02</t>
  </si>
  <si>
    <t>【东方自控】轴振传感器\21000-16-10-015-173-04-02</t>
  </si>
  <si>
    <t>【东方自控】轴振传感器\21000-16-10-015-182-04-02</t>
  </si>
  <si>
    <t>【东方自控】轴振传感器\21000-16-10-015-210-04-02</t>
  </si>
  <si>
    <t>【东方自控】轴振传感器\21000-16-10-015-225-04-02</t>
  </si>
  <si>
    <t>【东方自控】轴振传感器\21000-16-10-015-230-04-02</t>
  </si>
  <si>
    <t>【东方自控】燃机侧轴振动传感器\21000-28-10-00-041-04-02</t>
  </si>
  <si>
    <t>【东方自控】2#侧轴振动传感器\21000-28-10-00-045-04-02</t>
  </si>
  <si>
    <t>【东方自控】TSI探头\21000-28-10-00-094-04-02</t>
  </si>
  <si>
    <t>【东方自控】传感器\21000-28-10-00-098-04-02</t>
  </si>
  <si>
    <t>【东方自控】TSI探头\21000-28-10-00-185-04-02</t>
  </si>
  <si>
    <t>【东方自控】轴振传感器\21000-28-10-00-217-04-02</t>
  </si>
  <si>
    <t>【东方自控】热膨胀传感器\24765-01-00</t>
  </si>
  <si>
    <t>【东方自控】热膨胀传感器\24765-01-01</t>
  </si>
  <si>
    <t>【东方自控】高压缸热膨胀传感器\24765-02-00</t>
  </si>
  <si>
    <t>【东方自控】热膨胀传感器\24765-02-01</t>
  </si>
  <si>
    <t>【东方自控】热膨胀传感器\24765-03-01</t>
  </si>
  <si>
    <t>【东方自控】前卡(标准瞬态数据接口模块)\288055-01\3500/22</t>
  </si>
  <si>
    <t>【东方自控】传感器\330102-00-24-10-01-00\8MM</t>
  </si>
  <si>
    <t>【东方自控】传感器\330103-00-04-05-02-00</t>
  </si>
  <si>
    <t>【东方自控】转速传感器\330103-00-05-10-01-00</t>
  </si>
  <si>
    <t>【东方自控】传感器\330103-00-05-10-02-00\8MM</t>
  </si>
  <si>
    <t>【东方自控】传感器\330103-00-05-50-02-00\8MM</t>
  </si>
  <si>
    <t>【东方自控】传感器\330103-00-05-50-02-00\DFZK064A</t>
  </si>
  <si>
    <t>【东方自控】汽机侧轴振动传感器\330103-00-05-50-12-00</t>
  </si>
  <si>
    <t>【东方自控】传感器\330103-00-05-90-12-00</t>
  </si>
  <si>
    <t>【东方自控】传感器\330103-00-06-10-02-00\8MM</t>
  </si>
  <si>
    <t>【东方自控】传感器\330103-00-07-10-02-00\8MM</t>
  </si>
  <si>
    <t>【东方自控】传感器\330103-00-10-50-02-00\8MM</t>
  </si>
  <si>
    <t>【东方自控】传感器\330103-02-04-10-02-00\8MM</t>
  </si>
  <si>
    <t>【东方自控】传感器\330104-00-02-10-02-00\8MM</t>
  </si>
  <si>
    <t>【东方自控】传感器\330104-00-03-10-02-00\8MM</t>
  </si>
  <si>
    <t>【东方自控】传感器\330104-00-04-10-02-00\8MM</t>
  </si>
  <si>
    <t>【东方自控】传感器\330104-00-04-10-02-05\8MM</t>
  </si>
  <si>
    <t>【东方自控】轴位移传感器\330104-00-05-50-12-00</t>
  </si>
  <si>
    <t>【东方自控】传感器\330104-00-06-10-02-00\8MM</t>
  </si>
  <si>
    <t>【东方自控】传感器\330104-00-06-50-02-00\8MM</t>
  </si>
  <si>
    <t>【东方自控】传感器\330104-00-07-50-12-00\8MM</t>
  </si>
  <si>
    <t>【东方自控】振动传感器\330104-00-07-50-12-05</t>
  </si>
  <si>
    <t>【东方自控】传感器\330104-00-08-10-02-00\8MM</t>
  </si>
  <si>
    <t>【东方自控】传感器\330104-00-10-10-02-00\8MM</t>
  </si>
  <si>
    <t>【东方自控】传感器\330104-00-12-10-02-00\8MM</t>
  </si>
  <si>
    <t>【东方自控】传感器\330106-05-30-05-02-00</t>
  </si>
  <si>
    <t>【东方自控】反装探头\330106-05-30-10-02-00\8MM</t>
  </si>
  <si>
    <t>【东方自控】延伸电缆\330130-040-00-00\8MM</t>
  </si>
  <si>
    <t>【东方自控】延伸电缆\330130-040-01-00\8MM</t>
  </si>
  <si>
    <t>【东方自控】延伸电缆\330130-040-01-05</t>
  </si>
  <si>
    <t>【东方自控】延伸电缆\330130-080-01-00\8MM</t>
  </si>
  <si>
    <t>【东方自控】燃机转速传感器延伸电缆\330130-080-01-05</t>
  </si>
  <si>
    <t>【东方自控】延伸电缆\330130-080-02-00\8MM</t>
  </si>
  <si>
    <t>【东方自控】延伸电缆\330130-080-03-00\8MM</t>
  </si>
  <si>
    <t>【东方自控】轴振动/转速传感器延伸电缆\330130-080-03-05</t>
  </si>
  <si>
    <t>【东方自控】前置器\330180-50-00\8MM</t>
  </si>
  <si>
    <t>【东方自控】前置器\330180-50-05</t>
  </si>
  <si>
    <t>【东方自控】前置器\330180-90-00\8MM</t>
  </si>
  <si>
    <t>【东方自控】燃机转速传感器前置器\330180-90-05</t>
  </si>
  <si>
    <t>【东方自控】前置器\330180-91-00\8MM</t>
  </si>
  <si>
    <t>【东方自控】压电式速度传感器\330500-01-00</t>
  </si>
  <si>
    <t>【东方自控】振动传感器\330500-02-00</t>
  </si>
  <si>
    <t>【东方自控】轴向位移传感器\330703-000-050-10-01-00</t>
  </si>
  <si>
    <t>【东方自控】汽机轴向位移传感器\330703-000-050-50-12-00</t>
  </si>
  <si>
    <t>【东方自控】传感器\330703-000-060-10-02-00\11MM</t>
  </si>
  <si>
    <t>【东方自控】转子轴向位移传感器\330703-000-060-10-02-05</t>
  </si>
  <si>
    <t>【东方自控】零转速传感器探头\330703-000-060-50-12-00</t>
  </si>
  <si>
    <t>【东方自控】传感器\330703-000-060-90-02-05</t>
  </si>
  <si>
    <t>【东方自控】零转速传感器探头\330703-000-060-90-12-00</t>
  </si>
  <si>
    <t>【东方自控】传感器\330704-000-060-10-02-00\11MM</t>
  </si>
  <si>
    <t>【东方自控】传感器\330704-000-060-50-12-00\11MM</t>
  </si>
  <si>
    <t>【东方自控】传感器\330709-000-050-10-02-00</t>
  </si>
  <si>
    <t>【东方自控】传感器\330709-000-050-50-02-00\11MM</t>
  </si>
  <si>
    <t>【东方自控】传感器\330709-000-060-10-02-00\11MM</t>
  </si>
  <si>
    <t>【东方自控】传感器\330710-000-060-10-02-00\11MM</t>
  </si>
  <si>
    <t>【东方自控】延伸电缆\330730-040-00-00\11MM</t>
  </si>
  <si>
    <t>【东方自控】延伸电缆\330730-040-01-00\11MM</t>
  </si>
  <si>
    <t>【东方自控】延伸电缆\330730-040-03-00\11MM</t>
  </si>
  <si>
    <t>【东方自控】延伸电缆\330730-080-01-00\11MM</t>
  </si>
  <si>
    <t>【东方自控】转子轴向位移延伸电缆\330730-080-01-05</t>
  </si>
  <si>
    <t>【东方自控】轴向位移延伸电缆\330730-080-02-00</t>
  </si>
  <si>
    <t>【东方自控】延伸电缆\330730-080-03-00\11MM</t>
  </si>
  <si>
    <t>【东方自控】前置器\330780-50-00\11MM</t>
  </si>
  <si>
    <t>【东方自控】前置器\330780-51-00\11MM</t>
  </si>
  <si>
    <t>【东方自控】前置器\330780-90-00\11MM</t>
  </si>
  <si>
    <t>【东方自控】转子轴向位移前置器\330780-90-05</t>
  </si>
  <si>
    <t>【东方自控】轴向位移前置器\330780-91-00</t>
  </si>
  <si>
    <t>【东方自控】前置器\330850-50-00\25MM</t>
  </si>
  <si>
    <t>【东方自控】前置器\330850-50-05</t>
  </si>
  <si>
    <t>【东方自控】前置器\330850-51-00\25MM</t>
  </si>
  <si>
    <t>【东方自控】前置器\330850-90-00\25MM</t>
  </si>
  <si>
    <t>【东方自控】胀差前置器\330850-90-05</t>
  </si>
  <si>
    <t>【东方自控】前置器\330850-91-00\25MM</t>
  </si>
  <si>
    <t>【东方自控】传感器\330851-02-000-026-50-00-00\25MM</t>
  </si>
  <si>
    <t>【东方自控】传感器\330851-02-000-030-10-00-05\25MM</t>
  </si>
  <si>
    <t>【东方自控】传感器\330851-02-000-030-10-01-00\25MM</t>
  </si>
  <si>
    <t>【东方自控】传感器\330851-02-000-040-50-00-00\25MM</t>
  </si>
  <si>
    <t>【东方自控】传感器\330851-02-000-050-50-01-00\25MM</t>
  </si>
  <si>
    <t>【东方自控】低压缸胀差传感器\330851-02-000-056-50-00-05</t>
  </si>
  <si>
    <t>【东方自控】传感器\330851-02-000-060-10-00-00\25MM</t>
  </si>
  <si>
    <t>【东方自控】传感器\330851-02-000-060-10-01-00\25MM</t>
  </si>
  <si>
    <t>【东方自控】胀差传感器\330851-02-000-060-50-01-00</t>
  </si>
  <si>
    <t>【东方自控】传感器\330851-02-000-060-50-01-05\25MM</t>
  </si>
  <si>
    <t>【东方自控】传感器\330851-02-000-070-10-01-05\25MM</t>
  </si>
  <si>
    <t>【东方自控】传感器\330851-02-000-070-50-00-05</t>
  </si>
  <si>
    <t>【东方自控】传感器\330851-02-000-070-90-00-05</t>
  </si>
  <si>
    <t>【东方自控】高中压缸胀差传感器\330851-04-000-020-10-00-05</t>
  </si>
  <si>
    <t>【东方自控】探头\330851-04-000-020-10-01-00\25MM</t>
  </si>
  <si>
    <t>【东方自控】延伸电缆\330854-040-24-00\25MM</t>
  </si>
  <si>
    <t>【东方自控】延伸电缆\330854-040-24-CN\25MM</t>
  </si>
  <si>
    <t>【东方自控】延伸电缆\330854-040-25-00\25MM</t>
  </si>
  <si>
    <t>【东方自控】延伸电缆\330854-040-25-05\25MM</t>
  </si>
  <si>
    <t>【东方自控】延伸电缆\330854-080-24-00\25MM</t>
  </si>
  <si>
    <t>【东方自控】延伸电缆\330854-080-25-00\25MM</t>
  </si>
  <si>
    <t>【东方自控】延伸电缆\330854-080-25-05\25MM</t>
  </si>
  <si>
    <t>【东方自控】传感器\330876-01-10-01-05\50MM</t>
  </si>
  <si>
    <t>【东方自控】探头\330876-02-10-00-00\50MM</t>
  </si>
  <si>
    <t>【东方自控】传感器\330876-02-10-01-00\50MM</t>
  </si>
  <si>
    <t>【东方自控】传感器\330876-02-50-00-00\50MM</t>
  </si>
  <si>
    <t>【东方自控】传感器\330876-02-90-00-00\50MM</t>
  </si>
  <si>
    <t>【东方自控】探头\330876-02-90-01-00\50MM</t>
  </si>
  <si>
    <t>【东方自控】传感器\330876-03-10-01-00\50MM</t>
  </si>
  <si>
    <t>【东方自控】延伸电缆\330877-040-37-00\50MM</t>
  </si>
  <si>
    <t>【东方自控】延伸电缆\330877-080-36-00</t>
  </si>
  <si>
    <t>【东方自控】延伸电缆\330877-080-37-00\50MM</t>
  </si>
  <si>
    <t>【东方自控】前置器\330878-50-00\50MM</t>
  </si>
  <si>
    <t>【东方自控】前置器\330878-90-00\50MM</t>
  </si>
  <si>
    <t>【东方自控】前置器\330878-X0-00</t>
  </si>
  <si>
    <t>【东方自控】传感器\330904-00-06-10-02-00\nsv</t>
  </si>
  <si>
    <t>【东方自控】传感器\330904-00-11-10-02-00\nsv</t>
  </si>
  <si>
    <t>【东方自控】延伸电缆\330930-065-01-00\nsv</t>
  </si>
  <si>
    <t>【东方自控】振动传感器\74712-03-10-04-02</t>
  </si>
  <si>
    <t>【东方自控】联接电缆\84510-34</t>
  </si>
  <si>
    <t>【东方自控】联接电缆\84661-34</t>
  </si>
  <si>
    <t>【东方自控】速度传感器\9200-01-01-10-00</t>
  </si>
  <si>
    <t>【东方自控】速度传感器\9200-01-02-10-00</t>
  </si>
  <si>
    <t>【东方自控】振动传感器\9200-01-02-10-02</t>
  </si>
  <si>
    <t>【东方自控】速度传感器\9200-01-05-10-00</t>
  </si>
  <si>
    <t>【东方自控】速度传感器\9200-02-01-10-00</t>
  </si>
  <si>
    <t>【东方自控】速度振动传感器\9200-03-01-01-00</t>
  </si>
  <si>
    <t>【东方自控】速度传感器\9200-03-01-10-00</t>
  </si>
  <si>
    <t>【东方自控】前置器盒\BA72381-10-02-00</t>
  </si>
  <si>
    <t>【东方自控】前置器盒\BA72382-10-03-00</t>
  </si>
  <si>
    <t>【东方自控】反装探头\330105-02-12-05-02-00\8MM</t>
  </si>
  <si>
    <t>【东方自控】反装探头\330105-02-12-10-02-00\8MM</t>
  </si>
  <si>
    <t>【东方自控】反装探头\330105-02-12-10-02-CN\8MM</t>
  </si>
  <si>
    <t>【东方自控】延伸电缆\330130-045-01-CN\8MM</t>
  </si>
  <si>
    <t>【东方自控】延伸电缆\330130-085-01-00\8MM</t>
  </si>
  <si>
    <t>【东方自控】延伸电缆\330130-085-01-CN\8MM</t>
  </si>
  <si>
    <t>【东方自控】涡流传感器组件\330881-28-04-170-06-02</t>
  </si>
  <si>
    <t>【东方自控】涡流传感器\330880-16-15-051-01-02</t>
  </si>
  <si>
    <t>【东方自控】涡流传感器组件\330881-28-04-050-06-02</t>
  </si>
  <si>
    <t>【东方自控】涡流传感器组件\330881-28-04-040-06-02</t>
  </si>
  <si>
    <t>【东方自控】涡流传感器组件\330881-28-07-78-00-02</t>
  </si>
  <si>
    <t>【东方自控】电涡流探头\330901-51-82-10-02-00\NSV</t>
  </si>
  <si>
    <t>【东方自控】电涡流探头\330901-27-46-10-02-00\NSV</t>
  </si>
  <si>
    <t>【东方自控】电涡流探头\330901-00-15-05-02-CN\NSV</t>
  </si>
  <si>
    <t>【东方自控】延伸电缆\330930-060-07-CN\NSV</t>
  </si>
  <si>
    <t>【东方自控】延伸电缆\330930-045-01-CN\NSV</t>
  </si>
  <si>
    <t>【东方自控】延伸电缆\330930-040-02-00\NSV</t>
  </si>
  <si>
    <t>【东方自控】延伸电缆\330930-040-00-00\NSV</t>
  </si>
  <si>
    <t>【东方自控】延伸电缆\330930-040-01-00\NSV</t>
  </si>
  <si>
    <t>【东方自控】延伸电缆\330930-040-01-CN\NSV</t>
  </si>
  <si>
    <t>【东方自控】延伸电缆\330930-065-01-00\NSV</t>
  </si>
  <si>
    <t>【东方自控】前置器\330980-71-00\NSV</t>
  </si>
  <si>
    <t>【东方自控】前置器\330980-71-CN\NSV</t>
  </si>
  <si>
    <t>【东方自控】速度传感器\74712-06-03-03-00</t>
  </si>
  <si>
    <t>【东方自控】速度传感器\74712-06-05-02-00</t>
  </si>
  <si>
    <t>【东方自控】速度传感器\74712-06-05-03-00</t>
  </si>
  <si>
    <t>【东方自控】速度传感器\74712-06-10-02-00</t>
  </si>
  <si>
    <t>【东方自控】检测仪\2300/20-CN-00</t>
  </si>
  <si>
    <t>【东方自控】传感器\330876-02-50-01-CN\DFZK209A</t>
  </si>
  <si>
    <t>【东方自控】传感器\330851-06-000-070-10-00-00</t>
  </si>
  <si>
    <t>【东方自控】传感器\330851-02-000-080-90-00-00</t>
  </si>
  <si>
    <t>【东方自控】传感器\330851-02-000-070-10-00-00</t>
  </si>
  <si>
    <t>【东方自控】传感器\330703-000-090-10-02-00\DFZK213A</t>
  </si>
  <si>
    <t>【东方自控】传感器\330703-000-050-10-02-00\DFZK214A</t>
  </si>
  <si>
    <t>【东方自控】传感器\330709-000-070-10-02-00\DFZK215A</t>
  </si>
  <si>
    <t>【东方自控】传感器\330709-000-030-10-02-00\DFZK216A</t>
  </si>
  <si>
    <t>【东方自控】传感器\330195-02-12-10-02-00\DFZK217A</t>
  </si>
  <si>
    <t>【东方自控】传感器\330104-00-07-10-02-00\DFZK218A</t>
  </si>
  <si>
    <t>【东方自控】传感器\330103-02-12-10-02-00\DFZK219A</t>
  </si>
  <si>
    <t>【东方自控】传感器\330103-06-12-10-02-00\DFZK220A</t>
  </si>
  <si>
    <t>【东方自控】传感器\330103-04-12-10-02-00\DFZK221A</t>
  </si>
  <si>
    <t>【东方自控】通讯接线模块\133323-01\DFZK222A</t>
  </si>
  <si>
    <t>【东方自控】位置接线模块\135137-01\DFZK223A</t>
  </si>
  <si>
    <t>【东方自控】继电器接线模块\149992-01\DFZK224A</t>
  </si>
  <si>
    <t>【东方自控】继电器接线模块\125720-01\DFZK225A</t>
  </si>
  <si>
    <t>【东方自控】位移速度加速度接线模块\138708-01\DFZK226A</t>
  </si>
  <si>
    <t>【东方自控】电涡流/地震接线模块\128229-01\DFZK227A</t>
  </si>
  <si>
    <t>【东方自控】瞬态数据接线模块\146031-01\DFZK228A</t>
  </si>
  <si>
    <t>【东方自控】超速模块\3500/53-01-00\DFZK229A</t>
  </si>
  <si>
    <t>【东方自控】通讯模块\3500/92-01-00\DFZK230A</t>
  </si>
  <si>
    <t>【东方自控】继电器模块\3500/32M-01-00\DFZK231A</t>
  </si>
  <si>
    <t>【东方自控】振动位移模块\3500/42M-07-00\DFZK232A</t>
  </si>
  <si>
    <t>【东方自控】振动位移模块\3500/42M-01-00\DFZK233A</t>
  </si>
  <si>
    <t>【东方自控】位移接线模块\125680-01\DFZK234A</t>
  </si>
  <si>
    <t>【东方自控】轴向位移模块\3500/40-01-00\DFZK235A</t>
  </si>
  <si>
    <t>【东方自控】振动位移模块\3500/42M-09-00\DFZK236A</t>
  </si>
  <si>
    <t>【东方自控】接口模块\3500/22M-01-01-00\DFZK237A</t>
  </si>
  <si>
    <t>【东方自控】电源模块\3500/15-05-05-00\DFZK238A</t>
  </si>
  <si>
    <t>【东方自控】电源模块\3500/15-05-00-00\DFZK239A</t>
  </si>
  <si>
    <t>【东方自控】系统框架\3500/05-01-01-00-00-01\DFZK240A</t>
  </si>
  <si>
    <t>【东方自控】传感器\330709-000-080-10-02-00\DFZK241A</t>
  </si>
  <si>
    <t>【东方自控】组态电缆\130118-0010-02\DFZK242A</t>
  </si>
  <si>
    <t>【东方自控】软件\3500/01-01\DFZK243A</t>
  </si>
  <si>
    <t>【东方自控】安装套杆\21000-00-00-00-022-04-02\DFZK244A</t>
  </si>
  <si>
    <t>【东方自控】安装套杆\21000-00-00-00-056-04-02\DFZK245A</t>
  </si>
  <si>
    <t>【东方自控】安装套杆\21000-00-00-00-067-04-02\DFZK246A</t>
  </si>
  <si>
    <t>【东方自控】安装套杆\21000-00-00-00-160-04-02\DFZK247A</t>
  </si>
  <si>
    <t>【东方自控】安装套杆\21000-00-00-00-150-04-02\DFZK248A</t>
  </si>
  <si>
    <t>【东方自控】安装套杆\21000-00-00-00-163-04-02\DFZK249A</t>
  </si>
  <si>
    <t>【东方自控】安装套杆\21000-00-00-00-151-04-02\DFZK250A</t>
  </si>
  <si>
    <t>【东方自控】安装套杆\21000-00-00-00-201-04-02\DFZK251A</t>
  </si>
  <si>
    <t>【东方自控】安装套杆\21000-00-00-00-281-04-02\DFZK252A</t>
  </si>
  <si>
    <t>【东方自控】前置器\330878-50-CN\DFZK253A</t>
  </si>
  <si>
    <t>【东方自控】前置器\330850-90-CN\DFZK254A</t>
  </si>
  <si>
    <t>【东方自控】前置器\330180-51-00\DFZK255A</t>
  </si>
  <si>
    <t>【东方自控】传感器\330752-60\DFZK256A</t>
  </si>
  <si>
    <t>【东方自控】电缆\84509-34\DFZK257A</t>
  </si>
  <si>
    <t>【东方自控】电缆\9571-32\DFZK258A</t>
  </si>
  <si>
    <t>【东方自控】电缆\9571-30\DFZK259A</t>
  </si>
  <si>
    <t>【东方自控】电缆\9571-61\DFZK260A</t>
  </si>
  <si>
    <t>【东方自控】传感器\330876-02-50-01-CN\DFZK261A</t>
  </si>
  <si>
    <t>【东方自控】传感器\330750-60\DFZK262A</t>
  </si>
  <si>
    <t>【东方自控】延长缆\330730-080-00-00\DFZK263A</t>
  </si>
  <si>
    <t>【东方自控】延长缆\330190-080-00-00\DFZK264A</t>
  </si>
  <si>
    <t>【东方自控】延长缆\330190-040-00-00\DFZK265A</t>
  </si>
  <si>
    <t>【东方自控】延长缆\330130-080-00-00\DFZK266A</t>
  </si>
  <si>
    <t>【东方自控】胀差探头\19047-02\LVDT</t>
  </si>
  <si>
    <t>【东方自控】胀差探头\24765-03\LVDT</t>
  </si>
  <si>
    <t>【东方自控】传感器\9200-06-02-05-00\DFZK269A</t>
  </si>
  <si>
    <t>【东方自控】传感器\9200-06-05-05-00\DFZK270A</t>
  </si>
  <si>
    <t>【东方自控】传感器\330851-02-000-050-90-01-CN\DFZK271A</t>
  </si>
  <si>
    <t>【东方自控】框架\204-040-100-012\ABE040</t>
  </si>
  <si>
    <t>【东方自控】网关通讯模块\200-595-0SS-33h\CPU-M</t>
  </si>
  <si>
    <t>【东方自控】网关通讯模块\200-595-0SS-1Hh\CPU-M</t>
  </si>
  <si>
    <t>【东方自控】网关通讯模块\200-595-0SS-4Hh\CPU-M</t>
  </si>
  <si>
    <t>【东方自控】网关通讯模块\200-595-SSS-1Hh\CPU-M</t>
  </si>
  <si>
    <t>【东方自控】电源\200-582-500-011\RPS6U</t>
  </si>
  <si>
    <t>【东方自控】电源\200-582-500-013\RPS6U</t>
  </si>
  <si>
    <t>【东方自控】电源模块背板\200-582-915-0XX\PSB915</t>
  </si>
  <si>
    <t>【东方自控】卡件\200-510-SSS-1Hh\MPC4</t>
  </si>
  <si>
    <t>【东方自控】软件包\209-500-600-SSs Diagnostic Rule Box</t>
  </si>
  <si>
    <t>【东方自控】软件包\209-500-600-SSs</t>
  </si>
  <si>
    <t>【东方自控】涡流传感器\111-402-000-013-1-1-020-000-050-0-000-05\TQ402</t>
  </si>
  <si>
    <t>【东方自控】涡流传感器\111-402-000-013-1-1-042-000-100-1-100-10\TQ402</t>
  </si>
  <si>
    <t>【东方自控】传感器\111-403-000-013-1-1-036-000-010-1-010-05\TQ403</t>
  </si>
  <si>
    <t>【东方自控】传感器\111-403-000-012-1-1-086-000-010-1-010-10\TQ403</t>
  </si>
  <si>
    <t>【东方自控】涡流传感器\111-402-000-013-1-1-060-000-100-0-000-10\TQ402</t>
  </si>
  <si>
    <t>【东方自控】传感器\444-680-000-511\CE680</t>
  </si>
  <si>
    <t>【东方自控】连接电缆\922-318-000-002 L=10m\EC318</t>
  </si>
  <si>
    <t>【东方自控】热胀传感器\800-119-000-025/1/1\AE119</t>
  </si>
  <si>
    <t>【东方自控】前置器\204-450-000-002-A1-B21-H05-I0\IQS450</t>
  </si>
  <si>
    <t>【东方自控】前置器\204-450-000-002-A1-B23-H10-I0\IQS450</t>
  </si>
  <si>
    <t>【东方自控】前置器\204-450-000-002-A1-B23-H10-I1\IQS450</t>
  </si>
  <si>
    <t>【东方自控】延伸电缆\913-403-000-013-A1-E090-F1-G088\EA403</t>
  </si>
  <si>
    <t>【东方自控】胀差电缆\943-140-000-021-01-04-01\EH140</t>
  </si>
  <si>
    <t>【东方自控】键相延长杆\800-153-000-011-1-332-3-3\PA153</t>
  </si>
  <si>
    <t>【东方自控】键相延长杆\800-153-000-011-1-384-3-3\PA153</t>
  </si>
  <si>
    <t>【东方自控】键相延长杆\800-153-000-011-1-408-3-3\PA153</t>
  </si>
  <si>
    <t>【东方自控】键相延长杆\800-153-000-011-1-440-3-3\PA153</t>
  </si>
  <si>
    <t>【东方自控】键相延长杆\800-153-000-011-1-462-3-3\PA153</t>
  </si>
  <si>
    <t>【东方自控】键相延长杆\800-153-000-011-1-520-3-3\PA153</t>
  </si>
  <si>
    <t>【东方自控】键相延长杆\800-153-000-011-1-534-3-3\PA153</t>
  </si>
  <si>
    <t>【东方自控】键相延长杆\800-153-000-011-1-572-3-3\PA153</t>
  </si>
  <si>
    <t>【东方自控】键相延长杆\800-153-000-011-1-584-3-3\PA153</t>
  </si>
  <si>
    <t>【东方自控】前置器\244-704-000-042-1-04-100pc/g-\IPC704</t>
  </si>
  <si>
    <t>【东方自控】传感器\RE022\RE022</t>
  </si>
  <si>
    <t>【东方自控】传感器\RE030\RE030</t>
  </si>
  <si>
    <t>【东方自控】前置器\RE101\RE101</t>
  </si>
  <si>
    <t>【东方自控】转速探头\BWF1210.00SHV</t>
  </si>
  <si>
    <t>【东方自控】超速保护卡\DMOPC003</t>
  </si>
  <si>
    <t>【东方自控】伺服卡\DMSVC006</t>
  </si>
  <si>
    <t>【东方自控】伺服卡\DMSVC007</t>
  </si>
  <si>
    <t>【东方自控】O型密封圈\EPBS-G-II-150-M2/\EPBS系列</t>
  </si>
  <si>
    <t>【东方自控】O型密封圈\EPBS-G-II-150-M3/\EPBS系列</t>
  </si>
  <si>
    <t>【东方自控】O型密封圈\EPBS-G-II-150-M4/\EPBS系列</t>
  </si>
  <si>
    <t>【东方自控】O型密封圈\EPBS-G-II-150-M5/\EPBS系列</t>
  </si>
  <si>
    <t>【东方自控】阳极喷口\EPBS-G-II-150-PK/\EPBS系列</t>
  </si>
  <si>
    <t>【东方自控】阳极组件\EPBS-G-II-150-WF/\EPBS系列</t>
  </si>
  <si>
    <t>【东方自控】高能点火枪\EHE-20-B-1-18H-M\EPBS系列</t>
  </si>
  <si>
    <t>【东方自控】触摸屏\DFZK313A\TPC-1551</t>
  </si>
  <si>
    <t>【东方自控】导叶主阀衬套\3K7623-97941</t>
  </si>
  <si>
    <t>【东方自控】导叶主阀活塞\3K3982-69454</t>
  </si>
  <si>
    <t>【东方自控】主阀衬套\1K3524-105106</t>
  </si>
  <si>
    <t>【东方自控】主阀活塞\1K3556-159973</t>
  </si>
  <si>
    <t>【东方自控】伺服比例阀\NG6</t>
  </si>
  <si>
    <t>【东方自控】伺服比例阀\NG10</t>
  </si>
  <si>
    <t>【东方自控】菲尼克斯触摸屏\15寸</t>
  </si>
  <si>
    <t>【东方自控】控制器\X20</t>
  </si>
  <si>
    <t>【东方自控】数字输出模块\X20</t>
  </si>
  <si>
    <t>【东方自控】数字输入模块\X20</t>
  </si>
  <si>
    <t>【东方自控】模拟输出模块\X20</t>
  </si>
  <si>
    <t>【东方自控】模拟输入模块\X20</t>
  </si>
  <si>
    <t>【东方自控】接口模块\X20</t>
  </si>
  <si>
    <t>【东方自控】压力继电器\HED50</t>
  </si>
  <si>
    <t>【东方自控】单向阀\SV6</t>
  </si>
  <si>
    <t>【东方自控】双比例切换电磁阀\3WE6</t>
  </si>
  <si>
    <t>【东方自控】手自动切换电磁阀\4WE6D</t>
  </si>
  <si>
    <t>【东方自控】手动操作电磁阀\4WE6J</t>
  </si>
  <si>
    <t>【东方自控】紧急停机电磁阀\DFZK314A\4WE6D</t>
  </si>
  <si>
    <t>【东方自控】紧急停机电磁阀\DFZK315A\4WE6D</t>
  </si>
  <si>
    <t>【东方自控】插件\LC50A05D7X-34889</t>
  </si>
  <si>
    <t>【东方自控】盖板\LFA63H2-34883</t>
  </si>
  <si>
    <t>【东方自控】盖板\LFA50H2-34926</t>
  </si>
  <si>
    <t>【东方自控】真空油箱浮球阀\FQF-34797</t>
  </si>
  <si>
    <t>【东方自控】浮子油箱浮球阀\FQF-34796</t>
  </si>
  <si>
    <t>【东方自控】漏氢检测探头\NA1000D</t>
  </si>
  <si>
    <t>【东方自控】漏氢检测探头\LH1500</t>
  </si>
  <si>
    <t>【东方自控】定冷水树脂\DLMB101N(升)</t>
  </si>
  <si>
    <t>【东方自控】二氧化碳控制排\2A255-44619</t>
  </si>
  <si>
    <t>【东方自控】氢气控制排\1A171-44933</t>
  </si>
  <si>
    <t>【东方自控】电加热棒\JHG03</t>
  </si>
  <si>
    <t>【东方自控】截止阀阀芯\DN50/WJ50F1.6P</t>
  </si>
  <si>
    <t>【东方自控】控制器\AC800 PEC PP D113</t>
  </si>
  <si>
    <t>【东方自控】CCM板\CCM\PC D230</t>
  </si>
  <si>
    <t>【东方自控】CIO板\CIO\PC D235</t>
  </si>
  <si>
    <t>【东方自控】CCI板\CCI\PC D231</t>
  </si>
  <si>
    <t>【东方自控】GDI板\GDI\UNS0881a</t>
  </si>
  <si>
    <t>【东方自控】CSI板\CSI\UA D215</t>
  </si>
  <si>
    <t>【东方自控】电源模块\QUINT-PS-100-240VAC/24VDC/5A</t>
  </si>
  <si>
    <t>【东方自控】电源模块\QUINT-PS 90-264Vac,dc/24Vdc/10A</t>
  </si>
  <si>
    <t>【东方自控】整流柜显示面板\CCP (AF D242A)</t>
  </si>
  <si>
    <t>【东方自控】变送器\MCR-SL-UI-UI,0..10V/4-20mA</t>
  </si>
  <si>
    <t>【东方自控】电源输入耦合模块\ICU(KS D211 A101)</t>
  </si>
  <si>
    <t>【东方自控】灭磁开关主触头\HPB45</t>
  </si>
  <si>
    <t>【东方自控】灭磁开关主触头\HPB60</t>
  </si>
  <si>
    <t>【东方自控】灭磁开关驱动机构\5400</t>
  </si>
  <si>
    <t>【东方自控】灭磁开关检修服务\HPB45&amp;60型开关</t>
  </si>
  <si>
    <t>【东方自控】熔丝保险\FU_LINK 40AT 20x127</t>
  </si>
  <si>
    <t>【东方自控】熔丝保险\FU_LINK 20x127, 20A</t>
  </si>
  <si>
    <t>【东方自控】尖峰吸收电阻\3BCE029036R0001</t>
  </si>
  <si>
    <t>【东方自控】冷却风机\GDRM-42</t>
  </si>
  <si>
    <t>【东方自控】电源分配器\MICO4.6</t>
  </si>
  <si>
    <t>【东方自控】滤波器\TT-ST-M-SFP-24 AC</t>
  </si>
  <si>
    <t>【东方自控】安全阀\A21-16R-227800</t>
  </si>
  <si>
    <t>【东方自控】管接头\DXH5-1-56217</t>
  </si>
  <si>
    <t>【东方自控】管接头\DXH5-17-56210</t>
  </si>
  <si>
    <t>【东方自控】打孔过滤器\KLS-50T/80</t>
  </si>
  <si>
    <t>【东方自控】打孔过滤器\KLS-65T/80</t>
  </si>
  <si>
    <t>【东方自控】打孔过滤器\KLS-125T/80</t>
  </si>
  <si>
    <t>【东方自控】打孔过滤器\KLS-150T/80</t>
  </si>
  <si>
    <t>【东方自控】打孔过滤器滤芯\KLS-125T/200</t>
  </si>
  <si>
    <t>【东方自控】打孔过滤器滤芯\KLS-125T/80</t>
  </si>
  <si>
    <t>【东方自控】罗茨真空泵\KZB707035</t>
  </si>
  <si>
    <t>【东方自控】水环真空泵\KZB707035</t>
  </si>
  <si>
    <t>【东方自控】定冷水泵\DFB80</t>
  </si>
  <si>
    <t>【东方自控】定冷水泵\YCZ50</t>
  </si>
  <si>
    <t>【东方自控】定冷水泵\YCZ65</t>
  </si>
  <si>
    <t>【东方自控】定冷水泵叶轮\YCZ50</t>
  </si>
  <si>
    <t>【东方自控】定冷水泵叶轮\YCZ65</t>
  </si>
  <si>
    <t>【东方自控】定冷水泵联轴器\YCZ50</t>
  </si>
  <si>
    <t>【东方自控】定冷水泵联轴器\YCZ65</t>
  </si>
  <si>
    <t>【东方自控】主油泵\ACG070</t>
  </si>
  <si>
    <t>【东方自控】主油泵联轴器\ACG070</t>
  </si>
  <si>
    <t>【东方自控】再循环油泵\HSNH280-43</t>
  </si>
  <si>
    <t>【东方自控】主油泵\HSNH280-46</t>
  </si>
  <si>
    <t>【东方自控】事故油泵\HSNH210</t>
  </si>
  <si>
    <t>【东方自控】真空泵\WSRP-30-40110</t>
  </si>
  <si>
    <t>【东方自控】油水探测器\YTG-B</t>
  </si>
  <si>
    <t>【东方自控】压差阀密封组件\977HP</t>
  </si>
  <si>
    <t>【东方自控】压差阀主膜片\977HP</t>
  </si>
  <si>
    <t>【东方自控】压差平衡膜片\977HP</t>
  </si>
  <si>
    <t>【东方自控】氢气湿度仪\HMT</t>
  </si>
  <si>
    <t>【东方自控】定子冷却水泵\DFB100</t>
  </si>
  <si>
    <t>【东方自控】检修备件包\配套ACG070</t>
  </si>
  <si>
    <t>【东方自控】氢气流量计\TMF</t>
  </si>
  <si>
    <t>【东方自控】风机启动电容\99287-4-7320</t>
  </si>
  <si>
    <t>【雪迪龙】密封压环\φ6</t>
  </si>
  <si>
    <t>北京雪迪龙科技股份有限公司</t>
  </si>
  <si>
    <t>雪迪龙</t>
  </si>
  <si>
    <t>WZSCCG-2019-BJ-043</t>
  </si>
  <si>
    <t>北京雪迪龙科技股份有限公司烟气在线连续监测系统备件长协采购框架协议</t>
  </si>
  <si>
    <t>【雪迪龙】密封压环\φ8</t>
  </si>
  <si>
    <t>【雪迪龙】白螺帽\φ6</t>
  </si>
  <si>
    <t>【雪迪龙】硅胶垫\φ6</t>
  </si>
  <si>
    <t>【雪迪龙】白锣帽\φ8</t>
  </si>
  <si>
    <t>【雪迪龙】硅胶垫\φ8</t>
  </si>
  <si>
    <t>【雪迪龙】分水器\WD-02</t>
  </si>
  <si>
    <t>【雪迪龙】两通电磁阀\24V</t>
  </si>
  <si>
    <t>【雪迪龙】直通终端接头\PVDF,G1/4-F8</t>
  </si>
  <si>
    <t>【雪迪龙】保护过滤器\FP-2T-01</t>
  </si>
  <si>
    <t>【雪迪龙】保护过滤器滤芯\φ30×φ15×70，过滤精度2μ</t>
  </si>
  <si>
    <t>【雪迪龙】保护过滤器O型圈\φ28×3.55</t>
  </si>
  <si>
    <t>【雪迪龙】两位一通电磁阀\G1/4，DC24V</t>
  </si>
  <si>
    <t>【雪迪龙】F22带灯按钮开关\AC/DC24V,2位，常开</t>
  </si>
  <si>
    <t>【雪迪龙】锁定模块\锁定模块</t>
  </si>
  <si>
    <t>【雪迪龙】F22指示灯\红色，AC/DC24V</t>
  </si>
  <si>
    <t>【雪迪龙】取样泵\AC220V,50HZ,G1/8</t>
  </si>
  <si>
    <t>【雪迪龙】取样泵膜片\N86膜片</t>
  </si>
  <si>
    <t>【雪迪龙】取样泵阀片\F10MM</t>
  </si>
  <si>
    <t>【雪迪龙】防腐两通针阀\PTFE</t>
  </si>
  <si>
    <t>【雪迪龙】不锈钢两通针阀\φ6</t>
  </si>
  <si>
    <t>【雪迪龙】三通接头\PVDF，F6</t>
  </si>
  <si>
    <t>【雪迪龙】切换阀\6L0732.00-041200</t>
  </si>
  <si>
    <t>【雪迪龙】取样管温控器\TC4S-14R</t>
  </si>
  <si>
    <t>【雪迪龙】接触器\LC1-E0910-M5N,1NO,6-32A,220V,50HZ</t>
  </si>
  <si>
    <t>【雪迪龙】无源信号隔离器\NPGL-C11111D</t>
  </si>
  <si>
    <t>【雪迪龙】有源信号隔离器\NPPD-C11111D</t>
  </si>
  <si>
    <t>【雪迪龙】四氟管\φ6</t>
  </si>
  <si>
    <t>【雪迪龙】四氟管\φ8</t>
  </si>
  <si>
    <t>【雪迪龙】氟橡胶管\φ8×φ5mm</t>
  </si>
  <si>
    <t>【雪迪龙】空气过滤器</t>
  </si>
  <si>
    <t>【雪迪龙】阻水过滤器\0.2μm</t>
  </si>
  <si>
    <t>【雪迪龙】玻璃流量计\25-250L/H，1/4NPT</t>
  </si>
  <si>
    <t>【雪迪龙】两通不锈钢球阀\φ6</t>
  </si>
  <si>
    <t>【雪迪龙】固态继电器\ELS4825</t>
  </si>
  <si>
    <t>【雪迪龙】固态继电器散热片\33*76*45mm</t>
  </si>
  <si>
    <t>【雪迪龙】通风过滤网组\FU-9805A</t>
  </si>
  <si>
    <t>【雪迪龙】风扇\KA-1725HA2</t>
  </si>
  <si>
    <t>【雪迪龙】过滤网组链接片\FU-9805A</t>
  </si>
  <si>
    <t>【雪迪龙】储液罐\5L</t>
  </si>
  <si>
    <t>【雪迪龙】制冷器(无泵无腔)\220V,50HZ</t>
  </si>
  <si>
    <t>【雪迪龙】玻璃冷腔(双腔)\219mm</t>
  </si>
  <si>
    <t>【雪迪龙】温控器\TE4-SB10W</t>
  </si>
  <si>
    <t>【雪迪龙】加热板\200W,220V,130*236</t>
  </si>
  <si>
    <t>【雪迪龙】压缩机风扇\120*120*38mm</t>
  </si>
  <si>
    <t>【雪迪龙】比勒制冷器\EGK1/2，220V,50HZ</t>
  </si>
  <si>
    <t>【雪迪龙】比勒蠕动泵\115/130VAC，50/60HZ</t>
  </si>
  <si>
    <t>【雪迪龙】托马斯蠕动泵\SR25,220V,50HZ</t>
  </si>
  <si>
    <t>【雪迪龙】比勒蠕动泵管\含接头</t>
  </si>
  <si>
    <t>【雪迪龙】托马斯蠕动泵管\12cm，蠕动泵接头2个和蠕动泵管卡子</t>
  </si>
  <si>
    <t>【雪迪龙】探头"O"圈\30×35×2.65mm</t>
  </si>
  <si>
    <t>【雪迪龙】采样探头\SD200CD-11(24V)</t>
  </si>
  <si>
    <t>【雪迪龙】采样探头\SD200CD-11(24V) (含一次服务)</t>
  </si>
  <si>
    <t>【雪迪龙】新采样探头\SD200-CD-12，带温度显示</t>
  </si>
  <si>
    <t>【雪迪龙】新采样探头\SD200-CD-12，带温度显示 (含一次服务)</t>
  </si>
  <si>
    <t>【雪迪龙】探头滤芯\φ35×125</t>
  </si>
  <si>
    <t>【雪迪龙】探头密封垫\φ49×φ37</t>
  </si>
  <si>
    <t>【雪迪龙】强防腐加热探杆\1.5米/2米</t>
  </si>
  <si>
    <t>【雪迪龙】强防腐加热探杆\1.5米/2米(含一次服务)</t>
  </si>
  <si>
    <t>【雪迪龙】探头探杆\0.5米，φ25×2</t>
  </si>
  <si>
    <t>【雪迪龙】探头探杆\1米，φ25×2</t>
  </si>
  <si>
    <t>【雪迪龙】探头探杆\1.5米，φ25×2</t>
  </si>
  <si>
    <t>【雪迪龙】探头探杆\2米，316L</t>
  </si>
  <si>
    <t>【雪迪龙】探头探杆\1米，φ27×4.5,316L</t>
  </si>
  <si>
    <t>【雪迪龙】探头探杆\1.5米，φ27×4.5,316L</t>
  </si>
  <si>
    <t>【雪迪龙】探头法兰衬垫\φ155×3</t>
  </si>
  <si>
    <t>【雪迪龙】螺旋加热器\150W,220V</t>
  </si>
  <si>
    <t>【雪迪龙】温控开关\KSD301，250V-10A/60°常开</t>
  </si>
  <si>
    <t>【雪迪龙】温控开关\36TXHE21，BLAE160-20℃</t>
  </si>
  <si>
    <t>【雪迪龙】探头液涨式温控器\TS-320SR</t>
  </si>
  <si>
    <t>【雪迪龙】探头旋转式温控器\WZB 50－250℃</t>
  </si>
  <si>
    <t>【雪迪龙】探头温控器\NPTJ-216FK</t>
  </si>
  <si>
    <t>【雪迪龙】吹扫两通电磁阀\G1/2,24V,8W</t>
  </si>
  <si>
    <t>【雪迪龙】压缩空气过滤减压阀\QAW4000-04D，接口G1/2</t>
  </si>
  <si>
    <t>【雪迪龙】三探头汇气控制箱\G1/2,24V,8W</t>
  </si>
  <si>
    <t>【雪迪龙】三探头汇气控制箱\G1/2,24V,8W (含一次服务)</t>
  </si>
  <si>
    <t>【雪迪龙】双管采样管线\BWG-F8-F6-140-AC220V(DM)</t>
  </si>
  <si>
    <t>【雪迪龙】取样管终端接头\BWG-F8-F6配套</t>
  </si>
  <si>
    <t>【雪迪龙】铂电阻\PT100</t>
  </si>
  <si>
    <t>【雪迪龙】伴热带终端接头\HYB-011</t>
  </si>
  <si>
    <t>【雪迪龙】NOX转换器\NOx-001,220V,50HZ 机架式</t>
  </si>
  <si>
    <t>【雪迪龙】湿度仪\MODEL2061-Ⅱ，DC24V,35VA,H2O 0-40%</t>
  </si>
  <si>
    <t>【雪迪龙】粉尘仪MODEL2030Ⅱ\光程2.5米，0-500mg/m3</t>
  </si>
  <si>
    <t>【雪迪龙】粉尘仪MODEL2030Ⅱ\光程2.5米，0-100mg/m3</t>
  </si>
  <si>
    <t>【雪迪龙】粉尘仪MODEL2030Ⅱ\光程2.5米，0-100mg/m3，风机吹扫</t>
  </si>
  <si>
    <t>【雪迪龙】粉尘仪MODEL2030Ⅱ\光程2.5米，0-500mg/m3，风机吹扫</t>
  </si>
  <si>
    <t>【雪迪龙】NOX转换器\NOx-001,220V,50HZ 机架式(含一次服务)</t>
  </si>
  <si>
    <t>【雪迪龙】湿度仪\MODEL2061-Ⅱ，DC24V,35VA,H2O 0-40% (含一次服务)</t>
  </si>
  <si>
    <t>【雪迪龙】粉尘仪\MODEL2030Ⅱ\光程2.5米，0-500mg/m3(含一次服务)</t>
  </si>
  <si>
    <t>【雪迪龙】粉尘仪\MODEL2030Ⅱ\光程2.5米，0-100mg/m3(含一次服务)</t>
  </si>
  <si>
    <t>【雪迪龙】粉尘仪\MODEL2030Ⅱ\光程2.5米，0-100mg/m3，风机吹扫(含一次服务)</t>
  </si>
  <si>
    <t>【雪迪龙】粉尘仪\MODEL2030Ⅱ\光程2.5米，0-500mg/m3，风机吹扫(含一次服务)</t>
  </si>
  <si>
    <t>【雪迪龙】粉尘仪风机\HRB-229</t>
  </si>
  <si>
    <t>【雪迪龙】粉尘仪风机过滤器\MF-10</t>
  </si>
  <si>
    <t>【雪迪龙】直通终端接头\PT1/2-F6</t>
  </si>
  <si>
    <t>【雪迪龙】不锈钢补芯\外螺纹1"-内螺纹1/2"</t>
  </si>
  <si>
    <t>【雪迪龙】温度变送器\DN25，西门子，0-300℃，1米</t>
  </si>
  <si>
    <t>【雪迪龙】一体化温度变送器\西门子，0-300℃，1.5米</t>
  </si>
  <si>
    <t>【雪迪龙】一体化温度变送器\西门子，0-500℃，1.5米</t>
  </si>
  <si>
    <t>【雪迪龙】一体化温度变送器\国产，0-300℃，1米</t>
  </si>
  <si>
    <t>【雪迪龙】一体化温度变送器\国产，0-300℃，1.5米</t>
  </si>
  <si>
    <t>【雪迪龙】一体化温度变送器\DN25，国产，0-500℃，1米</t>
  </si>
  <si>
    <t>【雪迪龙】差压变送器\0-1/20mbar</t>
  </si>
  <si>
    <t>【雪迪龙】皮托管\SS304，1米</t>
  </si>
  <si>
    <t>【雪迪龙】皮托管\SS304，1.5米</t>
  </si>
  <si>
    <t>【雪迪龙】皮托管\SS304，2米</t>
  </si>
  <si>
    <t>【雪迪龙】皮托管\316L，1米</t>
  </si>
  <si>
    <t>【雪迪龙】皮托管\316L，1.5米</t>
  </si>
  <si>
    <t>【雪迪龙】皮托管\316L，2米</t>
  </si>
  <si>
    <t>【雪迪龙】压力计\0-2.5/250mbar</t>
  </si>
  <si>
    <t>【雪迪龙】压力计\CSⅡ,量程-10-+10KPa</t>
  </si>
  <si>
    <t>【雪迪龙】皮托管吹扫箱\11-CA3-V，带粉尘仪吹扫流量计，电磁阀为2位3通，DC24V</t>
  </si>
  <si>
    <t>【雪迪龙】皮托管吹扫箱\15-CA3-VI，不带粉尘仪吹扫流量计</t>
  </si>
  <si>
    <t>【雪迪龙】玻璃转子流量计\100-1000L/H-1/4NPT</t>
  </si>
  <si>
    <t>【雪迪龙】两位三通电磁阀\Z3CD型，DC24V</t>
  </si>
  <si>
    <t>【雪迪龙】平台电源分配箱\11-CA7-III</t>
  </si>
  <si>
    <t>【雪迪龙】CPU224CN\CPU224CN</t>
  </si>
  <si>
    <t>【雪迪龙】CPU226CN\CPU226CN</t>
  </si>
  <si>
    <t>【雪迪龙】EM AQ02  \AO*2</t>
  </si>
  <si>
    <t>【雪迪龙】CPU SR30 \CPU SR30</t>
  </si>
  <si>
    <t>【雪迪龙】EM AM06\AI*4,AO*2</t>
  </si>
  <si>
    <t>【雪迪龙】EM DE08\DI*8</t>
  </si>
  <si>
    <t>【雪迪龙】EM DR08\DO*8</t>
  </si>
  <si>
    <t>【雪迪龙】EM DR16\DI*8,DO*8</t>
  </si>
  <si>
    <t>【雪迪龙】EM AE04\AI*4</t>
  </si>
  <si>
    <t>【雪迪龙】CPU SR40\CPU SR40</t>
  </si>
  <si>
    <t>【雪迪龙】EM AQ04\EM AQ04</t>
  </si>
  <si>
    <t>【雪迪龙】EM231 模块\EM231</t>
  </si>
  <si>
    <t>【雪迪龙】EM232 模块\EM232</t>
  </si>
  <si>
    <t>【雪迪龙】开关电源\PM207</t>
  </si>
  <si>
    <t>【雪迪龙】总线连接器\35度角出线</t>
  </si>
  <si>
    <t>【雪迪龙】通讯转换器\RS232-RS485</t>
  </si>
  <si>
    <t>【雪迪龙】烟气监测控制系统\PAS-DAS V1.0</t>
  </si>
  <si>
    <t>【雪迪龙】烟气监测控制系统\PAS-DAS V1.0(含一次服务)</t>
  </si>
  <si>
    <t>【雪迪龙】232串口卡\PCI</t>
  </si>
  <si>
    <t>【雪迪龙】数采仪\MODEL 2050</t>
  </si>
  <si>
    <t>【雪迪龙】数采仪\MODEL 2050(含一次服务)</t>
  </si>
  <si>
    <t>【雪迪龙】气瓶减压阀\8L 铜 单级气瓶减压阀</t>
  </si>
  <si>
    <t>【雪迪龙】直通终端接头\1/4NPT-F6</t>
  </si>
  <si>
    <t>【雪迪龙】风机过滤器\MF-10</t>
  </si>
  <si>
    <t>【雪迪龙】风机过滤器保护罩\φ100×1</t>
  </si>
  <si>
    <t>【雪迪龙】透明钢丝风机管\φ40mm</t>
  </si>
  <si>
    <t>【雪迪龙】超低抽取尘\PFM06ED</t>
  </si>
  <si>
    <t>【雪迪龙】超低抽取尘\PFM06ED (含一次服务)</t>
  </si>
  <si>
    <t>【雪迪龙】渗透干燥器 GZ-01C\GZ-01C 壁挂式</t>
  </si>
  <si>
    <t>【雪迪龙】渗透干燥器 GZ-01D\GZ-01D 机架式</t>
  </si>
  <si>
    <t>【雪迪龙】磷酸滴定装置\DP-01</t>
  </si>
  <si>
    <t>【雪迪龙】烟气在线监测系统红外分析仪\U23(三组份)</t>
  </si>
  <si>
    <t>【雪迪龙】烟气在线监测系统红外分析仪\U23(二组份)</t>
  </si>
  <si>
    <t>【雪迪龙】烟气在线监测系统红外分析仪\Model 1080微量表(二组份)</t>
  </si>
  <si>
    <t>【雪迪龙】烟气在线监测系统红外分析仪\Model 1080微量表(三组份)</t>
  </si>
  <si>
    <t>【雪迪龙】渗透干燥器\GZ-01C\GZ-01C 壁挂式(含一次服务)</t>
  </si>
  <si>
    <t>【雪迪龙】渗透干燥器\GZ-01D\GZ-01D 机架式(含一次服务)</t>
  </si>
  <si>
    <t>【雪迪龙】磷酸滴定装置\DP-01(含一次服务)</t>
  </si>
  <si>
    <t>【雪迪龙】烟气在线监测系统红外分析仪\U23(三组份，含一次服务)</t>
  </si>
  <si>
    <t>【雪迪龙】烟气在线监测系统红外分析仪\U23(二组份，含一次服务)</t>
  </si>
  <si>
    <t>【雪迪龙】烟气在线监测系统红外分析仪\Model 1080微量表(二组份，含一次服务)</t>
  </si>
  <si>
    <t>【雪迪龙】烟气在线监测系统红外分析仪\Model 1080微量表(三组份，含一次服务)</t>
  </si>
  <si>
    <t>【雪迪龙】KURZ流量计\探杆长度1.5米，脱硝用</t>
  </si>
  <si>
    <t>【雪迪龙】KURZ流量计\探杆长度1.5米，脱硝用(含一次服务)</t>
  </si>
  <si>
    <t>【雪迪龙】光源\MODEL1080</t>
  </si>
  <si>
    <t>【雪迪龙】SO2检测器\MODEL1080</t>
  </si>
  <si>
    <t>【雪迪龙】NO检测器\MODEL1080</t>
  </si>
  <si>
    <t>【雪迪龙】显示屏\MODEL1080</t>
  </si>
  <si>
    <t>【雪迪龙】光源\MODEL1080 (含维修费)</t>
  </si>
  <si>
    <t>【雪迪龙】SO2检测器\MODEL1080 (含维修费)</t>
  </si>
  <si>
    <t>【雪迪龙】NO检测器\MODEL1080 (含维修费)</t>
  </si>
  <si>
    <t>【雪迪龙】显示屏\MODEL1080 (含维修费)</t>
  </si>
  <si>
    <t>【雪迪龙】氧分析模块\MODEL1080</t>
  </si>
  <si>
    <t>【雪迪龙】气室\MODEL1080</t>
  </si>
  <si>
    <t>【雪迪龙】氧分析模块\ULTRAMAT 23</t>
  </si>
  <si>
    <t>【雪迪龙】SO2检测器(通道1)\ULTRAMAT 23</t>
  </si>
  <si>
    <t>【雪迪龙】NO检测器(通道1)\ULTRAMAT 23</t>
  </si>
  <si>
    <t>【雪迪龙】CO 检测器\ULTRAMAT 23</t>
  </si>
  <si>
    <t>【雪迪龙】显示屏-不带插针\ULTRAMAT 23</t>
  </si>
  <si>
    <t>【雪迪龙】显示屏-带插针\ULTRAMAT 23</t>
  </si>
  <si>
    <t>【雪迪龙】气室\ULTRAMAT 23，180mm</t>
  </si>
  <si>
    <t>【雪迪龙】SO2检测器(通道1)\ULTRAMAT 23(含维修费)</t>
  </si>
  <si>
    <t>【雪迪龙】NO检测器(通道1)\ULTRAMAT 23(含维修费)</t>
  </si>
  <si>
    <t>【雪迪龙】CO 检测器\ULTRAMAT 23(含维修费)</t>
  </si>
  <si>
    <t>【雪迪龙】显示屏-不带插针\ULTRAMAT 23(含维修费)</t>
  </si>
  <si>
    <t>【雪迪龙】显示屏-带插针\ULTRAMAT 23(含维修费)</t>
  </si>
  <si>
    <t>【雪迪龙】气室\ULTRAMAT 23，180mm(含维修费)</t>
  </si>
  <si>
    <t>【雪迪龙】LDS6法兰\(ANSI4" 150lbs)</t>
  </si>
  <si>
    <t>【雪迪龙】吹扫管\SS304,1.2m</t>
  </si>
  <si>
    <t>【雪迪龙】吹扫管\316L,1.5m</t>
  </si>
  <si>
    <t>【雪迪龙】主路光缆\25m</t>
  </si>
  <si>
    <t>【雪迪龙】主路光缆\40m</t>
  </si>
  <si>
    <t>【雪迪龙】主路光缆\50m</t>
  </si>
  <si>
    <t>【雪迪龙】主路光缆\70m</t>
  </si>
  <si>
    <t>【雪迪龙】回路光缆\10m</t>
  </si>
  <si>
    <t>【雪迪龙】回路光缆\15m</t>
  </si>
  <si>
    <t>【雪迪龙】回路光缆\25m</t>
  </si>
  <si>
    <t>【雪迪龙】渗透干燥管\300mm,316不锈钢,接口：1/4NPT</t>
  </si>
  <si>
    <t>【雪迪龙】空气调压阀\0/125psig,123系列</t>
  </si>
  <si>
    <t>【雪迪龙】过滤器\PVDF+304</t>
  </si>
  <si>
    <t>【雪迪龙】过滤器滤芯\0.5μm</t>
  </si>
  <si>
    <t>【雪迪龙】加热棒\φ6×60,30W，230V</t>
  </si>
  <si>
    <t>【雪迪龙】保险管\2A  220V</t>
  </si>
  <si>
    <t>【雪迪龙】F-O型圈\32.99×2.62</t>
  </si>
  <si>
    <t>【雪迪龙】O型圈\29.82×2.62</t>
  </si>
  <si>
    <t>【雪迪龙】渗透干燥管\SDL-06，3600mm</t>
  </si>
  <si>
    <t>【雪迪龙】转子流量计\1-10L/min</t>
  </si>
  <si>
    <t>【雪迪龙】固态继电器\适用于PFM06ED</t>
  </si>
  <si>
    <t>【雪迪龙】开关电源\12V/4.2A</t>
  </si>
  <si>
    <t>【雪迪龙】加热器\NDF-100</t>
  </si>
  <si>
    <t>【雪迪龙】钮子开关\250VAC</t>
  </si>
  <si>
    <t>【雪迪龙】SD42过滤器滤芯\06ED射流风机用</t>
  </si>
  <si>
    <t>【雪迪龙】SD2n过滤器滤芯\06ED稀释风机用</t>
  </si>
  <si>
    <t>【雪迪龙】I/O电路板\适用于PFM06ED</t>
  </si>
  <si>
    <t>【雪迪龙】SD42风机\适用于PFM06ED</t>
  </si>
  <si>
    <t>【雪迪龙】SD2n变频风机\适用于PFM06ED</t>
  </si>
  <si>
    <t>【雪迪龙】三通球阀\适用于PFM06ED</t>
  </si>
  <si>
    <t>【雪迪龙】角型针阀\适用于PFM06ED</t>
  </si>
  <si>
    <t>【雪迪龙】激光烟尘浊度测量仪\适用于PFM06ED</t>
  </si>
  <si>
    <t>【雪迪龙】激光烟尘浊度测量仪\适用于PFM06ED(含一次服务)</t>
  </si>
  <si>
    <t>【雪迪龙】两通电磁阀\适用于PFM06ED</t>
  </si>
  <si>
    <t>【雪迪龙】加热丝\1.5米探杆用</t>
  </si>
  <si>
    <t>【雪迪龙】PFM06ED测量仪探杆\1米</t>
  </si>
  <si>
    <t>【雪迪龙】抽取式粉尘仪采样探杆\1.5米</t>
  </si>
  <si>
    <t>【雪迪龙】磷酸滴定平台保护箱\SDL-A030106004\510(L)X460(W)X480(H)</t>
  </si>
  <si>
    <t>【雪迪龙】空气清净除水器\SDL-B040312016\EL-200,过滤精度0.1μm</t>
  </si>
  <si>
    <t>【雪迪龙】空气渗透干燥器\SDL-B040304012\SDL-07,1/4NPT</t>
  </si>
  <si>
    <t>【雪迪龙】空气过滤减压阀\SDL-B071001032\1/4NPT</t>
  </si>
  <si>
    <t>【雪迪龙】直通终端接头\SDL-B060501005\1/4NPT-F6</t>
  </si>
  <si>
    <t>【雪迪龙】直通终端接头\SDL-B060501013\1/4NPT-F6</t>
  </si>
  <si>
    <t>【雪迪龙】直通终端接头\SDL-B060601013\PT1/2-F8</t>
  </si>
  <si>
    <t>【雪迪龙】酸雾吸收器\SDL-B040305033</t>
  </si>
  <si>
    <t>【雪迪龙】激光分析仪探头\SDL-B010133038\CD6法兰,4"/150,1bs(1对)</t>
  </si>
  <si>
    <t>【雪迪龙】激光分析仪原位测量管\SDL-B090704003\4+0.27m,适用范围3.5m-4m</t>
  </si>
  <si>
    <t>【雪迪龙】激光分析仪原位测量管\SDL-B090704004\3.5+0.27m,适用范围3m-3.5m</t>
  </si>
  <si>
    <t>【雪迪龙】激光分析仪原位测量管\SDL-B090704005\4.5+0.27m,适用范围4m-4.5m</t>
  </si>
  <si>
    <t>【雪迪龙】激光分析仪原位测量管\SDL-B090704006\5.7+0.27m,适用范围5.5m-5.7m</t>
  </si>
  <si>
    <t>【雪迪龙】激光分析仪原位测量管\SDL-B090704007\5.5+0.27m,适用范围5m-5.5m</t>
  </si>
  <si>
    <t>【雪迪龙】激光分析仪原位测量管\SDL-B090704008\5+0.27m,适用范围4.5m-5m</t>
  </si>
  <si>
    <t>【雪迪龙】显示屏\SDL-B010101177\LDS6</t>
  </si>
  <si>
    <t>【雪迪龙】激光分析仪对光工具\SDL-B010132023\LDS6</t>
  </si>
  <si>
    <t>【雪迪龙】光纤发送器\SDL-B010132024\HFBR-1404Z接收端模块接头</t>
  </si>
  <si>
    <t>【雪迪龙】发射光纤插座\SDL-B010132035\LDS6/CD6</t>
  </si>
  <si>
    <t>【雪迪龙】探头接收端模块\SDL-B010132015\LDS6/CD6</t>
  </si>
  <si>
    <t>【雪迪龙】带焊接线插头\SDL-A030103002\15针,2.8M</t>
  </si>
  <si>
    <t>【雪迪龙】带焊接线插头\SDL-A030103003\25针,2.8M</t>
  </si>
  <si>
    <t>【雪迪龙】探头保护镜片\SDL-B010132037\LDS6</t>
  </si>
  <si>
    <t>【雪迪龙】镀银反射镜\SDL-B120202004\φ1/2英寸</t>
  </si>
  <si>
    <t>【雪迪龙】不锈钢对丝\SDL-B140108006\外螺纹1/4"</t>
  </si>
  <si>
    <t>【雪迪龙】喉箍\SDL-B140108017\F21-F44</t>
  </si>
  <si>
    <t>【雪迪龙】探头平台电源分配箱\SDL-A030101002\AP7-P01</t>
  </si>
  <si>
    <t>【雪迪龙】吹扫盘\SDL-A030102005\CSP7-P03,700*400</t>
  </si>
  <si>
    <t>【雪迪龙】玻璃转子流量计\SDL-B040310151\VA10,800-8000L/H,G1/2</t>
  </si>
  <si>
    <t>【雪迪龙】隔膜泵\SDL-B040308134\MODEL:82219030</t>
  </si>
  <si>
    <t>【雪迪龙】Nox取样泵\SDL-B013901125\MODEL:765101</t>
  </si>
  <si>
    <t>【雪迪龙】氧化剂\SDL-B040305074\分析纯级，紫色球状</t>
  </si>
  <si>
    <t>【雪迪龙】活性炭\SDL-B040305075\分析纯级</t>
  </si>
  <si>
    <t>【雪迪龙】除水剂\SDL-B080400059\5A级分子筛</t>
  </si>
  <si>
    <t>【南环科技高频电源】散热器\HF-SR-407A\HF-02</t>
  </si>
  <si>
    <t>南京国电环保科技有限公司</t>
  </si>
  <si>
    <t>南环</t>
  </si>
  <si>
    <t>WZSCCG-2019-BJ-042</t>
  </si>
  <si>
    <t>国家能源e购商城高频和脉冲电源设备备件长协采购</t>
  </si>
  <si>
    <t>【南环科技高频电源】散热器\HF-SR-407B\HF-02</t>
  </si>
  <si>
    <t>【南环科技高频电源】大功率电源母排\HF-MP-DGL\HF-02</t>
  </si>
  <si>
    <t>【南环科技高频电源】变压器\HF-BYQD\HF-02</t>
  </si>
  <si>
    <t>【南环科技高频电源】薄膜电容\HFPPS-TC-260SPA\HFPPS-01</t>
  </si>
  <si>
    <t>【南环科技高频电源】薄膜电容\HFPPS-TC-152S0\HFPPS-01</t>
  </si>
  <si>
    <t>【南环科技高频电源】薄膜电容\HFPPS-TC-115PT\HFPPS-01</t>
  </si>
  <si>
    <t>【南环科技高频电源】薄膜电容\HFPPS-TC-146PT\HFPPS-01</t>
  </si>
  <si>
    <t>【南环科技高频电源】IGBT模块\HFPPS-IGBT-FF1400\HFPPS-01</t>
  </si>
  <si>
    <t>【南环科技高频电源】驱动模块\HFPPS-QD-2SP-17\HFPPS-01</t>
  </si>
  <si>
    <t>【南环科技高频电源】三相整流桥\HFPPS-ZLQ-MDS200\HFPPS-01</t>
  </si>
  <si>
    <t>【南环科技高频电源】互感器\HFPPS-TA-75/5\HFPPS-01</t>
  </si>
  <si>
    <t>【南环科技高频电源】底板\HFPPS-BKP02\HFPPS-01</t>
  </si>
  <si>
    <t>【南环科技高频电源】核心板\HFPPS-CTR02\HFPPS-01</t>
  </si>
  <si>
    <t>【南环科技高频电源】偏磁电流采样板\HFPPS-SAM05\HFPPS-01</t>
  </si>
  <si>
    <t>【南环科技高频电源】母线电压采样板A\HFPPS-SAM06\HFPPS-01</t>
  </si>
  <si>
    <t>【南环科技高频电源】母线电压采样板B\HFPPS-SAM07\HFPPS-01</t>
  </si>
  <si>
    <t>【南环科技高频电源】偏磁限流板\HFPPS-CRL01\HFPPS-01</t>
  </si>
  <si>
    <t>【南环科技高频电源】二次采样板\HFPPS-SAM041\HFPPS-01</t>
  </si>
  <si>
    <t>【南环科技高频电源】二次采样板(分体式)\HFPPS-SAM042\HFPPS-01</t>
  </si>
  <si>
    <t>【南环科技高频电源】IGBT驱动电源板\HFPPS-PWR03\HFPPS-01</t>
  </si>
  <si>
    <t>【南环科技高频电源】IGBT吸收板\HFPPS-SNC05\HFPPS-01</t>
  </si>
  <si>
    <t>【南环科技高频电源】信号转接板\HFPPS-SIG01\HFPPS-01</t>
  </si>
  <si>
    <t>【南环科技高频电源】二极管板\HFPPS-DIO01\HFPPS-01</t>
  </si>
  <si>
    <t>【南环科技高频电源】二次分压板\HFPPS-SAM10\HFPPS-01</t>
  </si>
  <si>
    <t>【南环科技高频电源】硅堆桥板\HFPPS-BRG\HFPPS-01</t>
  </si>
  <si>
    <t>【南环科技高频电源】可控硅触发板\HFPPS-BHC6M\HFPPS-01</t>
  </si>
  <si>
    <t>【南环科技高频电源】光电转换板\HFPPS-DIG02\HFPPS-01</t>
  </si>
  <si>
    <t>【南环科技高频电源】多路扩展板\HFPPS-ANA06\HFPPS-01</t>
  </si>
  <si>
    <t>【南环科技高频电源】扩展板\HFPPS-ANA07\HFPPS-01</t>
  </si>
  <si>
    <t>【南环科技高频电源】三相隔离变压器\HFPPS-T-30kVA\HFPPS-01</t>
  </si>
  <si>
    <t>【南环科技高频电源】脉冲变压器\HFPPS-T-4\HFPPS-01</t>
  </si>
  <si>
    <t>【南环科技高频电源】M6穿板瓷套管\HFPPS-CTT-M6\HFPPS-01</t>
  </si>
  <si>
    <t>【南环科技高频电源】工频扼流电感\HFPPS-L-100\HFPPS-01</t>
  </si>
  <si>
    <t>【南环科技高频电源】工频扼流电感\HFPPS-L-50\HFPPS-01</t>
  </si>
  <si>
    <t>【南环科技高频电源】熔芯\HF-RS-711BC160\HF-02</t>
  </si>
  <si>
    <t>【南环科技高频电源】熔座\HF-RT36-160\HF-02</t>
  </si>
  <si>
    <t>【南环科技高频电源】快速熔断器\HF-315FM\HF-02/03</t>
  </si>
  <si>
    <t>【南环科技高频电源】快熔\HFPPS-170M1569\HF-PPS</t>
  </si>
  <si>
    <t>【南环科技高频电源】充电电阻\HF-RX24-50W\HF-02/03</t>
  </si>
  <si>
    <t>【南环科技高频电源】充电电阻支架\HF-RX24-ZJ\HF-02/03</t>
  </si>
  <si>
    <t>【南环科技高频电源】控制变压器\HF-BK250\HF-02/03</t>
  </si>
  <si>
    <t>【南环科技高频电源】控制变压器\HF3-BK800\HF-02/03</t>
  </si>
  <si>
    <t>【南环科技高频电源】手操器\HF-SCQ-CS200-HW\HF-02/03</t>
  </si>
  <si>
    <t>【南环科技高频电源】手操器\HF-SCQ-CS200-SX\HF-02/03</t>
  </si>
  <si>
    <t>【南环科技高频电源】三相滤波器\HF-TPF-180\HF-02</t>
  </si>
  <si>
    <t>【南环科技高频电源】三相滤波器\HF-TPF-250\HF-02</t>
  </si>
  <si>
    <t>【南环科技高频电源】三相滤波器\HF3-TPF-320\HF-03</t>
  </si>
  <si>
    <t>【南环科技高频电源】循环泵\HF3-UPS-15\HF-03</t>
  </si>
  <si>
    <t>【南环科技高频电源】油冷却器\HF3-LDC-011\HF-03</t>
  </si>
  <si>
    <t>【南环科技高频电源】晶闸管模块\HFPPS-MT60C16T1\HF-PPS</t>
  </si>
  <si>
    <t>【南环科技高频电源】移相驱动板\HF-DRV-01V5\HF-02</t>
  </si>
  <si>
    <t>【南环科技高频电源】驱动板\HF-DRV-01V6\HF-02</t>
  </si>
  <si>
    <t>【南环科技高频电源】数字板\HF-DIG-01V2-1\HF-02</t>
  </si>
  <si>
    <t>【南环科技高频电源】模拟板\HF-ANA-02V3-1\HF-02</t>
  </si>
  <si>
    <t>【南环科技高频电源】无源采样板\HF-SPL-02V5\HF-02</t>
  </si>
  <si>
    <t>【南环科技高频电源】电阻小板\HF-SAM-08V1\HF-02</t>
  </si>
  <si>
    <t>【南环科技高频电源】移相底板\HF3-BKP-01V7\HF-03</t>
  </si>
  <si>
    <t>【南环科技高频电源】大功率DSP板\HFD-CTR-01V2-1\HF-02</t>
  </si>
  <si>
    <t>【南环科技高频电源】油冷核心板\HF3-CTR-02V1-1\HF-03</t>
  </si>
  <si>
    <t>【南环科技高频电源】分体脉冲核心板\HFPPS-CTR-02V1-2\HFPPS-01</t>
  </si>
  <si>
    <t>【南环科技高频电源】一体脉冲核心板\HFPPS-CTR-02V1-3\HFPPS-01</t>
  </si>
  <si>
    <t>【南环科技高频电源】小磁环\HF-SAM-11V1\HF-02</t>
  </si>
  <si>
    <t>【南环科技高频电源】大磁环\HF3-SAM-12V1\HF-03</t>
  </si>
  <si>
    <t>【南环科技高频电源】高频铜软排\HF-02TD\HF-02</t>
  </si>
  <si>
    <t>【南环科技高频电源】网络服务器\HF-UC8301-H4\HF-02/03</t>
  </si>
  <si>
    <t>【南环科技高频电源】网络服务器\HF-UC8301-H8\HF-02/03</t>
  </si>
  <si>
    <t>【南环科技高频电源】光电转换器\HF-142-S\HF-02/03</t>
  </si>
  <si>
    <t>【南环科技高频电源】光电转换器\HF-142-M\HF-02/03</t>
  </si>
  <si>
    <t>【南环科技高频电源】信号线\HF-XHX\HF-02</t>
  </si>
  <si>
    <t>【南环科技高频电源】三相整流桥\HF-ZLQ-MDS300\HF-01</t>
  </si>
  <si>
    <t>【南环科技高频电源】风扇\HF-FS-38W380\HF-01</t>
  </si>
  <si>
    <t>【南环科技高频电源】引风机\HF-YFJ-DF7\HF-01</t>
  </si>
  <si>
    <t>【南环科技高频电源】引风机\HF-YFJ-DF7Ⅱ\HF-01</t>
  </si>
  <si>
    <t>【南环科技高频电源】汇流排\HF-MP1-NJGD1\HF-01</t>
  </si>
  <si>
    <t>【南环科技高频电源】铂电阻\HF-PT100-300\HF-01</t>
  </si>
  <si>
    <t>【南环科技高频电源】铂电阻\HF-PT100-500-3\HF-01</t>
  </si>
  <si>
    <t>【南环科技高频电源】铂电阻\HF-PT100-500-4\HF-01</t>
  </si>
  <si>
    <t>【南环科技高频电源】滤波电容\HF-LR\HF-01</t>
  </si>
  <si>
    <t>【南环科技高频电源】谐振电容\HF-XZR\HF-01</t>
  </si>
  <si>
    <t>【南环科技高频电源】轴流风机\HF-FJ\HF-01</t>
  </si>
  <si>
    <t>【南环科技高频电源】顶部散热器\HF-CL\HF-01</t>
  </si>
  <si>
    <t>【南环科技高频电源】IGBT\HF-IGBT-FZ800\HF-01</t>
  </si>
  <si>
    <t>【南环科技高频电源】IGBT\HF-IGBT-FZ900\HF-01</t>
  </si>
  <si>
    <t>【南环科技高频电源】IGBT\HF-IGBT-FZ600\HF-01</t>
  </si>
  <si>
    <t>【南环科技高频电源】IGBT\HF-IGBT-FS600\HF-01</t>
  </si>
  <si>
    <t>【南环科技高频电源】驱动板\HF-DRV\HF-01</t>
  </si>
  <si>
    <t>【南环科技高频电源】有源模拟板\HF-ANA\HF-01</t>
  </si>
  <si>
    <t>【南环科技高频电源】无源模拟板\HF-ANA\HF-01</t>
  </si>
  <si>
    <t>【南环科技高频电源】数字板\HF-DIG\HF-01</t>
  </si>
  <si>
    <t>【南环科技高频电源】有源采样板\HF-SPL\HF-01</t>
  </si>
  <si>
    <t>【南环科技高频电源】无源采样板\HF-SPL\HF-01</t>
  </si>
  <si>
    <t>【南环科技高频电源】DSP板\HF-DSP\HF-01</t>
  </si>
  <si>
    <t>【南环科技高频电源】电源板\HF-PWR\HF-01</t>
  </si>
  <si>
    <t>【南环科技高频电源】桥板\HF-BRG\HF-01</t>
  </si>
  <si>
    <t>【南环科技高频电源】硅堆桥板\HF-BRG\HF-01</t>
  </si>
  <si>
    <t>【南环科技高频电源】排线\HF-PX40\HF-01</t>
  </si>
  <si>
    <t>【南环科技高频电源】排线\HF-PX64\HF-01</t>
  </si>
  <si>
    <t>【南环科技高频电源】IGBT散热器\HF-SR-CP1\HF-01</t>
  </si>
  <si>
    <t>【南环科技高频电源】变压器\HF-BYQ\HF-01</t>
  </si>
  <si>
    <t>【南环科技高频电源】网络服务器\HF-NS24244W2\HF-01</t>
  </si>
  <si>
    <t>【南环科技高频电源】穿墙套管\HF-CQTG\HF-01</t>
  </si>
  <si>
    <t>【南环科技高频电源】阻尼电阻\HF-ZNDZ\HF-01</t>
  </si>
  <si>
    <t>【南环科技高频电源】阻燃耐力板\HF-ZRB\HF-01</t>
  </si>
  <si>
    <t>【南环科技高频电源】IGBT\HF3-IGBT-FF1400\HF-03</t>
  </si>
  <si>
    <t>【南环科技高频电源】滤波电容\HF3-LR\HF-03</t>
  </si>
  <si>
    <t>【南环科技高频电源】三相整流桥\HF3-ZLQ-MDS500\HF-03</t>
  </si>
  <si>
    <t>【南环科技高频电源】汇流排\HF3-MP\HF-03</t>
  </si>
  <si>
    <t>【南环科技高频电源】IGBT驱动模块\HF3-QD-2SP\HF-03</t>
  </si>
  <si>
    <t>【南环科技高频电源】核心板\HF3-CTR02\HF-03</t>
  </si>
  <si>
    <t>【南环科技高频电源】吸收电容板(A板)\HF3-SNC03\HF-03</t>
  </si>
  <si>
    <t>【南环科技高频电源】吸收电路板(B板)\HF3-SNC04\HF-03</t>
  </si>
  <si>
    <t>【南环科技高频电源】驱动电源板\HF3-PWR02\HF-03</t>
  </si>
  <si>
    <t>【南环科技高频电源】采样板(无源)\HF3-SAM02\HF-03</t>
  </si>
  <si>
    <t>【南环科技高频电源】底板\HF3-BKP01\HF-03</t>
  </si>
  <si>
    <t>【南环科技高频电源】扩展板\HF3-ANA07\HF-03</t>
  </si>
  <si>
    <t>【南环科技高频电源】铝散热器\HF3-SR-01\HF-03</t>
  </si>
  <si>
    <t>【南环科技高频电源】铝散热器\HF3-HDY-396\HF-03</t>
  </si>
  <si>
    <t>【南环科技高频电源】顶置轴流风机\HF3-DX-06\HF-03</t>
  </si>
  <si>
    <t>【南环科技高频电源】变压器\HF3-BYQ-HD\HF-03</t>
  </si>
  <si>
    <t>【南环科技高频电源】变压器\HF3-BUQ-YXH\HF-03</t>
  </si>
  <si>
    <t>【南环科技高频电源】IGBT模块\HF-IGBT-FF900\HF-02</t>
  </si>
  <si>
    <t>【南环科技高频电源】大功率驱动板\HFD-DRV\HF-02</t>
  </si>
  <si>
    <t>【南环科技高频电源】大功率模拟板\HFD-ANA\HF-02</t>
  </si>
  <si>
    <t>【南环科技高频电源】大功率采样板\HFD-SAM\HF-02</t>
  </si>
  <si>
    <t>【哈电水电主机】空气围带\Z2a002416</t>
  </si>
  <si>
    <t>哈尔滨电机厂有限责任公司</t>
  </si>
  <si>
    <t>哈电</t>
  </si>
  <si>
    <t>WZSCCG-2019-DH-003</t>
  </si>
  <si>
    <t>国家能源e购商城哈电水电主机备件商城铺货长协采购框架协议</t>
  </si>
  <si>
    <t>【哈电水电主机】水导轴瓦\Z1a005380</t>
  </si>
  <si>
    <t>【哈电水电主机】偏心销套\L3a004685</t>
  </si>
  <si>
    <t>【哈电水电主机】顶盖抗磨板\L2a003443</t>
  </si>
  <si>
    <t>【哈电水电主机】导叶上轴瓦\Z1a004981-004</t>
  </si>
  <si>
    <t>【哈电水电主机】导叶中轴瓦\Z1a004981-007</t>
  </si>
  <si>
    <t>【哈电水电主机】导叶下轴瓦\Z1a004729-009</t>
  </si>
  <si>
    <t>【哈电水电主机】导叶止推抗磨板(4/4)\L3a010415</t>
  </si>
  <si>
    <t>【哈电水电主机】导叶止推压板抗磨板\L3a010416</t>
  </si>
  <si>
    <t>【哈电水电主机】控制环压板抗磨板\L3a010417</t>
  </si>
  <si>
    <t>【哈电水电主机】底瓦\l2a003444</t>
  </si>
  <si>
    <t>【哈电水电主机】侧瓦\l2a003445</t>
  </si>
  <si>
    <t>【哈电水电主机】小耳瓦\Z1a004046B项9</t>
  </si>
  <si>
    <t>【哈电水电主机】大耳瓦\Z1a004046B项10</t>
  </si>
  <si>
    <t>【哈电水电主机】锥销\L3a002576</t>
  </si>
  <si>
    <t>【哈电水电主机】锥套\Z3a000638</t>
  </si>
  <si>
    <t>【哈电水电主机】偏心销\L2a003490</t>
  </si>
  <si>
    <t>【哈电水电主机】剪断销\L3a010499</t>
  </si>
  <si>
    <t>【哈电水电主机】下固定止漏环\Z2a002276</t>
  </si>
  <si>
    <t>【哈电水电主机】顶盖止漏环(4/4)\Z2a002281</t>
  </si>
  <si>
    <t>【哈电水电主机】黄铜带\L3a010540</t>
  </si>
  <si>
    <t>【哈电水电主机】橡胶带\L3a006067</t>
  </si>
  <si>
    <t>【哈电水电主机】O型密封圈\Z1a004046B项18</t>
  </si>
  <si>
    <t>【哈电水电主机】耐油橡皮条\Φ25\Z1a004046B项19</t>
  </si>
  <si>
    <t>【哈电水电主机】橡皮条\Φ6\Z1a004046B项20</t>
  </si>
  <si>
    <t>【哈电水电主机】耐油橡皮条\Φ10\Z1a004046B项21</t>
  </si>
  <si>
    <t>【哈电水电主机】U型密封圈\Z1a004046B项22</t>
  </si>
  <si>
    <t>【哈电水电主机】导向带\Φ595*Φ600*25,HG\Z1a004739项4</t>
  </si>
  <si>
    <t>【哈电水电主机】活塞组合密封环\Φ600*Φ575.5*8.1\Z1a004739项5</t>
  </si>
  <si>
    <t>【哈电水电主机】活塞杆组合密封圈\Φ200*Φ230*44.5\Z1a004739项24</t>
  </si>
  <si>
    <t>【哈电水电主机】防尘圈\200*212*8.2/11\Z1a004739项41</t>
  </si>
  <si>
    <t>【哈电水电主机】导向带\F01-PTFE\50*45*9.7\Z2a001949项4</t>
  </si>
  <si>
    <t>【哈电水电主机】活塞组合密封圈\Φ50*Φ39*4.2\Z2a001949项5</t>
  </si>
  <si>
    <t>【哈电水电主机】活塞杆组合密封圈\30.7*20*4.2\Z2a001949项9</t>
  </si>
  <si>
    <t>【哈电水电主机】导向带\23*20*4\Z2a001949项10</t>
  </si>
  <si>
    <t>【哈电水电主机】抗压块\90C1588\Z3a002205项2</t>
  </si>
  <si>
    <t>【哈电水电主机】斜楔\90C1589\Z3a002205项3</t>
  </si>
  <si>
    <t>【哈电水电主机】螺栓\M12*40,8.8\Z3a002205项4</t>
  </si>
  <si>
    <t>【哈电水电主机】压板\88C9229\Z3a002205项5</t>
  </si>
  <si>
    <t>【哈电水电主机】垫圈\12-140HV\Z3a002205项6</t>
  </si>
  <si>
    <t>【哈电水电主机】螺杆\91D0453\Z3a002205项7</t>
  </si>
  <si>
    <t>【哈电水电主机】螺母\M12*5\Z3a002205项8</t>
  </si>
  <si>
    <t>【哈电水电主机】无缝钢管\20\Φ18*2,l=130mm\Z3a002205项9</t>
  </si>
  <si>
    <t>【哈电水电主机】冷却器\Z3a002205项10</t>
  </si>
  <si>
    <t>【哈电水电主机】铂热电阻\PT100\M16*1.5,h=75mm\Z3a002205项11</t>
  </si>
  <si>
    <t>【哈电水电主机】铂热电阻\PT100\M16*1.5,h=150mm\Z3a002205项12</t>
  </si>
  <si>
    <t>【哈电水电主机】铂热电阻\PT100\M27*2,h=1010mm\Z3a002205项13</t>
  </si>
  <si>
    <t>【哈电水电主机】抗磨板(4/4)\Z3a002205项14</t>
  </si>
  <si>
    <t>【哈电水电主机】密封圈(6/6)\Z3a002205项15</t>
  </si>
  <si>
    <t>【哈电水电主机】O型密封圈\Φ30.7/Φ23.6*3.55\Z3a002205项16</t>
  </si>
  <si>
    <t>【哈电水电主机】联轴螺柱\M80*6\Z3a002205项18</t>
  </si>
  <si>
    <t>【哈电水电主机】圆螺母\M80*6\Z3a002205项19</t>
  </si>
  <si>
    <t>【哈电水电主机】圆螺母\A型\M140*6\Z3a002205项20</t>
  </si>
  <si>
    <t>【哈电水电主机】联轴螺柱\M140*6\Z3a002205项21</t>
  </si>
  <si>
    <t>【哈电水电主机】中心孔补气装置\Z1a003542</t>
  </si>
  <si>
    <t>【哈电水电主机】O形密封圈\Φ540*8.6\Z3a002205项26</t>
  </si>
  <si>
    <t>【哈电水电主机】密封圈\Φ85*2.65\Z3a002205项28</t>
  </si>
  <si>
    <t>【哈电水电主机】非金属平垫片\RF\DN80-PN16\Z3a002205项29</t>
  </si>
  <si>
    <t>【哈电水电主机】铂热电阻\PT100\Z3A002240项1</t>
  </si>
  <si>
    <t>【哈电水电主机】法兰用垫片\8EA.371.1086\Z3A002240项3</t>
  </si>
  <si>
    <t>【哈电水电主机】盖板\L2a003621</t>
  </si>
  <si>
    <t>【哈电水电主机】O型密封圈\Φ110*5.8\Z1a005171-008</t>
  </si>
  <si>
    <t>【哈电水电主机】O型密封圈\Φ130.6*3.1\Z1a005171-013</t>
  </si>
  <si>
    <t>【哈电水电主机】筒阀上密封\Z1a003547-003</t>
  </si>
  <si>
    <t>【哈电水电主机】筒阀下密封\Z1a003547-004</t>
  </si>
  <si>
    <t>【哈电水电主机】O型密封圈\Φ90*5.8\Z1a003547-006</t>
  </si>
  <si>
    <t>【哈电水电主机】O型密封圈\Φ140*6\Z1a003547-010</t>
  </si>
  <si>
    <t>【哈电水电主机】抗压块\90C1588\Z1a004074-014</t>
  </si>
  <si>
    <t>【哈电水电主机】斜楔\90C1589\Z1a004074-015</t>
  </si>
  <si>
    <t>【哈电水电主机】联轴螺栓螺柱\M80*6\Z2a002481</t>
  </si>
  <si>
    <t>【哈电水电主机】联轴螺栓螺母\M80*6\L2a003837</t>
  </si>
  <si>
    <t>【哈电水电主机】联轴螺栓螺柱\A型\M140*6\Z1a004076-010</t>
  </si>
  <si>
    <t>【哈电水电主机】联轴螺栓螺母\M140*6\L2a003838</t>
  </si>
  <si>
    <t>【哈电水电主机】主轴密封环\L2a003677\Z1a004075-007</t>
  </si>
  <si>
    <t>【哈电水电主机】导叶下轴瓦\Z1a004729-008</t>
  </si>
  <si>
    <t>【哈电水电主机】导叶键(锥销)\L3a002576\Z1a004046-023</t>
  </si>
  <si>
    <t>【哈电水电主机】导叶键(销套)\Z3a000638\Z1a004046-024</t>
  </si>
  <si>
    <t>【哈电水电主机】导叶端面密封\Z2a002322\Z1a004046-051</t>
  </si>
  <si>
    <t>【哈电水电主机】导叶止推轴承\L3a010416\Z2a002321-002</t>
  </si>
  <si>
    <t>【哈电水电主机】导叶轴承密封件\Z1a04046-005</t>
  </si>
  <si>
    <t>【哈电水电主机】底环抗磨板\L2a003432</t>
  </si>
  <si>
    <t>【哈电水电主机】筒阀上密封装配\Z1a004884</t>
  </si>
  <si>
    <t>【哈电水电主机】潜水泵\DN50\Z1a004744-049</t>
  </si>
  <si>
    <t>【哈电水电主机】螺杆泵\600l/min,6.3MPa,1450r/min\Z1e101424-19</t>
  </si>
  <si>
    <t>【哈电水电主机】活塞杆用密封圈\S09D(150*165.1*6.3)XH-PU/NBR70\Z1a005172-014</t>
  </si>
  <si>
    <t>【哈电水电主机】活塞杆\S09D(150*165.1*6.3)XH-PU/NBR70\Z1a005172-014</t>
  </si>
  <si>
    <t>【哈电水电主机】U型密封圈\S01-P(150*170*14)\Z1a005172-016</t>
  </si>
  <si>
    <t>【哈电水电主机】导向环\F01(365*370*25)\Z1a005172-005</t>
  </si>
  <si>
    <t>【哈电水电主机】筒阀主配压阀\Z1e101396\Z1e100452</t>
  </si>
  <si>
    <t>【哈电水电主机】电磁换向阀\4WE6D6X/OFEG24N9K4\Z1e102217项15</t>
  </si>
  <si>
    <t>【哈电水电主机】液动换向阀\4WH6D5X\Z1e102217项5</t>
  </si>
  <si>
    <t>【哈电水电主机】液动换向阀\4WH25D6X/T\Z2e100455项2</t>
  </si>
  <si>
    <t>【哈电水电主机】液动电磁换向阀电磁换向阀\4WE6D6X/EG24N9K4\Z1e102217项14</t>
  </si>
  <si>
    <t>【哈电水电主机】液动电磁换向阀液控阀A\Z2e100262</t>
  </si>
  <si>
    <t>【哈电水电主机】液动电磁换向阀液控阀B\Z2e100261</t>
  </si>
  <si>
    <t>【哈电水电主机】单向阀\S10P1.0\Z1e100647项5</t>
  </si>
  <si>
    <t>【哈电水电主机】集成阀块\Z1e101396\Z1e102217项3</t>
  </si>
  <si>
    <t>【哈电水电主机】球阀\Z1e101396</t>
  </si>
  <si>
    <t>【哈电水电主机】高精度柱塞流量分配器\JRK-026S-IO-N\Z1e102218项7</t>
  </si>
  <si>
    <t>【哈电水电主机】蓄能器\Z1e101396\Z2e101112项7</t>
  </si>
  <si>
    <t>【哈电水电主机】比例阀\4WRAE10E60-2X/G24K31/A1V\Z1e100647项1</t>
  </si>
  <si>
    <t>【哈电水电主机】直流溢动阀\DBDS10P1X/200\Z1e100647项10</t>
  </si>
  <si>
    <t>【哈电水电主机】液控单向阀\SL30PA1-4X\Z1e100647项7</t>
  </si>
  <si>
    <t>【哈电水电主机】筒阀接力器\Z1a005172</t>
  </si>
  <si>
    <t>【哈电水电主机】固定止漏环\Z2a002281</t>
  </si>
  <si>
    <t>【哈电水电主机】高压球阀\Z1e101396\Z2e101741项8</t>
  </si>
  <si>
    <t>【哈电水电主机】主轴密封增压泵\DN50\Z1a004744-020</t>
  </si>
  <si>
    <t>【哈电水电主机】自动补气装置\QZB-15-9.0-DC24V\Z1e101422项7</t>
  </si>
  <si>
    <t>【哈电水电主机】不锈钢波纹膨胀节\DN300,PN10\Z1a004744-065</t>
  </si>
  <si>
    <t>【哈电水电主机】不锈钢对夹蝶阀\DN80,PN16\Z1a005406-008</t>
  </si>
  <si>
    <t>【哈电水电主机】弹簧\L2a003693</t>
  </si>
  <si>
    <t>【哈电水电主机】弹簧堵\L3a011355</t>
  </si>
  <si>
    <t>【哈电水电主机】直角管接头\FF4-12/DW18/R1/2\Z1a004075-014</t>
  </si>
  <si>
    <t>【哈电水电主机】金属软管\10JRLW15TR20-400/Rc1/2\Z1a004075-015</t>
  </si>
  <si>
    <t>【哈电水电主机】直通终端管接头\FF4-1/DW18/R1/2\Z1a004075-017</t>
  </si>
  <si>
    <t>【哈电水电主机】螺杆\91D0453\Z1a004074-030</t>
  </si>
  <si>
    <t>【哈电水电主机】双头螺柱\GB/T901-1988\M36*250,8.8\Z1a004074-025</t>
  </si>
  <si>
    <t>【哈电水电主机】螺母\GB/T6170-2000\M36,8\Z1a004074-026</t>
  </si>
  <si>
    <t>【哈电水电主机】调整套\20\Φ18*2,l=130mm\Z1a004074-032</t>
  </si>
  <si>
    <t>【哈电水电主机】卡套式端直通管接头\DW18/G1/2,GB3733-83\Z1a004075-004</t>
  </si>
  <si>
    <t>【哈电水电主机】耐油中高压软管\DW18\l=1250\Z1a004074-054</t>
  </si>
  <si>
    <t>【哈电水电主机】卡套式端直角管接头\FF3-1A\DW18/G1/2"\Z1a004074-053</t>
  </si>
  <si>
    <t>【哈电水电主机】外螺纹球阀\QFX2SA-25P\DN40/G1-1/2\Z1a004074-037</t>
  </si>
  <si>
    <t>【哈电水电主机】有机玻璃\￠298*6\Z1a004074-047</t>
  </si>
  <si>
    <t>【哈电水电主机】耐油橡胶石棉板\￠300/￠275*2\Z1a004074-048</t>
  </si>
  <si>
    <t>【哈电水电主机】分油器\L4a001867\Z1a004074-036</t>
  </si>
  <si>
    <t>【哈电水电主机】单向节流阀\DVG-R-DN30-G1 1/2"-4A\Z1a004739项39</t>
  </si>
  <si>
    <t>【哈电水电主机】自润滑轴套\FZB061G\Φ240/Φ248*290\Z1a004739-049</t>
  </si>
  <si>
    <t>【哈电水电主机】自润滑轴套\FZB061G\Φ200/Φ206*140\Z1a004740-029</t>
  </si>
  <si>
    <t>【哈电水电主机】O形密封圈\GB/T3452.1-2005\Φ360*7-G-N\Z1a005172-003</t>
  </si>
  <si>
    <t>【哈电水电主机】活塞用密封圈\K08D(370*345.5*8.1)XH-PU/NBR70\Z1a005172-006</t>
  </si>
  <si>
    <t>【哈电水电主机】活塞杆用密封圈\S09E(150*165.1*6.3)XH-PU/NBR70\Z1a005172-015</t>
  </si>
  <si>
    <t>【哈电水电主机】O形密封圈\GB/T3452.1-2005\Φ335*7-G-N\Z1a005172-028</t>
  </si>
  <si>
    <t>【哈电水电主机】O型密封圈\Φ66*3.5\Z1a005172-035</t>
  </si>
  <si>
    <t>【哈电水电主机】伸缩节\DN300,PN25\Z1a004744-035</t>
  </si>
  <si>
    <t>【哈电水电主机】不锈钢金属软管\DN50,PN16*1.5m\Z1a004744-046</t>
  </si>
  <si>
    <t>【哈电水电主机】不锈钢波纹膨胀节\DN350,PN10\Z1a004744-063</t>
  </si>
  <si>
    <t>【哈电水电主机】空气滤清器\Z1a004074-039\Z1a004074-039</t>
  </si>
  <si>
    <t>【哈电水电主机】双联过滤器滤芯\Z1a004074\Z1a004074</t>
  </si>
  <si>
    <t>【哈电水电主机】O形密封圈\Φ540*8.6\Z1a003542-015</t>
  </si>
  <si>
    <t>【哈电水电主机】O型密封圈\GB/T 3452.1-2005Φ106X5.3-G-N\Z1a005172-023</t>
  </si>
  <si>
    <t>【哈电水电主机】U型密封圈\Φ300/Φ325*25\Z1a004046-005</t>
  </si>
  <si>
    <t>【哈电水电主机】O型密封圈\Φ30.7/Φ23.6*3.55\Z1a004075-022</t>
  </si>
  <si>
    <t>【哈电水电主机】O型密封圈\GB1235/Φ34/Φ27.6*3.5\Z1a004075-058</t>
  </si>
  <si>
    <t>【哈电水电主机】O型密封圈\Φ290*Φ274.1*Φ8.6\Z1a004729-009</t>
  </si>
  <si>
    <t>【哈电水电主机】O形密封圈\GB/T3452.1-2005\Φ106*5.3-G-N\Z1a005172-023</t>
  </si>
  <si>
    <t>【哈电水电主机】推力瓦\EMP\L1b004926</t>
  </si>
  <si>
    <t>【哈电水电主机】上导轴承瓦\Z1b005858</t>
  </si>
  <si>
    <t>【哈电水电主机】下导轴承瓦\Z1b005938</t>
  </si>
  <si>
    <t>【哈电水电主机】磁极\Z1b005574</t>
  </si>
  <si>
    <t>【哈电水电主机】磁极\Z1b005575</t>
  </si>
  <si>
    <t>【哈电水电主机】磁轭弹性键\L3b016428</t>
  </si>
  <si>
    <t>【哈电水电主机】垫板\L3b014792</t>
  </si>
  <si>
    <t>【哈电水电主机】衬\L3b016482</t>
  </si>
  <si>
    <t>【哈电水电主机】定位螺杆\L3b016430</t>
  </si>
  <si>
    <t>【哈电水电主机】磁轭拉紧螺杆\L3b014763</t>
  </si>
  <si>
    <t>【哈电水电主机】磁轭键\L1b004614&amp;L3b014762</t>
  </si>
  <si>
    <t>【哈电水电主机】磁极键\L3b016428</t>
  </si>
  <si>
    <t>【哈电水电主机】磁极键\L3b016429</t>
  </si>
  <si>
    <t>【哈电水电主机】上导油槽冷却器\L1b004662</t>
  </si>
  <si>
    <t>【哈电水电主机】下导油槽冷却器\L1b004649</t>
  </si>
  <si>
    <t>【哈电水电主机】推力冷却器\L1b005024</t>
  </si>
  <si>
    <t>【哈电水电主机】空气冷却器\L1b004182</t>
  </si>
  <si>
    <t>【哈电水电主机】制动器\L1b005342</t>
  </si>
  <si>
    <t>【哈电水电主机】联轴螺栓\L2b007160</t>
  </si>
  <si>
    <t>【哈电水电主机】联轴螺母\L2b007159</t>
  </si>
  <si>
    <t>【哈电水电主机】双头螺栓\L2b007158</t>
  </si>
  <si>
    <t>【哈电水电主机】上导轴承抗重螺栓及螺母\L2b006697</t>
  </si>
  <si>
    <t>【哈电水电主机】下导轴承抗重螺栓及螺母\L2b006697</t>
  </si>
  <si>
    <t>【哈电水电主机】风闸制动块\L1b005342</t>
  </si>
  <si>
    <t>【哈电水电主机】风闸制动器密封圈\L1b005342</t>
  </si>
  <si>
    <t>【哈电水电主机】绝缘型接触式推力油挡\L1b005034</t>
  </si>
  <si>
    <t>【哈电水电主机】下导油槽接触式密封条\L3b014999</t>
  </si>
  <si>
    <t>【哈电水电主机】上导油槽接触式密封条\L3b014940</t>
  </si>
  <si>
    <t>【哈电水电主机】上层线棒(普通)\Z1b005280</t>
  </si>
  <si>
    <t>【哈电水电主机】下层线棒(普通)\Z1b005281</t>
  </si>
  <si>
    <t>【哈电水电主机】上层线棒(引出)\Z1b005282</t>
  </si>
  <si>
    <t>【哈电水电主机】下层线棒(极间连接)\Z1b005283</t>
  </si>
  <si>
    <t>【哈电水电主机】上层线棒(斜连接)\Z1b005284</t>
  </si>
  <si>
    <t>【哈电水电主机】下层线棒(斜连接)\Z1b005285</t>
  </si>
  <si>
    <t>【哈电水电主机】集电环电刷\L1b005341</t>
  </si>
  <si>
    <t>【哈电水电主机】集电环电刷盒及弹簧\L1b005341</t>
  </si>
  <si>
    <t>【哈电水电主机】磁极线圈\Z1b005530</t>
  </si>
  <si>
    <t>【哈电水电主机】磁极线圈\Z1b005531</t>
  </si>
  <si>
    <t>【哈电水电主机】自调节垫圈\91c0926</t>
  </si>
  <si>
    <t>【哈电水电主机】喷管嘴\88B9343</t>
  </si>
  <si>
    <t>【哈电水电主机】喷管头\88A3731</t>
  </si>
  <si>
    <t>【哈电水电主机】喷针头\88B9344</t>
  </si>
  <si>
    <t>【哈电水电主机】O型密封圈\Φ340*Φ6\12-319(模具号)</t>
  </si>
  <si>
    <t>【哈电水电主机】O型密封圈\Φ225*Φ5\80-513(模具号)</t>
  </si>
  <si>
    <t>【哈电水电主机】O型密封圈\Φ105*Φ5\3-405(模具号)</t>
  </si>
  <si>
    <t>【哈电水电主机】O型密封圈\Φ90*Φ5\12-97(模具号)</t>
  </si>
  <si>
    <t>【哈电水电主机】O型密封圈\Φ124*Φ5\80-168(模具号)</t>
  </si>
  <si>
    <t>【哈电水电主机】O型密封圈\Φ170*Φ5\3-030(模具号)</t>
  </si>
  <si>
    <t>【哈电水电主机】O型密封圈\Φ300*Φ5\902-221(模具号)</t>
  </si>
  <si>
    <t>【哈电水电主机】水发联轴圆螺母\M100*6\90C7123</t>
  </si>
  <si>
    <t>【哈电水电主机】水发联轴螺柱\M100*6\90C7122</t>
  </si>
  <si>
    <t>【哈电水电主机】转轮联轴圆螺母\M100*6\90C7123</t>
  </si>
  <si>
    <t>【哈电水电主机】转轮联轴螺柱\M100*6\91C7745</t>
  </si>
  <si>
    <t>【哈电水电主机】导向带\GP7303000-T47\88A3729-048</t>
  </si>
  <si>
    <t>【哈电水电主机】密封\PG4403000-T46N\88A3729-049</t>
  </si>
  <si>
    <t>【哈电水电主机】导向带\GR7301100-T47\88A3729-050</t>
  </si>
  <si>
    <t>【哈电水电主机】密封\RG4301500-T46N\88A3729-051</t>
  </si>
  <si>
    <t>【哈电水电主机】上层线圈(普通)\01J9139</t>
  </si>
  <si>
    <t>【哈电水电主机】上层线圈(连接)\01J9140</t>
  </si>
  <si>
    <t>【哈电水电主机】下层线圈(普通)\01J9141</t>
  </si>
  <si>
    <t>【哈电水电主机】下层线圈(连接)\01J9142</t>
  </si>
  <si>
    <t>【哈电水电主机】槽楔\05B2118</t>
  </si>
  <si>
    <t>【哈电水电主机】槽楔\05B2119</t>
  </si>
  <si>
    <t>【哈电水电主机】槽楔\05B2120</t>
  </si>
  <si>
    <t>【哈电水电主机】槽楔\05B2121</t>
  </si>
  <si>
    <t>【哈电水电主机】槽楔\05B2122</t>
  </si>
  <si>
    <t>【哈电水电主机】槽楔\05B2123</t>
  </si>
  <si>
    <t>【哈电水电主机】穿心拉紧螺杆\07C1318</t>
  </si>
  <si>
    <t>【哈电水电主机】绝缘垫圈\07C1699</t>
  </si>
  <si>
    <t>【哈电水电主机】垫圈\10D1560</t>
  </si>
  <si>
    <t>【哈电水电主机】导筒\07C1319</t>
  </si>
  <si>
    <t>【哈电水电主机】蝶形弹簧\A型\D=100,d=51,δ=6\01J9216-14</t>
  </si>
  <si>
    <t>【哈电水电主机】磁轭凸键\07C9818</t>
  </si>
  <si>
    <t>【哈电水电主机】磁轭副键\10D3266</t>
  </si>
  <si>
    <t>【哈电水电主机】磁极键\07C5468</t>
  </si>
  <si>
    <t>【哈电水电主机】磁极键\07C5469</t>
  </si>
  <si>
    <t>【哈电水电主机】磁极线圈\03A6716</t>
  </si>
  <si>
    <t>【哈电水电主机】磁极线圈\03A6717</t>
  </si>
  <si>
    <t>【哈电水电主机】阻尼环连接片\07C5479</t>
  </si>
  <si>
    <t>【哈电水电主机】磁轭拉紧螺杆\07C6840</t>
  </si>
  <si>
    <t>【哈电水电主机】磁轭拉紧螺杆\07C6841</t>
  </si>
  <si>
    <t>【哈电水电主机】磁轭拉紧螺杆\07C6842</t>
  </si>
  <si>
    <t>【哈电水电主机】绝缘垫圈\09D6660</t>
  </si>
  <si>
    <t>【哈电水电主机】绝缘垫板\10D5082</t>
  </si>
  <si>
    <t>【哈电水电主机】绝缘套管\10D5083</t>
  </si>
  <si>
    <t>【哈电水电主机】绝缘垫板\08C2804</t>
  </si>
  <si>
    <t>【哈电水电主机】绝缘垫板\07C4979</t>
  </si>
  <si>
    <t>【哈电水电主机】绝缘垫圈\09D7744</t>
  </si>
  <si>
    <t>【哈电水电主机】绝缘套管\09D7743</t>
  </si>
  <si>
    <t>【哈电水电主机】绝缘垫板\10D4726</t>
  </si>
  <si>
    <t>【哈电水电主机】极间连接片\07C5478</t>
  </si>
  <si>
    <t>【哈电水电主机】球面支柱\07C5386</t>
  </si>
  <si>
    <t>【哈电水电主机】垫块\04B9544</t>
  </si>
  <si>
    <t>【哈电水电主机】双孔止动垫圈\09D6662</t>
  </si>
  <si>
    <t>【哈电水电主机】垫圈\09D6661</t>
  </si>
  <si>
    <t>【哈电水电主机】导瓦调整垫片\11D1605</t>
  </si>
  <si>
    <t>【哈电水电主机】导瓦调整垫片\11D1604</t>
  </si>
  <si>
    <t>【哈电水电主机】导瓦调整垫片\11D1603</t>
  </si>
  <si>
    <t>【哈电水电主机】导瓦调整垫片\11D1602</t>
  </si>
  <si>
    <t>【哈电水电主机】导瓦调整垫片\11D1601</t>
  </si>
  <si>
    <t>【哈电水电主机】垫块\05B1251</t>
  </si>
  <si>
    <t>【哈电水电主机】球面支柱\07C4987</t>
  </si>
  <si>
    <t>【哈电水电主机】双孔止动垫圈\09D7745</t>
  </si>
  <si>
    <t>【哈电水电主机】螺栓\10D4725</t>
  </si>
  <si>
    <t>【哈电水电主机】抗压块\90C1588</t>
  </si>
  <si>
    <t>【哈电水电主机】螺杆\91D0453</t>
  </si>
  <si>
    <t>【哈电水电主机】压板\88C9229</t>
  </si>
  <si>
    <t>【哈电水电主机】斜楔\90C1589</t>
  </si>
  <si>
    <t>【哈电水电主机】推力油槽冷却器\03A4685</t>
  </si>
  <si>
    <t>【哈电水电主机】上导油槽冷却器\03A5712</t>
  </si>
  <si>
    <t>【哈电水电主机】下导油槽冷却器\03A4641</t>
  </si>
  <si>
    <t>【哈电水电主机】水导瓦\88B5998</t>
  </si>
  <si>
    <t>【哈电水电主机】水导冷却器\88A0823</t>
  </si>
  <si>
    <t>【哈电水电主机】平衡活塞\88B9345</t>
  </si>
  <si>
    <t>【哈电水电主机】蝶形弹簧\JM22511212\88A3729-051-013</t>
  </si>
  <si>
    <t>【哈电水电主机】折向器刀板\88B9349项1</t>
  </si>
  <si>
    <t>【哈电水电主机】折向器\88A3729-014</t>
  </si>
  <si>
    <t>【哈电水电主机】喷针杆轴套\Φ156/Φ150*200BM118-150-200-A1-E\88A3729-055</t>
  </si>
  <si>
    <t>【哈电水电主机】推力轴承瓦\03A4648</t>
  </si>
  <si>
    <t>【哈电水电主机】上导轴承瓦\03A9801</t>
  </si>
  <si>
    <t>【哈电水电主机】下导轴承瓦\05B4636</t>
  </si>
  <si>
    <t>【哈电水电主机】滑环\03A7289&amp;02A8842</t>
  </si>
  <si>
    <t>【哈电水电主机】调速器电机螺杆泵组\HSMJ280-43-Y225S-4\88A3965项8</t>
  </si>
  <si>
    <t>【哈电水电主机】调速系统油泵组合阀\87A4989</t>
  </si>
  <si>
    <t>【哈电水电主机】制动器\03A7292</t>
  </si>
  <si>
    <t>【哈电水电主机】球阀旁通管液压阀\JF2.0-Y6.3-6.0Φ200\JF2.0-Y6.3-6.0Φ200</t>
  </si>
  <si>
    <t>【哈电水电主机】球阀密封座\88B5993</t>
  </si>
  <si>
    <t>【哈电水电主机】球阀密封环\88B5992</t>
  </si>
  <si>
    <t>【哈电水电主机】液位信号器\BMG25/16-AL-TP43A-VK5-M300-MRA- 3BGU-1PVC-V60-ZVSS250\88A3220项9</t>
  </si>
  <si>
    <t>【哈电水电主机】液位信号器\BMG25/16-AL-TP43A-VK5-M200-MRA- 3BGU-1PVC-V60-ZVSS250\88A3220项10</t>
  </si>
  <si>
    <t>【哈电水电主机】轴电流监测装置\BZL-10B,AC220V\88A3220项12</t>
  </si>
  <si>
    <t>【哈电水电主机】电气转速信号装置\ZXZ-4-300r/min,AC220V\88A3220项18</t>
  </si>
  <si>
    <t>【哈电水电主机】电磁空气阀\JMFH-5-1/4-B,DC220V\88A3251项11</t>
  </si>
  <si>
    <t>【哈电水电主机】自动补气装置\QZB-15-64-220VAC\88A3222项11</t>
  </si>
  <si>
    <t>【哈电水电主机】安全阀\A42Y-100,DN40 PN100\88A3222项8</t>
  </si>
  <si>
    <t>【哈电水电主机】油泵电动机组\HSNJ440-46X6\88A3223</t>
  </si>
  <si>
    <t>【哈电水电主机】液位信号计\UMG65/16-AVK10/ZMV/M800-L1180-V60-MRA/SG-4/MT-SV110\88A3223项8</t>
  </si>
  <si>
    <t>【哈电水电主机】油积水信号装置\WO-100-E-B-N(G1/2-220VAC)\88A3223项10</t>
  </si>
  <si>
    <t>【哈电水电主机】比例阀驱动器\811405106\Z2e100874项1</t>
  </si>
  <si>
    <t>【哈电水电主机】数字阀驱动器\GD-02\Z2e100874项14</t>
  </si>
  <si>
    <t>【哈电水电主机】电源调理板\DY-12\Z2e100874第5张项1</t>
  </si>
  <si>
    <t>【哈电水电主机】测频整形板\CPZX10\Z2e100874第5张项2</t>
  </si>
  <si>
    <t>【哈电水电主机】程序卡\BMX-RMS-008MP\Z2e100874第9张项9</t>
  </si>
  <si>
    <t>【哈电水电主机】自动补气装置\QZB-15-90-220VDC\88A3963项13</t>
  </si>
  <si>
    <t>【哈电水电主机】空气安全阀\A42Y-100DN40\PN100\88A3963项29</t>
  </si>
  <si>
    <t>【哈电水电主机】液位计及变送器\BMG-20/64-M700\88A3963项45</t>
  </si>
  <si>
    <t>【哈电水电主机】液位计及变送器\BMG-25/16-MG-M800\88A3965项1</t>
  </si>
  <si>
    <t>【哈电水电主机】阻尼塞\91D8776</t>
  </si>
  <si>
    <t>【哈电水电主机】上层线棒(普通)\01J9385</t>
  </si>
  <si>
    <t>【哈电水电主机】上层线棒(引出)\01J9386</t>
  </si>
  <si>
    <t>【哈电水电主机】下层线棒(普通)\01J9387</t>
  </si>
  <si>
    <t>【哈电水电主机】下层线棒(引出)\01J9388</t>
  </si>
  <si>
    <t>【哈电水电主机】槽楔\05B4819</t>
  </si>
  <si>
    <t>【哈电水电主机】槽楔\08C0203</t>
  </si>
  <si>
    <t>【哈电水电主机】槽楔\05B4818</t>
  </si>
  <si>
    <t>【哈电水电主机】槽楔\08C0202</t>
  </si>
  <si>
    <t>【哈电水电主机】槽楔\05B4817</t>
  </si>
  <si>
    <t>【哈电水电主机】槽楔\08C0201</t>
  </si>
  <si>
    <t>【哈电水电主机】锁紧螺母\M30\03A6065-10</t>
  </si>
  <si>
    <t>【哈电水电主机】绝缘垫圈\10D8913</t>
  </si>
  <si>
    <t>【哈电水电主机】绝缘垫圈\10D8909</t>
  </si>
  <si>
    <t>【哈电水电主机】垫圈\10D8908</t>
  </si>
  <si>
    <t>【哈电水电主机】垫圈\10D8910</t>
  </si>
  <si>
    <t>【哈电水电主机】垫圈\10D8912</t>
  </si>
  <si>
    <t>【哈电水电主机】垫圈\10D8914</t>
  </si>
  <si>
    <t>【哈电水电主机】穿心拉紧螺杆\10D8915</t>
  </si>
  <si>
    <t>【哈电水电主机】通底绝缘盒\05B4812</t>
  </si>
  <si>
    <t>【哈电水电主机】垫条\05B4814</t>
  </si>
  <si>
    <t>【哈电水电主机】密封圈\05B4815</t>
  </si>
  <si>
    <t>【哈电水电主机】密封圈\05B4816</t>
  </si>
  <si>
    <t>【哈电水电主机】斜连接板\08C0198</t>
  </si>
  <si>
    <t>【哈电水电主机】斜连接板\08C0199</t>
  </si>
  <si>
    <t>【哈电水电主机】绝缘盒\05B4811</t>
  </si>
  <si>
    <t>【哈电水电主机】空气冷却器\03A9751</t>
  </si>
  <si>
    <t>【哈电水电主机】铂热电阻\WZPD-3C-LB(60,10)\03A6986-13</t>
  </si>
  <si>
    <t>【哈电水电主机】磁极键\07C5551</t>
  </si>
  <si>
    <t>【哈电水电主机】磁极键\07C5552</t>
  </si>
  <si>
    <t>【哈电水电主机】阻尼环连接片\07C5559</t>
  </si>
  <si>
    <t>【哈电水电主机】阻尼环拉杆\10D9813</t>
  </si>
  <si>
    <t>【哈电水电主机】连接板\07C5554</t>
  </si>
  <si>
    <t>【哈电水电主机】螺杆\10D9679</t>
  </si>
  <si>
    <t>【哈电水电主机】磁极装配\03A5518</t>
  </si>
  <si>
    <t>【哈电水电主机】磁极装配\03A5519</t>
  </si>
  <si>
    <t>【哈电水电主机】磁轭凸键\07C9037</t>
  </si>
  <si>
    <t>【哈电水电主机】磁轭副键\10D8031</t>
  </si>
  <si>
    <t>【哈电水电主机】磁轭拉紧螺杆\07C9030</t>
  </si>
  <si>
    <t>【哈电水电主机】磁轭拉紧螺杆\07C9031</t>
  </si>
  <si>
    <t>【哈电水电主机】螺母\10D8025</t>
  </si>
  <si>
    <t>【哈电水电主机】制动环\05B3822</t>
  </si>
  <si>
    <t>【哈电水电主机】集电环装配\Z1b000051</t>
  </si>
  <si>
    <t>【哈电水电主机】电刷\Z1b000087-001</t>
  </si>
  <si>
    <t>【哈电水电主机】刷握\Z1b000087-002</t>
  </si>
  <si>
    <t>【哈电水电主机】制动块\03A4924-001</t>
  </si>
  <si>
    <t>【哈电水电主机】制动器\03A4924</t>
  </si>
  <si>
    <t>【哈电水电主机】联轴螺杆\05B1577</t>
  </si>
  <si>
    <t>【哈电水电主机】推力轴承瓦\03A4677</t>
  </si>
  <si>
    <t>【哈电水电主机】上导轴承瓦\05B4314</t>
  </si>
  <si>
    <t>【哈电水电主机】下导轴承瓦\03A5694</t>
  </si>
  <si>
    <t>【哈电水电主机】绝缘垫板\11D0162</t>
  </si>
  <si>
    <t>【哈电水电主机】绝缘套管\11D0175</t>
  </si>
  <si>
    <t>【哈电水电主机】绝缘垫圈\10D5709</t>
  </si>
  <si>
    <t>【哈电水电主机】绝缘垫板\09D2960</t>
  </si>
  <si>
    <t>【哈电水电主机】绝缘垫圈\09D2975</t>
  </si>
  <si>
    <t>【哈电水电主机】绝缘套管\10D6687</t>
  </si>
  <si>
    <t>【哈电水电主机】电阻温度计\PT100\L=100,L0=5000\07C7511</t>
  </si>
  <si>
    <t>【哈电水电主机】电阻温度计\PT100\L=100,L0=5000\07C7553</t>
  </si>
  <si>
    <t>【哈电水电主机】电阻温度计\PT100\L=80\08C1123</t>
  </si>
  <si>
    <t>【哈电水电主机】上导油冷却器\03A3387</t>
  </si>
  <si>
    <t>【哈电水电主机】下导冷却器装配\03A5692</t>
  </si>
  <si>
    <t>【哈电水电主机】推力冷却器装配\01J9416</t>
  </si>
  <si>
    <t>【哈电水电主机】联轴螺母\07C5553</t>
  </si>
  <si>
    <t>【哈电水电主机】导叶轴套\Φ141/Φ135*100\88B7751-004</t>
  </si>
  <si>
    <t>【哈电水电主机】导叶轴套\Φ166/Φ160*120\88B7751-005</t>
  </si>
  <si>
    <t>【哈电水电主机】导叶轴套\Φ136/Φ130*90\88A3031-002</t>
  </si>
  <si>
    <t>【哈电水电主机】U型圈\MA25-160*190*16\88A1793-009</t>
  </si>
  <si>
    <t>【哈电水电主机】U型圈\MA25-130*150*13\88A1793-004</t>
  </si>
  <si>
    <t>【哈电水电主机】分瓣键\Φ40\88B8755</t>
  </si>
  <si>
    <t>【哈电水电主机】剪断销\91C3431</t>
  </si>
  <si>
    <t>【哈电水电主机】连杆轴套\60.65.45\88B8753-002</t>
  </si>
  <si>
    <t>【哈电水电主机】连杆轴套\60.65.45\88B8752-002</t>
  </si>
  <si>
    <t>【哈电水电主机】密封环\88B8760</t>
  </si>
  <si>
    <t>【哈电水电主机】橡胶围带\87B8692</t>
  </si>
  <si>
    <t>【哈电水电主机】水导瓦\87A5614</t>
  </si>
  <si>
    <t>【哈电水电主机】活塞组合密封环\PT0803500-T46N\20000\88A3037-024</t>
  </si>
  <si>
    <t>【哈电水电主机】耐磨环\GP7503500-C380\2440\88A3037-034</t>
  </si>
  <si>
    <t>【哈电水电主机】活塞组合密封圈\RS1301200\6400\88A3037-026</t>
  </si>
  <si>
    <t>【哈电水电主机】密封环\RU3001200-WUAQ3\5200\88A3037-025</t>
  </si>
  <si>
    <t>【哈电水电主机】顶盖抗磨板\88B7750</t>
  </si>
  <si>
    <t>【哈电水电主机】底环抗磨板\88B7749</t>
  </si>
  <si>
    <t>【哈电水电主机】上固定止漏环\91C3417</t>
  </si>
  <si>
    <t>【哈电水电主机】下固定止漏环\91C3404</t>
  </si>
  <si>
    <t>【哈电水电主机】侧瓦\91C3419</t>
  </si>
  <si>
    <t>【哈电水电主机】底瓦\91C3418</t>
  </si>
  <si>
    <t>【哈电水电主机】控制环压板\91C3429</t>
  </si>
  <si>
    <t>【哈电水电主机】控制环轴套\2600\120.126.120\88A3033-011</t>
  </si>
  <si>
    <t>【哈电水电主机】止推环\3600\95D6865</t>
  </si>
  <si>
    <t>【哈电水电主机】热电阻\Pt100\WPZ2-270\88A1795-015</t>
  </si>
  <si>
    <t>【哈电水电主机】热电阻\Pt100\WPZ2-2312A\88A1795-023</t>
  </si>
  <si>
    <t>【哈电水电主机】顶盖橡胶带\800\91C3423</t>
  </si>
  <si>
    <t>【哈电水电主机】底环橡胶带\800\91C3427</t>
  </si>
  <si>
    <t>【哈电水电主机】联轴螺柱\M90*6\91C3439</t>
  </si>
  <si>
    <t>【哈电水电主机】联轴螺母\M90*6\91C3438</t>
  </si>
  <si>
    <t>【哈电水电主机】联轴螺柱\M90*6\91C3440</t>
  </si>
  <si>
    <t>【哈电水电主机】定子线棒\Z1b002609</t>
  </si>
  <si>
    <t>【哈电水电主机】定子线棒\Z1b002612</t>
  </si>
  <si>
    <t>【哈电水电主机】定子线棒\Z1b002611</t>
  </si>
  <si>
    <t>【哈电水电主机】定子线棒\Z1b002610</t>
  </si>
  <si>
    <t>【哈电水电主机】槽楔\L2b004205</t>
  </si>
  <si>
    <t>【哈电水电主机】槽楔\L2b004206</t>
  </si>
  <si>
    <t>【哈电水电主机】槽楔\L2b004207</t>
  </si>
  <si>
    <t>【哈电水电主机】槽楔\L2b004208</t>
  </si>
  <si>
    <t>【哈电水电主机】槽楔\L2b004209</t>
  </si>
  <si>
    <t>【哈电水电主机】槽楔\L2b004210</t>
  </si>
  <si>
    <t>【哈电水电主机】拉紧螺杆\L3b007531</t>
  </si>
  <si>
    <t>【哈电水电主机】圆螺母\L3b007946</t>
  </si>
  <si>
    <t>【哈电水电主机】垫圈\L4b006281</t>
  </si>
  <si>
    <t>【哈电水电主机】通底绝缘盒\Z2b001960</t>
  </si>
  <si>
    <t>【哈电水电主机】绝缘盒\L2b004211</t>
  </si>
  <si>
    <t>【哈电水电主机】空气冷却器\L1b002035</t>
  </si>
  <si>
    <t>【哈电水电主机】磁极键\L3b008585</t>
  </si>
  <si>
    <t>【哈电水电主机】磁极键\L3b008586</t>
  </si>
  <si>
    <t>【哈电水电主机】连接片\L3b008575</t>
  </si>
  <si>
    <t>【哈电水电主机】阻尼环拉杆\L3b008581</t>
  </si>
  <si>
    <t>【哈电水电主机】连接片\L3b008573</t>
  </si>
  <si>
    <t>【哈电水电主机】连接片\L3b008574</t>
  </si>
  <si>
    <t>【哈电水电主机】拉杆\L3b008580</t>
  </si>
  <si>
    <t>【哈电水电主机】拉杆\L3b008579</t>
  </si>
  <si>
    <t>【哈电水电主机】磁极装配\Z1b002854</t>
  </si>
  <si>
    <t>【哈电水电主机】磁极装配\Z1b002855</t>
  </si>
  <si>
    <t>【哈电水电主机】磁轭凸键\L2b003357</t>
  </si>
  <si>
    <t>【哈电水电主机】磁轭副键\L3b007208</t>
  </si>
  <si>
    <t>【哈电水电主机】磁轭拉紧螺杆\L3b007199</t>
  </si>
  <si>
    <t>【哈电水电主机】磁轭拉紧螺杆\L3b007200</t>
  </si>
  <si>
    <t>【哈电水电主机】圆螺母\L3b005904</t>
  </si>
  <si>
    <t>【哈电水电主机】制动环\L1b001657</t>
  </si>
  <si>
    <t>【哈电水电主机】集电环装配\Z1b003300</t>
  </si>
  <si>
    <t>【哈电水电主机】电刷\L1b002101-001</t>
  </si>
  <si>
    <t>【哈电水电主机】刷握\L1b002101-002</t>
  </si>
  <si>
    <t>【哈电水电主机】制动块\L1b002087-001</t>
  </si>
  <si>
    <t>【哈电水电主机】制动器\L1b002087</t>
  </si>
  <si>
    <t>【哈电水电主机】联轴螺栓\8EA.921.3140</t>
  </si>
  <si>
    <t>【哈电水电主机】联轴螺杆\L2b003940</t>
  </si>
  <si>
    <t>【哈电水电主机】联轴螺母\L3b008591</t>
  </si>
  <si>
    <t>【哈电水电主机】铂热电阻\Pt100\WZPD-3C-LB(60,10)\Z1b003144-001</t>
  </si>
  <si>
    <t>【哈电水电主机】上绝缘管\L3b007598</t>
  </si>
  <si>
    <t>【哈电水电主机】中绝缘管\L3b007599</t>
  </si>
  <si>
    <t>【哈电水电主机】下绝缘管\L3b007600</t>
  </si>
  <si>
    <t>【哈电水电主机】碟形弹簧\L3b007532</t>
  </si>
  <si>
    <t>【哈电水电主机】推力轴承瓦\L1b002034</t>
  </si>
  <si>
    <t>【哈电水电主机】上导轴承瓦\Z2b001594</t>
  </si>
  <si>
    <t>【哈电水电主机】下导轴承瓦\Z2b001605</t>
  </si>
  <si>
    <t>【哈电水电主机】绝缘压板\L3b007514</t>
  </si>
  <si>
    <t>【哈电水电主机】绝缘托板\L3b007513</t>
  </si>
  <si>
    <t>【哈电水电主机】分油板\L4b006606</t>
  </si>
  <si>
    <t>【哈电水电主机】挡板\L4b006605</t>
  </si>
  <si>
    <t>【哈电水电主机】绝缘板\L4b007269</t>
  </si>
  <si>
    <t>【哈电水电主机】油槽内温度计\L3b009012</t>
  </si>
  <si>
    <t>【哈电水电主机】外部温度计\L3b009013</t>
  </si>
  <si>
    <t>【哈电水电主机】上导油冷却器装配\L1b001681</t>
  </si>
  <si>
    <t>【哈电水电主机】冷却器\L1b001695</t>
  </si>
  <si>
    <t>【哈电水电主机】油冷却器\L1b002032</t>
  </si>
  <si>
    <t>【哈电水电主机】绝缘垫圈\L4b005719</t>
  </si>
  <si>
    <t>【哈电水电主机】导叶轴套\Φ175/Φ160*100\Z3a001072-002</t>
  </si>
  <si>
    <t>【哈电水电主机】导叶轴套\Φ165/Φ150*80\Z3a001072-003</t>
  </si>
  <si>
    <t>【哈电水电主机】导叶轴套\Φ175/Φ160*100\Z1a002061-003</t>
  </si>
  <si>
    <t>【哈电水电主机】U型密封圈\RU0001600\3000\Z1a001072-003</t>
  </si>
  <si>
    <t>【哈电水电主机】抗磨环\L3a004339</t>
  </si>
  <si>
    <t>【哈电水电主机】分瓣键\800\Φ40\Z2a001165</t>
  </si>
  <si>
    <t>【哈电水电主机】剪断销\500\L3a004349</t>
  </si>
  <si>
    <t>【哈电水电主机】连杆轴套\1500\Φ70/Φ60*45\Z3a001170-002</t>
  </si>
  <si>
    <t>【哈电水电主机】连杆轴套\1500\Φ65/Φ55*45\Z3a001071-002</t>
  </si>
  <si>
    <t>【哈电水电主机】导叶止推块\L3a004341</t>
  </si>
  <si>
    <t>【哈电水电主机】导叶端面密封条\800\L3a004348</t>
  </si>
  <si>
    <t>【哈电水电主机】活塞组合密封环\350*325.5*6.3\Z1a001929-024</t>
  </si>
  <si>
    <t>【哈电水电主机】导向带\350*345*25\Z1a001929-023</t>
  </si>
  <si>
    <t>【哈电水电主机】活塞杆组合密封圈\120*135.1*6.3\Z1a001929-027</t>
  </si>
  <si>
    <t>【哈电水电主机】活塞杆密封环\120*135*10\Z1a001929-029</t>
  </si>
  <si>
    <t>【哈电水电主机】防尘圈\120*132*5.5/10\Z1a001929-052</t>
  </si>
  <si>
    <t>【哈电水电主机】套筒\L4a000372</t>
  </si>
  <si>
    <t>【哈电水电主机】顶盖抗磨板\L2a001304</t>
  </si>
  <si>
    <t>【哈电水电主机】底环抗磨板\L2a001191</t>
  </si>
  <si>
    <t>【哈电水电主机】上固定止漏环\L3a004047</t>
  </si>
  <si>
    <t>【哈电水电主机】下固定止漏环\L3a003810</t>
  </si>
  <si>
    <t>【哈电水电主机】侧抗磨板\3700\L3a004076</t>
  </si>
  <si>
    <t>【哈电水电主机】底抗磨板\5400\L3a004075</t>
  </si>
  <si>
    <t>【哈电水电主机】控制环压板瓦\L3a004340</t>
  </si>
  <si>
    <t>【哈电水电主机】控制环大耳轴套\Φ175/Φ160*160\Z1a002254-001</t>
  </si>
  <si>
    <t>【哈电水电主机】密封环装配\L2a000223</t>
  </si>
  <si>
    <t>【哈电水电主机】空气围带\Z2a001040</t>
  </si>
  <si>
    <t>【哈电水电主机】水导瓦\Z2a001012</t>
  </si>
  <si>
    <t>【哈电水电主机】联轴螺柱\M100*6\Z3a000955</t>
  </si>
  <si>
    <t>【哈电水电主机】联轴螺母\A型\M100*6\L2a000419</t>
  </si>
  <si>
    <t>【哈电水电主机】联轴螺柱\M100*6\Z3a001064</t>
  </si>
  <si>
    <t>【哈电水电主机】导叶轴套\Φ115\87D9236</t>
  </si>
  <si>
    <t>【哈电水电主机】导叶轴套\Φ135\87D9419</t>
  </si>
  <si>
    <t>【哈电水电主机】导叶轴套\Φ135\87D9420</t>
  </si>
  <si>
    <t>【哈电水电主机】U型软垫耐油抗磨橡皮\86D9979</t>
  </si>
  <si>
    <t>【哈电水电主机】分瓣键\Φ40\86C1385</t>
  </si>
  <si>
    <t>【哈电水电主机】剪断销\87D1742</t>
  </si>
  <si>
    <t>【哈电水电主机】连杆轴套\500\Φ52\87D9416</t>
  </si>
  <si>
    <t>【哈电水电主机】连杆轴套\500\Φ52\87D9417</t>
  </si>
  <si>
    <t>【哈电水电主机】导叶端面密封条\Φ12\86J1751-010</t>
  </si>
  <si>
    <t>【哈电水电主机】活塞环\2-DN350\86C2070</t>
  </si>
  <si>
    <t>【哈电水电主机】轴套\Φ90\86D4507</t>
  </si>
  <si>
    <t>【哈电水电主机】套筒\86B5095</t>
  </si>
  <si>
    <t>【哈电水电主机】顶盖抗磨板\86C1902</t>
  </si>
  <si>
    <t>【哈电水电主机】控制环压板\86D1792</t>
  </si>
  <si>
    <t>【哈电水电主机】控制环大耳轴套\Φ90\87D9418</t>
  </si>
  <si>
    <t>【哈电水电主机】水导瓦\615\86C1912</t>
  </si>
  <si>
    <t>【哈电水电主机】钢套\86B1079</t>
  </si>
  <si>
    <t>【哈电水电主机】桨叶密封压板\86C7232</t>
  </si>
  <si>
    <t>【哈电水电主机】桨叶密封\86C7231</t>
  </si>
  <si>
    <t>【哈电水电主机】桨叶接力器活塞环\86B3608</t>
  </si>
  <si>
    <t>【哈电水电主机】转臂联结螺钉\M54*4\87D3158</t>
  </si>
  <si>
    <t>【哈电水电主机】枢轴大轴瓦\Φ310*110\86C2042</t>
  </si>
  <si>
    <t>【哈电水电主机】枢轴小轴瓦\Φ150*110\86D4433</t>
  </si>
  <si>
    <t>【哈电水电主机】活塞杆导向瓦\Φ260*110\86D4432</t>
  </si>
  <si>
    <t>【哈电水电主机】圆柱销\φ30\87D3347</t>
  </si>
  <si>
    <t>【哈电水电主机】导向瓦\Φ155*80\86D4471</t>
  </si>
  <si>
    <t>【哈电水电主机】轴承座\86C1911</t>
  </si>
  <si>
    <t>【哈电水电主机】回复轴承\86B1075</t>
  </si>
  <si>
    <t>【哈电水电主机】联轴螺钉\M95/M90\86C1899</t>
  </si>
  <si>
    <t>【哈电水电主机】联轴螺母\M90\86D3816</t>
  </si>
  <si>
    <t>【哈电水电主机】联轴螺钉\M64\86D4389</t>
  </si>
  <si>
    <t>【哈电水电主机】磁极键\04D0999</t>
  </si>
  <si>
    <t>【哈电水电主机】磁极键\04D1000</t>
  </si>
  <si>
    <t>【哈电水电主机】连接片(阻尼环用)\02D2798</t>
  </si>
  <si>
    <t>【哈电水电主机】引线螺杆\03E4328</t>
  </si>
  <si>
    <t>【哈电水电主机】磁极装配\02B7739</t>
  </si>
  <si>
    <t>【哈电水电主机】磁极装配\02B7740</t>
  </si>
  <si>
    <t>【哈电水电主机】磁极装配\02B7741</t>
  </si>
  <si>
    <t>【哈电水电主机】磁极装配\02B7742</t>
  </si>
  <si>
    <t>【哈电水电主机】磁轭键\04D1001</t>
  </si>
  <si>
    <t>【哈电水电主机】磁轭键\04D1002</t>
  </si>
  <si>
    <t>【哈电水电主机】拉紧螺杆\M30\03E4360</t>
  </si>
  <si>
    <t>【哈电水电主机】六角螺帽\M30\8EA.940.002</t>
  </si>
  <si>
    <t>【哈电水电主机】制动环\03C3202</t>
  </si>
  <si>
    <t>【哈电水电主机】集电环装配\01B8659</t>
  </si>
  <si>
    <t>【哈电水电主机】电刷\8EA.578.003</t>
  </si>
  <si>
    <t>【哈电水电主机】制动块\01A8735-001</t>
  </si>
  <si>
    <t>【哈电水电主机】制动器\01A8735</t>
  </si>
  <si>
    <t>【哈电水电主机】下导轴承瓦装配\03C3124</t>
  </si>
  <si>
    <t>【哈电水电主机】下油冷却器装配\01A9191</t>
  </si>
  <si>
    <t>【哈电水电主机】橡皮条\φ8</t>
  </si>
  <si>
    <t>【哈电水电主机】推力轴承油冷却器装配\01A9177</t>
  </si>
  <si>
    <t>【哈电水电主机】推力轴承瓦装配\01A9266</t>
  </si>
  <si>
    <t>【哈电水电主机】导轴承瓦装配\02D3487</t>
  </si>
  <si>
    <t>【哈电水电主机】电阻温度计\϶T-X1\02D1224项1</t>
  </si>
  <si>
    <t>【哈电水电主机】信号温度计\5401型\120*16000\6EA.349.01H</t>
  </si>
  <si>
    <t>【哈电水电主机】信号温度计\5401型\120*2000\6EA.349.01H</t>
  </si>
  <si>
    <t>【哈电水电主机】信号温度计\5401型\300*2000\6EA.349.01H</t>
  </si>
  <si>
    <t>【哈电水电主机】螺杆\M16*150\8EA.932.098(01J1024中项8)</t>
  </si>
  <si>
    <t>【哈电水电主机】六角螺帽\M16\8EA.940.01H(01J1024中项12)</t>
  </si>
  <si>
    <t>【哈电水电主机】止动垫圈\M16\8EA.951.025(01J1024中项13)</t>
  </si>
  <si>
    <t>【哈电水电主机】拼头套\02E4007</t>
  </si>
  <si>
    <t>【哈电水电主机】垫块\02E4003</t>
  </si>
  <si>
    <t>【哈电水电主机】垫块\03E4353</t>
  </si>
  <si>
    <t>【哈电水电主机】垫块\03E4234</t>
  </si>
  <si>
    <t>【哈电水电主机】垫铁\03E4302</t>
  </si>
  <si>
    <t>【哈电水电主机】弹簧垫圈\M16\8EA.953.01H(01J1024中项38)</t>
  </si>
  <si>
    <t>【哈电水电主机】螺杆\M16\02E4603</t>
  </si>
  <si>
    <t>【哈电水电主机】铁垫\03E4353</t>
  </si>
  <si>
    <t>【哈电水电主机】垫块\04D3170</t>
  </si>
  <si>
    <t>【哈电水电主机】垫块\04D3169</t>
  </si>
  <si>
    <t>【哈电水电主机】垫块\03E4349</t>
  </si>
  <si>
    <t>【哈电水电主机】调整螺杆\M30\03E4199</t>
  </si>
  <si>
    <t>【哈电水电主机】六角螺帽\M30\8EA.940.013(01J9178中项3)</t>
  </si>
  <si>
    <t>【哈电水电主机】螺杆\01E9272</t>
  </si>
  <si>
    <t>【哈电水电主机】六角螺帽\M36\8EA.940.003(01J9178中项5)</t>
  </si>
  <si>
    <t>【哈电水电主机】六角螺钉\M10*16\8EA.920.01H(01J9178中项25)</t>
  </si>
  <si>
    <t>【哈电水电主机】空气冷却器\01A9259</t>
  </si>
  <si>
    <t>【哈电水电主机】定子线圈\01B8444</t>
  </si>
  <si>
    <t>【核工业】硅酸根在线分析仪\FIA-33M-Si\单通道</t>
  </si>
  <si>
    <t>北京博瑞赛科技有限责任公司</t>
  </si>
  <si>
    <t>核工业</t>
  </si>
  <si>
    <t>WZSCCG-2019-BJ-045</t>
  </si>
  <si>
    <t>国家能源e购商城核工业水质分析仪备件铺货长协采购框架协议</t>
  </si>
  <si>
    <t>【核工业】硅酸根在线分析仪\FIA-33M-Si\双通道</t>
  </si>
  <si>
    <t>【核工业】硅酸根在线分析仪\FIA-33M-Si\三通道</t>
  </si>
  <si>
    <t>【核工业】硅酸根在线分析仪\FIA-33M-Si\四通道</t>
  </si>
  <si>
    <t>【核工业】硅酸根在线分析仪\FIA-33M-Si\五通道</t>
  </si>
  <si>
    <t>【核工业】硅酸根在线分析仪\FIA-33M-Si\六通道</t>
  </si>
  <si>
    <t>【核工业】磷酸根在线分析仪\FIA-33M-P\单通道</t>
  </si>
  <si>
    <t>【核工业】磷酸根在线分析仪\FIA-33M-P\双通道</t>
  </si>
  <si>
    <t>【核工业】磷酸根在线分析仪\FIA-33M-P\三通道</t>
  </si>
  <si>
    <t>【核工业】磷酸根在线分析仪\FIA-33M-P\四通道</t>
  </si>
  <si>
    <t>【核工业】磷酸根在线分析仪\FIA-33M-P\五通道</t>
  </si>
  <si>
    <t>【核工业】磷酸根在线分析仪\FIA-33M-P\六通道</t>
  </si>
  <si>
    <t>【核工业】联氨在线分析仪\FIA-33M-N2H4\单通道</t>
  </si>
  <si>
    <t>【核工业】联氨在线分析仪\FIA-33M-N2H4\双通道</t>
  </si>
  <si>
    <t>【核工业】联氨在线分析仪\FIA-33M-N2H4\三通道</t>
  </si>
  <si>
    <t>【核工业】联氨在线分析仪\FIA-33M-N2H4\四通道</t>
  </si>
  <si>
    <t>【核工业】联氨在线分析仪\FIA-33M-N2H4\五通道</t>
  </si>
  <si>
    <t>【核工业】联氨在线分析仪\FIA-33M-N2H4\六通道</t>
  </si>
  <si>
    <t>【核工业】控制板\FIA-001-1\单通道</t>
  </si>
  <si>
    <t>【核工业】控制板\FIA-001-2\双通道</t>
  </si>
  <si>
    <t>【核工业】控制板\FIA-001-3\三通道</t>
  </si>
  <si>
    <t>【核工业】控制板\FIA-001-4\四通道</t>
  </si>
  <si>
    <t>【核工业】控制板\FIA-001-5\五通道</t>
  </si>
  <si>
    <t>【核工业】控制板\FIA-001-6\六通道</t>
  </si>
  <si>
    <t>【核工业】主机板\FIA-002\Si</t>
  </si>
  <si>
    <t>【核工业】主机板\FIA-002\P</t>
  </si>
  <si>
    <t>【核工业】主机板\FIA-002\N2H4</t>
  </si>
  <si>
    <t>【核工业】电源板(开关电源)\FIA-003</t>
  </si>
  <si>
    <t>【核工业】变压器\FIA-004</t>
  </si>
  <si>
    <t>【核工业】仪器面板\FIA-005</t>
  </si>
  <si>
    <t>【核工业】液晶显示屏\FIA-006</t>
  </si>
  <si>
    <t>【核工业】比色皿组件\FIA-007</t>
  </si>
  <si>
    <t>【核工业】水样阀\FIA-008\双孔(大)</t>
  </si>
  <si>
    <t>【核工业】试剂阀\FIA-009\双孔(小)</t>
  </si>
  <si>
    <t>【核工业】标定阀\FIA-010\双孔(大)</t>
  </si>
  <si>
    <t>【核工业】电源滤波器\FIA-013</t>
  </si>
  <si>
    <t>【核工业】硅表光源灯\FIA-016</t>
  </si>
  <si>
    <t>【核工业】磷表光源灯\FIA-055</t>
  </si>
  <si>
    <t>【核工业】光电转换器(光电池)\FIA-017</t>
  </si>
  <si>
    <t>【核工业】机箱\FIA-018</t>
  </si>
  <si>
    <t>【核工业】通气杯\FIA-019</t>
  </si>
  <si>
    <t>【核工业】硅表试剂桶\FIA-020</t>
  </si>
  <si>
    <t>【核工业】磷表及联氨试剂桶\FIA-021</t>
  </si>
  <si>
    <t>【核工业】水样过滤芯\FIA-023</t>
  </si>
  <si>
    <t>【核工业】进水管(φ6*8)\FIA-024</t>
  </si>
  <si>
    <t>【核工业】阀管(进口管)\FIA-026</t>
  </si>
  <si>
    <t>【核工业】试剂管\FIA-027</t>
  </si>
  <si>
    <t>【核工业】流量计\FIA-031</t>
  </si>
  <si>
    <t>【核工业】硅表化学试剂\FIA-032</t>
  </si>
  <si>
    <t>【核工业】磷表化学试剂\FIA-033</t>
  </si>
  <si>
    <t>【核工业】联氨表化学试剂\FIA-034</t>
  </si>
  <si>
    <t>【核工业】三通(中号)\FIA-035</t>
  </si>
  <si>
    <t>【核工业】三通(小号)\FIA-036</t>
  </si>
  <si>
    <t>【核工业】直通\FIA-037</t>
  </si>
  <si>
    <t>【核工业】硅表备件包\FIA-038</t>
  </si>
  <si>
    <t>【核工业】磷表备件包\FIA-039</t>
  </si>
  <si>
    <t>【核工业】联氨表备件包\FIA-040</t>
  </si>
  <si>
    <t>【核工业】硅标液\FIA-060\30mL/瓶,100μg/ml</t>
  </si>
  <si>
    <t>毫升</t>
  </si>
  <si>
    <t>【核工业】磷标液\FIA-061\30mL/瓶,100μg/ml</t>
  </si>
  <si>
    <t>【核工业】联氨标液\FIA-062\30mL/瓶,100μg/ml</t>
  </si>
  <si>
    <t>【核工业】硅标液\FIA-063\30mL/瓶,1000μg/ml</t>
  </si>
  <si>
    <t>【核工业】磷标液\FIA-064\30mL/瓶,1000μg/ml</t>
  </si>
  <si>
    <t>【核工业】联氨标液\FIA-065\30mL/瓶,1000μg/ml</t>
  </si>
  <si>
    <t>【核工业】硅标液\FIA-066\200mL/瓶,100μg/ml</t>
  </si>
  <si>
    <t>【核工业】磷标液\FIA-067\200mL/瓶,100μg/ml</t>
  </si>
  <si>
    <t>【核工业】联氨标液\FIA-068\200mL/瓶,100μg/ml</t>
  </si>
  <si>
    <t>【核工业】硅标液\FIA-069\200mL/瓶,1000μg/ml</t>
  </si>
  <si>
    <t>【核工业】磷标液\FIA-070\200mL/瓶,1000μg/ml</t>
  </si>
  <si>
    <t>【核工业】联氨标液\FIA-071\200mL/瓶,1000μg/ml</t>
  </si>
  <si>
    <t>【核工业】蠕动泵泵头\FIA-045</t>
  </si>
  <si>
    <t>【核工业】蠕动泵电机\FIA-046</t>
  </si>
  <si>
    <t>【核工业】蠕动泵(泵头+电机)\FIA-050</t>
  </si>
  <si>
    <t>【核工业】泵管\FIA-047</t>
  </si>
  <si>
    <t>【核工业】石英管(比色皿组件)\FIA-056</t>
  </si>
  <si>
    <t>【核工业】溢流杯\FIA-49</t>
  </si>
  <si>
    <t>【核工业】模似输出模块\FIA-011</t>
  </si>
  <si>
    <t>【核工业】隔膜泵(进口)\FIA-012</t>
  </si>
  <si>
    <t>【核工业】水样过滤器\FIA-014\双通道</t>
  </si>
  <si>
    <t>【核工业】水样过滤器\FIA-015\四通道</t>
  </si>
  <si>
    <t>【核工业】试剂过滤器\FIA-022</t>
  </si>
  <si>
    <t>【核工业】水样过滤芯\FIA-053</t>
  </si>
  <si>
    <t>【核工业】阀管\FIA-025\硅胶管</t>
  </si>
  <si>
    <t>【核工业】液泵前过滤器\FIA-029</t>
  </si>
  <si>
    <t>【核工业】试样过滤器盖帽\FIA-030</t>
  </si>
  <si>
    <t>【核工业】溢流杯\FIA-048</t>
  </si>
  <si>
    <t>【核工业】加药管\FIA-028</t>
  </si>
  <si>
    <t>【核工业】在线溶氧仪\HGY-6008</t>
  </si>
  <si>
    <t>【核工业】溶氧电极\6008-01</t>
  </si>
  <si>
    <t>【核工业】流通槽\6008-02</t>
  </si>
  <si>
    <t>【核工业】主机板\6008-03</t>
  </si>
  <si>
    <t>【核工业】电源板\6008-04</t>
  </si>
  <si>
    <t>【核工业】机箱\6008-05</t>
  </si>
  <si>
    <t>【核工业】液晶显示屏\6008-06</t>
  </si>
  <si>
    <t>【核工业】溶氧备件包\6008-07</t>
  </si>
  <si>
    <t>【核工业】连接管\6008-08</t>
  </si>
  <si>
    <t>【核工业】键盘板\6008-09</t>
  </si>
  <si>
    <t>【核工业】溶氧电解液\6008-10</t>
  </si>
  <si>
    <t>【核工业】开关电源\6008-11</t>
  </si>
  <si>
    <t>【核工业】水样管\6008-12</t>
  </si>
  <si>
    <t>【核工业】溶氧128芯片\6008-13</t>
  </si>
  <si>
    <t>【核工业】污水溶氧电极\6008-14</t>
  </si>
  <si>
    <t>【核工业】面膜\6008-15</t>
  </si>
  <si>
    <t>【核工业】在线PH计\HGY-6018</t>
  </si>
  <si>
    <t>【核工业】PH电极(纯水)\6018-01</t>
  </si>
  <si>
    <t>【核工业】PH电极\6018-G01\污水沉入式(1m)</t>
  </si>
  <si>
    <t>【核工业】PH电极\6018-G01\污水沉入式(1.5m)</t>
  </si>
  <si>
    <t>【核工业】PH电极\6018-G01\污水沉入式(2m)</t>
  </si>
  <si>
    <t>【核工业】PH电极\6018-02\污水沉入式(2.5m)</t>
  </si>
  <si>
    <t>【核工业】流通池(塑料)\6018-02</t>
  </si>
  <si>
    <t>【核工业】流通池(不锈钢)\6018-03</t>
  </si>
  <si>
    <t>【核工业】主机板\6018-04</t>
  </si>
  <si>
    <t>【核工业】电源板\6018-05</t>
  </si>
  <si>
    <t>【核工业】机箱\6018-06</t>
  </si>
  <si>
    <t>【核工业】液晶显示屏\6018-07</t>
  </si>
  <si>
    <t>【核工业】连接管\6018-08\5×8mm</t>
  </si>
  <si>
    <t>【核工业】键盘板\6018-09</t>
  </si>
  <si>
    <t>【核工业】脱硫PH电极\6018-10</t>
  </si>
  <si>
    <t>【核工业】纯水PH电极(进口)\6018-11</t>
  </si>
  <si>
    <t>【核工业】开关电源\6018-12</t>
  </si>
  <si>
    <t>【核工业】PH电极护套\6018-13</t>
  </si>
  <si>
    <t>【核工业】防雨箱\6018-15</t>
  </si>
  <si>
    <t>【核工业】面膜\6018-14</t>
  </si>
  <si>
    <t>【核工业】在线电导率仪\HGY-6028</t>
  </si>
  <si>
    <t>【核工业】电导电极\6028-01\电极常数0.1</t>
  </si>
  <si>
    <t>【核工业】电导电极\6028-01\电极常数0.01</t>
  </si>
  <si>
    <t>【核工业】流通池(不锈钢)\6028-02</t>
  </si>
  <si>
    <t>【核工业】主机板\6028-03</t>
  </si>
  <si>
    <t>【核工业】电源板\6028-04</t>
  </si>
  <si>
    <t>【核工业】机箱\6028-05</t>
  </si>
  <si>
    <t>【核工业】液晶显示屏\6028-06</t>
  </si>
  <si>
    <t>【核工业】连接管\6028-07\5×8mm</t>
  </si>
  <si>
    <t>【核工业】键盘板\6028-08</t>
  </si>
  <si>
    <t>【核工业】开关电源\6028-09</t>
  </si>
  <si>
    <t>【核工业】面膜\6028-10</t>
  </si>
  <si>
    <t>【核工业】在线酸碱盐浓度计\HGY-6058</t>
  </si>
  <si>
    <t>【核工业】探头(流通式)\6058-01</t>
  </si>
  <si>
    <t>【核工业】酸碱探头\6058-G01\沉入式(1m)</t>
  </si>
  <si>
    <t>【核工业】酸碱探头\6058-G01\沉入式(1.5m)</t>
  </si>
  <si>
    <t>【核工业】酸碱探头\6058-G01\沉入式(2m)</t>
  </si>
  <si>
    <t>【核工业】酸碱探头\6058-G01\沉入式(2.5m)</t>
  </si>
  <si>
    <t>【核工业】流通池\6058-02</t>
  </si>
  <si>
    <t>【核工业】主机板\6058-03</t>
  </si>
  <si>
    <t>【核工业】电源板\6058-04</t>
  </si>
  <si>
    <t>【核工业】机箱\6058-05</t>
  </si>
  <si>
    <t>【核工业】液晶显示屏\6058-06</t>
  </si>
  <si>
    <t>【核工业】连接管\6058-07\5×8mm</t>
  </si>
  <si>
    <t>【核工业】变压器\6058-08</t>
  </si>
  <si>
    <t>【核工业】输出模块\6058-09</t>
  </si>
  <si>
    <t>【核工业】键盘板\6058-10</t>
  </si>
  <si>
    <t>【核工业】面膜\6058-11</t>
  </si>
  <si>
    <t>【核工业】在线钠离子分析仪\HGY-6068\单通道</t>
  </si>
  <si>
    <t>【核工业】在线钠离子分析仪\HGY-6068\双通道</t>
  </si>
  <si>
    <t>【核工业】测量电极\6068-01</t>
  </si>
  <si>
    <t>【核工业】参比电极\6068-02</t>
  </si>
  <si>
    <t>【核工业】温补电极\6068-03</t>
  </si>
  <si>
    <t>【核工业】主机板\6068-04</t>
  </si>
  <si>
    <t>【核工业】机箱\6068-06</t>
  </si>
  <si>
    <t>【核工业】液晶显示屏\6068-07</t>
  </si>
  <si>
    <t>【核工业】化学流路\6068-08</t>
  </si>
  <si>
    <t>【核工业】流量计\6068-09</t>
  </si>
  <si>
    <t>【核工业】连接管\6068-10\10×8mm</t>
  </si>
  <si>
    <t>【核工业】键盘板\6068-11</t>
  </si>
  <si>
    <t>【核工业】碱液瓶\6068-12</t>
  </si>
  <si>
    <t>【核工业】液泵\6068-13</t>
  </si>
  <si>
    <t>【核工业】气泵\6068-14</t>
  </si>
  <si>
    <t>【核工业】电源模块\6068-15</t>
  </si>
  <si>
    <t>【核工业】排水管\6068-16\8×12mm</t>
  </si>
  <si>
    <t>【核工业】电极杯\6068-17</t>
  </si>
  <si>
    <t>【核工业】钠表溢流杯\6068-18</t>
  </si>
  <si>
    <t>【核工业】钠表试剂\6068-19\PNa4</t>
  </si>
  <si>
    <t>【核工业】钠表试剂\6068-19\PNa6</t>
  </si>
  <si>
    <t>【核工业】钠表液位开关\6068-20</t>
  </si>
  <si>
    <t>【核工业】面板\6068-21</t>
  </si>
  <si>
    <t>【核工业】钠表电磁阀\6068-22</t>
  </si>
  <si>
    <t>【核工业】参比电极补充液\6068-23</t>
  </si>
  <si>
    <t>【核工业】钠表标准母液\6068-24</t>
  </si>
  <si>
    <t>【核工业】钠表进水弯头\6068-25</t>
  </si>
  <si>
    <t>【核工业】钠表变径接头\6068-26</t>
  </si>
  <si>
    <t>【核工业】在线浊度分析仪\HGY-6098</t>
  </si>
  <si>
    <t>【核工业】液晶屏\6098-01</t>
  </si>
  <si>
    <t>【核工业】键盘\6098-02</t>
  </si>
  <si>
    <t>【核工业】开关电源\6098-03</t>
  </si>
  <si>
    <t>【核工业】主板\6098-04</t>
  </si>
  <si>
    <t>【核工业】机壳\6098-05</t>
  </si>
  <si>
    <t>【核工业】探头\6098-06</t>
  </si>
  <si>
    <t>【核工业】探头\6098-07</t>
  </si>
  <si>
    <t>【核工业】流量计\6098-08</t>
  </si>
  <si>
    <t>【核工业】浊度流通池\6098-09</t>
  </si>
  <si>
    <t>【核工业】浊度标定杯\6098-10</t>
  </si>
  <si>
    <t>【核工业】在线ORP计\HGY-6038</t>
  </si>
  <si>
    <t>【核工业】COD在线监测仪\HGY-3008\单通道</t>
  </si>
  <si>
    <t>【核工业】COD在线监测仪\HGY-3008\双通道</t>
  </si>
  <si>
    <t>【核工业】计算机板\GY3008-01</t>
  </si>
  <si>
    <t>【核工业】控制板\GY3008-02</t>
  </si>
  <si>
    <t>【核工业】变压器\GY3008-03</t>
  </si>
  <si>
    <t>【核工业】滤波器\GY3008-04</t>
  </si>
  <si>
    <t>【核工业】仪器面板\GY3008-05</t>
  </si>
  <si>
    <t>【核工业】小开关电源\GY3008-06</t>
  </si>
  <si>
    <t>【核工业】大开关电源\GY3008-07</t>
  </si>
  <si>
    <t>【核工业】液晶屏\GY3008-08</t>
  </si>
  <si>
    <t>【核工业】蠕动泵泵头\GY3008-09</t>
  </si>
  <si>
    <t>【核工业】蠕动泵电机\GY3008-10\60p/min</t>
  </si>
  <si>
    <t>【核工业】蠕动泵电机\GY3008-10\110p/min</t>
  </si>
  <si>
    <t>【核工业】光纤\GY3008-11</t>
  </si>
  <si>
    <t>【核工业】硫酸电磁阀\GY3008-12</t>
  </si>
  <si>
    <t>【核工业】单孔电磁阀\GY3008-13</t>
  </si>
  <si>
    <t>【核工业】机箱\GY3008-14</t>
  </si>
  <si>
    <t>【核工业】管路\GY3008-15\1.6×4.8</t>
  </si>
  <si>
    <t>【核工业】管路\GY3008-15\3.2×6.4</t>
  </si>
  <si>
    <t>【核工业】管路\GY3008-15\3.2×6.4黑</t>
  </si>
  <si>
    <t>【核工业】清洗废液冷却桶\GY3008-16</t>
  </si>
  <si>
    <t>【核工业】试剂桶\GY3008-17</t>
  </si>
  <si>
    <t>【核工业】四氟管\GY3008-20</t>
  </si>
  <si>
    <t>【核工业】三通\GY3008-21</t>
  </si>
  <si>
    <t>【核工业】直通\GY3008-22</t>
  </si>
  <si>
    <t>【核工业】大定量杯\GY3008-23</t>
  </si>
  <si>
    <t>【核工业】小定量杯\GY3008-24</t>
  </si>
  <si>
    <t>【核工业】反应杯\GY3008-25</t>
  </si>
  <si>
    <t>【核工业】光源\GY3008-26</t>
  </si>
  <si>
    <t>【核工业】光电池\GY3008-27</t>
  </si>
  <si>
    <t>【核工业】溢流杯\GY3008-28</t>
  </si>
  <si>
    <t>【核工业】定量杯\GY3008-29</t>
  </si>
  <si>
    <t>【核工业】测量池\GY3008-32</t>
  </si>
  <si>
    <t>【核工业】氨氮在线监测仪\HGY-3009\单通道</t>
  </si>
  <si>
    <t>【核工业】氨氮在线监测仪\HGY-3009\双通道</t>
  </si>
  <si>
    <t>【核工业】计算机板\GY3009-01</t>
  </si>
  <si>
    <t>【核工业】控制板\GY3009-02</t>
  </si>
  <si>
    <t>【核工业】变压器\GY3009-03</t>
  </si>
  <si>
    <t>【核工业】滤波器\GY3009-04</t>
  </si>
  <si>
    <t>【核工业】仪器面板\GY3009-05</t>
  </si>
  <si>
    <t>【核工业】小开关电源\GY3009-06</t>
  </si>
  <si>
    <t>【核工业】大开关电源\GY3009-07</t>
  </si>
  <si>
    <t>【核工业】液晶屏\GY3009-08</t>
  </si>
  <si>
    <t>【核工业】蠕动泵泵头\GY3009-09</t>
  </si>
  <si>
    <t>【核工业】蠕动泵电机\GY3009-10\60p/min</t>
  </si>
  <si>
    <t>【核工业】蠕动泵电机\GY3009-10\115p/min</t>
  </si>
  <si>
    <t>【核工业】光纤\GY3009-11</t>
  </si>
  <si>
    <t>【核工业】双孔电磁阀\GY3009-12</t>
  </si>
  <si>
    <t>【核工业】机箱\GY3009-13</t>
  </si>
  <si>
    <t>【核工业】管路\GY3009-14\1.6×4.8</t>
  </si>
  <si>
    <t>【核工业】管路\GY3009-14\3.2×6.4</t>
  </si>
  <si>
    <t>【核工业】光源\GY3009-15</t>
  </si>
  <si>
    <t>【核工业】光电池\GY3009-16</t>
  </si>
  <si>
    <t>【核工业】三通\GY3009-17</t>
  </si>
  <si>
    <t>【核工业】直通\GY3009-18</t>
  </si>
  <si>
    <t>【核工业】测量池\GY3009-19</t>
  </si>
  <si>
    <t>【核工业】溢流杯\GY3009-20</t>
  </si>
  <si>
    <t>【核工业】总氮在线监测仪\HGY-TN\单通道</t>
  </si>
  <si>
    <t>【核工业】总氮在线监测仪\HGY-TN\双通道</t>
  </si>
  <si>
    <t>【核工业】计算机板\GY-TN-01</t>
  </si>
  <si>
    <t>【核工业】控制板\GY-TN-02</t>
  </si>
  <si>
    <t>【核工业】变压器\GY-TN-03</t>
  </si>
  <si>
    <t>【核工业】滤波器\GY-TN-04</t>
  </si>
  <si>
    <t>【核工业】仪器面板\GY-TN-05</t>
  </si>
  <si>
    <t>【核工业】小开关电源\GY-TN-06</t>
  </si>
  <si>
    <t>【核工业】液晶屏\GY-TN-07</t>
  </si>
  <si>
    <t>【核工业】蠕动泵泵头\GY-TN-08</t>
  </si>
  <si>
    <t>【核工业】蠕动泵电机\GY-TN-09\60p/min</t>
  </si>
  <si>
    <t>【核工业】蠕动泵电机\GY-TN-09\115p/min</t>
  </si>
  <si>
    <t>【核工业】光纤\GY-TN-10</t>
  </si>
  <si>
    <t>【核工业】双孔电磁阀\GY-TN-11</t>
  </si>
  <si>
    <t>【核工业】机箱\GY-TN-12</t>
  </si>
  <si>
    <t>【核工业】管路\GY-TN-13\1.6×4.8</t>
  </si>
  <si>
    <t>【核工业】光源\GY-TN-14</t>
  </si>
  <si>
    <t>【核工业】光电池\GY-TN-15</t>
  </si>
  <si>
    <t>【核工业】三通\GY-TN-16</t>
  </si>
  <si>
    <t>【核工业】直通\GY-TN-17</t>
  </si>
  <si>
    <t>【核工业】测量池\GY-TN-18</t>
  </si>
  <si>
    <t>【核工业】溢流杯\GY-TN-19</t>
  </si>
  <si>
    <t>【核工业】试剂桶\GY-TN-20</t>
  </si>
  <si>
    <t>【核工业】泵管\GY-TN-23\3.2×6.4</t>
  </si>
  <si>
    <t>【核工业】总磷在线监测仪\HGY-TP\单通道</t>
  </si>
  <si>
    <t>【核工业】总磷在线监测仪\HGY-TP\双通道</t>
  </si>
  <si>
    <t>【核工业】计算机板\GY-TP-01</t>
  </si>
  <si>
    <t>【核工业】控制板\GY-TP-02</t>
  </si>
  <si>
    <t>【核工业】变压器\GY-TP-03</t>
  </si>
  <si>
    <t>【核工业】滤波器\GY-TP-04</t>
  </si>
  <si>
    <t>【核工业】仪器面板\GY-TP-05</t>
  </si>
  <si>
    <t>【核工业】小开关电源\GY-TP-06</t>
  </si>
  <si>
    <t>【核工业】液晶屏\GY-TP-07</t>
  </si>
  <si>
    <t>【核工业】蠕动泵泵头\GY-TP-08</t>
  </si>
  <si>
    <t>【核工业】蠕动泵电机\GY-TP-09\60p/min</t>
  </si>
  <si>
    <t>【核工业】蠕动泵电机\GY-TP-09\115p/min</t>
  </si>
  <si>
    <t>【核工业】光纤\GY-TP-10</t>
  </si>
  <si>
    <t>【核工业】双孔电磁阀\GY-TP-11</t>
  </si>
  <si>
    <t>【核工业】机箱\GY-TP-12</t>
  </si>
  <si>
    <t>【核工业】管路\GY-TP-13\1.6×4.8</t>
  </si>
  <si>
    <t>【核工业】光源\GY-TP-14</t>
  </si>
  <si>
    <t>【核工业】光电池\GY-TP-15</t>
  </si>
  <si>
    <t>【核工业】三通\GY-TP-16</t>
  </si>
  <si>
    <t>【核工业】直通\GY-TP-17</t>
  </si>
  <si>
    <t>【核工业】测量池\GY-TP-18</t>
  </si>
  <si>
    <t>【核工业】溢流杯\GY-TP-19</t>
  </si>
  <si>
    <t>【核工业】试剂桶\GY-TP-20</t>
  </si>
  <si>
    <t>【核工业】泵管\GY-TP-23\3.2×6.4</t>
  </si>
  <si>
    <t>【核工业】余氯在线监测仪\HGY-CL\单通道</t>
  </si>
  <si>
    <t>【核工业】余氯在线监测仪\HGY-CL\双通道</t>
  </si>
  <si>
    <t>【核工业】氯离子在线监测仪\HGY-CL\单通道</t>
  </si>
  <si>
    <t>【核工业】氯离子在线监测仪\HGY-CL\双通道</t>
  </si>
  <si>
    <t>【核工业】计算机板\GY-CI-01</t>
  </si>
  <si>
    <t>【核工业】控制板(电源板)\GY-CI-02</t>
  </si>
  <si>
    <t>【核工业】变压器\GY-CI-03</t>
  </si>
  <si>
    <t>【核工业】滤波器\GY-CI-04</t>
  </si>
  <si>
    <t>【核工业】仪器面板\GY-CI-05</t>
  </si>
  <si>
    <t>【核工业】小开关电源\GY-CI-06</t>
  </si>
  <si>
    <t>【核工业】大开关电源\GY-CI-07</t>
  </si>
  <si>
    <t>【核工业】液晶屏\GY-CI-08</t>
  </si>
  <si>
    <t>【核工业】蠕动泵泵头\GY-CI-09</t>
  </si>
  <si>
    <t>【核工业】蠕动泵电机\GY-CI-10\60p/min</t>
  </si>
  <si>
    <t>【核工业】蠕动泵电机\GY-CI-10\115p/min</t>
  </si>
  <si>
    <t>【核工业】光纤\GY-CI-11</t>
  </si>
  <si>
    <t>【核工业】双孔电磁阀\GY-CI-12</t>
  </si>
  <si>
    <t>【核工业】机箱\GY-CI-13</t>
  </si>
  <si>
    <t>【核工业】管路\GY-CI-14\1.6×4.8</t>
  </si>
  <si>
    <t>【核工业】管路\GY-CI-14\3.2×6.4</t>
  </si>
  <si>
    <t>【核工业】管路\GY-CI-14\0.8×1.6</t>
  </si>
  <si>
    <t>【核工业】清洗废液冷却桶\GY-CI-15</t>
  </si>
  <si>
    <t>【核工业】试剂桶\GY-CI-16</t>
  </si>
  <si>
    <t>【核工业】搅拌电机\GY-CI-17</t>
  </si>
  <si>
    <t>【核工业】测量池(含光源和光电池)\GY-CI-18</t>
  </si>
  <si>
    <t>【核工业】三通\GY-CI-19</t>
  </si>
  <si>
    <t>【核工业】直通\GY-CI-20</t>
  </si>
  <si>
    <t>【核工业】大定量杯\GY-CI-21</t>
  </si>
  <si>
    <t>【核工业】小定量杯\GY-CI-22</t>
  </si>
  <si>
    <t>【核工业】反应杯\GY-CI-23</t>
  </si>
  <si>
    <t>【核工业】光源\GY-CI-24</t>
  </si>
  <si>
    <t>【核工业】光电池\GY-CI-25</t>
  </si>
  <si>
    <t>【核工业】溢流杯\GY-CI-26</t>
  </si>
  <si>
    <t>【核工业】总铁在线监测仪\HGY-Fe\单通道</t>
  </si>
  <si>
    <t>【核工业】总铁在线监测仪\HGY-Fe\双通道</t>
  </si>
  <si>
    <t>【核工业】计算机板\GY-Fe-01</t>
  </si>
  <si>
    <t>【核工业】控制板\GY-Fe-02</t>
  </si>
  <si>
    <t>【核工业】变压器\GY-Fe-03</t>
  </si>
  <si>
    <t>【核工业】滤波器\GY-Fe-04</t>
  </si>
  <si>
    <t>【核工业】仪器面板\GY-Fe-05</t>
  </si>
  <si>
    <t>【核工业】小开关电源\GY-Fe-06</t>
  </si>
  <si>
    <t>【核工业】液晶屏\GY-Fe-07</t>
  </si>
  <si>
    <t>【核工业】蠕动泵泵头\GY-Fe-08</t>
  </si>
  <si>
    <t>【核工业】蠕动泵电机\GY-Fe-09\60p/min</t>
  </si>
  <si>
    <t>【核工业】蠕动泵电机\GY-Fe-09\115p/min</t>
  </si>
  <si>
    <t>【核工业】光纤\GY-Fe-10</t>
  </si>
  <si>
    <t>【核工业】双孔电磁阀\GY-Fe-11</t>
  </si>
  <si>
    <t>【核工业】机箱\GY-Fe-12</t>
  </si>
  <si>
    <t>【核工业】管路\GY-Fe-13\1.6×4.8</t>
  </si>
  <si>
    <t>【核工业】光源\GY-Fe-14</t>
  </si>
  <si>
    <t>【核工业】光电池\GY-Fe-15</t>
  </si>
  <si>
    <t>【核工业】三通\GY-Fe-16</t>
  </si>
  <si>
    <t>【核工业】直通\GY-Fe-17</t>
  </si>
  <si>
    <t>【核工业】测量池\GY-Fe-18</t>
  </si>
  <si>
    <t>【核工业】溢流杯\GY-Fe-19</t>
  </si>
  <si>
    <t>【核工业】试剂桶\GY-Fe-20</t>
  </si>
  <si>
    <t>【核工业】实验室PH计\BT-2000</t>
  </si>
  <si>
    <t>【核工业】液晶\BT2000-01</t>
  </si>
  <si>
    <t>【核工业】电源模块\BT2000-02</t>
  </si>
  <si>
    <t>【核工业】变压器\BT2000-03</t>
  </si>
  <si>
    <t>【核工业】测量电极\FD-1</t>
  </si>
  <si>
    <t>【核工业】温度电极\WD-1</t>
  </si>
  <si>
    <t>【核工业】FD-1型复合PH电极补充液\BT2000-04</t>
  </si>
  <si>
    <t>【核工业】28256存储芯片\BT2000-05</t>
  </si>
  <si>
    <t>【核工业】电极支架\BT2000-06</t>
  </si>
  <si>
    <t>【核工业】机壳\BT2000-07</t>
  </si>
  <si>
    <t>【核工业】电路板\BT2000-08</t>
  </si>
  <si>
    <t>【核工业】实验室PH表头\BT2000-09</t>
  </si>
  <si>
    <t>【核工业】实验室电导率分析仪\BT-2001</t>
  </si>
  <si>
    <t>【核工业】液晶\BT2001-01</t>
  </si>
  <si>
    <t>【核工业】电源模块\BT2001-02</t>
  </si>
  <si>
    <t>【核工业】变压器\BT2001-03</t>
  </si>
  <si>
    <t>【核工业】测量电极\DD-1\电极常数1.0</t>
  </si>
  <si>
    <t>【核工业】测量电极\DD-1\电极常数0.1</t>
  </si>
  <si>
    <t>【核工业】温度电极\WD-2</t>
  </si>
  <si>
    <t>【核工业】28256存储芯片\BT2001-04</t>
  </si>
  <si>
    <t>【核工业】电极支架\BT2001-06</t>
  </si>
  <si>
    <t>【核工业】机壳(含键盘板)\BT2001-07</t>
  </si>
  <si>
    <t>【核工业】电路板\BT2001-08</t>
  </si>
  <si>
    <t>【核工业】实验室电导表头\BT2001-09</t>
  </si>
  <si>
    <t>【核工业】实验室浊度分析仪\BT-2002</t>
  </si>
  <si>
    <t>【核工业】实验室钠离子分析仪\BT-2003</t>
  </si>
  <si>
    <t>【核工业】液晶\BT2003-01</t>
  </si>
  <si>
    <t>【核工业】电源模块\BT2003-02</t>
  </si>
  <si>
    <t>【核工业】变压器\BT2003-03</t>
  </si>
  <si>
    <t>【核工业】测量电极\CL-1</t>
  </si>
  <si>
    <t>【核工业】参比电极\CB-1</t>
  </si>
  <si>
    <t>【核工业】CB-1型参比电极补充液\BT2003-04</t>
  </si>
  <si>
    <t>【核工业】搅拌器\JB-1</t>
  </si>
  <si>
    <t>【核工业】28256存储芯片\BT2003-05</t>
  </si>
  <si>
    <t>【核工业】机壳(含键盘板)\BT2003-06</t>
  </si>
  <si>
    <t>【核工业】电路板\BT2003-07</t>
  </si>
  <si>
    <t>【核工业】磁力搅拌器\BT2003-08</t>
  </si>
  <si>
    <t>【核工业】磁力搅拌子\BT2003-09</t>
  </si>
  <si>
    <t>【核工业】实验室钠表表头\BT2003-10</t>
  </si>
  <si>
    <t>【核工业】实验室ORP分析仪\BT-2004</t>
  </si>
  <si>
    <t>【核工业】便携式溶氧仪\BT-2005</t>
  </si>
  <si>
    <t>【核工业】便携式氧电极\BT2005-01</t>
  </si>
  <si>
    <t>【核工业】便携式氧表电池\BT2005-02</t>
  </si>
  <si>
    <t>【核工业】便携式氧表表头\BT2005-03</t>
  </si>
  <si>
    <t>【核工业】实验室硅酸根分析仪\BT99-Si</t>
  </si>
  <si>
    <t>【核工业】实验室联氨分析仪\BT99-N2H4</t>
  </si>
  <si>
    <t>【核工业】实验室磷酸根分析仪\BT99-P</t>
  </si>
  <si>
    <t>【核工业】实验室铁离子分析仪\BT99-Fe</t>
  </si>
  <si>
    <t>【核工业】实验室铜离子分析仪\BT99-Cu</t>
  </si>
  <si>
    <t>【核工业】电源模块\BT99-01</t>
  </si>
  <si>
    <t>【核工业】测量池\BT99-02\Si</t>
  </si>
  <si>
    <t>【核工业】测量池\BT99-03\P</t>
  </si>
  <si>
    <t>【核工业】测量池\BT99-04\Fe</t>
  </si>
  <si>
    <t>【核工业】测量池\BT99-05\Cu</t>
  </si>
  <si>
    <t>【核工业】液晶屏\BT99-06</t>
  </si>
  <si>
    <t>【核工业】比色表电路板\BT99-07\Si</t>
  </si>
  <si>
    <t>【核工业】比色表电路板\BT99-07\P</t>
  </si>
  <si>
    <t>【核工业】比色表电路板\BT99-07\Fe</t>
  </si>
  <si>
    <t>【核工业】比色表电路板\BT99-07\Cu</t>
  </si>
  <si>
    <t>【核工业】变压器\BT99-08</t>
  </si>
  <si>
    <t>【核工业】吸光度电位器\BT99-09</t>
  </si>
  <si>
    <t>【核工业】光电池\BT99-11</t>
  </si>
  <si>
    <t>【核工业】机壳(含键盘板)\BT99-12</t>
  </si>
  <si>
    <t>【核工业】硅表表头\BT99-13</t>
  </si>
  <si>
    <t>【核工业】磷表表头\BT99-14</t>
  </si>
  <si>
    <t>【核工业】联氨表表头\BT99-15</t>
  </si>
  <si>
    <t>【核工业】铜表表头\BT99-16</t>
  </si>
  <si>
    <t>【核工业】铁表表头\BT99-17</t>
  </si>
  <si>
    <t>【普瑞奇】滤芯\RP8314F0116Z\1um</t>
  </si>
  <si>
    <t>普瑞奇科技（北京）股份有限公司</t>
  </si>
  <si>
    <t>普瑞奇</t>
  </si>
  <si>
    <t>WZSCCG-2019-BJ-041</t>
  </si>
  <si>
    <t>国家能源e购商城普瑞奇净化装置备件铺货长协采购（新疆、辽宁、吉林、黑龙江、安徽）</t>
  </si>
  <si>
    <t>苏州司克赛斯新材料有限公司</t>
  </si>
  <si>
    <t>【普瑞奇】滤芯\RP8314F0316Z\3um</t>
  </si>
  <si>
    <t>【普瑞奇】滤芯\RP8314F0516Z\5um</t>
  </si>
  <si>
    <t>【普瑞奇】滤芯\RP8314F0716Z\7um</t>
  </si>
  <si>
    <t>【普瑞奇】滤芯\RP8314F1216Z\12um</t>
  </si>
  <si>
    <t>【普瑞奇】滤芯\RP8314F2216Z\22um</t>
  </si>
  <si>
    <t>【普瑞奇】滤芯\RP8314F0139Z\1um</t>
  </si>
  <si>
    <t>【普瑞奇】滤芯\RP8314F0339Z\3um</t>
  </si>
  <si>
    <t>【普瑞奇】滤芯\RP8314F0539Z\5um</t>
  </si>
  <si>
    <t>【普瑞奇】滤芯\RP8314F0739Z\7um</t>
  </si>
  <si>
    <t>【普瑞奇】滤芯\RP8314F1239Z\12um</t>
  </si>
  <si>
    <t>【普瑞奇】滤芯\RP8314F2239Z\22um</t>
  </si>
  <si>
    <t>【普瑞奇】滤芯\RP8314F0116H\1um</t>
  </si>
  <si>
    <t>【普瑞奇】滤芯\RP8314F0316H\3um</t>
  </si>
  <si>
    <t>【普瑞奇】滤芯\RP8314F0516H\5um</t>
  </si>
  <si>
    <t>【普瑞奇】滤芯\RP8314F0716H\7um</t>
  </si>
  <si>
    <t>【普瑞奇】滤芯\RP8314F1216H\12um</t>
  </si>
  <si>
    <t>【普瑞奇】滤芯\RP8314F2216H\22um</t>
  </si>
  <si>
    <t>【普瑞奇】滤芯\RP8314F0139H\1um</t>
  </si>
  <si>
    <t>【普瑞奇】滤芯\RP8314F0339H\3um</t>
  </si>
  <si>
    <t>【普瑞奇】滤芯\RP8314F0539H\5um</t>
  </si>
  <si>
    <t>【普瑞奇】滤芯\RP8314F0739H\7um</t>
  </si>
  <si>
    <t>【普瑞奇】滤芯\RP8314F1239H\12um</t>
  </si>
  <si>
    <t>【普瑞奇】滤芯\RP8314F2239H\22um</t>
  </si>
  <si>
    <t>【普瑞奇】滤芯\RP8314F0339Z-SF\3um</t>
  </si>
  <si>
    <t>【普瑞奇】滤芯\RP8314F0539Z-SF\5um</t>
  </si>
  <si>
    <t>【普瑞奇】滤芯\RP8314F0739Z-SF\7um</t>
  </si>
  <si>
    <t>【普瑞奇】滤芯\RP8314F1239Z-SF\12um</t>
  </si>
  <si>
    <t>【普瑞奇】滤芯\RP8314F2239Z-SF\22um</t>
  </si>
  <si>
    <t>【普瑞奇】滤芯\RP0653FAG39Z\um</t>
  </si>
  <si>
    <t>【普瑞奇】滤芯\RP0653FCG39Z\um</t>
  </si>
  <si>
    <t>【普瑞奇】滤芯\PSE80H1\um</t>
  </si>
  <si>
    <t>【普瑞奇】滤芯\PLF40H\um</t>
  </si>
  <si>
    <t>【普瑞奇】滤芯\PSE50H1\um</t>
  </si>
  <si>
    <t>【普瑞奇】滤芯\RP0293SEE5\um</t>
  </si>
  <si>
    <t>【普瑞奇】滤芯\RP55420\um</t>
  </si>
  <si>
    <t>【普瑞奇】滤芯\731311\um</t>
  </si>
  <si>
    <t>【普瑞奇】滤芯\PPC10GH83E\10um</t>
  </si>
  <si>
    <t>【普瑞奇】滤芯\WFPP0530R-1\um</t>
  </si>
  <si>
    <t>【普瑞奇】滤芯\RP2206F0303Z\3um</t>
  </si>
  <si>
    <t>【普瑞奇】滤芯\RP2206F0503Z\5um</t>
  </si>
  <si>
    <t>【普瑞奇】滤芯\RP2206F0306Z\3um</t>
  </si>
  <si>
    <t>【普瑞奇】滤芯\RP2206F0308Z\3um</t>
  </si>
  <si>
    <t>【普瑞奇】滤芯\RP2206F0506Z\5um</t>
  </si>
  <si>
    <t>【普瑞奇】滤芯\RP2206F0508Z\5um</t>
  </si>
  <si>
    <t>【普瑞奇】滤芯\RP2206F0703Z\7um</t>
  </si>
  <si>
    <t>【普瑞奇】滤芯\RP2206F1203Z\12um</t>
  </si>
  <si>
    <t>【普瑞奇】滤芯\RP2206F2203Z\22um</t>
  </si>
  <si>
    <t>【普瑞奇】滤芯\RP2206F0706Z\7um</t>
  </si>
  <si>
    <t>【普瑞奇】滤芯\RP2206F1206Z\12um</t>
  </si>
  <si>
    <t>【普瑞奇】滤芯\RP2206F2206Z\22um</t>
  </si>
  <si>
    <t>【普瑞奇】滤芯\RP2206F0708Z\7um</t>
  </si>
  <si>
    <t>【普瑞奇】滤芯\RP2206F1208Z\12um</t>
  </si>
  <si>
    <t>【普瑞奇】滤芯\RP2206F2208Z\22um</t>
  </si>
  <si>
    <t>【普瑞奇】滤芯\RHP2207F0503Z\5um</t>
  </si>
  <si>
    <t>【普瑞奇】滤芯\RHP2207F0703Z\7um</t>
  </si>
  <si>
    <t>【普瑞奇】滤芯\RHP2207F1203Z\12um</t>
  </si>
  <si>
    <t>【普瑞奇】滤芯\RHP2207F2203Z\22um</t>
  </si>
  <si>
    <t>【普瑞奇】滤芯\RHP2207F0506Z\5um</t>
  </si>
  <si>
    <t>【普瑞奇】滤芯\RHP2207F0706Z\7um</t>
  </si>
  <si>
    <t>【普瑞奇】滤芯\RHP2207F1206Z\12um</t>
  </si>
  <si>
    <t>【普瑞奇】滤芯\RHP2207F2206Z\22um</t>
  </si>
  <si>
    <t>【普瑞奇】滤芯\RHP2207F0508Z\5um</t>
  </si>
  <si>
    <t>【普瑞奇】滤芯\RHP2207F0708Z\7um</t>
  </si>
  <si>
    <t>【普瑞奇】滤芯\RHP2207F1208Z\12um</t>
  </si>
  <si>
    <t>【普瑞奇】滤芯\RHP2207F2208Z\22um</t>
  </si>
  <si>
    <t>【普瑞奇】滤芯\RP7500F2208H\22um</t>
  </si>
  <si>
    <t>【普瑞奇】滤芯\RP2196F0504Z50\5um</t>
  </si>
  <si>
    <t>【普瑞奇】滤芯\RP2196F0704Z50\7um</t>
  </si>
  <si>
    <t>【普瑞奇】滤芯\RP2196F1204Z50\12um</t>
  </si>
  <si>
    <t>【普瑞奇】滤芯\RP2196F2204Z50\22um</t>
  </si>
  <si>
    <t>【普瑞奇】滤芯\RP2196F0506Z50\5um</t>
  </si>
  <si>
    <t>【普瑞奇】滤芯\RP2196F0706Z50\7um</t>
  </si>
  <si>
    <t>【普瑞奇】滤芯\RP2196F1206Z50\12um</t>
  </si>
  <si>
    <t>【普瑞奇】滤芯\RP2196F2206Z50\22um</t>
  </si>
  <si>
    <t>【普瑞奇】滤芯\RP2216F0504Z\5um</t>
  </si>
  <si>
    <t>【普瑞奇】滤芯\RP2216F0704Z\7um</t>
  </si>
  <si>
    <t>【普瑞奇】滤芯\RP2216F1204Z\12um</t>
  </si>
  <si>
    <t>【普瑞奇】滤芯\RP2216F2204Z\22um</t>
  </si>
  <si>
    <t>【普瑞奇】滤芯\RP2216F0506Z\5um</t>
  </si>
  <si>
    <t>【普瑞奇】滤芯\RP2216F0706Z\7um</t>
  </si>
  <si>
    <t>【普瑞奇】滤芯\RP2216F1206Z\12um</t>
  </si>
  <si>
    <t>【普瑞奇】滤芯\RP2216F2206Z\22um</t>
  </si>
  <si>
    <t>【普瑞奇】滤芯\RP2216F0514Z\5um</t>
  </si>
  <si>
    <t>【普瑞奇】滤芯\RP2216F0714Z\7um</t>
  </si>
  <si>
    <t>【普瑞奇】滤芯\RP2216F1214Z\12um</t>
  </si>
  <si>
    <t>【普瑞奇】滤芯\RP2216F2214Z\22um</t>
  </si>
  <si>
    <t>【普瑞奇】滤芯\RP2296F0314Z\3um</t>
  </si>
  <si>
    <t>【普瑞奇】滤芯\RP2296F0318Z\3um</t>
  </si>
  <si>
    <t>【普瑞奇】滤芯\RP2296F0336Z\3um</t>
  </si>
  <si>
    <t>【普瑞奇】滤芯\RP2296F0314Z50\3um</t>
  </si>
  <si>
    <t>【普瑞奇】滤芯\RP2296F0318Z50\3um</t>
  </si>
  <si>
    <t>【普瑞奇】滤芯\RP2296F0514Z\5um</t>
  </si>
  <si>
    <t>【普瑞奇】滤芯\RP2296F0518Z\5um</t>
  </si>
  <si>
    <t>【普瑞奇】滤芯\RP2296F0336Z50\3um</t>
  </si>
  <si>
    <t>【普瑞奇】滤芯\RP2296F0536Z\5um</t>
  </si>
  <si>
    <t>【普瑞奇】滤芯\RP2296F0514Z50\5um</t>
  </si>
  <si>
    <t>【普瑞奇】滤芯\RP2296F0518Z50\5um</t>
  </si>
  <si>
    <t>【普瑞奇】滤芯\RP2296F0714Z\7um</t>
  </si>
  <si>
    <t>【普瑞奇】滤芯\RP2296F0718Z\7um</t>
  </si>
  <si>
    <t>【普瑞奇】滤芯\RP2296F0714Z50\7um</t>
  </si>
  <si>
    <t>【普瑞奇】滤芯\RP2296F0718Z50\7um</t>
  </si>
  <si>
    <t>【普瑞奇】滤芯\RP2296F1214Z\12um</t>
  </si>
  <si>
    <t>【普瑞奇】滤芯\RP2296F1218Z\12um</t>
  </si>
  <si>
    <t>【普瑞奇】滤芯\RP2296F1214Z50\12um</t>
  </si>
  <si>
    <t>【普瑞奇】滤芯\RP2296F1218Z50\12um</t>
  </si>
  <si>
    <t>【普瑞奇】滤芯\RP2296F2214Z\22um</t>
  </si>
  <si>
    <t>【普瑞奇】滤芯\RP2296F2218Z\22um</t>
  </si>
  <si>
    <t>【普瑞奇】滤芯\RP2296F2214Z50\22um</t>
  </si>
  <si>
    <t>【普瑞奇】滤芯\RP2296F2218Z50\22um</t>
  </si>
  <si>
    <t>【普瑞奇】滤芯\RP2296F0536Z50\5um</t>
  </si>
  <si>
    <t>【普瑞奇】滤芯\RP2296F0736Z\7um</t>
  </si>
  <si>
    <t>【普瑞奇】滤芯\RP2296F0736Z50\7um</t>
  </si>
  <si>
    <t>【普瑞奇】滤芯\RP2296F1236Z\12um</t>
  </si>
  <si>
    <t>【普瑞奇】滤芯\RP2296F1236Z50\12um</t>
  </si>
  <si>
    <t>【普瑞奇】滤芯\RP2296F2236Z\22um</t>
  </si>
  <si>
    <t>【普瑞奇】滤芯\RP2296F2236Z50\22um</t>
  </si>
  <si>
    <t>【普瑞奇】滤芯\RP4704F0308Z\3um</t>
  </si>
  <si>
    <t>【普瑞奇】滤芯\RP4704F0508Z\5um</t>
  </si>
  <si>
    <t>【普瑞奇】滤芯\RP4704F0708Z\7um</t>
  </si>
  <si>
    <t>【普瑞奇】滤芯\RP4704F1208Z\12um</t>
  </si>
  <si>
    <t>【普瑞奇】滤芯\RP4704F2208Z\22um</t>
  </si>
  <si>
    <t>【普瑞奇】滤芯\RP4704F2208H\22um</t>
  </si>
  <si>
    <t>【普瑞奇】滤芯\RP4704F1208H\12um</t>
  </si>
  <si>
    <t>【普瑞奇】滤芯\RP4704F0313Z\3um</t>
  </si>
  <si>
    <t>【普瑞奇】滤芯\RP4704F0513Z\5um</t>
  </si>
  <si>
    <t>【普瑞奇】滤芯\RP4704F0713Z\7um</t>
  </si>
  <si>
    <t>【普瑞奇】滤芯\RP4704F1213Z\12um</t>
  </si>
  <si>
    <t>【普瑞奇】滤芯\RP4704F2213Z\22um</t>
  </si>
  <si>
    <t>【普瑞奇】滤芯\RP4704F1213H\12um</t>
  </si>
  <si>
    <t>【普瑞奇】滤芯\RP4704F2213H\22um</t>
  </si>
  <si>
    <t>【普瑞奇】滤芯\RP4704F0316Z\3um</t>
  </si>
  <si>
    <t>【普瑞奇】滤芯\RP4704F0516Z\5um</t>
  </si>
  <si>
    <t>【普瑞奇】滤芯\RP4704F0716Z\7um</t>
  </si>
  <si>
    <t>【普瑞奇】滤芯\RP4704F1216Z\12um</t>
  </si>
  <si>
    <t>【普瑞奇】滤芯\RP4704F2216Z\22um</t>
  </si>
  <si>
    <t>【普瑞奇】滤芯\RP4754F0313Z\3um</t>
  </si>
  <si>
    <t>【普瑞奇】滤芯\RP4754F0316Z\3um</t>
  </si>
  <si>
    <t>【普瑞奇】滤芯\RP4754F0513Z\5um</t>
  </si>
  <si>
    <t>【普瑞奇】滤芯\RP4754F0516Z\5um</t>
  </si>
  <si>
    <t>【普瑞奇】滤芯\RP4754F0713Z\7um</t>
  </si>
  <si>
    <t>【普瑞奇】滤芯\RP4754F0716Z\7um</t>
  </si>
  <si>
    <t>【普瑞奇】滤芯\RP4754F1213Z\12um</t>
  </si>
  <si>
    <t>【普瑞奇】滤芯\RP4754F1216Z\12um</t>
  </si>
  <si>
    <t>【普瑞奇】滤芯\RP4754F2213Z\22um</t>
  </si>
  <si>
    <t>【普瑞奇】滤芯\RP4754F2216Z\22um</t>
  </si>
  <si>
    <t>【普瑞奇】滤芯\RP4754F0326Z\3um</t>
  </si>
  <si>
    <t>【普瑞奇】滤芯\RP4754F0526Z\5um</t>
  </si>
  <si>
    <t>【普瑞奇】滤芯\RP4754F0726Z\7um</t>
  </si>
  <si>
    <t>【普瑞奇】滤芯\RP4754F1226Z\12um</t>
  </si>
  <si>
    <t>【普瑞奇】滤芯\RP4754F2226Z\22um</t>
  </si>
  <si>
    <t>【普瑞奇】滤芯\RP7500SKZ4Z\3um</t>
  </si>
  <si>
    <t>【普瑞奇】滤芯\RP7500SKP4Z\5um</t>
  </si>
  <si>
    <t>【普瑞奇】滤芯\RP7500SKN4Z\7um</t>
  </si>
  <si>
    <t>【普瑞奇】滤芯\RP7500SKS4Z\12um</t>
  </si>
  <si>
    <t>【普瑞奇】滤芯\RP7500SKT4Z\22um</t>
  </si>
  <si>
    <t>【普瑞奇】滤芯\RP8300F0308Z\3um</t>
  </si>
  <si>
    <t>【普瑞奇】滤芯\RP8300F0508Z\5um</t>
  </si>
  <si>
    <t>【普瑞奇】滤芯\RP8300F0708Z\7um</t>
  </si>
  <si>
    <t>【普瑞奇】滤芯\RP8300F1208Z\12um</t>
  </si>
  <si>
    <t>【普瑞奇】滤芯\RP8300F2208Z\22um</t>
  </si>
  <si>
    <t>【普瑞奇】滤芯\RP8300F0316Z\3um</t>
  </si>
  <si>
    <t>【普瑞奇】滤芯\RP8300F0516Z\5um</t>
  </si>
  <si>
    <t>【普瑞奇】滤芯\RP8300F0716Z\7um</t>
  </si>
  <si>
    <t>【普瑞奇】滤芯\RP8300F1216Z\12um</t>
  </si>
  <si>
    <t>【普瑞奇】滤芯\RP8300F2216Z\22um</t>
  </si>
  <si>
    <t>【普瑞奇】滤芯\RP8300F0326Z\3um</t>
  </si>
  <si>
    <t>【普瑞奇】滤芯\RP8300F0526Z\5um</t>
  </si>
  <si>
    <t>【普瑞奇】滤芯\RP8300F0726Z\7um</t>
  </si>
  <si>
    <t>【普瑞奇】滤芯\RP8300F1226Z\12um</t>
  </si>
  <si>
    <t>【普瑞奇】滤芯\RP8300F2226Z\22um</t>
  </si>
  <si>
    <t>【普瑞奇】滤芯\RP8300F0339Z\3um</t>
  </si>
  <si>
    <t>【普瑞奇】滤芯\RP8300F0539Z\5um</t>
  </si>
  <si>
    <t>【普瑞奇】滤芯\RP8300F0739Z\7um</t>
  </si>
  <si>
    <t>【普瑞奇】滤芯\RP8300F1239Z\12um</t>
  </si>
  <si>
    <t>【普瑞奇】滤芯\RP8300F2239Z\22um</t>
  </si>
  <si>
    <t>【普瑞奇】滤芯\RP8300F1230Z-WP11\12um</t>
  </si>
  <si>
    <t>【普瑞奇】滤芯\RP8300F1239Z-WP11\12um</t>
  </si>
  <si>
    <t>【华科仪】硅酸根监测仪(含在线比色仪表软件V2.0)\HK-118W-6\量程0-200ug/L(1-4通道)</t>
  </si>
  <si>
    <t>北京华科仪科技股份有限公司</t>
  </si>
  <si>
    <t>华科仪</t>
  </si>
  <si>
    <t>WZSCCG-2019-BJ-024</t>
  </si>
  <si>
    <t>国家能源e购商城华科仪水质分析仪备件铺货长协采购项目框架协议</t>
  </si>
  <si>
    <t>【华科仪】硅酸根监测仪(含在线比色仪表软件V2.0)\HK-118W-6\量程0-2000ug/L(1-4通道)</t>
  </si>
  <si>
    <t>【华科仪】硅标准溶液\Si -10\10ug/ml 60ml</t>
  </si>
  <si>
    <t>【华科仪】硅标准溶液\Si -100\100ug/ml 60ml</t>
  </si>
  <si>
    <t>【华科仪】有机玻璃过滤器\GLQ55</t>
  </si>
  <si>
    <t>【华科仪】滤芯\LX40\与GLQ55过滤器配套</t>
  </si>
  <si>
    <t>【华科仪】计量泵组件\100PUMP-1</t>
  </si>
  <si>
    <t>【华科仪】比色池\B50-1(TY6A)\方光度计使用，常规量程</t>
  </si>
  <si>
    <t>【华科仪】精彩液晶\AG320240ATSTQW04H</t>
  </si>
  <si>
    <t>【华科仪】磷酸根监测仪(含在线比色仪表软件V2.0)\HK-108W-6\量程0-20mg/L(1-4通道)</t>
  </si>
  <si>
    <t>【华科仪】磷酸根监测仪(含在线比色仪表软件V2.0)\HK-108W-6\量程0-50mg/L(1-4通道)</t>
  </si>
  <si>
    <t>【华科仪】磷标准溶液\P-1K\1mg/ml  60ml</t>
  </si>
  <si>
    <t>【华科仪】联氨监测仪(含在线比色仪表软件V2.0)\HK-128W-6\(1-4通道)</t>
  </si>
  <si>
    <t>【华科仪】联氨标准溶液\10ug/ml\60ml/瓶</t>
  </si>
  <si>
    <t>【华科仪】溶解氧分析仪(含在线电极仪表软件V4.0)\HK-318</t>
  </si>
  <si>
    <t>【华科仪】溶解氧电解液\OXY500-2\60ml</t>
  </si>
  <si>
    <t>【华科仪】溶解氧电极膜片\TYC131</t>
  </si>
  <si>
    <t>【华科仪】在线溶解氧电极备件套装\6101-30K\含电极，膜片，电解液，注射器各1个</t>
  </si>
  <si>
    <t>【华科仪】pH分析仪(含在线电极仪表软件V4.0)\HK-328</t>
  </si>
  <si>
    <t>【华科仪】在线三复合PH电极\13D-C8-1K</t>
  </si>
  <si>
    <t>【华科仪】300系列通用电源板\318-DY1-V3.0-0\3.0版本公用</t>
  </si>
  <si>
    <t>【华科仪】电极电缆\5米\适用于三复合电极</t>
  </si>
  <si>
    <t>【华科仪】ORP分析仪(含在线电极仪表软件V4.0)\HK-328,ORP</t>
  </si>
  <si>
    <t>【华科仪】ORP电极\G2010RPS,HAN-STAR</t>
  </si>
  <si>
    <t>【华科仪】污水ph分析仪(含在线电极仪表软件V4.0)\HK-328W</t>
  </si>
  <si>
    <t>【华科仪】污水三复合PH电极组件\328W-30-0</t>
  </si>
  <si>
    <t>【华科仪】电导率分析仪(含在线电极仪表软件V4.0)\HK-338\K=0.01</t>
  </si>
  <si>
    <t>【华科仪】电导电极\3202-FQ14-1K-0.01</t>
  </si>
  <si>
    <t>【华科仪】阳床钠离子监测仪(含在线电极仪表软件V3.0)\HK-358NH/AO(3.0)</t>
  </si>
  <si>
    <t>【华科仪】在线钠测量电极\5201-S7</t>
  </si>
  <si>
    <t>【华科仪】在线钠参比电极\5202-S7</t>
  </si>
  <si>
    <t>【华科仪】四通道蒸汽钠离子监测仪(含在线电极仪表软件V4.0)\HK-358-04-EL</t>
  </si>
  <si>
    <t>【华科仪】多参数分析仪(软件V1.03)\HK-1305,电导率，双通道</t>
  </si>
  <si>
    <t>【华科仪】多参数分析仪(软件V1.03)\HK-1305,电导率，PH</t>
  </si>
  <si>
    <t>【华科仪】多参数分析仪(软件V1.03)\HK-1305,电导率，溶解氧</t>
  </si>
  <si>
    <t>【华科仪】硅酸根分析仪(含实验室比色仪表软件V3.0)\HK-218\量程0-200ug/l</t>
  </si>
  <si>
    <t>【华科仪】硅酸根分析仪(含实验室比色仪表软件V3.0)\HK-218\量程0-2000ug/l</t>
  </si>
  <si>
    <t>【华科仪】光度计接收单元\S111B\用于218,518光度计</t>
  </si>
  <si>
    <t>【华科仪】光度计组件\S200-820\包括比色池，200量程，B50-2比色皿</t>
  </si>
  <si>
    <t>【华科仪】排污电磁阀组件\G218-0/1-V3.0\包含接头、线号、插针</t>
  </si>
  <si>
    <t>【华科仪】磷酸根分析仪(含实验室比色仪表软件V3.0)\HK-208\量程0-20ug/l</t>
  </si>
  <si>
    <t>【华科仪】磷酸根分析仪(含实验室比色仪表软件V3.0)\HK-208\量程0-50ug/l</t>
  </si>
  <si>
    <t>【华科仪】光度计发射单元\TY18-0/7\S405B</t>
  </si>
  <si>
    <t>【华科仪】光度计接收单元\TY19-0/3\S1227B</t>
  </si>
  <si>
    <t>【华科仪】光度计组件\S20-405\包括比色池，20量程，B50-2比色皿</t>
  </si>
  <si>
    <t>【华科仪】铁含量分析仪(含实验室比色仪表软件V3.0)\HK-508</t>
  </si>
  <si>
    <t>【华科仪】铁标准溶液\Fe-10\10ug/ml 60ml</t>
  </si>
  <si>
    <t>【华科仪】光度计发射单元\S505B</t>
  </si>
  <si>
    <t>【华科仪】光度计接收单元\S111A\用于508光度计</t>
  </si>
  <si>
    <t>【华科仪】光度计组件\S100-505\包括比色池，100量程，A100比色皿</t>
  </si>
  <si>
    <t>【华科仪】排污电磁阀\FFY22\包含接头</t>
  </si>
  <si>
    <t>【华科仪】铜含量分析仪(含实验室比色仪表软件V3.0)\HK-518</t>
  </si>
  <si>
    <t>【华科仪】铜标准溶液\Gu-10\10ug/ml 60ml</t>
  </si>
  <si>
    <t>【华科仪】光度计发射单元\S600A</t>
  </si>
  <si>
    <t>【华科仪】光度计组件\S100-600\包括比色池，100量程，B50-2比色皿</t>
  </si>
  <si>
    <t>【华科仪】联氨分析仪(含实验室比色仪表软件V3.0)\HK-228</t>
  </si>
  <si>
    <t>【华科仪】光度计发射单元\S455B</t>
  </si>
  <si>
    <t>【华科仪】光度计接收单元\S1227B\用于208,228光度计</t>
  </si>
  <si>
    <t>【华科仪】光度计组件\S100-455\包括比色池，100量程，B50-2比色皿</t>
  </si>
  <si>
    <t>【华科仪】浊度分析仪(含实验室比色仪表软件V3.0)\HK-288</t>
  </si>
  <si>
    <t>【华科仪】浊度标准溶液\400NTU\60ml</t>
  </si>
  <si>
    <t>【华科仪】浊度标准溶液\4000NTU\60ml</t>
  </si>
  <si>
    <t>【华科仪】光度计发射单元\S850B\TY18-0/6</t>
  </si>
  <si>
    <t>【华科仪】光度计接收单元\S111B\TY19-0/4</t>
  </si>
  <si>
    <t>【华科仪】光度计组件\288-1-0/2\包括比色池，1000量程，B25-2比色皿</t>
  </si>
  <si>
    <t>【华科仪】便携式微量溶解氧分析仪(含便携式溶解氧分析仪软件V1.02)\HK-258</t>
  </si>
  <si>
    <t>【华科仪】实验室溶解氧电极套装\6201-30K\含电极，膜片，电解液，注射器各1个</t>
  </si>
  <si>
    <t>【华科仪】便携式微量溶解氧分析仪(含便携式溶解氧分析仪软件V1.02)\HK-258A</t>
  </si>
  <si>
    <t>【华科仪】台式电导率仪(含实验室电极仪表软件V3.0)\HK-307\电极常数K=0.01</t>
  </si>
  <si>
    <t>【华科仪】台式电导率仪(含实验室电极仪表软件V3.0)\HK-307\电极常数K=0.1</t>
  </si>
  <si>
    <t>【华科仪】台式电导率仪(含实验室电极仪表软件V3.0)\HK-307\电极常数K=1</t>
  </si>
  <si>
    <t>【华科仪】台式电导率仪(含实验室电极仪表软件V3.0)\HK-307\电极常数K=10</t>
  </si>
  <si>
    <t>【华科仪】实验室电导电极\307-1-0\电极常数K=0.01</t>
  </si>
  <si>
    <t>【华科仪】实验室光亮电导电极\3102-BNC-0.6m-0.1\电极常数K=0.1</t>
  </si>
  <si>
    <t>【华科仪】实验室塑壳符合电导电极\3101-BNC-1K-0.9m-1.0\电极常数K=1</t>
  </si>
  <si>
    <t>【华科仪】实验室石墨电导电极\DJS-10\电极常数K=10</t>
  </si>
  <si>
    <t>【华科仪】电极支架\307-5-0</t>
  </si>
  <si>
    <t>【华科仪】PT1000温度电极\TY142-0</t>
  </si>
  <si>
    <t>【华科仪】台式钠度计(3.0)(含实验室电极仪表软件V3.0)\HK-51</t>
  </si>
  <si>
    <t>【华科仪】钠测量电极\5101S-BNC-0.6m</t>
  </si>
  <si>
    <t>【华科仪】钠参比电极\5102S-L9-0.6m</t>
  </si>
  <si>
    <t>【华科仪】台式精密酸度计(3.0)(含实验室电极仪表软件V3.0)\HK-3C\配电极：2503D-C</t>
  </si>
  <si>
    <t>【华科仪】台式精密酸度计(3.0)(含实验室电极仪表软件V3.0)\HK-3C\配电极：201-C</t>
  </si>
  <si>
    <t>【华科仪】实验室纯水PH电极\2503D-BNC-0.6m</t>
  </si>
  <si>
    <t>【华科仪】实验室普通水PH电极\201-BNC-0.6m</t>
  </si>
  <si>
    <t>【华科仪】便携式pH/电导率仪(含实验室电极仪表软件V3.0)\HK-2301(含DD、PH、ORP、TDS)\电极常数K=0.01，K=0.1，K=1，K=10可选</t>
  </si>
  <si>
    <t>【华科仪】电导电极\3201-FQ14-1K-0.01\流通式</t>
  </si>
  <si>
    <t>【华科仪】PH电极\2401-BNC-1K-0.9m</t>
  </si>
  <si>
    <t>【华科仪】实验室超纯水机(HK-5801系列纯水机软件V1.0)\HK-5801N20</t>
  </si>
  <si>
    <t>【华科仪】DI包\DI-4-42-M450</t>
  </si>
  <si>
    <t>【华科仪】在线脱气电导率分析仪(含在线电极仪表软件V4.0)\HK-1309DC</t>
  </si>
  <si>
    <t>【华科仪】全自动树脂再生装置\HK-5810</t>
  </si>
  <si>
    <t>【东电水电主机】水导轴瓦\0S3379</t>
  </si>
  <si>
    <t>东方电气集团东方电机有限公司</t>
  </si>
  <si>
    <t>东电</t>
  </si>
  <si>
    <t>WZSCCG-2019-DH-004</t>
  </si>
  <si>
    <t>国家能源e购商城东电水电主机备件商城铺货长协采购框架协议</t>
  </si>
  <si>
    <t>【东电水电主机】止推块\3S12438</t>
  </si>
  <si>
    <t>【东电水电主机】螺杆\M12*130\4S22163</t>
  </si>
  <si>
    <t>【东电水电主机】双头螺柱\4S22164</t>
  </si>
  <si>
    <t>【东电水电主机】调整套\4S22165</t>
  </si>
  <si>
    <t>【东电水电主机】调整套\4S22166</t>
  </si>
  <si>
    <t>【东电水电主机】支撑块\3S12441</t>
  </si>
  <si>
    <t>【东电水电主机】键\3S12439</t>
  </si>
  <si>
    <t>【东电水电主机】轴瓦支承环\1S6770</t>
  </si>
  <si>
    <t>【东电水电主机】下迷宫环\2S7987</t>
  </si>
  <si>
    <t>【东电水电主机】转动环\0S3317</t>
  </si>
  <si>
    <t>【东电水电主机】密封块\1S6665</t>
  </si>
  <si>
    <t>【东电水电主机】联轴螺栓螺柱\M140*6\2S7876</t>
  </si>
  <si>
    <t>【东电水电主机】联轴螺栓螺母\M140*6\3S12241</t>
  </si>
  <si>
    <t>【东电水电主机】联轴螺栓螺柱\M170*6\2S7877</t>
  </si>
  <si>
    <t>【东电水电主机】联轴螺栓螺母\M170*6\3S12242</t>
  </si>
  <si>
    <t>【东电水电主机】空气围带\1S6664</t>
  </si>
  <si>
    <t>【东电水电主机】接头\4S20103</t>
  </si>
  <si>
    <t>【东电水电主机】带钩接头\4S20119</t>
  </si>
  <si>
    <t>【东电水电主机】凸空心插头\4S21990</t>
  </si>
  <si>
    <t>【东电水电主机】下轴套\3S11898</t>
  </si>
  <si>
    <t>【东电水电主机】上轴套\4S21859</t>
  </si>
  <si>
    <t>【东电水电主机】中轴套\4S21855</t>
  </si>
  <si>
    <t>【东电水电主机】导叶止推轴承\3S10881</t>
  </si>
  <si>
    <t>【东电水电主机】摩擦环\4S21860</t>
  </si>
  <si>
    <t>【东电水电主机】剪断销轴承\4S20261</t>
  </si>
  <si>
    <t>【东电水电主机】剪断销\3S12353</t>
  </si>
  <si>
    <t>【东电水电主机】防抬轴承\3S10875</t>
  </si>
  <si>
    <t>【东电水电主机】轴套\φ145\3S12303</t>
  </si>
  <si>
    <t>【东电水电主机】推拉杆轴套\4S21974</t>
  </si>
  <si>
    <t>【东电水电主机】锥销\3S10872</t>
  </si>
  <si>
    <t>【东电水电主机】锥销锁紧螺栓\4S20263</t>
  </si>
  <si>
    <t>【东电水电主机】锥销套\3S10873</t>
  </si>
  <si>
    <t>【东电水电主机】锥销顶起螺母\4S20264</t>
  </si>
  <si>
    <t>【东电水电主机】底抗磨板\3S12301</t>
  </si>
  <si>
    <t>【东电水电主机】导叶臂\2S7836</t>
  </si>
  <si>
    <t>【东电水电主机】连接板\2S7834</t>
  </si>
  <si>
    <t>【东电水电主机】下轴套装配\4S21996</t>
  </si>
  <si>
    <t>【东电水电主机】抗磨板\3S12297</t>
  </si>
  <si>
    <t>【东电水电主机】立抗磨板\3S12302</t>
  </si>
  <si>
    <t>【东电水电主机】导轴承\4S21721</t>
  </si>
  <si>
    <t>【东电水电主机】孔用方形圈\GSF8600\0S3281项30</t>
  </si>
  <si>
    <t>【东电水电主机】导轴承\4S21722</t>
  </si>
  <si>
    <t>【东电水电主机】压环\4B3454</t>
  </si>
  <si>
    <t>【东电水电主机】密封环\4B3455</t>
  </si>
  <si>
    <t>【东电水电主机】轴套\4S22118</t>
  </si>
  <si>
    <t>【东电水电主机】螺母\M100*6\4B3564</t>
  </si>
  <si>
    <t>【东电水电主机】螺柱\M100*6*320\4B4255</t>
  </si>
  <si>
    <t>【东电水电主机】圆筒阀上密封圈\3S12155</t>
  </si>
  <si>
    <t>【东电水电主机】圆筒阀下密封圈\3S12154</t>
  </si>
  <si>
    <t>【东电水电主机】滚动丝杆副\SRF*Z120*30-R52065/3370.5G5\2S8133</t>
  </si>
  <si>
    <t>【东电水电主机】法兰\SGJR-100\20*1500\3S12361</t>
  </si>
  <si>
    <t>【东电水电主机】轴套\4S22459</t>
  </si>
  <si>
    <t>【东电水电主机】导向环\GST5930-D400\0S3281项29</t>
  </si>
  <si>
    <t>【东电水电主机】碟簧\φ50/φ25.4*3\4S22467</t>
  </si>
  <si>
    <t>【东电水电主机】高压球阀\Q41F-64P\DN100</t>
  </si>
  <si>
    <t>【东电水电主机】圆筒阀接力器\OS3440</t>
  </si>
  <si>
    <t>【东电水电主机】卡套式直通管接头\GB3737.1-83</t>
  </si>
  <si>
    <t>【东电水电主机】内螺纹球阀\G1/2\Q11F-25P</t>
  </si>
  <si>
    <t>【东电水电主机】端直通管接头\DXH1-1\d=G1/2\D0=32</t>
  </si>
  <si>
    <t>【东电水电主机】单向节流阀\MK25G1.2G11/4</t>
  </si>
  <si>
    <t>【东电水电主机】卡套式压力表放空截止阀\M20*1.5</t>
  </si>
  <si>
    <t>【东电水电主机】不锈钢直通接头\W-GV-L42*3-SS</t>
  </si>
  <si>
    <t>【东电水电主机】不锈钢接头\W-GE-L\15*2R1/2K-SS</t>
  </si>
  <si>
    <t>【东电水电主机】不锈钢直通接头\W-GE-L\35*3-1\1/4\NPT-SS</t>
  </si>
  <si>
    <t>【东电水电主机】不锈钢接头\W-GE-L\15*2-G1/2-SS</t>
  </si>
  <si>
    <t>【东电水电主机】压力表截止阀\PN1.6\M20*1.5</t>
  </si>
  <si>
    <t>【东电水电主机】外螺纹截止阀\PN6.4MPa\DN10</t>
  </si>
  <si>
    <t>【东电水电主机】截止阀\PN10MPa\DN25</t>
  </si>
  <si>
    <t>【东电水电主机】不锈钢压力表截止阀\M20*1.5\6.4MPa</t>
  </si>
  <si>
    <t>【东电水电主机】截止阀\J91H-64P\φ14</t>
  </si>
  <si>
    <t>【东电水电主机】球阀\Q41F-64P\DN100</t>
  </si>
  <si>
    <t>【东电水电主机】球阀\Q41F-64P\DN80</t>
  </si>
  <si>
    <t>【东电水电主机】金属软管\3S12298</t>
  </si>
  <si>
    <t>【东电水电主机】金属软管\3S12206</t>
  </si>
  <si>
    <t>【东电水电主机】法兰\SGJR-100\20*1000\3S12361</t>
  </si>
  <si>
    <t>【东电水电主机】特殊法兰\3S12299</t>
  </si>
  <si>
    <t>【东电水电主机】轴用阶梯圈\GSJ3150</t>
  </si>
  <si>
    <t>【东电水电主机】轴用Yx圈\GY13150</t>
  </si>
  <si>
    <t>【东电水电主机】防尘圈\GP1-3150</t>
  </si>
  <si>
    <t>【东电水电主机】防水橡胶板\4B3448</t>
  </si>
  <si>
    <t>【东电水电主机】密封板\4S22115</t>
  </si>
  <si>
    <t>【东电水电主机】事故配压阀\1Y488-B\DN150B</t>
  </si>
  <si>
    <t>【东电水电主机】电磁换向阀\4WE10Y3X/CG220N9Z4</t>
  </si>
  <si>
    <t>【东电水电主机】电磁换向阀\NG16</t>
  </si>
  <si>
    <t>【东电水电主机】单向推力球轴承\8428\GB301-64</t>
  </si>
  <si>
    <t>【东电水电主机】轴用回转方形圈\GRS1300</t>
  </si>
  <si>
    <t>【东电水电主机】轴用方形圈\GSI1800</t>
  </si>
  <si>
    <t>【东电水电主机】孔用方形圈\GSF4000</t>
  </si>
  <si>
    <t>【东电水电主机】防尘圈\GP6-1800</t>
  </si>
  <si>
    <t>【东电水电主机】轴用Yx圈\GYI1800</t>
  </si>
  <si>
    <t>【东电水电主机】轴用阶梯圈\GSJ1800</t>
  </si>
  <si>
    <t>【东电水电主机】轴承装配\3S12728</t>
  </si>
  <si>
    <t>【东电水电主机】碟簧\φ280/φ141.6*18\3S12727</t>
  </si>
  <si>
    <t>【东电水电主机】风闸制动块\3DF438</t>
  </si>
  <si>
    <t>【东电水电主机】风闸制动器密封圈\3DF438</t>
  </si>
  <si>
    <t>【东电水电主机】制动器\ZD320-A\1DF222</t>
  </si>
  <si>
    <t>【东电水电主机】上层线圈\1F5721.0</t>
  </si>
  <si>
    <t>【东电水电主机】上层线圈\1F5721.1</t>
  </si>
  <si>
    <t>【东电水电主机】下层线圈\1F5721.2</t>
  </si>
  <si>
    <t>【东电水电主机】槽楔\3F11674.0</t>
  </si>
  <si>
    <t>【东电水电主机】槽楔\3F11674.1</t>
  </si>
  <si>
    <t>【东电水电主机】斜偰\4F19166.0</t>
  </si>
  <si>
    <t>【东电水电主机】斜偰\4F19166.1</t>
  </si>
  <si>
    <t>【东电水电主机】波纹板\3F11678.0</t>
  </si>
  <si>
    <t>【东电水电主机】波纹板\3F11678.1</t>
  </si>
  <si>
    <t>【东电水电主机】槽口垫块\4F19200.0</t>
  </si>
  <si>
    <t>【东电水电主机】槽口垫块\4F19200.1</t>
  </si>
  <si>
    <t>【东电水电主机】斜边垫块\4F19201</t>
  </si>
  <si>
    <t>【东电水电主机】绝缘盒\3F11664</t>
  </si>
  <si>
    <t>【东电水电主机】绝缘盒\3F11665</t>
  </si>
  <si>
    <t>【东电水电主机】并头块\4F20158.0</t>
  </si>
  <si>
    <t>【东电水电主机】并头块\4F20158.1</t>
  </si>
  <si>
    <t>【东电水电主机】并头块\4F20159</t>
  </si>
  <si>
    <t>【东电水电主机】并头块\4F19141</t>
  </si>
  <si>
    <t>【东电水电主机】跨接线\3F11715.0</t>
  </si>
  <si>
    <t>【东电水电主机】跨接线\3F11715.1</t>
  </si>
  <si>
    <t>【东电水电主机】跨接线\3F11716.0</t>
  </si>
  <si>
    <t>【东电水电主机】跨接线\3F11716.1</t>
  </si>
  <si>
    <t>【东电水电主机】定子铁心测温电阻\4F18680</t>
  </si>
  <si>
    <t>【东电水电主机】铂热电阻\4F19672.6</t>
  </si>
  <si>
    <t>【东电水电主机】定子线圈测温电阻\2F7760.0</t>
  </si>
  <si>
    <t>【东电水电主机】定子线圈测温电阻\2F7760.1</t>
  </si>
  <si>
    <t>【东电水电主机】定子线圈测温电阻\2F7760.2</t>
  </si>
  <si>
    <t>【东电水电主机】磁极线圈\1F5831</t>
  </si>
  <si>
    <t>【东电水电主机】绝缘螺杆\M30\4F19126</t>
  </si>
  <si>
    <t>【东电水电主机】支撑环\3F14113</t>
  </si>
  <si>
    <t>【东电水电主机】绝缘套管\4F19125.0</t>
  </si>
  <si>
    <t>【东电水电主机】绝缘套管\4F19125.6</t>
  </si>
  <si>
    <t>【东电水电主机】绝缘套管\4F19125.7</t>
  </si>
  <si>
    <t>【东电水电主机】电刷\3F13390</t>
  </si>
  <si>
    <t>【东电水电主机】刷握\DK\1F6962</t>
  </si>
  <si>
    <t>【东电水电主机】定子条形线棒上层线圈\1F9550.1</t>
  </si>
  <si>
    <t>【东电水电主机】定子条形线棒\1F9550.2</t>
  </si>
  <si>
    <t>【东电水电主机】定子条形线棒上层线圈\1F9550.3</t>
  </si>
  <si>
    <t>【东电水电主机】定子条形线棒下层线圈\1F9550.4</t>
  </si>
  <si>
    <t>【东电水电主机】定子条形线棒下层线圈\1F9550.5</t>
  </si>
  <si>
    <t>【东电水电主机】定子条形线棒下层线圈\1F9550.6</t>
  </si>
  <si>
    <t>【东电水电主机】定子条形线棒并头套\1F9567</t>
  </si>
  <si>
    <t>【东电水电主机】定子条形线棒绝缘盒\3F17763</t>
  </si>
  <si>
    <t>【东电水电主机】定子条形线棒绝缘盒\3F17764</t>
  </si>
  <si>
    <t>【东电水电主机】推力轴承瓦\1F6364</t>
  </si>
  <si>
    <t>【东电水电主机】推力轴承瓦\1F13046</t>
  </si>
  <si>
    <t>【东电水电主机】径向导轴承瓦\1F13047</t>
  </si>
  <si>
    <t>【东电水电主机】径向导轴承瓦\1F13048</t>
  </si>
  <si>
    <t>【东电水电主机】制动块\3F16214</t>
  </si>
  <si>
    <t>【东电水电主机】弹簧\4F13345</t>
  </si>
  <si>
    <t>【东电水电主机】星型密封圈\4DF1595</t>
  </si>
  <si>
    <t>【东电水电主机】格莱圈\GSF\4DF1597</t>
  </si>
  <si>
    <t>【东电水电主机】集电环电刷\NCC634\4B6625</t>
  </si>
  <si>
    <t>【东电水电主机】集电环刷握\HZ12-2\25*32*60\4B2872</t>
  </si>
  <si>
    <t>【东电水电主机】垫板\3F12316</t>
  </si>
  <si>
    <t>【东电水电主机】密封垫\4F12646</t>
  </si>
  <si>
    <t>【东电水电主机】密封垫\4F16563</t>
  </si>
  <si>
    <t>【东电水电主机】磁极\1F9651.1</t>
  </si>
  <si>
    <t>【东电水电主机】磁极\1F9651.2</t>
  </si>
  <si>
    <t>【东电水电主机】磁极\1F9651.3</t>
  </si>
  <si>
    <t>【东电水电主机】磁极\1F9651.0</t>
  </si>
  <si>
    <t>【东电水电主机】阻尼环连接片\4F19979</t>
  </si>
  <si>
    <t>【东电水电主机】定子槽楔\2F11431.0</t>
  </si>
  <si>
    <t>【东电水电主机】定子槽楔\2F11431.1</t>
  </si>
  <si>
    <t>【东电水电主机】定子槽楔\2F11431.2</t>
  </si>
  <si>
    <t>【东电水电主机】槽口垫块\4F26465.0</t>
  </si>
  <si>
    <t>【东电水电主机】槽口垫块\4F26465.1</t>
  </si>
  <si>
    <t>【东电水电主机】波纹板\3F17766.0</t>
  </si>
  <si>
    <t>【东电水电主机】波纹板\3F17766.1</t>
  </si>
  <si>
    <t>【东电水电主机】波纹板\3F17766.2</t>
  </si>
  <si>
    <t>【东电水电主机】制动器\ZD220\1DF592</t>
  </si>
  <si>
    <t>【东电水电主机】定子绕组测温电阻\RTD\3F18951.0</t>
  </si>
  <si>
    <t>【东电水电主机】定子铁心测温电阻\RTD\3F18951.1</t>
  </si>
  <si>
    <t>【东电水电主机】受油器浮动瓦\A\3S18230</t>
  </si>
  <si>
    <t>【东电水电主机】受油器浮动瓦\B\3S18231</t>
  </si>
  <si>
    <t>【东电水电主机】受油器浮动瓦\C\3S18232</t>
  </si>
  <si>
    <t>【东电水电主机】小轴瓦\φ370\2S11457</t>
  </si>
  <si>
    <t>【东电水电主机】大轴瓦\φ1150\2S11460</t>
  </si>
  <si>
    <t>【东电水电主机】导向瓦\4S27882</t>
  </si>
  <si>
    <t>【东电水电主机】导向环\GST5930-D1470\1S10794</t>
  </si>
  <si>
    <t>【东电水电主机】受油器轴套\φ100\4S24347</t>
  </si>
  <si>
    <t>【东电水电主机】受油器轴套\φ100\4S24351</t>
  </si>
  <si>
    <t>【东电水电主机】轴套\φ200\4S27698</t>
  </si>
  <si>
    <t>【东电水电主机】轴套\φ185\4S27702</t>
  </si>
  <si>
    <t>【东电水电主机】轴套\φ430\4S27713</t>
  </si>
  <si>
    <t>【东电水电主机】轴套\φ530\4S27712</t>
  </si>
  <si>
    <t>【东电水电主机】轴套\φ130\3S17587</t>
  </si>
  <si>
    <t>【东电水电主机】轴套\φ100\4S24351</t>
  </si>
  <si>
    <t>【东电水电主机】轴套\φ100\4S24347</t>
  </si>
  <si>
    <t>【东电水电主机】孔用方形圈\GSF14700\1S10794</t>
  </si>
  <si>
    <t>【东电水电主机】绝缘套\JeSD335-10\1S10735项43</t>
  </si>
  <si>
    <t>【东电水电主机】绝缘套\JeSD335-10\1S10735项48</t>
  </si>
  <si>
    <t>【东电水电主机】绝缘套\JeSD335-10\1S10735项83</t>
  </si>
  <si>
    <t>【东电水电主机】轴用阶梯圈\GSJ1000\1S10735</t>
  </si>
  <si>
    <t>【东电水电主机】轴用方形圈\GSI1000\1S10735</t>
  </si>
  <si>
    <t>【东电水电主机】耐油石棉橡胶板\4S28383</t>
  </si>
  <si>
    <t>【东电水电主机】耐油石棉橡胶板\4S28384</t>
  </si>
  <si>
    <t>【东电水电主机】轴套\FZ-1\Je10-189\4S22070</t>
  </si>
  <si>
    <t>【东电水电主机】密封垫片\4S23795</t>
  </si>
  <si>
    <t>【东电水电主机】滤网\3B945\1S11559</t>
  </si>
  <si>
    <t>【东电水电主机】定子铁心测温电阻\2F11889.0</t>
  </si>
  <si>
    <t>【东电水电主机】定子线圈测温电阻\2F11889.1</t>
  </si>
  <si>
    <t>【东电水电主机】定子线圈测温电阻\2F11889.2</t>
  </si>
  <si>
    <t>【东电水电主机】定子上层线圈\1F8015.0</t>
  </si>
  <si>
    <t>【东电水电主机】定子上层线圈\1F8015.1</t>
  </si>
  <si>
    <t>【东电水电主机】定子下层线圈\1F8015.2</t>
  </si>
  <si>
    <t>【东电水电主机】定子下层线圈\1F8015.3</t>
  </si>
  <si>
    <t>【东电水电主机】绝缘盒\4F15984</t>
  </si>
  <si>
    <t>【东电水电主机】斜绝缘盒\4F15987</t>
  </si>
  <si>
    <t>【东电水电主机】绝缘盒\4F15983</t>
  </si>
  <si>
    <t>【东电水电主机】并头块\4F24460</t>
  </si>
  <si>
    <t>【东电水电主机】斜并头块\4F24461</t>
  </si>
  <si>
    <t>【东电水电主机】槽楔\2F10361.0</t>
  </si>
  <si>
    <t>【东电水电主机】槽楔\2F10361.1</t>
  </si>
  <si>
    <t>【东电水电主机】槽楔\2F10361.2</t>
  </si>
  <si>
    <t>【东电水电主机】波纹板\3F15982.0</t>
  </si>
  <si>
    <t>【东电水电主机】波纹板\3F15982.1</t>
  </si>
  <si>
    <t>【东电水电主机】波纹板\3F15982.2</t>
  </si>
  <si>
    <t>【东电水电主机】槽口垫块\4F23535.0</t>
  </si>
  <si>
    <t>【东电水电主机】槽口垫块\4F23535.1</t>
  </si>
  <si>
    <t>【东电水电主机】间隔块\4F23537.0</t>
  </si>
  <si>
    <t>【东电水电主机】间隔块\4F23537.1</t>
  </si>
  <si>
    <t>【东电水电主机】导电玻璃布\J0967\0.25*23*3340</t>
  </si>
  <si>
    <t>【东电水电主机】导电槽衬\J1008\0.13*280*3340</t>
  </si>
  <si>
    <t>【东电水电主机】导电槽衬\J1008\0.13*285*3340</t>
  </si>
  <si>
    <t>【东电水电主机】绝缘板\J0995\5*23*3340</t>
  </si>
  <si>
    <t>【东电水电主机】层压板\D327\0.25*23*3340</t>
  </si>
  <si>
    <t>【东电水电主机】层压板\D327\0.5*23*3340</t>
  </si>
  <si>
    <t>【东电水电主机】层压板\D327\1*23*3340</t>
  </si>
  <si>
    <t>【东电水电主机】层压板\D327\2*23*3340</t>
  </si>
  <si>
    <t>【东电水电主机】玻璃丝绳\DER\φ2\1F8129</t>
  </si>
  <si>
    <t>【东电水电主机】涤纶护套玻璃丝绳\DER\φ25\1F8129</t>
  </si>
  <si>
    <t>【东电水电主机】涤纶护套玻璃丝绳\φ350\1F8129</t>
  </si>
  <si>
    <t>【东电水电主机】无碱玻璃纤维丝带\ET-100\0.1*25</t>
  </si>
  <si>
    <t>【东电水电主机】无碱玻璃纤绝缘绑扎带\EBT25\0.85*25</t>
  </si>
  <si>
    <t>【东电水电主机】纤维纸\T410\0.13*23*3400</t>
  </si>
  <si>
    <t>【东电水电主机】铜磷钎料\φ3\1F8129</t>
  </si>
  <si>
    <t>【东电水电主机】铜钎料\0.2*65</t>
  </si>
  <si>
    <t>【东电水电主机】聚脂晾干红瓷漆\188</t>
  </si>
  <si>
    <t>【东电水电主机】室温固化胶\DECJ0708</t>
  </si>
  <si>
    <t>【东电水电主机】粉云母带\0.14*25\1F8015.0</t>
  </si>
  <si>
    <t>【东电水电主机】环氧浸渍胶\793</t>
  </si>
  <si>
    <t>【东电水电主机】阻尼环连接裝配\4F23472</t>
  </si>
  <si>
    <t>【东电水电主机】极间连接线装配\2F9968</t>
  </si>
  <si>
    <t>【东电水电主机】转子引线螺栓\GB/T5783\M12*45\1F8187</t>
  </si>
  <si>
    <t>【东电水电主机】转子引线螺母\GB/T6170\M12\1F8187</t>
  </si>
  <si>
    <t>【东电水电主机】止动垫圈\12*45\4B4683</t>
  </si>
  <si>
    <t>【东电水电主机】线夹装配\3F15213</t>
  </si>
  <si>
    <t>【东电水电主机】线夹装配\3F15212</t>
  </si>
  <si>
    <t>【东电水电主机】线夹装配\3F15215</t>
  </si>
  <si>
    <t>【东电水电主机】线夹装配\3F15216</t>
  </si>
  <si>
    <t>【东电水电主机】线夹装配\3F15214</t>
  </si>
  <si>
    <t>【东电水电主机】线夹装配\4F23573</t>
  </si>
  <si>
    <t>【东电水电主机】橡胶板\1613\1.5*80*240\1F8187</t>
  </si>
  <si>
    <t>【东电水电主机】橡胶板\1613\1.5*80*350\1F8187</t>
  </si>
  <si>
    <t>【东电水电主机】止动垫圈\12*45\4B4681</t>
  </si>
  <si>
    <t>【东电水电主机】集电环碳刷\SC3F</t>
  </si>
  <si>
    <t>【东电水电主机】集电环炭刷刷握\HDK-1\34*38</t>
  </si>
  <si>
    <t>【东电水电主机】轴电流互感器\ZCT-160.800/1-1430\1430mm</t>
  </si>
  <si>
    <t>【东电水电主机】穿心螺杆\4F24693</t>
  </si>
  <si>
    <t>【东电水电主机】磁轭键\3F15047</t>
  </si>
  <si>
    <t>【东电水电主机】磁极键\4F23473</t>
  </si>
  <si>
    <t>【东电水电主机】磁极间撑块\2F10161</t>
  </si>
  <si>
    <t>【东电水电主机】磁轭拉紧螺杆\4F23754</t>
  </si>
  <si>
    <t>【东电水电主机】推力瓦\1F8453</t>
  </si>
  <si>
    <t>【东电水电主机】托瓦\2F9696</t>
  </si>
  <si>
    <t>【东电水电主机】挡块\4F24116</t>
  </si>
  <si>
    <t>【东电水电主机】内挡板\4F18642</t>
  </si>
  <si>
    <t>【东电水电主机】连板\4F18648</t>
  </si>
  <si>
    <t>【东电水电主机】连板\4F18649</t>
  </si>
  <si>
    <t>【东电水电主机】碟簧装配\4F14805</t>
  </si>
  <si>
    <t>【东电水电主机】上导轴承瓦\2F11195</t>
  </si>
  <si>
    <t>【东电水电主机】上导楔子板\3F12286</t>
  </si>
  <si>
    <t>【东电水电主机】上导夹板\4F12140</t>
  </si>
  <si>
    <t>【东电水电主机】上导球面支柱\3F7082</t>
  </si>
  <si>
    <t>【东电水电主机】下导轴承瓦\2F10168</t>
  </si>
  <si>
    <t>【东电水电主机】空气冷却器\620kW\1F8609</t>
  </si>
  <si>
    <t>【东电水电主机】推力油冷却器\2000mm/630mm/630mm\0.2-0.6Mpa\3F15703.1</t>
  </si>
  <si>
    <t>【东电水电主机】下导油冷却器\80m3/h\240KW\0.6MPa\1F8304</t>
  </si>
  <si>
    <t>【东电水电主机】上导油冷却器\80m3/h\240KW\0.6MPa\1F8339</t>
  </si>
  <si>
    <t>【东电水电主机】齿轮泵\PGH4-2*/063RE07VU2\25\Mpa\94.4l/min\22kW</t>
  </si>
  <si>
    <t>【东电水电主机】单向阀\W-RD-L28*3-SS</t>
  </si>
  <si>
    <t>【东电水电主机】直通单向阀\RZ-L10G1/4WD-SS</t>
  </si>
  <si>
    <t>【东电水电主机】流量调节阀\4F23303</t>
  </si>
  <si>
    <t>【东电水电主机】高压软管\DKOL-10-DN08/DKOL90-10-DN08\SS</t>
  </si>
  <si>
    <t>【东电水电主机】异步电机\Y180L-4\22KW/380V,IP54,B35</t>
  </si>
  <si>
    <t>【东电水电主机】Y型过滤器滤芯\1G-G2-Ms-SS\18k\40Mpa</t>
  </si>
  <si>
    <t>【东电水电主机】不锈钢球阀\KH-G2\1/2</t>
  </si>
  <si>
    <t>【东电水电主机】滤油器\Pi3615-015</t>
  </si>
  <si>
    <t>【东电水电主机】滤油器滤芯\Pi3115</t>
  </si>
  <si>
    <t>【东电水电主机】溢流阀\DBDS\15\G1A/200</t>
  </si>
  <si>
    <t>【东电水电主机】制动块\3DF930</t>
  </si>
  <si>
    <t>【东电水电主机】弹簧\4F14805</t>
  </si>
  <si>
    <t>【东电水电主机】吸排油雾机\HQF-Ⅲ\1.3kW\220V\4F23162</t>
  </si>
  <si>
    <t>【东电水电主机】测温电阻\L16Pt100\-250-10-3232/G00K400</t>
  </si>
  <si>
    <t>【东电水电主机】测温电阻\L16Pt100\-200-10-3232/G00B400</t>
  </si>
  <si>
    <t>【东电水电主机】测温电阻\L16Pt100\-200-10-3232/F00B400</t>
  </si>
  <si>
    <t>【东电水电主机】测温电阻\LF16Pt100\-100-3220/G04W</t>
  </si>
  <si>
    <t>【东电水电主机】测温电阻\L04Pt100\-15-26-3115/Y00</t>
  </si>
  <si>
    <t>【东电水电主机】测温电阻\LTW2016Pt100-150-8-3204/00</t>
  </si>
  <si>
    <t>【东电水电主机】测温电阻\LTW2018Pt100-150-8-3204/00</t>
  </si>
  <si>
    <t>【东电水电主机】测温电阻\S12Pt100-150-10-3202/F00B300</t>
  </si>
  <si>
    <t>【东电水电主机】测温电阻\S12Pt100-200-10-3232/F00B300</t>
  </si>
  <si>
    <t>【东电水电主机】测温电阻\F12Pt100-100-3230/F05</t>
  </si>
  <si>
    <t>【东电水电主机】双线圈电磁阀\6623B-351-PM\MAC</t>
  </si>
  <si>
    <t>【东电水电主机】油混水信号器\FOLOLO,HWIO-HW</t>
  </si>
  <si>
    <t>【东电水电主机】大轴蠕动信号装置\RD-A</t>
  </si>
  <si>
    <t>【东电水电主机】保护信号装置\JDS-24</t>
  </si>
  <si>
    <t>【东电水电主机】连杆装配\2S8649</t>
  </si>
  <si>
    <t>【东电水电主机】轴套\φ120\4S2719</t>
  </si>
  <si>
    <t>【东电水电主机】轴套\φ200\4S2765</t>
  </si>
  <si>
    <t>【东电水电主机】轴套\φ220\4S2732</t>
  </si>
  <si>
    <t>【东电水电主机】水导轴瓦\1S242</t>
  </si>
  <si>
    <t>【东电水电主机】连杆装配\2S124</t>
  </si>
  <si>
    <t>【东电水电主机】真空破坏阀\2S260</t>
  </si>
  <si>
    <t>【东电水电主机】联轴螺栓\M140*4\3S222</t>
  </si>
  <si>
    <t>【东电水电主机】联轴螺栓\M140*5\3S223</t>
  </si>
  <si>
    <t>【东电水电主机】联轴螺栓\M140*4\4S442</t>
  </si>
  <si>
    <t>【东电水电主机】活动导叶\OS2653</t>
  </si>
  <si>
    <t>【东电水电主机】螺栓\4B4159</t>
  </si>
  <si>
    <t>【东电水电主机】螺栓\4B4160</t>
  </si>
  <si>
    <t>【东电水电主机】螺栓\4B4161</t>
  </si>
  <si>
    <t>【东电水电主机】螺栓\4B4162</t>
  </si>
  <si>
    <t>【东电水电主机】螺栓\4B4163</t>
  </si>
  <si>
    <t>【东电水电主机】螺栓\4B4164</t>
  </si>
  <si>
    <t>【东电水电主机】螺母\4B3558</t>
  </si>
  <si>
    <t>【东电水电主机】螺栓\OS2685</t>
  </si>
  <si>
    <t>【东电水电主机】连杆轴套\4S17903</t>
  </si>
  <si>
    <t>【东电水电主机】联轴双头螺栓\M140*4\2S1980</t>
  </si>
  <si>
    <t>【东电水电主机】上端轴联接螺栓\M110*4\3F3248</t>
  </si>
  <si>
    <t>【东电水电主机】螺母\M110*4</t>
  </si>
  <si>
    <t>【东电水电主机】水导瓦\1S1544</t>
  </si>
  <si>
    <t>【东电水电主机】连杆装配\2S907</t>
  </si>
  <si>
    <t>【东电水电主机】支撑环\3S16993</t>
  </si>
  <si>
    <t>【东电水电主机】压环\2S11177\3S16995</t>
  </si>
  <si>
    <t>【东电水电主机】补气阀\φ400\1S8057</t>
  </si>
  <si>
    <t>【东电水电主机】对夹式蝶阀\DN300</t>
  </si>
  <si>
    <t>【东电水电主机】极间连接片\4F25650</t>
  </si>
  <si>
    <t>【东电水电主机】阻尼环连接片\4F25666</t>
  </si>
  <si>
    <t>【东电水电主机】绝缘盒\4F25695</t>
  </si>
  <si>
    <t>【东电水电主机】绝缘盒\4F25694</t>
  </si>
  <si>
    <t>【东电水电主机】绝缘盒\3F13045</t>
  </si>
  <si>
    <t>【东电水电主机】绝缘盒\3F3150</t>
  </si>
  <si>
    <t>【东电水电主机】绝缘盒\3F3151</t>
  </si>
  <si>
    <t>【东电水电主机】绝缘盒\3F3152</t>
  </si>
  <si>
    <t>【东电水电主机】绝缘盒\3F2633</t>
  </si>
  <si>
    <t>【东电水电主机】绝缘盒\3F2634</t>
  </si>
  <si>
    <t>【东电水电主机】波纹板\3F17072.0</t>
  </si>
  <si>
    <t>【东电水电主机】波纹板\3F13044.0</t>
  </si>
  <si>
    <t>【东电水电主机】波纹板\3F17072.2</t>
  </si>
  <si>
    <t>【东电水电主机】波纹板\3F17072.1</t>
  </si>
  <si>
    <t>【东电水电主机】槽楔\3F17071.0</t>
  </si>
  <si>
    <t>【东电水电主机】槽楔\3F17071.1</t>
  </si>
  <si>
    <t>【东电水电主机】槽楔\3F17071.2</t>
  </si>
  <si>
    <t>【东电水电主机】槽楔\3F13043.0</t>
  </si>
  <si>
    <t>【东电水电主机】槽楔\3F116</t>
  </si>
  <si>
    <t>【东电水电主机】槽楔\3F117</t>
  </si>
  <si>
    <t>【东电水电主机】槽楔\3F118</t>
  </si>
  <si>
    <t>【东电水电主机】斜槽楔\3F3413</t>
  </si>
  <si>
    <t>【东电水电主机】斜槽楔\3F3414</t>
  </si>
  <si>
    <t>【东电水电主机】斜楔\4F5842</t>
  </si>
  <si>
    <t>【东电水电主机】套管\4F12609</t>
  </si>
  <si>
    <t>【东电水电主机】电阻线圈\2J2049</t>
  </si>
  <si>
    <t>【东电水电主机】电阻线圈\2J2050</t>
  </si>
  <si>
    <t>【东电水电主机】电阻线圈\2J2051</t>
  </si>
  <si>
    <t>【东电水电主机】导电槽衬\J1008\0.13*235*2180\1F9219\17</t>
  </si>
  <si>
    <t>【东电水电主机】堵漏板\230*65*2</t>
  </si>
  <si>
    <t>【东电水电主机】线棒\1F9174</t>
  </si>
  <si>
    <t>【东电水电主机】线棒\1F9175</t>
  </si>
  <si>
    <t>【东电水电主机】线棒\1F9176</t>
  </si>
  <si>
    <t>【东电水电主机】线棒\1F9177</t>
  </si>
  <si>
    <t>【东电水电主机】线棒\1F6627.0</t>
  </si>
  <si>
    <t>【东电水电主机】并头块\4F25696</t>
  </si>
  <si>
    <t>【东电水电主机】并头块\4F21000</t>
  </si>
  <si>
    <t>【东电水电主机】并头块\4F21002.0</t>
  </si>
  <si>
    <t>【东电水电主机】并头块\4F21002.1</t>
  </si>
  <si>
    <t>【东电水电主机】并头块\4F7238</t>
  </si>
  <si>
    <t>【东电水电主机】并头块\4F5930</t>
  </si>
  <si>
    <t>【东电水电主机】并头套\4F5929</t>
  </si>
  <si>
    <t>【东电水电主机】并头套\3F121</t>
  </si>
  <si>
    <t>【东电水电主机】并头套楔\5F180</t>
  </si>
  <si>
    <t>【东电水电主机】磁轭键\4F5628</t>
  </si>
  <si>
    <t>【东电水电主机】磁轭键\4F5629</t>
  </si>
  <si>
    <t>【东电水电主机】磁极线圈\1F9193.0</t>
  </si>
  <si>
    <t>【东电水电主机】磁极线圈\1F9193.1</t>
  </si>
  <si>
    <t>【东电水电主机】引线头\3F13029.0</t>
  </si>
  <si>
    <t>【东电水电主机】引线头\3F13029.1</t>
  </si>
  <si>
    <t>【东电水电主机】铜环\2F8452.0</t>
  </si>
  <si>
    <t>【东电水电主机】铜环\2F8452.1</t>
  </si>
  <si>
    <t>【东电水电主机】铜环\2F8452.2</t>
  </si>
  <si>
    <t>【东电水电主机】铜环\2F8452.3</t>
  </si>
  <si>
    <t>【东电水电主机】铜环\2F8452.4</t>
  </si>
  <si>
    <t>【东电水电主机】铜环\2F8452.5</t>
  </si>
  <si>
    <t>【东电水电主机】铜环\2F8452.6</t>
  </si>
  <si>
    <t>【东电水电主机】铜环\2F8452.7</t>
  </si>
  <si>
    <t>【东电水电主机】铜环\2F8452.8</t>
  </si>
  <si>
    <t>【东电水电主机】铜环\2F8452.9</t>
  </si>
  <si>
    <t>【东电水电主机】铜环\2F8452.10</t>
  </si>
  <si>
    <t>【东电水电主机】铜环\2F8452.11</t>
  </si>
  <si>
    <t>【东电水电主机】铜环\2F8452.12</t>
  </si>
  <si>
    <t>【东电水电主机】铜环\2F8452.13</t>
  </si>
  <si>
    <t>【东电水电主机】铜环\2F8452.14</t>
  </si>
  <si>
    <t>【东电水电主机】线夹\4F21005</t>
  </si>
  <si>
    <t>【东电水电主机】出线夹\4F15237</t>
  </si>
  <si>
    <t>【东电水电主机】跨接线\3F13034.0</t>
  </si>
  <si>
    <t>【东电水电主机】跨接线\3F13034.1</t>
  </si>
  <si>
    <t>【东电水电主机】跨接线\3F13034.2</t>
  </si>
  <si>
    <t>【东电水电主机】引出线\2F8453</t>
  </si>
  <si>
    <t>【东电水电主机】半导体垫条\0.5*27*770</t>
  </si>
  <si>
    <t>【东电水电主机】半导体垫条\0.5*81*800</t>
  </si>
  <si>
    <t>【东电水电主机】半导体垫条\1*27*770</t>
  </si>
  <si>
    <t>【东电水电主机】半导体布垫条\1.5*27*770</t>
  </si>
  <si>
    <t>【东电水电主机】聚酯晾干铁红瓷漆\188\1F9246</t>
  </si>
  <si>
    <t>【东电水电主机】室温固化环氧胶\DECJ0793</t>
  </si>
  <si>
    <t>【东电水电主机】可赛新厌氧密封胶\TS1277\1F9180\36</t>
  </si>
  <si>
    <t>【东电水电主机】重防腐底漆\LCP064\1F9180\39</t>
  </si>
  <si>
    <t>【东电水电主机】专用稀释漆\LCP064\1F9180\40</t>
  </si>
  <si>
    <t>【东电水电主机】淡黄灰面漆\ENA042\1F9180\41</t>
  </si>
  <si>
    <t>【东电水电主机】专用稀释漆\1.2.77ENA042\1F9180\42</t>
  </si>
  <si>
    <t>【东电水电主机】绝缘盒灌注胶\DECJ0978\1F9181\36</t>
  </si>
  <si>
    <t>【东电水电主机】绝缘盒灌注胶\DECJ1209</t>
  </si>
  <si>
    <t>【东电水电主机】环氧防电晕漆\130\1F9219\30</t>
  </si>
  <si>
    <t>【东电水电主机】环氧酚醛树脂清漆\1F6737\44</t>
  </si>
  <si>
    <t>【东电水电主机】发电机导轴瓦\3F81</t>
  </si>
  <si>
    <t>【东电水电主机】磁轭键\4F45</t>
  </si>
  <si>
    <t>【东电水电主机】六角螺栓\4F70</t>
  </si>
  <si>
    <t>【东电水电主机】导轴承支柱螺栓\4F253</t>
  </si>
  <si>
    <t>【东电水电主机】方键\35#\4F121</t>
  </si>
  <si>
    <t>【东电水电主机】联轴螺栓\M140\4F120</t>
  </si>
  <si>
    <t>【东电水电主机】联轴螺帽\M140\4S442</t>
  </si>
  <si>
    <t>【东电水电主机】联轴螺栓\3F1211</t>
  </si>
  <si>
    <t>【东电水电主机】联轴螺母\4F2246</t>
  </si>
  <si>
    <t>【东电水电主机】槽口垫块\4F25697</t>
  </si>
  <si>
    <t>【东电水电主机】斜边垫块\4F25698</t>
  </si>
  <si>
    <t>【东电水电主机】聚酰胺树脂\650</t>
  </si>
  <si>
    <t>【东电水电主机】低电阻防晕漆\DECJ1305</t>
  </si>
  <si>
    <t>【东电水电主机】石英粉\200目</t>
  </si>
  <si>
    <t>【东电水电主机】电话纸\0.05</t>
  </si>
  <si>
    <t>【东电水电主机】涤纶护套玻璃丝绳\DECJ0913\φ30</t>
  </si>
  <si>
    <t>【东电水电主机】涤纶护套玻璃丝绳\DECJ0913\φ40</t>
  </si>
  <si>
    <t>【东电水电主机】导电玻璃布\DECJ0967\0.25*23*2180</t>
  </si>
  <si>
    <t>【东电水电主机】测温贴纸\10</t>
  </si>
  <si>
    <t>【东电水电主机】事故配压阀\SP-150\SP-150</t>
  </si>
  <si>
    <t>【东电水电主机】液动阀\YP-15\1Y008</t>
  </si>
  <si>
    <t>【东电水电主机】分段关闭控制阀\FK-15</t>
  </si>
  <si>
    <t>【东电水电主机】两段关闭阀\DGF-150/2-40</t>
  </si>
  <si>
    <t>【东电水电主机】特殊油阀\TF-φ80</t>
  </si>
  <si>
    <t>【东电水电主机】控制环立面抗磨板\4S2728</t>
  </si>
  <si>
    <t>【东电水电主机】真空破坏阀密封板\4S2799</t>
  </si>
  <si>
    <t>【东电水电主机】真空破坏阀阀门\4S2801</t>
  </si>
  <si>
    <t>【东电水电主机】真空破坏阀阀轴\4S2792</t>
  </si>
  <si>
    <t>【东电水电主机】真空破坏阀弹簧\4S1213</t>
  </si>
  <si>
    <t>【东电水电主机】真空破坏阀浮球\3S1278</t>
  </si>
  <si>
    <t>【东电水电主机】圆板\3S1229</t>
  </si>
  <si>
    <t>【东电水电主机】导叶成型橡皮条\4S2707</t>
  </si>
  <si>
    <t>【东电水电主机】成型橡胶皮条\4S2706</t>
  </si>
  <si>
    <t>【东电水电主机】导叶上轴套\4S2711</t>
  </si>
  <si>
    <t>【东电水电主机】导叶中轴套\4S2712</t>
  </si>
  <si>
    <t>【东电水电主机】U型密封圈\4S2713</t>
  </si>
  <si>
    <t>【东电水电主机】导叶套筒顶环\4S2714</t>
  </si>
  <si>
    <t>【东电水电主机】剪断销\3S1247</t>
  </si>
  <si>
    <t>【东电水电主机】活动密封环(毛坯)\3S3108</t>
  </si>
  <si>
    <t>【东电水电主机】浮动环(毛坯)\3S3109</t>
  </si>
  <si>
    <t>【东电水电主机】顶瓦螺钉\M110*3\4S7377</t>
  </si>
  <si>
    <t>【东电水电主机】压环\2S902</t>
  </si>
  <si>
    <t>【东电水电主机】上塞\4S2608</t>
  </si>
  <si>
    <t>【东电水电主机】特殊螺钉\4S2607</t>
  </si>
  <si>
    <t>【东电水电主机】下塞\4S2606</t>
  </si>
  <si>
    <t>【东电水电主机】双头螺栓\M56\5S909</t>
  </si>
  <si>
    <t>【东电水电主机】水导油冷却器\OS381</t>
  </si>
  <si>
    <t>【东电水电主机】液压拉伸器挡圈\4S7437</t>
  </si>
  <si>
    <t>【东电水电主机】液压拉伸器O型密封圈\4S7439</t>
  </si>
  <si>
    <t>【东电水电主机】液压拉伸器O型密封圈\4S7440</t>
  </si>
  <si>
    <t>【东电水电主机】液压拉伸器挡圈\4S7438</t>
  </si>
  <si>
    <t>【东电水电主机】液压位伸器搬柄\4S7458</t>
  </si>
  <si>
    <t>【东电水电主机】液压拉伸器密封垫圈\4S6416</t>
  </si>
  <si>
    <t>【东电水电主机】扁螺母\M110*3\4S2646</t>
  </si>
  <si>
    <t>【东电水电主机】锁紧套\M180*3\4S7395</t>
  </si>
  <si>
    <t>【东电水电主机】螺套\4S7376</t>
  </si>
  <si>
    <t>【东电水电主机】轴瓦\1S1544</t>
  </si>
  <si>
    <t>【东电水电主机】底面抗磨块\4S2727</t>
  </si>
  <si>
    <t>【东电水电主机】特殊螺栓\M72*195\4S1479</t>
  </si>
  <si>
    <t>【东电水电主机】下轴套\4S2710</t>
  </si>
  <si>
    <t>【东电水电主机】密封圈\4S2709</t>
  </si>
  <si>
    <t>【东电水电主机】压环\4S2708</t>
  </si>
  <si>
    <t>【东电水电主机】螺塞\M72\5S775</t>
  </si>
  <si>
    <t>【东电水电主机】轮叶回复轴承\2S1997</t>
  </si>
  <si>
    <t>【东电水电主机】双头螺栓\M72*6*180\4B2357</t>
  </si>
  <si>
    <t>【东电水电主机】双头螺栓\M72*6*220\4B2359</t>
  </si>
  <si>
    <t>【东电水电主机】螺栓\M72*225\4S8204</t>
  </si>
  <si>
    <t>【东电水电主机】止动垫片\4S8205</t>
  </si>
  <si>
    <t>【东电水电主机】连杆销\φ310\4S8211</t>
  </si>
  <si>
    <t>【东电水电主机】轴套\φ310\4S2669</t>
  </si>
  <si>
    <t>【东电水电主机】下轴瓦\φ960\4S8214</t>
  </si>
  <si>
    <t>【东电水电主机】轴套\φ350\4S2667</t>
  </si>
  <si>
    <t>【东电水电主机】轴瓦\φ960\3S3677</t>
  </si>
  <si>
    <t>【东电水电主机】螺栓\M140*4\3S1233</t>
  </si>
  <si>
    <t>【东电水电主机】止动塞块\4S2672</t>
  </si>
  <si>
    <t>【东电水电主机】盖板\4S2673</t>
  </si>
  <si>
    <t>【东电水电主机】螺母\M140*4\3S3082</t>
  </si>
  <si>
    <t>【东电水电主机】密封圈\4S2680</t>
  </si>
  <si>
    <t>【东电水电主机】支承环\4S2679</t>
  </si>
  <si>
    <t>【东电水电主机】活塞环\2S2053</t>
  </si>
  <si>
    <t>【东电水电主机】轴套\φ1400\3S1179</t>
  </si>
  <si>
    <t>【东电水电主机】紫铜垫片\φ230/φ162*2\4S7579</t>
  </si>
  <si>
    <t>【东电水电主机】叶片螺栓\M160*4\3S1237</t>
  </si>
  <si>
    <t>【东电水电主机】螺栓孔盖板\4S8090</t>
  </si>
  <si>
    <t>【东电水电主机】轴套\φ400\3S1236</t>
  </si>
  <si>
    <t>【东电水电主机】双头螺栓\M80*6*180\4S2684</t>
  </si>
  <si>
    <t>【东电水电主机】螺母\M80*6\4S2685</t>
  </si>
  <si>
    <t>【东电水电主机】轴套\φ1100\3S3681</t>
  </si>
  <si>
    <t>【东电水电主机】铜垫圈\M42\5B469</t>
  </si>
  <si>
    <t>【东电水电主机】垫圈\M36\5B486</t>
  </si>
  <si>
    <t>【东电水电主机】螺母\M120*3\4S5122</t>
  </si>
  <si>
    <t>【东电水电主机】旋套\M120*3\4S5124</t>
  </si>
  <si>
    <t>【东电水电主机】左螺母\M120*3\4S5123</t>
  </si>
  <si>
    <t>【东电水电主机】阀轴\3S3011</t>
  </si>
  <si>
    <t>【东电水电主机】阀轴\3S3012</t>
  </si>
  <si>
    <t>【东电水电主机】阀轴\3S3013</t>
  </si>
  <si>
    <t>【东电水电主机】阀轴上段\3S3017</t>
  </si>
  <si>
    <t>【东电水电主机】阀轴下段\3S3016</t>
  </si>
  <si>
    <t>【东电水电主机】阀门\2S1907</t>
  </si>
  <si>
    <t>【东电水电主机】锁片\4S2634</t>
  </si>
  <si>
    <t>【东电水电主机】锁片\4S2630</t>
  </si>
  <si>
    <t>【东电水电主机】锁片\4S2631</t>
  </si>
  <si>
    <t>【东电水电主机】转环\1S742</t>
  </si>
  <si>
    <t>【东电水电主机】受油器压筒\3S10158</t>
  </si>
  <si>
    <t>【东电水电主机】受油器轴套A\4S19174</t>
  </si>
  <si>
    <t>【东电水电主机】受油器轴套B\4S19175</t>
  </si>
  <si>
    <t>【东电水电主机】受油器卡环\3S10159</t>
  </si>
  <si>
    <t>【东电水电主机】受油器转动套筒压盖I\3S10160</t>
  </si>
  <si>
    <t>【东电水电主机】受油器浮动环\3S10161</t>
  </si>
  <si>
    <t>【东电水电主机】弹簧\4B3398</t>
  </si>
  <si>
    <t>【东电水电主机】阀轴\3B857</t>
  </si>
  <si>
    <t>【东电水电主机】轴套\4B3397</t>
  </si>
  <si>
    <t>【东电水电主机】密封板\4B3394</t>
  </si>
  <si>
    <t>【东电水电主机】阀门\4B3392</t>
  </si>
  <si>
    <t>【东电水电主机】槽形螺母\M42\5B460</t>
  </si>
  <si>
    <t>【东电水电主机】底环橡皮垫Ⅱ\3S10113</t>
  </si>
  <si>
    <t>【东电水电主机】顶盖橡皮垫Ⅱ\3S10112</t>
  </si>
  <si>
    <t>【东电水电主机】底环密封环\3S10115</t>
  </si>
  <si>
    <t>【东电水电主机】顶盖密封环\3S10114</t>
  </si>
  <si>
    <t>【东电水电主机】底环橡皮垫Ⅰ\3S10124</t>
  </si>
  <si>
    <t>【东电水电主机】顶盖橡皮垫Ⅰ\3S10123</t>
  </si>
  <si>
    <t>【东电水电主机】上轴套\4S19094</t>
  </si>
  <si>
    <t>【东电水电主机】中轴套\4S19093</t>
  </si>
  <si>
    <t>【东电水电主机】压垫环\4S19092</t>
  </si>
  <si>
    <t>【东电水电主机】水导冷却器(2/2)\1S5274</t>
  </si>
  <si>
    <t>【东电水电主机】螺栓孔盖板\δ=5mm\4S19152</t>
  </si>
  <si>
    <t>【东电水电主机】连杆销\φ300\4S19138</t>
  </si>
  <si>
    <t>【东电水电主机】轴套\φ300\4S19141</t>
  </si>
  <si>
    <t>【东电水电主机】下铜瓦\φ680\4S19142</t>
  </si>
  <si>
    <t>【东电水电主机】轴套\φ680\4S10147</t>
  </si>
  <si>
    <t>【东电水电主机】铜瓦\φ860\4S19145</t>
  </si>
  <si>
    <t>【东电水电主机】轴套\φ1240\3S10150</t>
  </si>
  <si>
    <t>【东电水电主机】轴套\φ450\3S10152</t>
  </si>
  <si>
    <t>【东电水电主机】叶片螺栓\M140*4\3S10151</t>
  </si>
  <si>
    <t>【东电水电主机】支撑环\4S19150</t>
  </si>
  <si>
    <t>【东电水电主机】密封圈\4S19149</t>
  </si>
  <si>
    <t>【东电水电主机】螺栓\M56*170\4B4107</t>
  </si>
  <si>
    <t>【东电水电主机】螺栓\M56*120\4B4965</t>
  </si>
  <si>
    <t>【东电水电主机】螺栓\M64*140\4B4229</t>
  </si>
  <si>
    <t>【东电水电主机】滑块\4S5633</t>
  </si>
  <si>
    <t>【东电水电主机】滑块座\4S5632</t>
  </si>
  <si>
    <t>【东电水电主机】镜板螺栓\M48*280\5F1457</t>
  </si>
  <si>
    <t>【东电水电主机】镜板螺栓垫圈\8.950.049</t>
  </si>
  <si>
    <t>【东电水电主机】磁极键\4F2408.0-1</t>
  </si>
  <si>
    <t>【东电水电主机】镜板螺栓\M48*340\4F15766</t>
  </si>
  <si>
    <t>【东电水电主机】磁极键\3F9454</t>
  </si>
  <si>
    <t>【东电水电主机】推力油冷却器\2F760</t>
  </si>
  <si>
    <t>【东电水电主机】推力油冷却器\2F6339</t>
  </si>
  <si>
    <t>【东电水电主机】上导冷油却器\2F4853</t>
  </si>
  <si>
    <t>【东电水电主机】上导冷油却\2F4854</t>
  </si>
  <si>
    <t>【东电水电主机】上导冷油却器\2F4855</t>
  </si>
  <si>
    <t>【东电水电主机】下导冷油却器\2F914</t>
  </si>
  <si>
    <t>【东电水电主机】磁极线圈\1F1326</t>
  </si>
  <si>
    <t>【东电水电主机】磁极线圈\1F1327</t>
  </si>
  <si>
    <t>【东电水电主机】磁极线圈\1F1328</t>
  </si>
  <si>
    <t>【东电水电主机】磁极线圈\1F1329</t>
  </si>
  <si>
    <t>【东电水电主机】发电机上层线棒\1F578.0</t>
  </si>
  <si>
    <t>【东电水电主机】发电机下层线棒(普通)\1F578.1</t>
  </si>
  <si>
    <t>【东电水电主机】发电机下层线棒(引出)\1F578.2</t>
  </si>
  <si>
    <t>【东电水电主机】发电机下层线棒(跨接)\1F578.3</t>
  </si>
  <si>
    <t>【东电水电主机】磁极线圈接头\4F2410.0</t>
  </si>
  <si>
    <t>【东电水电主机】磁极线圈接头\4F2410.1</t>
  </si>
  <si>
    <t>【东电水电主机】阻尼环连接片\4F2219</t>
  </si>
  <si>
    <t>【东电水电主机】弹簧夹\4B1980</t>
  </si>
  <si>
    <t>【东电水电主机】并头块\4F4023</t>
  </si>
  <si>
    <t>【东电水电主机】并头块\4F5650</t>
  </si>
  <si>
    <t>【东电水电主机】并头块\4F5661</t>
  </si>
  <si>
    <t>【东电水电主机】斜并头块\4F4019</t>
  </si>
  <si>
    <t>【东电水电主机】斜并头块\4F4021</t>
  </si>
  <si>
    <t>【东电水电主机】引线接头\3F3087</t>
  </si>
  <si>
    <t>【东电水电主机】引线接头\3F3089</t>
  </si>
  <si>
    <t>【东电水电主机】引线接头\3F3090</t>
  </si>
  <si>
    <t>【东电水电主机】引线接头\3F3091</t>
  </si>
  <si>
    <t>【东电水电主机】引线接头\3F3092</t>
  </si>
  <si>
    <t>【东电水电主机】引线接头\3F3093</t>
  </si>
  <si>
    <t>【东电水电主机】极间连接线\3F1191.1</t>
  </si>
  <si>
    <t>【东电水电主机】极间连接线\3F1191.2</t>
  </si>
  <si>
    <t>【东电水电主机】极间连接线\3F1191.3</t>
  </si>
  <si>
    <t>【东电水电主机】极间连接线\3F1191.0</t>
  </si>
  <si>
    <t>【东电水电主机】引线\3F3095</t>
  </si>
  <si>
    <t>【东电水电主机】引线\3F3096</t>
  </si>
  <si>
    <t>【东电水电主机】引线\3F3097</t>
  </si>
  <si>
    <t>【东电水电主机】引线\3F3098</t>
  </si>
  <si>
    <t>【东电水电主机】引线\3F3099</t>
  </si>
  <si>
    <t>【东电水电主机】引线\3F3100</t>
  </si>
  <si>
    <t>【东电水电主机】引线\3F3101</t>
  </si>
  <si>
    <t>【东电水电主机】引线\3F3102</t>
  </si>
  <si>
    <t>【东电水电主机】引线\3F3103</t>
  </si>
  <si>
    <t>【东电水电主机】引线\3F3104</t>
  </si>
  <si>
    <t>【东电水电主机】引线\3F3105</t>
  </si>
  <si>
    <t>【东电水电主机】引线\3F3106</t>
  </si>
  <si>
    <t>【东电水电主机】引出线\1F1365</t>
  </si>
  <si>
    <t>【东电水电主机】引出线\1F1366</t>
  </si>
  <si>
    <t>【东电水电主机】引出线\1F1367</t>
  </si>
  <si>
    <t>【东电水电主机】引出线\1F1368</t>
  </si>
  <si>
    <t>【东电水电主机】引出线\1F1369</t>
  </si>
  <si>
    <t>【东电水电主机】引出线\1F1370</t>
  </si>
  <si>
    <t>【东电水电主机】引出线\1F1371</t>
  </si>
  <si>
    <t>【东电水电主机】引出线\1F1364</t>
  </si>
  <si>
    <t>【东电水电主机】引线\3F1168</t>
  </si>
  <si>
    <t>【东电水电主机】引线\3F1169</t>
  </si>
  <si>
    <t>【东电水电主机】引线\3F1164</t>
  </si>
  <si>
    <t>【东电水电主机】导电环\2F814</t>
  </si>
  <si>
    <t>【东电水电主机】引线头\4F15866.0</t>
  </si>
  <si>
    <t>【东电水电主机】引线头\4F15866.1</t>
  </si>
  <si>
    <t>【东电水电主机】连接线\3F9498.6</t>
  </si>
  <si>
    <t>【东电水电主机】连接线\3F9498.5</t>
  </si>
  <si>
    <t>【东电水电主机】连接线\3F9498.4</t>
  </si>
  <si>
    <t>【东电水电主机】连接线\3F9498.9</t>
  </si>
  <si>
    <t>【东电水电主机】连接线\3F9498.8</t>
  </si>
  <si>
    <t>【东电水电主机】连接线\3F9498.10</t>
  </si>
  <si>
    <t>【东电水电主机】连接线\3F9498.11</t>
  </si>
  <si>
    <t>【东电水电主机】连接线\3F9498.12</t>
  </si>
  <si>
    <t>【东电水电主机】连接线\3F9498.2</t>
  </si>
  <si>
    <t>【东电水电主机】连接线\3F9498.3</t>
  </si>
  <si>
    <t>【东电水电主机】连接线\3F9498.1</t>
  </si>
  <si>
    <t>【东电水电主机】连接线\3F9498.7</t>
  </si>
  <si>
    <t>【东电水电主机】连接线\3F9498.0</t>
  </si>
  <si>
    <t>【东电水电主机】引线头\2F6306.3</t>
  </si>
  <si>
    <t>【东电水电主机】引线头\2F6306.4</t>
  </si>
  <si>
    <t>【东电水电主机】引线头\2F6306.0</t>
  </si>
  <si>
    <t>【东电水电主机】引线头\2F6306.1</t>
  </si>
  <si>
    <t>【东电水电主机】引线头\2F6306.2</t>
  </si>
  <si>
    <t>【东电水电主机】引线头\2F6306.5</t>
  </si>
  <si>
    <t>【东电水电主机】跨接线\3F9459.0</t>
  </si>
  <si>
    <t>【东电水电主机】跨接线\3F9459.1</t>
  </si>
  <si>
    <t>【东电水电主机】跨接线\3F9459.2</t>
  </si>
  <si>
    <t>【东电水电主机】跨接线\3F9459.3</t>
  </si>
  <si>
    <t>【东电水电主机】并头块\4F15850</t>
  </si>
  <si>
    <t>【东电水电主机】并头块\4F15851</t>
  </si>
  <si>
    <t>【东电水电主机】上层线圈\1F4528.0</t>
  </si>
  <si>
    <t>【东电水电主机】下层线圈\1F4528.1</t>
  </si>
  <si>
    <t>【东电水电主机】阻尼环连接片\4F15892</t>
  </si>
  <si>
    <t>【东电水电主机】转子引线\3F9477</t>
  </si>
  <si>
    <t>【东电水电主机】转子引线\4F15877</t>
  </si>
  <si>
    <t>【东电水电主机】极间连接线\3F9480</t>
  </si>
  <si>
    <t>【东电水电主机】引线\4F15887</t>
  </si>
  <si>
    <t>【东电水电主机】接头\4F15890</t>
  </si>
  <si>
    <t>【东电水电主机】引出线\3F9465</t>
  </si>
  <si>
    <t>【东电水电主机】引出线\3F9462</t>
  </si>
  <si>
    <t>【东电水电主机】导电环\2F1584</t>
  </si>
  <si>
    <t>【东电水电主机】磁极线圈\1F4542.0</t>
  </si>
  <si>
    <t>【东电水电主机】磁极线圈\1F4542.1</t>
  </si>
  <si>
    <t>【东电水电主机】线圈端部绝缘盒\3F1389.1</t>
  </si>
  <si>
    <t>【东电水电主机】线圈端部绝缘盒\3F1389.2</t>
  </si>
  <si>
    <t>【东电水电主机】槽楔\2F5945.0</t>
  </si>
  <si>
    <t>【东电水电主机】槽楔\2F5945.1</t>
  </si>
  <si>
    <t>【东电水电主机】槽楔\2F5945.2</t>
  </si>
  <si>
    <t>【东电水电主机】环氧酚醛云母带\0.14*25</t>
  </si>
  <si>
    <t>【东电水电主机】层压玻璃布板\0.1*27*870</t>
  </si>
  <si>
    <t>【东电水电主机】层压玻璃布板\0.25*27*870</t>
  </si>
  <si>
    <t>【东电水电主机】层压玻璃布板\0.5*27*870</t>
  </si>
  <si>
    <t>【东电水电主机】层压玻璃布板\1*27*870</t>
  </si>
  <si>
    <t>【东电水电主机】环氧酚醛玻璃布管\φ17/φ21/*57</t>
  </si>
  <si>
    <t>【东电水电主机】槽口垫块\4F2405</t>
  </si>
  <si>
    <t>【东电水电主机】垫块\4F2406.0</t>
  </si>
  <si>
    <t>【东电水电主机】垫块\4F2406.1</t>
  </si>
  <si>
    <t>【东电水电主机】垫块\5F1452</t>
  </si>
  <si>
    <t>【东电水电主机】垫块\5F1453</t>
  </si>
  <si>
    <t>【东电水电主机】垫块\4F2229</t>
  </si>
  <si>
    <t>【东电水电主机】垫块\4F5649</t>
  </si>
  <si>
    <t>【东电水电主机】线夹\4F2228</t>
  </si>
  <si>
    <t>【东电水电主机】引线夹\4F2234</t>
  </si>
  <si>
    <t>【东电水电主机】垫块\5F208</t>
  </si>
  <si>
    <t>【东电水电主机】引线夹\4F2235</t>
  </si>
  <si>
    <t>【东电水电主机】绝缘圈\4B152</t>
  </si>
  <si>
    <t>【东电水电主机】涤波绳\J0913\φ3</t>
  </si>
  <si>
    <t>【东电水电主机】线夹\4F15861</t>
  </si>
  <si>
    <t>【东电水电主机】垫块\4F15908</t>
  </si>
  <si>
    <t>【东电水电主机】垫块\4F15862.0</t>
  </si>
  <si>
    <t>【东电水电主机】垫块\4F15862.1</t>
  </si>
  <si>
    <t>【东电水电主机】垫块\4F15863</t>
  </si>
  <si>
    <t>【东电水电主机】垫块\4F15868.1</t>
  </si>
  <si>
    <t>【东电水电主机】垫块\4F15869</t>
  </si>
  <si>
    <t>【东电水电主机】垫块\4F15868.0</t>
  </si>
  <si>
    <t>【东电水电主机】绝缘盒\3F9460</t>
  </si>
  <si>
    <t>【东电水电主机】绝缘盒\3F9501</t>
  </si>
  <si>
    <t>【东电水电主机】间隔块\4F15220</t>
  </si>
  <si>
    <t>【东电水电主机】槽口垫块\4F15852</t>
  </si>
  <si>
    <t>【东电水电主机】波纹板\3F9473.0</t>
  </si>
  <si>
    <t>【东电水电主机】波纹板\3F9473.1</t>
  </si>
  <si>
    <t>【东电水电主机】槽楔\3F9458.0</t>
  </si>
  <si>
    <t>【东电水电主机】槽楔\3F9458.1</t>
  </si>
  <si>
    <t>【东电水电主机】槽楔\3F9458.2</t>
  </si>
  <si>
    <t>【东电水电主机】玻璃布板\0.5*28*1560\1F4564</t>
  </si>
  <si>
    <t>【东电水电主机】玻璃布板\1.0*28*1560\1F4564</t>
  </si>
  <si>
    <t>【东电水电主机】玻璃布板\0.25*28*1560\1F4564</t>
  </si>
  <si>
    <t>【东电水电主机】玻璃布板\0.2*28*1560\1F4564</t>
  </si>
  <si>
    <t>【东电水电主机】线夹\4F15888</t>
  </si>
  <si>
    <t>【东电水电主机】线夹\4F15889</t>
  </si>
  <si>
    <t>【东电水电主机】线夹\4F15963</t>
  </si>
  <si>
    <t>【东电水电主机】线夹\4F15864</t>
  </si>
  <si>
    <t>【东电水电主机】垫块\4B5399</t>
  </si>
  <si>
    <t>【东电水电主机】绝缘套管\4B5429</t>
  </si>
  <si>
    <t>【东电水电主机】绝缘套管\4B5427</t>
  </si>
  <si>
    <t>【东电水电主机】绝缘圈\5F1253</t>
  </si>
  <si>
    <t>【东电水电主机】绝缘圈\5F1252</t>
  </si>
  <si>
    <t>【东电水电主机】连接片\4F5654</t>
  </si>
  <si>
    <t>【东电水电主机】并头块\5F1763</t>
  </si>
  <si>
    <t>【东电水电主机】引线头\3F3088</t>
  </si>
  <si>
    <t>【东电水电主机】引线\3F3107</t>
  </si>
  <si>
    <t>【东电水电主机】引线头\2F6306.6</t>
  </si>
  <si>
    <t>【东电水电主机】引线头\2F6306.7</t>
  </si>
  <si>
    <t>【东电水电主机】斜楔\5F1483</t>
  </si>
  <si>
    <t>【东电水电主机】分半键\φ100\3S1246</t>
  </si>
  <si>
    <t>【东电水电主机】操作油管\2S2004</t>
  </si>
  <si>
    <t>【东电水电主机】视察盖\4S2649</t>
  </si>
  <si>
    <t>【东电水电主机】视察盖压圈\4S2650</t>
  </si>
  <si>
    <t>【东电水电主机】密封座\1S743</t>
  </si>
  <si>
    <t>【东电水电主机】密封支架\1S1576</t>
  </si>
  <si>
    <t>【东电水电主机】压环\3S1230</t>
  </si>
  <si>
    <t>【东电水电主机】摩擦环\4S19097</t>
  </si>
  <si>
    <t>【东电水电主机】剪断销\3S10109</t>
  </si>
  <si>
    <t>【东电水电主机】挡板\4S15523</t>
  </si>
  <si>
    <t>【东电水电主机】连杆装配\2S6443</t>
  </si>
  <si>
    <t>【东电水电主机】抗磨垫片\4S19095</t>
  </si>
  <si>
    <t>【东电水电主机】回复轴承\2S6494</t>
  </si>
  <si>
    <t>【东电水电主机】绝缘套\4S19176</t>
  </si>
  <si>
    <t>【东电水电主机】垫圈\4S19249</t>
  </si>
  <si>
    <t>【东电水电主机】调整块\2S6397</t>
  </si>
  <si>
    <t>【东电水电主机】顶紧起吊螺钉\4S12136</t>
  </si>
  <si>
    <t>【东电水电主机】挡板\4S3372</t>
  </si>
  <si>
    <t>【东电水电主机】顶瓦螺钉\4S12132</t>
  </si>
  <si>
    <t>【东电水电主机】锁定\2S2033</t>
  </si>
  <si>
    <t>【东电水电主机】节流螺母\3S1259</t>
  </si>
  <si>
    <t>【东电水电主机】活塞环\3S1261</t>
  </si>
  <si>
    <t>【东电水电主机】铜套\3S1267</t>
  </si>
  <si>
    <t>【东电水电主机】放油阀\1.5"\3S1268</t>
  </si>
  <si>
    <t>【东电水电主机】Y形密封圈\250\4S2782</t>
  </si>
  <si>
    <t>【东电水电主机】特殊螺母\M200*6\3S1264</t>
  </si>
  <si>
    <t>【东电水电主机】特殊螺母\M200*6\3S1265</t>
  </si>
  <si>
    <t>【东电水电主机】寸环\4S2783</t>
  </si>
  <si>
    <t>【东电水电主机】卡环\4S2781</t>
  </si>
  <si>
    <t>【东电水电主机】压板\4S2780</t>
  </si>
  <si>
    <t>【东电水电主机】垫环\4S2779</t>
  </si>
  <si>
    <t>【东电水电主机】节流塞\4S2774</t>
  </si>
  <si>
    <t>【东电水电主机】弹簧\D3/D35*171\4S2773</t>
  </si>
  <si>
    <t>【东电水电主机】螺塞\4S2772</t>
  </si>
  <si>
    <t>【东电水电主机】压垫盖\3S1271</t>
  </si>
  <si>
    <t>【东电水电主机】压板\4S2785</t>
  </si>
  <si>
    <t>【东电水电主机】波纹板\J0998</t>
  </si>
  <si>
    <t>【东电水电主机】定子槽楔打板\DECJ0902\27*60*400</t>
  </si>
  <si>
    <t>【东电水电主机】极间连接片\4F23054</t>
  </si>
  <si>
    <t>【东电水电主机】极间连接片\4F23055</t>
  </si>
  <si>
    <t>【东电水电主机】引出线\3F9461</t>
  </si>
  <si>
    <t>【东电水电主机】引出线\3F9463</t>
  </si>
  <si>
    <t>【东电水电主机】螺杆\4F15976.1</t>
  </si>
  <si>
    <t>【东电水电主机】铜钎料\BCu80PAg</t>
  </si>
  <si>
    <t>【东电水电主机】绝缘衬块\5F274</t>
  </si>
  <si>
    <t>【东电水电主机】磁极连片\3F9480</t>
  </si>
  <si>
    <t>【东电水电主机】绝缘圈\4B5430</t>
  </si>
  <si>
    <t>【东电水电主机】集电环\3F9485</t>
  </si>
  <si>
    <t>【东电水电主机】垫圈\20-140HV\GB97.1-1985</t>
  </si>
  <si>
    <t>【东电水电主机】螺母\M20\GB6170-1986</t>
  </si>
  <si>
    <t>【东电水电主机】绝缘圈\4B5428</t>
  </si>
  <si>
    <t>【东电水电主机】薄螺母\M20\GB6172-1986</t>
  </si>
  <si>
    <t>【东电水电主机】螺杆\5F1473</t>
  </si>
  <si>
    <t>【东电水电主机】止动垫圈\24\4B4453</t>
  </si>
  <si>
    <t>【东电水电主机】环板\4F2285</t>
  </si>
  <si>
    <t>【东电水电主机】集电环\2F781</t>
  </si>
  <si>
    <t>【东电水电主机】集电环\2F780</t>
  </si>
  <si>
    <t>【东电水电主机】绝缘圈\4J104</t>
  </si>
  <si>
    <t>【东电水电主机】绝缘圈\4J105</t>
  </si>
  <si>
    <t>【东电水电主机】垫圈\M20\GB97-76</t>
  </si>
  <si>
    <t>【东电水电主机】螺母\M20\GB52-76</t>
  </si>
  <si>
    <t>【东电水电主机】扁螺母\M20\GB54-76</t>
  </si>
  <si>
    <t>【东电水电主机】银焊料\HIAgcu80-5</t>
  </si>
  <si>
    <t>【东电水电主机】压板绝缘\4F2214</t>
  </si>
  <si>
    <t>【东电水电主机】极身绝缘\4F2213</t>
  </si>
  <si>
    <t>【东电水电主机】螺栓\GB30-76</t>
  </si>
  <si>
    <t>【东电水电主机】止动垫圈\8.951.026.1</t>
  </si>
  <si>
    <t>【东电水电主机】绝缘垫板\5F1465</t>
  </si>
  <si>
    <t>【东电水电主机】线夹\5F1440</t>
  </si>
  <si>
    <t>【东电水电主机】止动垫圈\8.951.118</t>
  </si>
  <si>
    <t>【东电水电主机】双头螺栓\8.932.035.3</t>
  </si>
  <si>
    <t>【东电水电主机】双头螺栓\8.932.034.10</t>
  </si>
  <si>
    <t>【东电水电主机】线夹\5F1466</t>
  </si>
  <si>
    <t>【东电水电主机】线夹\5F1467</t>
  </si>
  <si>
    <t>【东电水电主机】垫铁\5F1468</t>
  </si>
  <si>
    <t>【东电水电主机】线夹\5F1469</t>
  </si>
  <si>
    <t>【东电水电主机】线夹\5F1470</t>
  </si>
  <si>
    <t>【东电水电主机】垫铁\5F1471</t>
  </si>
  <si>
    <t>【东电水电主机】极间连接片\4F2410.0</t>
  </si>
  <si>
    <t>【东电水电主机】极间连接片\4F2410.1</t>
  </si>
  <si>
    <t>【东电水电主机】螺栓\3F1288</t>
  </si>
  <si>
    <t>【东电水电主机】螺母\8.940.098</t>
  </si>
  <si>
    <t>【东电水电主机】空冷器\1B198</t>
  </si>
  <si>
    <t>【东电水电主机】制动块\3F2001</t>
  </si>
  <si>
    <t>【东电水电主机】制动器\1F325</t>
  </si>
  <si>
    <t>【东电水电主机】推力瓦\2F1905</t>
  </si>
  <si>
    <t>【东电水电主机】螺栓\8.920.157</t>
  </si>
  <si>
    <t>【东电水电主机】斜楔\4F2256</t>
  </si>
  <si>
    <t>【东电水电主机】压板\5F1474</t>
  </si>
  <si>
    <t>【东电水电主机】螺栓\8.920.120</t>
  </si>
  <si>
    <t>【东电水电主机】螺栓\8.920.138</t>
  </si>
  <si>
    <t>【东电水电主机】螺栓\8.920.176</t>
  </si>
  <si>
    <t>【东电水电主机】空冷器\1F4533</t>
  </si>
  <si>
    <t>【东电水电主机】螺栓\4B4211</t>
  </si>
  <si>
    <t>【东电水电主机】螺栓\4B4219</t>
  </si>
  <si>
    <t>【东电水电主机】制动块\3F7846</t>
  </si>
  <si>
    <t>【东电水电主机】推力轴瓦\3F9421</t>
  </si>
  <si>
    <t>【东电水电主机】支柱螺丝\3F3955</t>
  </si>
  <si>
    <t>【东电水电主机】螺栓\4F15766</t>
  </si>
  <si>
    <t>【东电水电主机】垫圈\4B4041</t>
  </si>
  <si>
    <t>【东电水电主机】制动环\3F9452</t>
  </si>
  <si>
    <t>【东电水电主机】螺尾锥销\4B1228</t>
  </si>
  <si>
    <t>【东电水电主机】螺栓\4F2437</t>
  </si>
  <si>
    <t>【东电水电主机】万向节总成\BJ212</t>
  </si>
  <si>
    <t>【东电水电主机】销子\4F4794</t>
  </si>
  <si>
    <t>【东电水电主机】圆柱销\4B1518</t>
  </si>
  <si>
    <t>【东电水电主机】磁极\1F1359-1362</t>
  </si>
  <si>
    <t>【东电水电主机】吊攀\4F1466</t>
  </si>
  <si>
    <t>【东电水电主机】磁极\1F4543.0-1</t>
  </si>
  <si>
    <t>【东电水电主机】磁极线圈\1F4542.0-1</t>
  </si>
  <si>
    <t>【东电水电主机】制动器\ZD288-A</t>
  </si>
  <si>
    <t>【东电水电主机】挡风板(上)\2F10059</t>
  </si>
  <si>
    <t>【东电水电主机】挡风板(下)\2F10060</t>
  </si>
  <si>
    <t>【东电水电主机】上导冷却器\1F6118</t>
  </si>
  <si>
    <t>【东电水电主机】推力冷却器\1DF292</t>
  </si>
  <si>
    <t>【东电水电主机】下导冷却器\1F5999</t>
  </si>
  <si>
    <t>【东电水电主机】空气冷却器\294/33/4/2-ESV-S141-34S223\1F5993</t>
  </si>
  <si>
    <t>【东电水电主机】推力瓦\EMP\2F7739</t>
  </si>
  <si>
    <t>【东电水电主机】上导轴瓦\2F7727</t>
  </si>
  <si>
    <t>【东电水电主机】下导轴瓦\2F7688</t>
  </si>
  <si>
    <t>【东电水电主机】绝缘套管\4F19125.1</t>
  </si>
  <si>
    <t>【东电水电主机】绝缘套管\4F19125.2</t>
  </si>
  <si>
    <t>【东电水电主机】绝缘套管\4F19125.3</t>
  </si>
  <si>
    <t>【东电水电主机】绝缘套管\4F19125.4</t>
  </si>
  <si>
    <t>【东电水电主机】绝缘套管\4F19125.5</t>
  </si>
  <si>
    <t>【东电水电主机】绝缘套管\1F3862项23</t>
  </si>
  <si>
    <t>【东电水电主机】导电环\2F7751</t>
  </si>
  <si>
    <t>【东电水电主机】刷杆座底环\2F7752</t>
  </si>
  <si>
    <t>【东电水电主机】绝缘环\2F7759</t>
  </si>
  <si>
    <t>【东电水电主机】绝缘销\4F18249</t>
  </si>
  <si>
    <t>【东电水电主机】螺杆\1F3862项20</t>
  </si>
  <si>
    <t>【东电水电主机】销\4F18248</t>
  </si>
  <si>
    <t>【东电水电主机】止动垫圈\16\4F19229</t>
  </si>
  <si>
    <t>【东电水电主机】集电环\3F11646</t>
  </si>
  <si>
    <t>【东电水电主机】集电环底环\3F11648</t>
  </si>
  <si>
    <t>【东电水电主机】垫圈\3F8784项10</t>
  </si>
  <si>
    <t>【东电水电主机】励磁引线\2F8052</t>
  </si>
  <si>
    <t>【东电水电主机】支撑装配\2F8222</t>
  </si>
  <si>
    <t>【东电水电主机】支撑装配\3F12206</t>
  </si>
  <si>
    <t>【东电水电主机】线夹装配\3F12202.1</t>
  </si>
  <si>
    <t>【东电水电主机】线夹装配\3F12202.2</t>
  </si>
  <si>
    <t>【东电水电主机】励磁引线\3F12544</t>
  </si>
  <si>
    <t>【东电水电主机】励磁引线\3F12203</t>
  </si>
  <si>
    <t>【东电水电主机】绝缘垫圈\4F9909</t>
  </si>
  <si>
    <t>【东电水电主机】螺栓\M12*65\4F18789</t>
  </si>
  <si>
    <t>【东电水电主机】垫圈\4F18450</t>
  </si>
  <si>
    <t>【东电水电主机】垫圈\4F18451</t>
  </si>
  <si>
    <t>【东电水电主机】绝缘管\4F18775</t>
  </si>
  <si>
    <t>【东电水电主机】碟簧\GB/T1972-1992\100*51*6*8.2</t>
  </si>
  <si>
    <t>【东电水电主机】套管\4F18745</t>
  </si>
  <si>
    <t>【东电水电主机】螺母\M30\GB/T6170</t>
  </si>
  <si>
    <t>【东电水电主机】薄螺母\M30\GB/T6172</t>
  </si>
  <si>
    <t>【东电水电主机】接头\4F19373</t>
  </si>
  <si>
    <t>【东电水电主机】线夹装配\3F12419</t>
  </si>
  <si>
    <t>【东电水电主机】线夹装配\3F12420</t>
  </si>
  <si>
    <t>【东电水电主机】支架\3F12421</t>
  </si>
  <si>
    <t>【东电水电主机】支架\3F12670</t>
  </si>
  <si>
    <t>【东电水电主机】引出线汇流盒焊接\3F12669</t>
  </si>
  <si>
    <t>【东电水电主机】支架装配\2F8315</t>
  </si>
  <si>
    <t>【东电水电主机】主引出线隔离罩装配\1F6647</t>
  </si>
  <si>
    <t>【东电水电主机】屏蔽板\4F21124</t>
  </si>
  <si>
    <t>【东电水电主机】自润滑向心关节轴承\φ260\2S11839</t>
  </si>
  <si>
    <t>【东电水电主机】风机\2F11317</t>
  </si>
  <si>
    <t>【东电水电主机】实心空气围带\2S12556/13</t>
  </si>
  <si>
    <t>【东电水电主机】密封块\1S10608</t>
  </si>
  <si>
    <t>【东电水电主机】自润滑向心关节轴承\φ70\GE70EF-2RS</t>
  </si>
  <si>
    <t>【东电水电主机】轴套\φ70\4S23197</t>
  </si>
  <si>
    <t>【东电水电主机】外螺纹自润滑杆端关节轴承\M56*4/L-6g\SAL-70ET-2RS</t>
  </si>
  <si>
    <t>【东电水电主机】组合密封圈\XJDY300L15H27.5PU\2S12556/33</t>
  </si>
  <si>
    <t>【东电水电主机】转环\1S10522</t>
  </si>
  <si>
    <t>【东电水电主机】锁定装配\2S11681</t>
  </si>
  <si>
    <t>【东电水电主机】轴用回转方形圈\GRS3000\1S10765/36</t>
  </si>
  <si>
    <t>【东电水电主机】外环\CT\2S1030</t>
  </si>
  <si>
    <t>【东电水电主机】导叶分瓣键\φ55*220\3S13439</t>
  </si>
  <si>
    <t>【东电水电主机】空心剪断销\φ45*150\4S18343</t>
  </si>
  <si>
    <t>【东电水电主机】空心剪断销\φ55*150\4S23624</t>
  </si>
  <si>
    <t>【东电水电主机】空心剪断销\φ60*120\改造图</t>
  </si>
  <si>
    <t>【东电水电主机】空心剪断销\φ40*150\4S18344</t>
  </si>
  <si>
    <t>【东电水电主机】空心剪断销\φ45*150\4S18344</t>
  </si>
  <si>
    <t>【东电水电主机】抗磨板(二)\代号0S39,图号：4S432</t>
  </si>
  <si>
    <t>【东电水电主机】导叶下轴套\代号1S7513，图号：4S23632</t>
  </si>
  <si>
    <t>【东电水电主机】密封盒\代号1S7513图号：3S13440</t>
  </si>
  <si>
    <t>【东电水电主机】密封盒\代号1S7510,图号：4S23614</t>
  </si>
  <si>
    <t>【东电水电主机】导叶中轴套\代号1S7510，图号：4S23702</t>
  </si>
  <si>
    <t>【东电水电主机】导叶上轴套\代号1S7510，图号：4S23720</t>
  </si>
  <si>
    <t>【东电水电主机】止推块\代号1S7510，图号：4S23613</t>
  </si>
  <si>
    <t>【东电水电主机】导叶上轴座\代号1S7510，图号：4S23612</t>
  </si>
  <si>
    <t>【东电水电主机】转子联接螺栓\4F120</t>
  </si>
  <si>
    <t>【东电水电主机】联轴螺栓\3S13387</t>
  </si>
  <si>
    <t>【东电水电主机】六角偏螺母\M90*3\4S1032</t>
  </si>
  <si>
    <t>【东电水电主机】抗重螺丝\M90*3\4S1006</t>
  </si>
  <si>
    <t>【东电水电主机】冷却器装配\φ2750*243\1S244</t>
  </si>
  <si>
    <t>【东电水电主机】螺栓\M48*150\5S607</t>
  </si>
  <si>
    <t>【东电水电主机】内螺纹圆锥销\φ50*100\代号：0S129轴承装配,图号：4B3921</t>
  </si>
  <si>
    <t>【东电水电主机】自由浮球式空气阀\φ250\2S9132</t>
  </si>
  <si>
    <t>【东电水电主机】左螺母\φ290*160\4S406</t>
  </si>
  <si>
    <t>【东电水电主机】右螺母\φ290*160\4S408</t>
  </si>
  <si>
    <t>【东电水电主机】旋套\290*480\4S407</t>
  </si>
  <si>
    <t>【东电水电主机】活塞\3S194</t>
  </si>
  <si>
    <t>【东电水电主机】推力冷却器\2F384</t>
  </si>
  <si>
    <t>【东电水电主机】螺帽\4F69</t>
  </si>
  <si>
    <t>【东电水电主机】磁极拉紧螺杆\代号：1F14图号：4F40</t>
  </si>
  <si>
    <t>【东电水电主机】键\4F42</t>
  </si>
  <si>
    <t>【东电水电主机】分段关闭阀凸轮装置\1S1550</t>
  </si>
  <si>
    <t>【东电水电主机】联轴螺栓\M140*4\2S1981</t>
  </si>
  <si>
    <t>【东电水电主机】连杆销\φ320\3S16983</t>
  </si>
  <si>
    <t>【东电水电主机】密封圈\3S16994</t>
  </si>
  <si>
    <t>【东电水电主机】垫块\3S16995</t>
  </si>
  <si>
    <t>【东电水电主机】空气围带\2S11068</t>
  </si>
  <si>
    <t>【东电水电主机】轴套\φ340\4S27174</t>
  </si>
  <si>
    <t>【东电水电主机】轴套\φ430\3S3436</t>
  </si>
  <si>
    <t>【东电水电主机】上轴套\4S2711</t>
  </si>
  <si>
    <t>【东电水电主机】成型橡胶皮条\4S2707</t>
  </si>
  <si>
    <t>【东电水电主机】轴套\φ350\4S2677</t>
  </si>
  <si>
    <t>【东电水电主机】轴套\φ610\3S1186</t>
  </si>
  <si>
    <t>【东电水电主机】轴套\φ60\4S2798</t>
  </si>
  <si>
    <t>【东电水电主机】轴套\φ170\4S5094</t>
  </si>
  <si>
    <t>【东电水电主机】中轴套\φ320\4S2712</t>
  </si>
  <si>
    <t>【东电水电主机】O形密封圈\230*8.6\4S2789</t>
  </si>
  <si>
    <t>【东电水电主机】O形密封圈\200*8.6\4S2787</t>
  </si>
  <si>
    <t>【东电水电主机】O形密封圈\40*3.5\4S2775</t>
  </si>
  <si>
    <t>【东电水电主机】O形密封圈\4S7439</t>
  </si>
  <si>
    <t>【东电水电主机】O形密封圈\4S7440</t>
  </si>
  <si>
    <t>【东电水电主机】特殊螺栓\M56*460\4S2735</t>
  </si>
  <si>
    <t>【东电水电主机】立面抗磨块\4S2728</t>
  </si>
  <si>
    <t>【东电水电主机】弹簧\3S1273</t>
  </si>
  <si>
    <t>【东电水电主机】弹簧\3S1274</t>
  </si>
  <si>
    <t>【东电水电主机】针杆装配\3S1213</t>
  </si>
  <si>
    <t>【东电水电主机】挡圈\4S7437</t>
  </si>
  <si>
    <t>【东电水电主机】挡圈\4S7438</t>
  </si>
  <si>
    <t>【东电水电主机】密封板\4S2799</t>
  </si>
  <si>
    <t>【东电水电主机】紫铜垫圈\63*140\4S26868</t>
  </si>
  <si>
    <t>【东电水电主机】浮动密封环\3S3108</t>
  </si>
  <si>
    <t>【东电水电主机】受油器操作油管\2S2004</t>
  </si>
  <si>
    <t>【东电水电主机】推力轴承冷却器\2F1902</t>
  </si>
  <si>
    <t>【东电水电主机】上导轴承冷却器装配\2F2031</t>
  </si>
  <si>
    <t>【东电水电主机】上端轴螺栓\8.940.098</t>
  </si>
  <si>
    <t>【东电水电主机】磁极键\4F5645～4F5646</t>
  </si>
  <si>
    <t>【东电水电主机】抗磨板\1S10610</t>
  </si>
  <si>
    <t>【东电水电主机】盘根\1S10521项15</t>
  </si>
  <si>
    <t>【东电水电主机】垫环\2S11591</t>
  </si>
  <si>
    <t>【东电水电主机】桨叶密封\4S27714</t>
  </si>
  <si>
    <t>【东电水电主机】环氧酚醛层压玻璃布板\3240\3*φ210*φ92</t>
  </si>
  <si>
    <t>【东电水电主机】环氧酚醛层压玻璃布板\3240\3*φ75*φ48</t>
  </si>
  <si>
    <t>【东电水电主机】螺塞\代号：1S10765，图号：4S22054</t>
  </si>
  <si>
    <t>【东电水电主机】轴用回转方形圈\GRS2600</t>
  </si>
  <si>
    <t>【东电水电主机】孔用回转方形圈\GNS2000</t>
  </si>
  <si>
    <t>【东电水电主机】孔用方形圈\GSF4800</t>
  </si>
  <si>
    <t>【东电水电主机】导向环\GST5925-D480</t>
  </si>
  <si>
    <t>【东电水电主机】轴用阶梯圈\GSJ2600</t>
  </si>
  <si>
    <t>【东电水电主机】轴用Yx圈\GY12600</t>
  </si>
  <si>
    <t>【东电水电主机】防尘圈\GP6-2600</t>
  </si>
  <si>
    <t>【东电水电主机】聚酰亚胺薄膜\0.05×480\δ=0.05mm</t>
  </si>
  <si>
    <t>【东电水电主机】硅橡胶自粘带\0.3*30</t>
  </si>
  <si>
    <t>【东电水电主机】定子线圈模具\1F5721</t>
  </si>
  <si>
    <t>【东电水电主机】导叶型板\25.3475</t>
  </si>
  <si>
    <t>【东电水电主机】联轴螺栓\M160*6\3F11765</t>
  </si>
  <si>
    <t>【东电水电主机】双头螺柱\M160*6\3F11526</t>
  </si>
  <si>
    <t>【东电水电主机】螺母\M160*6\4F21310</t>
  </si>
  <si>
    <t>【东电水电主机】螺柱\M100*6*580\3S12219</t>
  </si>
  <si>
    <t>【东电水电主机】螺母\M100*6\3S6536</t>
  </si>
  <si>
    <t>【东电水电主机】金属软管\SGJR-6/50x2000-WNM(R2)\1S11286</t>
  </si>
  <si>
    <t>【东电水电主机】金属软管\SGJR-6/20x2500-WNM(R3/4)\1S11286</t>
  </si>
  <si>
    <t>【东电水电主机】金属软管\SGJR-6/50x1500-WNM(R2)\1S11286</t>
  </si>
  <si>
    <t>【东电水电主机】金属软管\SGJR-6/25x2500-WNM(R1)\1S11286</t>
  </si>
  <si>
    <t>【东电水电主机】金属软管\SGJR-6/80x1000-WNM(R3)+FL1(GBPN0.6)\1S11286</t>
  </si>
  <si>
    <t>【东电水电主机】铂热电阻\TESTECKF/12Pt100-3230/F06</t>
  </si>
  <si>
    <t>【东电水电主机】密封块\1S11278</t>
  </si>
  <si>
    <t>【东电水电主机】垫环\4S29264</t>
  </si>
  <si>
    <t>【东电水电主机】导向销\4S29608</t>
  </si>
  <si>
    <t>【东电水电主机】抗磨板(4/4)\2S12216</t>
  </si>
  <si>
    <t>【东电水电主机】空气围带\3S18925</t>
  </si>
  <si>
    <t>【东电水电主机】轴套\80\4S29424</t>
  </si>
  <si>
    <t>【东电水电主机】螺栓\M48*250\4S15282</t>
  </si>
  <si>
    <t>【东电水电主机】螺母\M64\4S15831</t>
  </si>
  <si>
    <t>【东电水电主机】螺栓\M64*400\4S23202</t>
  </si>
  <si>
    <t>【东电水电主机】轴套\COB011180100</t>
  </si>
  <si>
    <t>【东电水电主机】垫圈\36\4S29412</t>
  </si>
  <si>
    <t>【东电水电主机】偏心套\φ50\4S15934</t>
  </si>
  <si>
    <t>【东电水电主机】销子螺栓\M48*230\4S29408</t>
  </si>
  <si>
    <t>【东电水电主机】调节螺套\4S27523</t>
  </si>
  <si>
    <t>【东电水电主机】组合密封圈\XJDY260L15H27.5Pu\3S18999</t>
  </si>
  <si>
    <t>【东电水电主机】自润滑向心关节轴承\φ220\3S19056</t>
  </si>
  <si>
    <t>【东电水电主机】防尘圈\GP6-2200</t>
  </si>
  <si>
    <t>【东电水电主机】挡圈\4S15832</t>
  </si>
  <si>
    <t>【东电水电主机】左旋套\3S19002</t>
  </si>
  <si>
    <t>【东电水电主机】弹簧\3S19003</t>
  </si>
  <si>
    <t>【东电水电主机】右旋套\3S19004</t>
  </si>
  <si>
    <t>【东电水电主机】轴套\φ70\4S29407</t>
  </si>
  <si>
    <t>【东电水电主机】轴套\φ30\4S22065</t>
  </si>
  <si>
    <t>【东电水电主机】外螺纹自润滑关节轴承\52*3\SAL60ET-2RS</t>
  </si>
  <si>
    <t>【东电水电主机】薄螺母\52*3\4S17797</t>
  </si>
  <si>
    <t>【东电水电主机】旋套\52*3\3S19006</t>
  </si>
  <si>
    <t>【东电水电主机】薄螺母\52*3\4S17798</t>
  </si>
  <si>
    <t>【东电水电主机】外螺纹自润滑关节轴承\M52*3-6g\SA60ET-2RS</t>
  </si>
  <si>
    <t>【东电水电主机】轴套\φ80\4S29424</t>
  </si>
  <si>
    <t>【东电水电主机】自润滑向心关节轴承\GE90ET-2RS</t>
  </si>
  <si>
    <t>【东电水电主机】自润滑向心关节轴承\GE110ET-2RS</t>
  </si>
  <si>
    <t>【东电水电主机】前销轴\4S29542</t>
  </si>
  <si>
    <t>【东电水电主机】轴套\φ190\3S19249</t>
  </si>
  <si>
    <t>【东电水电主机】导向瓦\4S29487</t>
  </si>
  <si>
    <t>【东电水电主机】双孔止动垫圈Ⅱ\4S24499</t>
  </si>
  <si>
    <t>【东电水电主机】双孔止动垫圈Ⅰ\4S29479</t>
  </si>
  <si>
    <t>【东电水电主机】键\16*10*80\4B2567</t>
  </si>
  <si>
    <t>【东电水电主机】螺柱\M48*3*140\4S15759</t>
  </si>
  <si>
    <t>【东电水电主机】螺母\M48*3*140\4S15760</t>
  </si>
  <si>
    <t>【东电水电主机】止动垫圈\48\4B4457</t>
  </si>
  <si>
    <t>【东电水电主机】导向环\GST5930-D1070</t>
  </si>
  <si>
    <t>【东电水电主机】放油阀\4S9556</t>
  </si>
  <si>
    <t>【东电水电主机】螺柱\M64*3*170\4S20631</t>
  </si>
  <si>
    <t>【东电水电主机】螺母\M64*3\4S20632</t>
  </si>
  <si>
    <t>【东电水电主机】双耳止动垫圈\64\4S29776</t>
  </si>
  <si>
    <t>【东电水电主机】轴套\φ140\4S29777</t>
  </si>
  <si>
    <t>【东电水电主机】止动块1\4S19854</t>
  </si>
  <si>
    <t>【东电水电主机】联轴螺栓\M90*6\3S19276</t>
  </si>
  <si>
    <t>【东电水电主机】轴套\φ165\4S29778</t>
  </si>
  <si>
    <t>【东电水电主机】小轴瓦\φ265\3S19277</t>
  </si>
  <si>
    <t>【东电水电主机】小瓦轴套\3S19278</t>
  </si>
  <si>
    <t>【东电水电主机】小瓦衬套\3S19279</t>
  </si>
  <si>
    <t>【东电水电主机】小止推瓦(4/4)\3S19280</t>
  </si>
  <si>
    <t>【东电水电主机】大瓦衬套\3S19281</t>
  </si>
  <si>
    <t>【东电水电主机】大瓦轴套\3S19282</t>
  </si>
  <si>
    <t>【东电水电主机】大止推瓦(6/6)\3S19283</t>
  </si>
  <si>
    <t>【东电水电主机】滑块\4S29780</t>
  </si>
  <si>
    <t>【东电水电主机】滑块轴\4S29781</t>
  </si>
  <si>
    <t>【东电水电主机】紫铜垫圈\4S24906</t>
  </si>
  <si>
    <t>【东电水电主机】叶片螺栓\M80*6\3S19284</t>
  </si>
  <si>
    <t>【东电水电主机】叶片螺栓止动块\4S29784</t>
  </si>
  <si>
    <t>【东电水电主机】轴套\φ310\3S19287</t>
  </si>
  <si>
    <t>【东电水电主机】轴套\φ360\4S29786</t>
  </si>
  <si>
    <t>【东电水电主机】轴套\φ120\3S19295</t>
  </si>
  <si>
    <t>【东电水电主机】轴用方形圈\GSI1200</t>
  </si>
  <si>
    <t>【东电水电主机】轴用阶梯圈\GSJ3600</t>
  </si>
  <si>
    <t>【东电水电主机】止动垫圈\42\4B4478</t>
  </si>
  <si>
    <t>【东电水电主机】螺母\M42*2\4S18739</t>
  </si>
  <si>
    <t>【东电水电主机】组合密封圈\4S29788</t>
  </si>
  <si>
    <t>【东电水电主机】耐油石棉橡胶板\4S29736</t>
  </si>
  <si>
    <t>【东电水电主机】有机玻璃板\4S29738</t>
  </si>
  <si>
    <t>【东电水电主机】左旋螺母\M42*2\4S9507</t>
  </si>
  <si>
    <t>【东电水电主机】轴套1\φ100\4S24347</t>
  </si>
  <si>
    <t>【东电水电主机】浮动环A\3S17371</t>
  </si>
  <si>
    <t>【东电水电主机】绝缘套\4S27550</t>
  </si>
  <si>
    <t>【东电水电主机】浮动环B\3S17372</t>
  </si>
  <si>
    <t>【东电水电主机】轴套2\φ100\4S24351</t>
  </si>
  <si>
    <t>【东电水电主机】浮动环C\3S14057</t>
  </si>
  <si>
    <t>【东电水电主机】绝缘套\4S27549</t>
  </si>
  <si>
    <t>【东电水电主机】绝缘套\4S27551</t>
  </si>
  <si>
    <t>【东电水电主机】绝缘锥销装配\φ16*100\4B4050</t>
  </si>
  <si>
    <t>【东电水电主机】止动垫圈\6\4B4447</t>
  </si>
  <si>
    <t>【东电水电主机】止动垫圈\12\4B4450</t>
  </si>
  <si>
    <t>【东电水电主机】橡胶垫板\3F10570</t>
  </si>
  <si>
    <t>【东电水电主机】止动垫圈\16*35/Zn\4B4696</t>
  </si>
  <si>
    <t>【东电水电主机】止动垫圈\16*60\4B4704</t>
  </si>
  <si>
    <t>【东电水电主机】止动垫圈\16*70\4B4706</t>
  </si>
  <si>
    <t>【东电水电主机】双头螺栓\3F8406.1</t>
  </si>
  <si>
    <t>【东电水电主机】把合螺母\4F12643</t>
  </si>
  <si>
    <t>【东电水电主机】把合螺母\4F12642</t>
  </si>
  <si>
    <t>【东电水电主机】金属软管\4F13269</t>
  </si>
  <si>
    <t>【东电水电主机】止动垫圈\16\4B4451</t>
  </si>
  <si>
    <t>【东电水电主机】密封垫\4F13019</t>
  </si>
  <si>
    <t>【东电水电主机】定位螺栓\M16*60\4B4275</t>
  </si>
  <si>
    <t>【东电水电主机】耐油橡胶板\5*150*850\1F5277项9</t>
  </si>
  <si>
    <t>【东电水电主机】密封垫\4F13203</t>
  </si>
  <si>
    <t>【东电水电主机】密封圈\4B5502</t>
  </si>
  <si>
    <t>【东电水电主机】密封垫\4F14368</t>
  </si>
  <si>
    <t>【东电水电主机】橡胶垫\4F13836</t>
  </si>
  <si>
    <t>【东电水电主机】金属软管\4F16100.1</t>
  </si>
  <si>
    <t>【东电水电主机】金属软管\JRD14L-1000</t>
  </si>
  <si>
    <t>【东电水电主机】垫圈\4B4603</t>
  </si>
  <si>
    <t>【东电水电主机】橡胶圆条\φ8\1F10587项26</t>
  </si>
  <si>
    <t>【东电水电主机】垫片\4B4493</t>
  </si>
  <si>
    <t>【东电水电主机】止动垫圈\10\4B4449</t>
  </si>
  <si>
    <t>【东电水电主机】橡皮垫\4F12888</t>
  </si>
  <si>
    <t>【东电水电主机】紫铜垫圈\5F949</t>
  </si>
  <si>
    <t>【东电水电主机】定子测温电阻\3F18951.0</t>
  </si>
  <si>
    <t>【东电水电主机】定子测温电阻\3F18951.1</t>
  </si>
  <si>
    <t>【东电水电主机】定子测温电阻\3F18951.2</t>
  </si>
  <si>
    <t>【东电水电主机】定子测温电阻\3F18951.3</t>
  </si>
  <si>
    <t>【东电水电主机】定子测温电阻\3F18951.4</t>
  </si>
  <si>
    <t>【东电水电主机】上层线圈(普通)\1F10460</t>
  </si>
  <si>
    <t>【东电水电主机】上层线圈(跨接)\1F10461</t>
  </si>
  <si>
    <t>【东电水电主机】上层线圈(引出线)\1F10462</t>
  </si>
  <si>
    <t>【东电水电主机】下层线圈(普通)\1F10463</t>
  </si>
  <si>
    <t>【东电水电主机】下层线圈(跨接)\1F10464</t>
  </si>
  <si>
    <t>【东电水电主机】并头块\4F27779</t>
  </si>
  <si>
    <t>【东电水电主机】并头块\4F27780</t>
  </si>
  <si>
    <t>【东电水电主机】并头块\4F27781</t>
  </si>
  <si>
    <t>【东电水电主机】并头块\4F27782</t>
  </si>
  <si>
    <t>【东电水电主机】并头块\4F28092</t>
  </si>
  <si>
    <t>【东电水电主机】绝缘盒\3F18983</t>
  </si>
  <si>
    <t>【东电水电主机】绝缘盒\3F18982</t>
  </si>
  <si>
    <t>【东电水电主机】无碱玻璃纤维绝缘绑扎带\EBT25\0.85*25</t>
  </si>
  <si>
    <t>【东电水电主机】槽口垫块\4F27992.0</t>
  </si>
  <si>
    <t>【东电水电主机】槽口垫块\4F27992.1</t>
  </si>
  <si>
    <t>【东电水电主机】导电玻璃布板\J0967\0.25*23*1620\1F10377项18</t>
  </si>
  <si>
    <t>【东电水电主机】导电槽衬\J1008\0.13*163*1620\1F10377项19</t>
  </si>
  <si>
    <t>【东电水电主机】高强度层压玻璃布板\DECJ0902\3*23*1620\1F10377项21</t>
  </si>
  <si>
    <t>【东电水电主机】高强度层压玻璃布板\DECJ0902\0.5*23*1620\1F10377项23</t>
  </si>
  <si>
    <t>【东电水电主机】高强度层压玻璃布板\DECJ0902\0.2*23*1620\1F10377项24</t>
  </si>
  <si>
    <t>【东电水电主机】波纹板\3F18997.0</t>
  </si>
  <si>
    <t>【东电水电主机】波纹板\3F18997.1</t>
  </si>
  <si>
    <t>【东电水电主机】波纹板\3F18997.2</t>
  </si>
  <si>
    <t>【东电水电主机】槽楔\2F12088.0</t>
  </si>
  <si>
    <t>【东电水电主机】槽楔\2F12088.1</t>
  </si>
  <si>
    <t>【东电水电主机】槽楔\2F12088.2</t>
  </si>
  <si>
    <t>【东电水电主机】斜边垫块\4F28069.0</t>
  </si>
  <si>
    <t>【东电水电主机】斜边垫块\4F28069.1</t>
  </si>
  <si>
    <t>【东电水电主机】斜边垫块\4F28069.2</t>
  </si>
  <si>
    <t>【东电水电主机】斜边垫块\4F28069.3</t>
  </si>
  <si>
    <t>【东电水电主机】涤纶护套玻璃丝绳\DER\φ3</t>
  </si>
  <si>
    <t>【东电水电主机】涤纶毛毡\1F10377</t>
  </si>
  <si>
    <t>【东电水电主机】低电阻环氧防晕漆\DECJ1305</t>
  </si>
  <si>
    <t>【东电水电主机】聚脂晾干铁红瓷漆\DECJ1348</t>
  </si>
  <si>
    <t>【东电水电主机】干燥剂\DECJ1213</t>
  </si>
  <si>
    <t>【东电水电主机】铜基钎料\BCu80AgP\0.4*25*45</t>
  </si>
  <si>
    <t>【东电水电主机】环氧桐马玻璃粉云母带\5440-10\14*25</t>
  </si>
  <si>
    <t>【东电水电主机】无碱玻璃纤维带\ET1000\1*25</t>
  </si>
  <si>
    <t>【东电水电主机】室温固化环氧胶\DECJ0708</t>
  </si>
  <si>
    <t>【东电水电主机】磁极装配\1F10477</t>
  </si>
  <si>
    <t>【东电水电主机】磁极装配\1F10478</t>
  </si>
  <si>
    <t>【东电水电主机】磁极装配\1F10475</t>
  </si>
  <si>
    <t>【东电水电主机】磁极装配\1F10476</t>
  </si>
  <si>
    <t>【东电水电主机】螺母\M42\4F22180</t>
  </si>
  <si>
    <t>【东电水电主机】磁极螺栓\3F18898</t>
  </si>
  <si>
    <t>【东电水电主机】阻尼环连接片\4F27902</t>
  </si>
  <si>
    <t>【东电水电主机】止动垫圈\4F19199</t>
  </si>
  <si>
    <t>【东电水电主机】极间连接装配(上游侧)\3F18902</t>
  </si>
  <si>
    <t>【东电水电主机】极间连接装配(下游侧)\3F18903</t>
  </si>
  <si>
    <t>【东电水电主机】密封胶\TS1277\50ml</t>
  </si>
  <si>
    <t>【东电水电主机】橡胶垫\3F7703</t>
  </si>
  <si>
    <t>【东电水电主机】橡胶垫\4F13050</t>
  </si>
  <si>
    <t>【东电水电主机】橡胶垫\4F12996</t>
  </si>
  <si>
    <t>【东电水电主机】橡胶垫\4F15381</t>
  </si>
  <si>
    <t>【东电水电主机】垫片\4B4509</t>
  </si>
  <si>
    <t>【东电水电主机】止动垫圈\20\4B4452</t>
  </si>
  <si>
    <t>【东电水电主机】法兰垫\4F2860.6</t>
  </si>
  <si>
    <t>【东电水电主机】法兰垫\4F2860.9</t>
  </si>
  <si>
    <t>【东电水电主机】涤纶毛毡\1F10812</t>
  </si>
  <si>
    <t>【东电水电主机】涤纶毛毡\525g/m2\1F10697</t>
  </si>
  <si>
    <t>【东电水电主机】垫圈\4B110</t>
  </si>
  <si>
    <t>【东电水电主机】环氧酚醛层压布管\3640\φ12/φ16\1F10697项22</t>
  </si>
  <si>
    <t>【东电水电主机】绝缘垫板\4F15074</t>
  </si>
  <si>
    <t>【东电水电主机】止动垫圈\8\4B4448</t>
  </si>
  <si>
    <t>【东电水电主机】止动垫圈\30\4B4454</t>
  </si>
  <si>
    <t>【东电水电主机】挡风板\2F12162</t>
  </si>
  <si>
    <t>【东电水电主机】调节垫板\4F28163</t>
  </si>
  <si>
    <t>【东电水电主机】涤纶毛毡\525g/m2\1F10724项11</t>
  </si>
  <si>
    <t>【东电水电主机】止动垫圈\10\4B4667</t>
  </si>
  <si>
    <t>【东电水电主机】板\4F28178</t>
  </si>
  <si>
    <t>【东电水电主机】板\3F19164</t>
  </si>
  <si>
    <t>【东电水电主机】橡胶板\4*15\1F10731项27</t>
  </si>
  <si>
    <t>【东电水电主机】方斜垫圈\16\4B4427</t>
  </si>
  <si>
    <t>【东电水电主机】单耳止动垫圈\4B4451</t>
  </si>
  <si>
    <t>【东电水电主机】环氧酚醛层压玻璃布板\5*φ75*φ305\2F12135项2</t>
  </si>
  <si>
    <t>【东电水电主机】风机\2F12138</t>
  </si>
  <si>
    <t>【东电水电主机】法兰垫\2"\4F2860.4</t>
  </si>
  <si>
    <t>【东电水电主机】法兰垫\4F2860.3</t>
  </si>
  <si>
    <t>【东电水电主机】法兰垫\4F2860.7</t>
  </si>
  <si>
    <t>【东电水电主机】槽型绝缘\4F19315</t>
  </si>
  <si>
    <t>【东电水电主机】衬块\4F14396</t>
  </si>
  <si>
    <t>【东电水电主机】绝缘垫圈\5F442</t>
  </si>
  <si>
    <t>【东电水电主机】支柱螺栓\4F18058</t>
  </si>
  <si>
    <t>【东电水电主机】锁板\4F19395</t>
  </si>
  <si>
    <t>【东电水电主机】斜楔\4F18755</t>
  </si>
  <si>
    <t>【东电水电主机】磁极键\3F11757</t>
  </si>
  <si>
    <t>【东电水电主机】层压板\D327\0.25*26*3050\2F7734项12</t>
  </si>
  <si>
    <t>【东电水电主机】层压板\D327\0.5*26*3050\2F7734项11</t>
  </si>
  <si>
    <t>【东电水电主机】层压板\D327\5*26*3080\2F7734项10</t>
  </si>
  <si>
    <t>【东电水电主机】斜楔\4F19166.0</t>
  </si>
  <si>
    <t>【东电水电主机】斜楔\4F19166.1</t>
  </si>
  <si>
    <t>【东电水电主机】阻尼环连接片\4F19280</t>
  </si>
  <si>
    <t>【普瑞奇】滤芯\RP8304F2239H\22um</t>
  </si>
  <si>
    <t>【普瑞奇】滤芯\RP8304F0716H\7um</t>
  </si>
  <si>
    <t>【普瑞奇】滤芯\RP8304F0316H\3um</t>
  </si>
  <si>
    <t>【普瑞奇】滤芯\RP8304F0516H\5um</t>
  </si>
  <si>
    <t>【普瑞奇】滤芯\RP8304F1216H\12um</t>
  </si>
  <si>
    <t>【普瑞奇】滤芯\RP8304F2216H\22um</t>
  </si>
  <si>
    <t>【普瑞奇】滤芯\RP8304F0309H\3um</t>
  </si>
  <si>
    <t>【普瑞奇】滤芯\RP8304F0509H\5um</t>
  </si>
  <si>
    <t>【普瑞奇】滤芯\RP8304F0709H\7um</t>
  </si>
  <si>
    <t>【普瑞奇】滤芯\RP8304F1209H\12um</t>
  </si>
  <si>
    <t>【普瑞奇】滤芯\RP8304F2209H\22um</t>
  </si>
  <si>
    <t>【普瑞奇】滤芯\RP8304F0313H\3um</t>
  </si>
  <si>
    <t>【普瑞奇】滤芯\RP8304F0513H\5um</t>
  </si>
  <si>
    <t>【普瑞奇】滤芯\RP8304F0713H\7um</t>
  </si>
  <si>
    <t>【普瑞奇】滤芯\RP8304F1213H\12um</t>
  </si>
  <si>
    <t>【普瑞奇】滤芯\RP8304F2213H\22um</t>
  </si>
  <si>
    <t>【普瑞奇】滤芯\RP8304F0320H\3um</t>
  </si>
  <si>
    <t>【普瑞奇】滤芯\RP8304F0520H\5um</t>
  </si>
  <si>
    <t>【普瑞奇】滤芯\RP8304F0720H\7um</t>
  </si>
  <si>
    <t>【普瑞奇】滤芯\RP8304F1220H\12um</t>
  </si>
  <si>
    <t>【普瑞奇】滤芯\RP8304F2220H\22um</t>
  </si>
  <si>
    <t>【普瑞奇】滤芯\RP8304F0326H\3um</t>
  </si>
  <si>
    <t>【普瑞奇】滤芯\RP8304F0526H\5um</t>
  </si>
  <si>
    <t>【普瑞奇】滤芯\RP8304F0726H\7um</t>
  </si>
  <si>
    <t>【普瑞奇】滤芯\RP8304F1226H\12um</t>
  </si>
  <si>
    <t>【普瑞奇】滤芯\RP8304F2226H\22um</t>
  </si>
  <si>
    <t>【普瑞奇】滤芯\RP8304F0339H\3um</t>
  </si>
  <si>
    <t>【普瑞奇】滤芯\RP8304F0539H\5um</t>
  </si>
  <si>
    <t>【普瑞奇】滤芯\RP8304F0739H\7um</t>
  </si>
  <si>
    <t>【普瑞奇】滤芯\RP8304F1239H\12um</t>
  </si>
  <si>
    <t>【普瑞奇】滤芯\RP8304F0309Z\3um</t>
  </si>
  <si>
    <t>【普瑞奇】滤芯\RP8304F0509Z\5um</t>
  </si>
  <si>
    <t>【普瑞奇】滤芯\RP8304F0709Z\7um</t>
  </si>
  <si>
    <t>【普瑞奇】滤芯\RP8304F1209Z\12um</t>
  </si>
  <si>
    <t>【普瑞奇】滤芯\RP8304F2209Z\22um</t>
  </si>
  <si>
    <t>【普瑞奇】滤芯\RP8304F0313Z\3um</t>
  </si>
  <si>
    <t>【普瑞奇】滤芯\RP8304F0513Z\5um</t>
  </si>
  <si>
    <t>【普瑞奇】滤芯\RP8304F0713Z\7um</t>
  </si>
  <si>
    <t>【普瑞奇】滤芯\RP8304F1213Z\12um</t>
  </si>
  <si>
    <t>【普瑞奇】滤芯\RP8304F2213Z\22um</t>
  </si>
  <si>
    <t>【普瑞奇】滤芯\RP8304F0316Z\3um</t>
  </si>
  <si>
    <t>【普瑞奇】滤芯\RP8304F0516Z\5um</t>
  </si>
  <si>
    <t>【普瑞奇】滤芯\RP8304F0716Z\7um</t>
  </si>
  <si>
    <t>【普瑞奇】滤芯\RP8304F1216Z\12um</t>
  </si>
  <si>
    <t>【普瑞奇】滤芯\RP8304F2216Z\22um</t>
  </si>
  <si>
    <t>【普瑞奇】滤芯\RP8304F0320Z\3um</t>
  </si>
  <si>
    <t>【普瑞奇】滤芯\RP8304F0520Z\5um</t>
  </si>
  <si>
    <t>【普瑞奇】滤芯\RP8304F0720Z\7um</t>
  </si>
  <si>
    <t>【普瑞奇】滤芯\RP8304F1220Z\12um</t>
  </si>
  <si>
    <t>【普瑞奇】滤芯\RP8304F2220Z\22um</t>
  </si>
  <si>
    <t>【普瑞奇】滤芯\RP8304F0326Z\3um</t>
  </si>
  <si>
    <t>【普瑞奇】滤芯\RP8304F0526Z\5um</t>
  </si>
  <si>
    <t>【普瑞奇】滤芯\RP8304F0726Z\7um</t>
  </si>
  <si>
    <t>【普瑞奇】滤芯\RP8304F1226Z\12um</t>
  </si>
  <si>
    <t>【普瑞奇】滤芯\RP8304F2226Z\22um</t>
  </si>
  <si>
    <t>【普瑞奇】滤芯\RP8304F0339Z\3um</t>
  </si>
  <si>
    <t>【普瑞奇】滤芯\RP8304F0539Z\5um</t>
  </si>
  <si>
    <t>【普瑞奇】滤芯\RP8304F0739Z\7um</t>
  </si>
  <si>
    <t>【普瑞奇】滤芯\RP8304F1239Z\12um</t>
  </si>
  <si>
    <t>【普瑞奇】滤芯\RP8304F2239Z\22um</t>
  </si>
  <si>
    <t>【普瑞奇】滤芯\RP8900F0308Z\3um</t>
  </si>
  <si>
    <t>【普瑞奇】滤芯\RP8900F0508Z\5um</t>
  </si>
  <si>
    <t>【普瑞奇】滤芯\RP8900F0708Z\7um</t>
  </si>
  <si>
    <t>【普瑞奇】滤芯\RP8900F1208Z\12um</t>
  </si>
  <si>
    <t>【普瑞奇】滤芯\RP8900F2208Z\22um</t>
  </si>
  <si>
    <t>【普瑞奇】滤芯\RP8900F0313Z\3um</t>
  </si>
  <si>
    <t>【普瑞奇】滤芯\RP8900F0513Z\5um</t>
  </si>
  <si>
    <t>【普瑞奇】滤芯\RP8900F0713Z\7um</t>
  </si>
  <si>
    <t>【普瑞奇】滤芯\RP8900F1213Z\12um</t>
  </si>
  <si>
    <t>【普瑞奇】滤芯\RP8900F2213Z\22um</t>
  </si>
  <si>
    <t>【普瑞奇】滤芯\RP8900F0316Z\3um</t>
  </si>
  <si>
    <t>【普瑞奇】滤芯\RP8900F0516Z\5um</t>
  </si>
  <si>
    <t>【普瑞奇】滤芯\RP8900F0716Z\7um</t>
  </si>
  <si>
    <t>【普瑞奇】滤芯\RP8900F1216Z\12um</t>
  </si>
  <si>
    <t>【普瑞奇】滤芯\RP8900F2216Z\22um</t>
  </si>
  <si>
    <t>【普瑞奇】滤芯\RP8900F0326Z\3um</t>
  </si>
  <si>
    <t>【普瑞奇】滤芯\RP8900F0526Z\5um</t>
  </si>
  <si>
    <t>【普瑞奇】滤芯\RP8900F0726Z\7um</t>
  </si>
  <si>
    <t>【普瑞奇】滤芯\RP8900F1226Z\12um</t>
  </si>
  <si>
    <t>【普瑞奇】滤芯\RP8900F2226Z\22um</t>
  </si>
  <si>
    <t>【普瑞奇】滤芯\RP8900F0339Z\3um</t>
  </si>
  <si>
    <t>【普瑞奇】滤芯\RP8900F0539Z\5um</t>
  </si>
  <si>
    <t>【普瑞奇】滤芯\RP8900F0739Z\7um</t>
  </si>
  <si>
    <t>【普瑞奇】滤芯\RP8900F1239Z\12um</t>
  </si>
  <si>
    <t>【普瑞奇】滤芯\RP8900F2239Z\22um</t>
  </si>
  <si>
    <t>【普瑞奇】滤芯\RP8900F1239H\12um</t>
  </si>
  <si>
    <t>【普瑞奇】滤芯\RP8900F2239H\22um</t>
  </si>
  <si>
    <t>【普瑞奇】滤芯\RP8904F2226H\22um</t>
  </si>
  <si>
    <t>【普瑞奇】滤芯\RP8904F0308Z\3um</t>
  </si>
  <si>
    <t>【普瑞奇】滤芯\RP8904F0508Z\5um</t>
  </si>
  <si>
    <t>【普瑞奇】滤芯\RP8904F0708Z\7um</t>
  </si>
  <si>
    <t>【普瑞奇】滤芯\RP8904F1208Z\12um</t>
  </si>
  <si>
    <t>【普瑞奇】滤芯\RP8904F2208Z\22um</t>
  </si>
  <si>
    <t>【普瑞奇】滤芯\RP8904F0313Z\3um</t>
  </si>
  <si>
    <t>【普瑞奇】滤芯\RP8904F0513Z\5um</t>
  </si>
  <si>
    <t>【普瑞奇】滤芯\RP8904F0713Z\7um</t>
  </si>
  <si>
    <t>【普瑞奇】滤芯\RP8904F1213Z\12um</t>
  </si>
  <si>
    <t>【普瑞奇】滤芯\RP8904F2213Z\22um</t>
  </si>
  <si>
    <t>【普瑞奇】滤芯\RP8904F0316Z\3um</t>
  </si>
  <si>
    <t>【普瑞奇】滤芯\RP8904F0516Z\5um</t>
  </si>
  <si>
    <t>【普瑞奇】滤芯\RP8904F0716Z\7um</t>
  </si>
  <si>
    <t>【普瑞奇】滤芯\RP8904F1216Z\12um</t>
  </si>
  <si>
    <t>【普瑞奇】滤芯\RP8904F2216Z\22um</t>
  </si>
  <si>
    <t>【普瑞奇】滤芯\RP8904F0326Z\3um</t>
  </si>
  <si>
    <t>【普瑞奇】滤芯\RP8904F0526Z\5um</t>
  </si>
  <si>
    <t>【普瑞奇】滤芯\RP8904F0726Z\7um</t>
  </si>
  <si>
    <t>【普瑞奇】滤芯\RP8904F1226Z\12um</t>
  </si>
  <si>
    <t>【普瑞奇】滤芯\RP8904F2226Z\22um</t>
  </si>
  <si>
    <t>【普瑞奇】滤芯\RP8904F0339Z\3um</t>
  </si>
  <si>
    <t>【普瑞奇】滤芯\RP8904F0539Z\5um</t>
  </si>
  <si>
    <t>【普瑞奇】滤芯\RP8904F0739Z\7um</t>
  </si>
  <si>
    <t>【普瑞奇】滤芯\RP8904F1239Z\12um</t>
  </si>
  <si>
    <t>【普瑞奇】滤芯\RP8904F2239Z\22um</t>
  </si>
  <si>
    <t>【普瑞奇】滤芯\RP9020F0304Z\3um</t>
  </si>
  <si>
    <t>【普瑞奇】滤芯\RP9020F0504Z\5um</t>
  </si>
  <si>
    <t>【普瑞奇】滤芯\RP9020F0704Z\7um</t>
  </si>
  <si>
    <t>【普瑞奇】滤芯\RP9020F1204Z\12um</t>
  </si>
  <si>
    <t>【普瑞奇】滤芯\RP9020F2204Z\22um</t>
  </si>
  <si>
    <t>【普瑞奇】滤芯\RP9020F0508Z\5um</t>
  </si>
  <si>
    <t>【普瑞奇】滤芯\RP9020F0708Z\7um</t>
  </si>
  <si>
    <t>【普瑞奇】滤芯\RP9020F1208Z\12um</t>
  </si>
  <si>
    <t>【普瑞奇】滤芯\RP9020F2208Z\22um</t>
  </si>
  <si>
    <t>【普瑞奇】滤芯\RHP9021F0304Z\3um</t>
  </si>
  <si>
    <t>【普瑞奇】滤芯\RHP9021F0504Z\5um</t>
  </si>
  <si>
    <t>【普瑞奇】滤芯\RHP9021F0704Z\7um</t>
  </si>
  <si>
    <t>【普瑞奇】滤芯\RHP9021F1204Z\12um</t>
  </si>
  <si>
    <t>【普瑞奇】滤芯\RHP9021F2204Z\22um</t>
  </si>
  <si>
    <t>【普瑞奇】滤芯\RHP9021F0308Z\3um</t>
  </si>
  <si>
    <t>【普瑞奇】滤芯\RHP9021F0508Z\5um</t>
  </si>
  <si>
    <t>【普瑞奇】滤芯\RHP9021F0708Z\7um</t>
  </si>
  <si>
    <t>【普瑞奇】滤芯\RHP9021F1208Z\12um</t>
  </si>
  <si>
    <t>【普瑞奇】滤芯\RHP9021F2208Z\22um</t>
  </si>
  <si>
    <t>【成都风机】执行器连杆\SD30UI001</t>
  </si>
  <si>
    <t>中国电建集团透平科技有限公司风机</t>
  </si>
  <si>
    <t>成都风机</t>
  </si>
  <si>
    <t>WZSCCG-2019-BJ-034</t>
  </si>
  <si>
    <t>国家能源e购商城 透平科技公司风机备品备件长协采购框架协议</t>
  </si>
  <si>
    <t>中国电建集团透平科技有限公司</t>
  </si>
  <si>
    <t>【成都风机】油缸组连杆\SD30UI002</t>
  </si>
  <si>
    <t>【成都风机】滚动轴承座\SD30UI004</t>
  </si>
  <si>
    <t>【成都风机】主轴\SD30UZ001</t>
  </si>
  <si>
    <t>【成都风机】轴承箱\SD30UZ002</t>
  </si>
  <si>
    <t>【成都风机】轴套\SD30UZ003</t>
  </si>
  <si>
    <t>【成都风机】轴承端盖\SD30UZ004</t>
  </si>
  <si>
    <t>【成都风机】轴承盖\SD30UZ005</t>
  </si>
  <si>
    <t>【成都风机】隔环\SD30UZ006</t>
  </si>
  <si>
    <t>【成都风机】厚轴螺母\SD30UZ007</t>
  </si>
  <si>
    <t>【成都风机】薄轴螺母\SD30UZ008</t>
  </si>
  <si>
    <t>【成都风机】压力片\SD30UZ009</t>
  </si>
  <si>
    <t>【成都风机】销\SD30UZ010</t>
  </si>
  <si>
    <t>【成都风机】环\SD30UZ011</t>
  </si>
  <si>
    <t>【成都风机】隔套\SD30UZ012</t>
  </si>
  <si>
    <t>【成都风机】集油环\SD30UZ013</t>
  </si>
  <si>
    <t>【成都风机】圆锥销\SD30UZ014</t>
  </si>
  <si>
    <t>【成都风机】密封环\SD30UZ015</t>
  </si>
  <si>
    <t>【成都风机】叠层密封环\SD30UZ016</t>
  </si>
  <si>
    <t>【成都风机】O型密封圈\SD30UZ017</t>
  </si>
  <si>
    <t>【成都风机】O型密封圈\SD30UZ018</t>
  </si>
  <si>
    <t>【成都风机】角环\SD30UZ019</t>
  </si>
  <si>
    <t>【成都风机】角接触球轴承\SD30UZ020/0JJQS30/φ310×51</t>
  </si>
  <si>
    <t>【成都风机】径向轴承\SD30UZ021/2YZGS30/φ320×52</t>
  </si>
  <si>
    <t>【成都风机】叶片组\SD30UG001</t>
  </si>
  <si>
    <t>【成都风机】垫片\SD30UG002</t>
  </si>
  <si>
    <t>【成都风机】叶片螺栓\SD30UG003</t>
  </si>
  <si>
    <t>【成都风机】叶片轴\SD30LG001</t>
  </si>
  <si>
    <t>【成都风机】调节环\SD30LG002</t>
  </si>
  <si>
    <t>【成都风机】调节盘\SD30LG003</t>
  </si>
  <si>
    <t>【成都风机】毂盘\SD30LG004</t>
  </si>
  <si>
    <t>【成都风机】曲柄\SD30LG005</t>
  </si>
  <si>
    <t>【成都风机】键\SD30LG006</t>
  </si>
  <si>
    <t>【成都风机】滑块\SD30LG007</t>
  </si>
  <si>
    <t>【成都风机】复合衬套\SD30LG008</t>
  </si>
  <si>
    <t>【成都风机】复合衬套\SD30LG009</t>
  </si>
  <si>
    <t>【成都风机】轴承套\SD30LG010</t>
  </si>
  <si>
    <t>【成都风机】压环\SD30LG011</t>
  </si>
  <si>
    <t>【成都风机】螺母\SD30LG012</t>
  </si>
  <si>
    <t>【成都风机】碟簧\SD30LG013</t>
  </si>
  <si>
    <t>【成都风机】套\SD30LG014</t>
  </si>
  <si>
    <t>【成都风机】轴向推力球轴承\SD30LG015/LG220115/φ88×36.5</t>
  </si>
  <si>
    <t>【成都风机】O型密封圈\SD30LG016</t>
  </si>
  <si>
    <t>【成都风机】轴用弹性挡圈\SD30LG017</t>
  </si>
  <si>
    <t>【成都风机】孔用弹性挡圈\SD30LG018</t>
  </si>
  <si>
    <t>【成都风机】单列开槽球轴承\SD30LG019/276011/φ90×18</t>
  </si>
  <si>
    <t>【成都风机】关节轴承\SD30LG020/304GE17/φ30×14</t>
  </si>
  <si>
    <t>【成都风机】卡法兰\SD30LG021</t>
  </si>
  <si>
    <t>【成都风机】油缸组合\SD30TY001</t>
  </si>
  <si>
    <t>【成都风机】刮油圈\SD30TY002</t>
  </si>
  <si>
    <t>【成都风机】刮油圈\SD30TY003</t>
  </si>
  <si>
    <t>【成都风机】双联密封圈\SD30TY004</t>
  </si>
  <si>
    <t>【成都风机】双联密封圈\SD30TY005</t>
  </si>
  <si>
    <t>【成都风机】导环\SD30TY006</t>
  </si>
  <si>
    <t>【成都风机】密封套\SD30TY007</t>
  </si>
  <si>
    <t>【成都风机】密封垫\SD30TY008</t>
  </si>
  <si>
    <t>【成都风机】伺服阀\SD30TY009</t>
  </si>
  <si>
    <t>【成都风机】轴密封环\SD30TY010</t>
  </si>
  <si>
    <t>【成都风机】滚针轴承\SD30TY011</t>
  </si>
  <si>
    <t>【成都风机】沟槽球轴承\SD30TY012/276208/φ80×18</t>
  </si>
  <si>
    <t>【成都风机】风机侧联轴器\SD30FM001</t>
  </si>
  <si>
    <t>【成都风机】电机侧联轴器\SD30FM002</t>
  </si>
  <si>
    <t>【成都风机】执行器连杆\SD60UI001</t>
  </si>
  <si>
    <t>【成都风机】油缸组连杆\SD60UI002</t>
  </si>
  <si>
    <t>【成都风机】滚动轴承座\SD60UI004</t>
  </si>
  <si>
    <t>【成都风机】主轴\SD60UZ001</t>
  </si>
  <si>
    <t>【成都风机】轴承箱\SD60UZ002</t>
  </si>
  <si>
    <t>【成都风机】轴套\SD60UZ003</t>
  </si>
  <si>
    <t>【成都风机】轴承端盖\SD60UZ004</t>
  </si>
  <si>
    <t>【成都风机】轴承盖\SD60UZ005</t>
  </si>
  <si>
    <t>【成都风机】隔环\SD60UZ006</t>
  </si>
  <si>
    <t>【成都风机】厚轴螺母\SD60UZ007</t>
  </si>
  <si>
    <t>【成都风机】薄轴螺母\SD60UZ008</t>
  </si>
  <si>
    <t>【成都风机】压力片\SD60UZ009</t>
  </si>
  <si>
    <t>【成都风机】销\SD60UZ010</t>
  </si>
  <si>
    <t>【成都风机】环\SD60UZ011</t>
  </si>
  <si>
    <t>【成都风机】隔套\SD60UZ012</t>
  </si>
  <si>
    <t>【成都风机】集油环\SD60UZ013</t>
  </si>
  <si>
    <t>【成都风机】圆锥销\SD60UZ014</t>
  </si>
  <si>
    <t>【成都风机】密封环\SD60UZ015</t>
  </si>
  <si>
    <t>【成都风机】叠层密封环\SD60UZ016</t>
  </si>
  <si>
    <t>【成都风机】O型密封圈\SD60UZ017</t>
  </si>
  <si>
    <t>【成都风机】O型密封圈\SD60UZ018</t>
  </si>
  <si>
    <t>【成都风机】角环\SD60UZ019</t>
  </si>
  <si>
    <t>【成都风机】角接触球轴承\SD60UZ020/0JJQS60/φ460×74</t>
  </si>
  <si>
    <t>【成都风机】径向轴承\SD60UZ021/2YZGS60/φ480×80</t>
  </si>
  <si>
    <t>【成都风机】叶片组\SD60UG001</t>
  </si>
  <si>
    <t>【成都风机】垫片\SD60UG002</t>
  </si>
  <si>
    <t>【成都风机】叶片螺栓\SD60UG003</t>
  </si>
  <si>
    <t>【成都风机】叶片轴\SD60LG001</t>
  </si>
  <si>
    <t>【成都风机】调节环\SD60LG002</t>
  </si>
  <si>
    <t>【成都风机】调节盘\SD60LG003</t>
  </si>
  <si>
    <t>【成都风机】毂盘\SD60LG004</t>
  </si>
  <si>
    <t>【成都风机】曲柄\SD60LG005</t>
  </si>
  <si>
    <t>【成都风机】键\SD60LG006</t>
  </si>
  <si>
    <t>【成都风机】滑块\SD60LG007</t>
  </si>
  <si>
    <t>【成都风机】复合衬套\SD60LG008</t>
  </si>
  <si>
    <t>【成都风机】复合衬套\SD60LG009</t>
  </si>
  <si>
    <t>【成都风机】轴承套\SD60LG010</t>
  </si>
  <si>
    <t>【成都风机】压环\SD60LG011</t>
  </si>
  <si>
    <t>【成都风机】螺母\SD60LG012</t>
  </si>
  <si>
    <t>【成都风机】碟簧\SD60LG013</t>
  </si>
  <si>
    <t>【成都风机】套\SD60LG014</t>
  </si>
  <si>
    <t>【成都风机】轴向推力球轴承\SD60LG015/LG240115/φ167×73</t>
  </si>
  <si>
    <t>【成都风机】O型密封圈\SD60LG016</t>
  </si>
  <si>
    <t>【成都风机】轴用弹性挡圈\SD60LG017</t>
  </si>
  <si>
    <t>【成都风机】孔用弹性挡圈\SD60LG018</t>
  </si>
  <si>
    <t>【成都风机】单列开槽球轴承\SD60LG019/276016/φ170×28</t>
  </si>
  <si>
    <t>【成都风机】关节轴承\SD60LG020/304GE21/φ47×22</t>
  </si>
  <si>
    <t>【成都风机】卡法兰\SD60LG021</t>
  </si>
  <si>
    <t>【成都风机】油缸组合\SD60TY001</t>
  </si>
  <si>
    <t>【成都风机】刮油圈\SD60TY002</t>
  </si>
  <si>
    <t>【成都风机】刮油圈\SD60TY003</t>
  </si>
  <si>
    <t>【成都风机】双联密封圈\SD60TY004</t>
  </si>
  <si>
    <t>【成都风机】双联密封圈\SD60TY005</t>
  </si>
  <si>
    <t>【成都风机】导环\SD60TY006</t>
  </si>
  <si>
    <t>【成都风机】密封套\SD60TY007</t>
  </si>
  <si>
    <t>【成都风机】密封垫\SD60TY008</t>
  </si>
  <si>
    <t>【成都风机】伺服阀\SD60TY009</t>
  </si>
  <si>
    <t>【成都风机】轴密封环\SD60TY010</t>
  </si>
  <si>
    <t>【成都风机】滚针轴承\SD60TY011/SGZ602/φ60×20</t>
  </si>
  <si>
    <t>【成都风机】沟槽球轴承\SD60TY012/276012/φ80×18</t>
  </si>
  <si>
    <t>【成都风机】风机侧联轴器\SD60FM001</t>
  </si>
  <si>
    <t>【成都风机】电机侧联轴器\SD60FM002</t>
  </si>
  <si>
    <t>【成都风机】执行器连杆\PD30UI001</t>
  </si>
  <si>
    <t>【成都风机】油缸组连杆\PD30UI002</t>
  </si>
  <si>
    <t>【成都风机】滚动轴承座\PD30UI004</t>
  </si>
  <si>
    <t>【成都风机】主轴\PD30UZ001</t>
  </si>
  <si>
    <t>【成都风机】轴承箱\PD30UZ002</t>
  </si>
  <si>
    <t>【成都风机】轴套\PD30UZ003</t>
  </si>
  <si>
    <t>【成都风机】轴承端盖\PD30UZ004</t>
  </si>
  <si>
    <t>【成都风机】轴承盖\PD30UZ005</t>
  </si>
  <si>
    <t>【成都风机】隔环\PD30UZ006</t>
  </si>
  <si>
    <t>【成都风机】厚轴螺母\PD30UZ007</t>
  </si>
  <si>
    <t>【成都风机】薄轴螺母\PD30UZ008</t>
  </si>
  <si>
    <t>【成都风机】压力片\PD30UZ009</t>
  </si>
  <si>
    <t>【成都风机】销\PD30UZ010</t>
  </si>
  <si>
    <t>【成都风机】环\PD30UZ011</t>
  </si>
  <si>
    <t>【成都风机】隔套\PD30UZ012</t>
  </si>
  <si>
    <t>【成都风机】集油环\PD30UZ013</t>
  </si>
  <si>
    <t>【成都风机】圆锥销\PD30UZ014</t>
  </si>
  <si>
    <t>【成都风机】密封环\PD30UZ015</t>
  </si>
  <si>
    <t>【成都风机】叠层密封环\PD30UZ016</t>
  </si>
  <si>
    <t>【成都风机】O型密封圈\PD30UZ017</t>
  </si>
  <si>
    <t>【成都风机】O型密封圈\PD30UZ018</t>
  </si>
  <si>
    <t>【成都风机】角环\PD30UZ019</t>
  </si>
  <si>
    <t>【成都风机】角接球触轴承\PD30UZ020/0JJPQ30/φ420×65</t>
  </si>
  <si>
    <t>【成都风机】径向轴承\PD30UZ021/2YZGP30/φ440×72</t>
  </si>
  <si>
    <t>【成都风机】卡套\PD30UZ022</t>
  </si>
  <si>
    <t>【成都风机】卡套\PD30UZ023</t>
  </si>
  <si>
    <t>【成都风机】滑动轴承\PD30UZ024/PHD30/φ70×60</t>
  </si>
  <si>
    <t>【成都风机】芯轴\PD30UZ025</t>
  </si>
  <si>
    <t>【成都风机】叶片组\PD30UG001</t>
  </si>
  <si>
    <t>【成都风机】垫片\PD30UG002</t>
  </si>
  <si>
    <t>【成都风机】叶片螺栓\PD30UG003</t>
  </si>
  <si>
    <t>【成都风机】叶片轴\PD30LG001</t>
  </si>
  <si>
    <t>【成都风机】调节环\PD30LG002</t>
  </si>
  <si>
    <t>【成都风机】调节盘\PD30LG003</t>
  </si>
  <si>
    <t>【成都风机】毂盘\PD30LG004</t>
  </si>
  <si>
    <t>【成都风机】曲柄\PD30LG005</t>
  </si>
  <si>
    <t>【成都风机】键\PD30LG006</t>
  </si>
  <si>
    <t>【成都风机】滑块\PD30LG007</t>
  </si>
  <si>
    <t>【成都风机】复合衬套\PD30LG008</t>
  </si>
  <si>
    <t>【成都风机】复合衬套\PD30LG023</t>
  </si>
  <si>
    <t>【成都风机】螺母\PD30LG012</t>
  </si>
  <si>
    <t>【成都风机】轴承套\PD30LG010</t>
  </si>
  <si>
    <t>【成都风机】压环\PD30LG011</t>
  </si>
  <si>
    <t>【成都风机】碟簧\PD30LG013</t>
  </si>
  <si>
    <t>【成都风机】套\PD30LG014</t>
  </si>
  <si>
    <t>【成都风机】轴向推力球轴承\PD30LG015/LG242103/φ138×58</t>
  </si>
  <si>
    <t>【成都风机】O型密封圈\PD30LG016</t>
  </si>
  <si>
    <t>【成都风机】轴用弹性挡圈\PD30LG017</t>
  </si>
  <si>
    <t>【成都风机】孔用弹性挡圈\PD30LG018</t>
  </si>
  <si>
    <t>【成都风机】单列开槽球轴承\PD30LG019/276019/φ140×24</t>
  </si>
  <si>
    <t>【成都风机】关节轴承\PD30LG020</t>
  </si>
  <si>
    <t>【成都风机】I级卡法兰\PD30LG021</t>
  </si>
  <si>
    <t>【成都风机】Ⅱ级卡法兰\PD30LG022</t>
  </si>
  <si>
    <t>【成都风机】调整垫\PD30LG024</t>
  </si>
  <si>
    <t>【成都风机】油缸组合\PD30TY001</t>
  </si>
  <si>
    <t>【成都风机】刮油圈\PD30TY002</t>
  </si>
  <si>
    <t>【成都风机】刮油圈\PD30TY003</t>
  </si>
  <si>
    <t>【成都风机】双联密封圈\PD30TY004</t>
  </si>
  <si>
    <t>【成都风机】双联密封圈\PD30TY005</t>
  </si>
  <si>
    <t>【成都风机】导环\PD30TY006</t>
  </si>
  <si>
    <t>【成都风机】密封套\PD30TY007</t>
  </si>
  <si>
    <t>【成都风机】密封垫\PD30TY008</t>
  </si>
  <si>
    <t>【成都风机】伺服阀\PD30TY009</t>
  </si>
  <si>
    <t>【成都风机】轴密封环\PD30TY010</t>
  </si>
  <si>
    <t>【成都风机】滚针轴承\PD30TY011/PGZ30/φ60×20</t>
  </si>
  <si>
    <t>【成都风机】沟槽球轴承\PD30TY012/276013/φ80×18</t>
  </si>
  <si>
    <t>【成都风机】风机侧联轴器\PD30FM001</t>
  </si>
  <si>
    <t>【成都风机】电机侧联轴器\PD30FM002</t>
  </si>
  <si>
    <t>【成都风机】执行器连杆\YD30UI001</t>
  </si>
  <si>
    <t>【成都风机】油缸组连杆\YD30UI002</t>
  </si>
  <si>
    <t>【成都风机】滚动轴承座\YD30UI004</t>
  </si>
  <si>
    <t>【成都风机】密封冷却风机\YD30UM001</t>
  </si>
  <si>
    <t>【成都风机】叶轮组\YD30UM002</t>
  </si>
  <si>
    <t>【成都风机】主轴\YD30UZ001</t>
  </si>
  <si>
    <t>【成都风机】轴承箱\YD30UZ002</t>
  </si>
  <si>
    <t>【成都风机】轴套\YD30UZ003</t>
  </si>
  <si>
    <t>【成都风机】轴承端盖\YD30UZ004</t>
  </si>
  <si>
    <t>【成都风机】轴承盖\YD30UZ005</t>
  </si>
  <si>
    <t>【成都风机】隔环\YD30UZ006</t>
  </si>
  <si>
    <t>【成都风机】厚轴螺母\YD30UZ007</t>
  </si>
  <si>
    <t>【成都风机】薄轴螺母\YD30UZ008</t>
  </si>
  <si>
    <t>【成都风机】压力片\YD30UZ009</t>
  </si>
  <si>
    <t>【成都风机】销\YD30UZ010</t>
  </si>
  <si>
    <t>【成都风机】环\YD30UZ011</t>
  </si>
  <si>
    <t>【成都风机】隔套\YD30UZ012</t>
  </si>
  <si>
    <t>【成都风机】集油环\YD30UZ013</t>
  </si>
  <si>
    <t>【成都风机】圆锥销\YD30UZ014</t>
  </si>
  <si>
    <t>【成都风机】密封环\YD30UZ015</t>
  </si>
  <si>
    <t>【成都风机】叠层密封环\YD30UZ016</t>
  </si>
  <si>
    <t>【成都风机】O型密封圈\YD30UZ017</t>
  </si>
  <si>
    <t>【成都风机】O型密封圈\YD30UZ018</t>
  </si>
  <si>
    <t>【成都风机】角环\YD30UZ019</t>
  </si>
  <si>
    <t>【成都风机】角接触球轴承\YD30UZ020/0JJYQ30/φ420×65</t>
  </si>
  <si>
    <t>【成都风机】径向轴承\YD30UZ021/2YZGY30/φ440×72</t>
  </si>
  <si>
    <t>【成都风机】卡套\YD30UZ022</t>
  </si>
  <si>
    <t>【成都风机】卡套\YD30UZ023</t>
  </si>
  <si>
    <t>【成都风机】滑动轴承\YD30UZ024/YHD324/φ70×60</t>
  </si>
  <si>
    <t>【成都风机】芯轴\YD30UZ025</t>
  </si>
  <si>
    <t>【成都风机】叶片组\YD30UG001</t>
  </si>
  <si>
    <t>【成都风机】组合密封环\YD30UG002</t>
  </si>
  <si>
    <t>【成都风机】密封环\YD30UG003</t>
  </si>
  <si>
    <t>【成都风机】O型密封圈\YD30UG004</t>
  </si>
  <si>
    <t>【成都风机】叶片螺栓\YD30UG005</t>
  </si>
  <si>
    <t>【成都风机】叶片轴\YD30LG001</t>
  </si>
  <si>
    <t>【成都风机】调节环\YD30LG002</t>
  </si>
  <si>
    <t>【成都风机】调节盘\YD30LG003</t>
  </si>
  <si>
    <t>【成都风机】毂盘\YD30LG004</t>
  </si>
  <si>
    <t>【成都风机】曲柄\YD30LG005</t>
  </si>
  <si>
    <t>【成都风机】键\YD30LG006</t>
  </si>
  <si>
    <t>【成都风机】滑块\YD30LG007</t>
  </si>
  <si>
    <t>【成都风机】复合衬套\YD30LG008</t>
  </si>
  <si>
    <t>【成都风机】复合衬套\YD30LG009</t>
  </si>
  <si>
    <t>【成都风机】轴承套\YD30LG010</t>
  </si>
  <si>
    <t>【成都风机】压环\YD30LG011</t>
  </si>
  <si>
    <t>【成都风机】螺母\YD30LG012</t>
  </si>
  <si>
    <t>【成都风机】碟簧\YD30LG013</t>
  </si>
  <si>
    <t>【成都风机】套\YD30LG014</t>
  </si>
  <si>
    <t>【成都风机】轴向推力球轴承\YD30LG015/LG23015/φ138×58</t>
  </si>
  <si>
    <t>【成都风机】O型密封圈\YD30LG016</t>
  </si>
  <si>
    <t>【成都风机】轴用弹性挡圈\YD30LG017</t>
  </si>
  <si>
    <t>【成都风机】孔用弹性挡圈\YD30LG018</t>
  </si>
  <si>
    <t>【成都风机】单列开槽球轴承\YD30LG019/276Y016/φ140×24</t>
  </si>
  <si>
    <t>【成都风机】关节轴承\YD30LG020/304GEY3/φ35×16</t>
  </si>
  <si>
    <t>【成都风机】I级卡法兰\YD30LG021</t>
  </si>
  <si>
    <t>【成都风机】Ⅱ级卡法兰\YD30LG022</t>
  </si>
  <si>
    <t>【成都风机】复合衬套Ⅲ\YD30LG023</t>
  </si>
  <si>
    <t>【成都风机】调整垫\YD30LG024</t>
  </si>
  <si>
    <t>【成都风机】油缸组合\YD30TY001</t>
  </si>
  <si>
    <t>【成都风机】刮油圈\YD30TY002</t>
  </si>
  <si>
    <t>【成都风机】刮油圈\YD30TY003</t>
  </si>
  <si>
    <t>【成都风机】双联密封圈\YD30TY004</t>
  </si>
  <si>
    <t>【成都风机】双联密封圈\YD30TY005</t>
  </si>
  <si>
    <t>【成都风机】导环\YD30TY006</t>
  </si>
  <si>
    <t>【成都风机】密封套\YD30TY007</t>
  </si>
  <si>
    <t>【成都风机】密封垫\YD30TY008</t>
  </si>
  <si>
    <t>【成都风机】伺服阀\YD30TY009</t>
  </si>
  <si>
    <t>【成都风机】轴密封环\YD30TY010</t>
  </si>
  <si>
    <t>【成都风机】滚针轴承\YD30TY011/YGZ011/φ60×20</t>
  </si>
  <si>
    <t>【成都风机】沟槽球轴承\YD30TY012</t>
  </si>
  <si>
    <t>【成都风机】风机侧联轴器\YD30FM001</t>
  </si>
  <si>
    <t>【成都风机】电机侧联轴器\YD30FM002</t>
  </si>
  <si>
    <t>【成都风机】执行器连杆\ZD30UI001</t>
  </si>
  <si>
    <t>【成都风机】油缸组连杆\ZD30UI002</t>
  </si>
  <si>
    <t>【成都风机】滚动轴承座\ZD30UI004</t>
  </si>
  <si>
    <t>【成都风机】密封冷却风机\ZD30UM001</t>
  </si>
  <si>
    <t>【成都风机】叶轮组\ZD30UM002</t>
  </si>
  <si>
    <t>【成都风机】密封冷却风机\YJ30UM001</t>
  </si>
  <si>
    <t>【成都风机】叶轮组\YJ30UM002</t>
  </si>
  <si>
    <t>【成都风机】主轴\YJ30AZ001</t>
  </si>
  <si>
    <t>【成都风机】轴承壳\YJ30AZ002</t>
  </si>
  <si>
    <t>【成都风机】轴套\YJ30AZ003</t>
  </si>
  <si>
    <t>【成都风机】压盘\YJ30AZ004</t>
  </si>
  <si>
    <t>【成都风机】前轴承盖\YJ30AZ005</t>
  </si>
  <si>
    <t>【成都风机】双耳止动垫\YJ30AZ008</t>
  </si>
  <si>
    <t>【成都风机】双耳止动垫\YJ30AZ006</t>
  </si>
  <si>
    <t>【成都风机】后轴承盖\YJ30AZ007</t>
  </si>
  <si>
    <t>【成都风机】密封圈\YJ30AZ009</t>
  </si>
  <si>
    <t>【成都风机】外隔圈\YJ30AZ010</t>
  </si>
  <si>
    <t>【成都风机】内外接头\YJ30AZ011</t>
  </si>
  <si>
    <t>【成都风机】轴端盖\YJ30AZ012</t>
  </si>
  <si>
    <t>【成都风机】套环\YJ30AZ013</t>
  </si>
  <si>
    <t>【成都风机】内隔圈\YJ30AZ014</t>
  </si>
  <si>
    <t>【成都风机】向心推力轴承\YJ30AZ015/0XTZY30/φ360×57</t>
  </si>
  <si>
    <t>【成都风机】向心滚子轴承\YJ30AZ016/2XGZY30/φ360×57</t>
  </si>
  <si>
    <t>【成都风机】密封组\YJ30AZ017</t>
  </si>
  <si>
    <t>【成都风机】叶轮\YJ30AY001</t>
  </si>
  <si>
    <t>【成都风机】叶片\YJ30AY002</t>
  </si>
  <si>
    <t>【成都风机】偏心可调导叶装配\YJ30AT001</t>
  </si>
  <si>
    <t>【成都风机】前导叶轴承座装配\YJ30AT002</t>
  </si>
  <si>
    <t>【成都风机】铰接组件\YJ30AT003</t>
  </si>
  <si>
    <t>【成都风机】风机侧联轴器\YJ30FM001</t>
  </si>
  <si>
    <t>【成都风机】电机侧联轴器\YJ30FM002</t>
  </si>
  <si>
    <t>【成都风机】密封冷却风机\ZJ30UM001</t>
  </si>
  <si>
    <t>【成都风机】叶轮组\ZJ30UM002</t>
  </si>
  <si>
    <t>【成都风机】主轴\ZJ30AZ001</t>
  </si>
  <si>
    <t>【成都风机】轴承壳\ZJ30AZ002</t>
  </si>
  <si>
    <t>【成都风机】轴套\ZJ30AZ003</t>
  </si>
  <si>
    <t>【成都风机】压盘\ZJ30AZ004</t>
  </si>
  <si>
    <t>【成都风机】前轴承盖\ZJ30AZ005</t>
  </si>
  <si>
    <t>【成都风机】双耳止动垫\ZJ30AZ008</t>
  </si>
  <si>
    <t>【成都风机】双耳止动垫\ZJ30AZ006</t>
  </si>
  <si>
    <t>【成都风机】后轴承盖\ZJ30AZ007</t>
  </si>
  <si>
    <t>【成都风机】密封圈\ZJ30AZ009</t>
  </si>
  <si>
    <t>【成都风机】外隔圈\ZJ30AZ010</t>
  </si>
  <si>
    <t>【成都风机】内外接头\ZJ30AZ011</t>
  </si>
  <si>
    <t>【成都风机】轴端盖\ZJ30AZ012</t>
  </si>
  <si>
    <t>【成都风机】套环\ZJ30AZ013</t>
  </si>
  <si>
    <t>【成都风机】内隔圈\ZJ30AZ014</t>
  </si>
  <si>
    <t>【成都风机】向心推力轴承\ZJ30AZ015/0XTZZ30/φ360×57</t>
  </si>
  <si>
    <t>【成都风机】向心滚子轴承\ZJ30AZ016/2XGZZ30/φ360×57</t>
  </si>
  <si>
    <t>【成都风机】密封组\ZJ30AZ017</t>
  </si>
  <si>
    <t>【成都风机】叶轮\ZJ30AY001</t>
  </si>
  <si>
    <t>【成都风机】叶片\ZJ30AY002</t>
  </si>
  <si>
    <t>【成都风机】偏心可调导叶装配\ZJ30AT001</t>
  </si>
  <si>
    <t>【成都风机】前导叶轴承座装配\ZJ30AT002</t>
  </si>
  <si>
    <t>【成都风机】铰接组件\ZJ30AT003</t>
  </si>
  <si>
    <t>【成都风机】风机侧联轴器\ZJ30FM001</t>
  </si>
  <si>
    <t>【成都风机】电机侧联轴器\ZJ30FM002</t>
  </si>
  <si>
    <t>【成都风机】主轴\FL30LZ001</t>
  </si>
  <si>
    <t>【成都风机】轴承箱\FL30LZ002</t>
  </si>
  <si>
    <t>【成都风机】透盖\FL30LZ003</t>
  </si>
  <si>
    <t>【成都风机】圆柱滚子轴承\FL30LZ004/0YGZF30/φ400×102</t>
  </si>
  <si>
    <t>【成都风机】角接触球轴承\FL30LZ005/2JJFQ30/φ400×62</t>
  </si>
  <si>
    <t>【成都风机】叶轮部\FL30LY001</t>
  </si>
  <si>
    <t>【成都风机】风机侧联轴器\FL30FM001</t>
  </si>
  <si>
    <t>【成都风机】电机侧联轴器\FL30FM002</t>
  </si>
  <si>
    <t>【成都风机】主轴\PL30LZ001</t>
  </si>
  <si>
    <t>【成都风机】轴承箱\PL30LZ002</t>
  </si>
  <si>
    <t>【成都风机】透盖\PL30LZ003</t>
  </si>
  <si>
    <t>【成都风机】调心滚子轴承\PL30LZ004/0TGZP30/φ420×138</t>
  </si>
  <si>
    <t>【成都风机】叶轮部\PL30LY001</t>
  </si>
  <si>
    <t>【成都风机】电机侧联轴器\PL30FM002</t>
  </si>
  <si>
    <t>【成都风机】调节门\PL30LT001</t>
  </si>
  <si>
    <t>【成都风机】调节叶片\PL30LT002</t>
  </si>
  <si>
    <t>【成都风机】主动轴\PL30LT003</t>
  </si>
  <si>
    <t>【成都风机】从动轴\PL30LT004</t>
  </si>
  <si>
    <t>【成都风机】轴承\PL30LT005/0YGZP30/φ40×21</t>
  </si>
  <si>
    <t>【成都风机】轴承座\PL30LT006</t>
  </si>
  <si>
    <t>【成都风机】主轴\YL30LZ001</t>
  </si>
  <si>
    <t>【成都风机】轴承箱\YL30LZ002</t>
  </si>
  <si>
    <t>【成都风机】透盖\YL30LZ003</t>
  </si>
  <si>
    <t>【成都风机】调心滚子轴承\YL30LZ004/0TGZY30/φ420×140</t>
  </si>
  <si>
    <t>【成都风机】叶轮部\YL30LY001</t>
  </si>
  <si>
    <t>【成都风机】电机侧联轴器\YL30FM002</t>
  </si>
  <si>
    <t>【成都风机】调节门\YL30LT001</t>
  </si>
  <si>
    <t>【成都风机】调节叶片\YL30LT002</t>
  </si>
  <si>
    <t>【成都风机】主动轴\YL30LT003</t>
  </si>
  <si>
    <t>【成都风机】从动轴\YL30LT004</t>
  </si>
  <si>
    <t>【成都风机】轴承\YL30LT005/0YGZY30/φ50×25</t>
  </si>
  <si>
    <t>【成都风机】轴承座\YL30LT006</t>
  </si>
  <si>
    <t>【成都风机】执行器连杆\PD60UI001</t>
  </si>
  <si>
    <t>【成都风机】主轴\PD60UZ001</t>
  </si>
  <si>
    <t>【成都风机】轴承箱\PD60UZ002</t>
  </si>
  <si>
    <t>【成都风机】轴套\PD60UZ003</t>
  </si>
  <si>
    <t>【成都风机】轴承端盖\PD60UZ004</t>
  </si>
  <si>
    <t>【成都风机】轴承盖\PD60UZ005</t>
  </si>
  <si>
    <t>【成都风机】隔环\PD60UZ006</t>
  </si>
  <si>
    <t>【成都风机】厚轴螺母\PD60UZ007</t>
  </si>
  <si>
    <t>【成都风机】薄轴螺母\PD60UZ008</t>
  </si>
  <si>
    <t>【成都风机】压力片\PD60UZ009</t>
  </si>
  <si>
    <t>【成都风机】销\PD60UZ010</t>
  </si>
  <si>
    <t>【成都风机】环\PD60UZ011</t>
  </si>
  <si>
    <t>【成都风机】隔套\PD60UZ012</t>
  </si>
  <si>
    <t>【成都风机】集油环\PD60UZ013</t>
  </si>
  <si>
    <t>【成都风机】圆锥销\PD60UZ014</t>
  </si>
  <si>
    <t>【成都风机】密封环\PD60UZ015</t>
  </si>
  <si>
    <t>【成都风机】叠层密封环\PD60UZ016</t>
  </si>
  <si>
    <t>【成都风机】O型密封圈\PD60UZ017</t>
  </si>
  <si>
    <t>【成都风机】O型密封圈\PD60UZ018</t>
  </si>
  <si>
    <t>【成都风机】角环\PD60UZ019</t>
  </si>
  <si>
    <t>【成都风机】角接触球轴承\PD60UZ020/0JJPQ60/φ460×74</t>
  </si>
  <si>
    <t>【成都风机】径向轴承\PD60UZ021/2YZGP60/φ480×80</t>
  </si>
  <si>
    <t>【成都风机】卡套\PD60UZ022</t>
  </si>
  <si>
    <t>【成都风机】卡套\PD60UZ023</t>
  </si>
  <si>
    <t>【成都风机】滑动轴承\PD60UZ024/PHD60/φ100×80</t>
  </si>
  <si>
    <t>【成都风机】芯轴\PD60UZ025</t>
  </si>
  <si>
    <t>【成都风机】叶片组\PD60UG001</t>
  </si>
  <si>
    <t>【成都风机】垫片\PD60UG002</t>
  </si>
  <si>
    <t>【成都风机】叶片螺栓\PD60UG003</t>
  </si>
  <si>
    <t>【成都风机】叶片轴\PD60LG001</t>
  </si>
  <si>
    <t>【成都风机】调节环\PD60LG002</t>
  </si>
  <si>
    <t>【成都风机】调节盘\PD60LG003</t>
  </si>
  <si>
    <t>【成都风机】毂盘\PD60LG004</t>
  </si>
  <si>
    <t>【成都风机】曲柄\PD60LG005</t>
  </si>
  <si>
    <t>【成都风机】键\PD60LG006</t>
  </si>
  <si>
    <t>【成都风机】滑块\PD60LG007</t>
  </si>
  <si>
    <t>【成都风机】复合衬套\PD60LG008</t>
  </si>
  <si>
    <t>【成都风机】复合衬套\PD60LG009</t>
  </si>
  <si>
    <t>【成都风机】轴承套\PD60LG010</t>
  </si>
  <si>
    <t>【成都风机】压环\PD60LG011</t>
  </si>
  <si>
    <t>【成都风机】螺母\PD60LG012</t>
  </si>
  <si>
    <t>【成都风机】碟簧\PD60LG013</t>
  </si>
  <si>
    <t>【成都风机】套\PD60LG014</t>
  </si>
  <si>
    <t>【成都风机】轴向推力球轴承\PD60LG015/LG230P15/φ167×73</t>
  </si>
  <si>
    <t>【成都风机】O型密封圈\PD60LG016</t>
  </si>
  <si>
    <t>【成都风机】轴用弹性挡圈\PD60LG017</t>
  </si>
  <si>
    <t>【成都风机】孔用弹性挡圈\PD60LG018</t>
  </si>
  <si>
    <t>【成都风机】单列开槽球轴承\PD60LG019/276P016/φ170×28</t>
  </si>
  <si>
    <t>【成都风机】关节轴承\PD60LG020/304GEP17/φ47×22</t>
  </si>
  <si>
    <t>【成都风机】I级卡法兰\PD60LG021</t>
  </si>
  <si>
    <t>【成都风机】油缸组合\PD60TY001</t>
  </si>
  <si>
    <t>【成都风机】复合衬套\PD60LG023</t>
  </si>
  <si>
    <t>【成都风机】调整垫\PD60LG024</t>
  </si>
  <si>
    <t>【成都风机】刮油圈\PD60TY002</t>
  </si>
  <si>
    <t>【成都风机】刮油圈\PD60TY003</t>
  </si>
  <si>
    <t>【成都风机】双联密封圈\PD60TY004</t>
  </si>
  <si>
    <t>【成都风机】双联密封圈\PD60TY005</t>
  </si>
  <si>
    <t>【成都风机】导环\PD60TY006</t>
  </si>
  <si>
    <t>【成都风机】密封套\PD60TY007</t>
  </si>
  <si>
    <t>【成都风机】密封垫\PD60TY008</t>
  </si>
  <si>
    <t>【成都风机】伺服阀\PD60TY009</t>
  </si>
  <si>
    <t>【成都风机】轴密封环\PD60TY010</t>
  </si>
  <si>
    <t>【成都风机】滚针轴承\PD60TY011/PGZ60/φ60×20</t>
  </si>
  <si>
    <t>【成都风机】沟槽球轴承\PD60TY012/276P012/φ80×18</t>
  </si>
  <si>
    <t>【成都风机】风机侧联轴器\PD60FM001</t>
  </si>
  <si>
    <t>【成都风机】电机侧联轴器\PD60FM002</t>
  </si>
  <si>
    <t>【成都风机】油缸组连杆\PD60UI002</t>
  </si>
  <si>
    <t>【成都风机】滚动轴承座\PD60UI004</t>
  </si>
  <si>
    <t>【成都风机】执行器连杆\YD60UI001</t>
  </si>
  <si>
    <t>【成都风机】油缸组连杆\YD60UI002</t>
  </si>
  <si>
    <t>【成都风机】主轴\YD60UZ001</t>
  </si>
  <si>
    <t>【成都风机】轴承箱\YD60UZ002</t>
  </si>
  <si>
    <t>【成都风机】轴套\YD60UZ003</t>
  </si>
  <si>
    <t>【成都风机】轴承端盖\YD60UZ004</t>
  </si>
  <si>
    <t>【成都风机】轴承盖\YD60UZ005</t>
  </si>
  <si>
    <t>【成都风机】隔环\YD60UZ006</t>
  </si>
  <si>
    <t>【成都风机】厚轴螺母\YD60UZ007</t>
  </si>
  <si>
    <t>【成都风机】薄轴螺母\YD60UZ008</t>
  </si>
  <si>
    <t>【成都风机】压力片\YD60UZ009</t>
  </si>
  <si>
    <t>【成都风机】销\YD60UZ010</t>
  </si>
  <si>
    <t>【成都风机】环\YD60UZ011</t>
  </si>
  <si>
    <t>【成都风机】隔套\YD60UZ012</t>
  </si>
  <si>
    <t>【成都风机】集油环\YD60UZ013</t>
  </si>
  <si>
    <t>【成都风机】圆锥销\YD60UZ014</t>
  </si>
  <si>
    <t>【成都风机】密封环\YD60UZ015</t>
  </si>
  <si>
    <t>【成都风机】叠层密封环\YD60UZ016</t>
  </si>
  <si>
    <t>【成都风机】O型密封圈\YD60UZ017</t>
  </si>
  <si>
    <t>【成都风机】O型密封圈\YD60UZ018</t>
  </si>
  <si>
    <t>【成都风机】角环\YD60UZ019</t>
  </si>
  <si>
    <t>【成都风机】角接触球轴承\YD60UZ020/0JJYQ60/φ460×74</t>
  </si>
  <si>
    <t>【成都风机】径向轴承\YD60UZ021/2YZGY60/φ480×80</t>
  </si>
  <si>
    <t>【成都风机】卡套\YD60UZ022</t>
  </si>
  <si>
    <t>【成都风机】卡套\YD60UZ023</t>
  </si>
  <si>
    <t>【成都风机】滑动轴承\YD60UZ024/YHD6024/φ100×80</t>
  </si>
  <si>
    <t>【成都风机】芯轴\YD60UZ025</t>
  </si>
  <si>
    <t>【成都风机】叶片组\YD60UG001</t>
  </si>
  <si>
    <t>【成都风机】组合密封环\YD60UG002</t>
  </si>
  <si>
    <t>【成都风机】密封环\YD60UG003</t>
  </si>
  <si>
    <t>【成都风机】O型密封圈\YD60UG004</t>
  </si>
  <si>
    <t>【成都风机】叶片螺栓\YD60UG005</t>
  </si>
  <si>
    <t>【成都风机】叶片轴\YD60LG001</t>
  </si>
  <si>
    <t>【成都风机】调节环\YD60LG002</t>
  </si>
  <si>
    <t>【成都风机】调节盘\YD60LG003</t>
  </si>
  <si>
    <t>【成都风机】毂盘\YD60LG004</t>
  </si>
  <si>
    <t>【成都风机】曲柄\YD60LG005</t>
  </si>
  <si>
    <t>【成都风机】键\YD60LG006</t>
  </si>
  <si>
    <t>【成都风机】滑块\YD60LG007</t>
  </si>
  <si>
    <t>【成都风机】复合衬套\YD60LG008</t>
  </si>
  <si>
    <t>【成都风机】复合衬套\YD60LG009</t>
  </si>
  <si>
    <t>【成都风机】复合衬套\YD60LG023</t>
  </si>
  <si>
    <t>【成都风机】轴承套\YD60LG010</t>
  </si>
  <si>
    <t>【成都风机】压环\YD60LG011</t>
  </si>
  <si>
    <t>【成都风机】螺母\YD60LG012</t>
  </si>
  <si>
    <t>【成都风机】碟簧\YD60LG013</t>
  </si>
  <si>
    <t>【成都风机】套\YD60LG014</t>
  </si>
  <si>
    <t>【成都风机】轴向推力球轴承\YD60LG015/LG230Y15/φ167×73</t>
  </si>
  <si>
    <t>【成都风机】O型密封圈\YD60LG016</t>
  </si>
  <si>
    <t>【成都风机】轴用弹性挡圈\YD60LG017</t>
  </si>
  <si>
    <t>【成都风机】孔用弹性挡圈\YD60LG018</t>
  </si>
  <si>
    <t>【成都风机】单列开槽球轴承\YD60LG019/276Y012/φ170×28</t>
  </si>
  <si>
    <t>【成都风机】关节轴承\YD60LG020/304GEY6/φ47×22</t>
  </si>
  <si>
    <t>【成都风机】I级卡法兰\YD60LG021</t>
  </si>
  <si>
    <t>【成都风机】Ⅱ级卡法兰\YD60LG022</t>
  </si>
  <si>
    <t>【成都风机】调整垫\YD60LG024</t>
  </si>
  <si>
    <t>【成都风机】油缸组合\YD60TY001</t>
  </si>
  <si>
    <t>【成都风机】刮油圈\YD60TY002</t>
  </si>
  <si>
    <t>【成都风机】刮油圈\YD60TY003</t>
  </si>
  <si>
    <t>【成都风机】双联密封圈\YD60TY004</t>
  </si>
  <si>
    <t>【成都风机】双联密封圈\YD60TY005</t>
  </si>
  <si>
    <t>【成都风机】导环\YD60TY006</t>
  </si>
  <si>
    <t>【成都风机】密封套\YD60TY007</t>
  </si>
  <si>
    <t>【成都风机】密封垫\YD60TY008</t>
  </si>
  <si>
    <t>【成都风机】伺服阀\YD60TY009</t>
  </si>
  <si>
    <t>【成都风机】轴密封环\YD60TY010</t>
  </si>
  <si>
    <t>【成都风机】滚针轴承\YD60TY011/0YGZ6011/φ60×20</t>
  </si>
  <si>
    <t>【成都风机】沟槽球轴承\YD60TY012/276Y011/φ80×18</t>
  </si>
  <si>
    <t>【成都风机】风机侧联轴器\YD60FM001</t>
  </si>
  <si>
    <t>【成都风机】电机侧联轴器\YD60FM002</t>
  </si>
  <si>
    <t>【成都风机】密封冷却风机\YD60UM001</t>
  </si>
  <si>
    <t>【成都风机】叶轮组\YD60UM002</t>
  </si>
  <si>
    <t>【成都风机】滚动轴承座\YD60UI004</t>
  </si>
  <si>
    <t>【成都风机】执行器连杆\ZD60UI001</t>
  </si>
  <si>
    <t>【成都风机】油缸组连杆\ZD60UI002</t>
  </si>
  <si>
    <t>【成都风机】主轴\ZD60UZ001</t>
  </si>
  <si>
    <t>【成都风机】轴承箱\ZD60UZ002</t>
  </si>
  <si>
    <t>【成都风机】轴套\ZD60UZ003</t>
  </si>
  <si>
    <t>【成都风机】轴承端盖\ZD60UZ004</t>
  </si>
  <si>
    <t>【成都风机】轴承盖\ZD60UZ005</t>
  </si>
  <si>
    <t>【成都风机】隔环\ZD60UZ006</t>
  </si>
  <si>
    <t>【成都风机】厚轴螺母\ZD60UZ007</t>
  </si>
  <si>
    <t>【成都风机】薄轴螺母\ZD60UZ008</t>
  </si>
  <si>
    <t>【成都风机】压力片\ZD60UZ009</t>
  </si>
  <si>
    <t>【成都风机】销\ZD60UZ010</t>
  </si>
  <si>
    <t>【成都风机】环\ZD60UZ011</t>
  </si>
  <si>
    <t>【成都风机】隔套\ZD60UZ012</t>
  </si>
  <si>
    <t>【成都风机】集油环\ZD60UZ013</t>
  </si>
  <si>
    <t>【成都风机】圆锥销\ZD60UZ014</t>
  </si>
  <si>
    <t>【成都风机】密封环\ZD60UZ015</t>
  </si>
  <si>
    <t>【成都风机】叠层密封环\ZD60UZ016</t>
  </si>
  <si>
    <t>【成都风机】O型密封圈\ZD60UZ017</t>
  </si>
  <si>
    <t>【成都风机】O型密封圈\ZD60UZ018</t>
  </si>
  <si>
    <t>【成都风机】角环\ZD60UZ019</t>
  </si>
  <si>
    <t>【成都风机】角接触球轴承\ZD60UZ020/0JJZQ60/φ460×74</t>
  </si>
  <si>
    <t>【成都风机】径向轴承\ZD60UZ021/2YZGZ60/φ480×80</t>
  </si>
  <si>
    <t>【成都风机】叶片组\ZD60UG001</t>
  </si>
  <si>
    <t>【成都风机】组合密封环\ZD60UG002</t>
  </si>
  <si>
    <t>【成都风机】密封环\ZD60UG003</t>
  </si>
  <si>
    <t>【成都风机】O型密封圈\ZD60UG004</t>
  </si>
  <si>
    <t>【成都风机】叶片螺栓\ZD60UG005</t>
  </si>
  <si>
    <t>【成都风机】叶片轴\ZD60LG001</t>
  </si>
  <si>
    <t>【成都风机】调节环\ZD60LG002</t>
  </si>
  <si>
    <t>【成都风机】调节盘\ZD60LG003</t>
  </si>
  <si>
    <t>【成都风机】毂盘\ZD60LG004</t>
  </si>
  <si>
    <t>【成都风机】曲柄\ZD60LG005</t>
  </si>
  <si>
    <t>【成都风机】键\ZD60LG006</t>
  </si>
  <si>
    <t>【成都风机】滑块\ZD60LG007</t>
  </si>
  <si>
    <t>【成都风机】复合衬套\ZD60LG008</t>
  </si>
  <si>
    <t>【成都风机】复合衬套\ZD60LG009</t>
  </si>
  <si>
    <t>【成都风机】轴承套\ZD60LG010</t>
  </si>
  <si>
    <t>【成都风机】压环\ZD60LG011</t>
  </si>
  <si>
    <t>【成都风机】螺母\ZD60LG012</t>
  </si>
  <si>
    <t>【成都风机】碟簧\ZD60LG013</t>
  </si>
  <si>
    <t>【成都风机】套\ZD60LG014</t>
  </si>
  <si>
    <t>【成都风机】轴向推力球轴承\ZD60LG015/LG230Z15/φ167×73</t>
  </si>
  <si>
    <t>【成都风机】O型密封圈\ZD60LG016</t>
  </si>
  <si>
    <t>【成都风机】轴用弹性挡圈\ZD60LG017</t>
  </si>
  <si>
    <t>【成都风机】孔用弹性挡圈\ZD60LG018</t>
  </si>
  <si>
    <t>【成都风机】单列开槽球轴承\ZD60LG019/276Z019/φ170×28</t>
  </si>
  <si>
    <t>【成都风机】关节轴承\ZD60LG020/304GEZ20/φ47×22</t>
  </si>
  <si>
    <t>【成都风机】卡法兰\ZD60LG021</t>
  </si>
  <si>
    <t>【成都风机】油缸组合\ZD60TY001</t>
  </si>
  <si>
    <t>【成都风机】刮油圈\ZD60TY002</t>
  </si>
  <si>
    <t>【成都风机】刮油圈\ZD60TY003</t>
  </si>
  <si>
    <t>【成都风机】双联密封圈\ZD60TY004</t>
  </si>
  <si>
    <t>【成都风机】双联密封圈\ZD60TY005</t>
  </si>
  <si>
    <t>【成都风机】导环\ZD60TY006</t>
  </si>
  <si>
    <t>【成都风机】密封套\ZD60TY007</t>
  </si>
  <si>
    <t>【成都风机】密封垫\ZD60TY008</t>
  </si>
  <si>
    <t>【成都风机】伺服阀\ZD60TY009</t>
  </si>
  <si>
    <t>【成都风机】轴密封环\ZD60TY010</t>
  </si>
  <si>
    <t>【成都风机】滚针轴承\ZD60TY011/ZGZ011/φ170×28</t>
  </si>
  <si>
    <t>【成都风机】沟槽球轴承\ZD60TY012/276Z012/φ47×22</t>
  </si>
  <si>
    <t>【成都风机】风机侧联轴器\ZD60FM001</t>
  </si>
  <si>
    <t>【成都风机】电机侧联轴器\ZD60FM002</t>
  </si>
  <si>
    <t>【成都风机】滚动轴承座\ZD60UI004</t>
  </si>
  <si>
    <t>【成都风机】密封冷却风机\ZD60UM001</t>
  </si>
  <si>
    <t>【成都风机】叶轮组\ZD60UM002</t>
  </si>
  <si>
    <t>【成都风机】密封冷却风机\YJ60UM001</t>
  </si>
  <si>
    <t>【成都风机】轴承壳\YJ60AZ002</t>
  </si>
  <si>
    <t>【成都风机】轴套\YJ60AZ003</t>
  </si>
  <si>
    <t>【成都风机】压盘\YJ60AZ004</t>
  </si>
  <si>
    <t>【成都风机】前轴承盖\YJ60AZ005</t>
  </si>
  <si>
    <t>【成都风机】后轴承盖\YJ60AZ007</t>
  </si>
  <si>
    <t>【成都风机】双耳止动垫\YJ60AZ008</t>
  </si>
  <si>
    <t>【成都风机】双耳止动垫\YJ60AZ006</t>
  </si>
  <si>
    <t>【成都风机】密封圈\YJ60AZ009</t>
  </si>
  <si>
    <t>【成都风机】内隔圈\YJ60AZ014</t>
  </si>
  <si>
    <t>【成都风机】外隔圈\YJ60AZ010</t>
  </si>
  <si>
    <t>【成都风机】内外接头\YJ60AZ011</t>
  </si>
  <si>
    <t>【成都风机】轴端盖\YJ60AZ012</t>
  </si>
  <si>
    <t>【成都风机】套环\YJ60AZ013</t>
  </si>
  <si>
    <t>【成都风机】向心推力轴承\YJ60AZ015/0XTZY60/φ580×92</t>
  </si>
  <si>
    <t>【成都风机】向心滚子轴承\YJ60AZ016/0XGZ60/φ580×92</t>
  </si>
  <si>
    <t>【成都风机】密封组\YJ60AZ017</t>
  </si>
  <si>
    <t>【成都风机】叶轮\YJ60AY001</t>
  </si>
  <si>
    <t>【成都风机】叶片\YJ60AY002</t>
  </si>
  <si>
    <t>【成都风机】偏心可调导叶装配\YJ60AT001</t>
  </si>
  <si>
    <t>【成都风机】前导叶轴承座装配\YJ60AT002</t>
  </si>
  <si>
    <t>【成都风机】主轴\YJ60AZ001</t>
  </si>
  <si>
    <t>【成都风机】铰接组件\YJ60AT003</t>
  </si>
  <si>
    <t>【成都风机】风机侧联轴器\YJ60FM001</t>
  </si>
  <si>
    <t>【成都风机】电机侧联轴器\YJ60FM002</t>
  </si>
  <si>
    <t>【成都风机】密封冷却风机\ZJ60UM001</t>
  </si>
  <si>
    <t>【成都风机】叶轮组\YJ60UM002</t>
  </si>
  <si>
    <t>【成都风机】主轴\ZJ60AZ001</t>
  </si>
  <si>
    <t>【成都风机】轴承壳\ZJ60AZ002</t>
  </si>
  <si>
    <t>【成都风机】轴套\ZJ60AZ003</t>
  </si>
  <si>
    <t>【成都风机】压盘\ZJ60AZ004</t>
  </si>
  <si>
    <t>【成都风机】前轴承盖\ZJ60AZ005</t>
  </si>
  <si>
    <t>【成都风机】双耳止动垫\ZJ60AZ008</t>
  </si>
  <si>
    <t>【成都风机】双耳止动垫\ZJ60AZ006</t>
  </si>
  <si>
    <t>【成都风机】后轴承盖\ZJ60AZ007</t>
  </si>
  <si>
    <t>【成都风机】密封圈\ZJ60AZ009</t>
  </si>
  <si>
    <t>【成都风机】外隔圈\ZJ60AZ010</t>
  </si>
  <si>
    <t>【成都风机】内外接头\ZJ60AZ011</t>
  </si>
  <si>
    <t>【成都风机】轴端盖\ZJ60AZ012</t>
  </si>
  <si>
    <t>【成都风机】套环\ZJ60AZ013</t>
  </si>
  <si>
    <t>【成都风机】内隔圈\ZJ60AZ014</t>
  </si>
  <si>
    <t>【成都风机】向心推力轴承\ZJ60AZ015/0XTZZ60/φ580×92</t>
  </si>
  <si>
    <t>【成都风机】向心滚子轴承\ZJ60AZ016/0XGZZ60/φ580×92</t>
  </si>
  <si>
    <t>【成都风机】密封组\ZJ60AZ017</t>
  </si>
  <si>
    <t>【成都风机】叶轮\ZJ60AY001</t>
  </si>
  <si>
    <t>【成都风机】叶片\ZJ60AY002</t>
  </si>
  <si>
    <t>【成都风机】偏心可调导叶装配\ZJ60AT001</t>
  </si>
  <si>
    <t>【成都风机】前导叶轴承座装配\ZJ60AT002</t>
  </si>
  <si>
    <t>【成都风机】铰接组件\ZJ60AT003</t>
  </si>
  <si>
    <t>【成都风机】风机侧联轴器\ZJ60FM001</t>
  </si>
  <si>
    <t>【成都风机】电机侧联轴器\ZJ60FM002</t>
  </si>
  <si>
    <t>【成都风机】叶轮组\ZJ60UM002</t>
  </si>
  <si>
    <t>【成都风机】主轴\PL60LZ001</t>
  </si>
  <si>
    <t>【成都风机】轴承箱\PL60LZ002</t>
  </si>
  <si>
    <t>【成都风机】透盖\PL60LZ003</t>
  </si>
  <si>
    <t>【成都风机】调心滚子轴承\PL60LZ004/0TGZP60/φ420×138</t>
  </si>
  <si>
    <t>【成都风机】叶轮部\PL60LY001</t>
  </si>
  <si>
    <t>【成都风机】电机侧联轴器\PL60FM002</t>
  </si>
  <si>
    <t>【成都风机】调节门\PL60LT001</t>
  </si>
  <si>
    <t>【成都风机】调节叶片\PL60LT002</t>
  </si>
  <si>
    <t>【成都风机】主动轴\PL60LT003</t>
  </si>
  <si>
    <t>【成都风机】从动轴\PL60LT004</t>
  </si>
  <si>
    <t>【成都风机】轴承\PL60LT005/THD60/φ40×21</t>
  </si>
  <si>
    <t>【成都风机】轴承座\PL60LT006</t>
  </si>
  <si>
    <t>【成都风机】执行器连杆\PD100UI001</t>
  </si>
  <si>
    <t>【成都风机】主轴\PD100UZ001</t>
  </si>
  <si>
    <t>【成都风机】轴承箱\PD100UZ002</t>
  </si>
  <si>
    <t>【成都风机】轴套\PD100UZ003</t>
  </si>
  <si>
    <t>【成都风机】轴承端盖\PD100UZ004</t>
  </si>
  <si>
    <t>【成都风机】轴承盖\PD100UZ005</t>
  </si>
  <si>
    <t>【成都风机】隔环\PD100UZ006</t>
  </si>
  <si>
    <t>【成都风机】厚轴螺母\PD100UZ007</t>
  </si>
  <si>
    <t>【成都风机】薄轴螺母\PD100UZ008</t>
  </si>
  <si>
    <t>【成都风机】压力片\PD100UZ009</t>
  </si>
  <si>
    <t>【成都风机】销\PD100UZ010</t>
  </si>
  <si>
    <t>【成都风机】环\PD100UZ011</t>
  </si>
  <si>
    <t>【成都风机】隔套\PD100UZ012</t>
  </si>
  <si>
    <t>【成都风机】集油环\PD100UZ013</t>
  </si>
  <si>
    <t>【成都风机】圆锥销\PD100UZ014</t>
  </si>
  <si>
    <t>【成都风机】密封环\PD100UZ015</t>
  </si>
  <si>
    <t>【成都风机】叠层密封环\PD100UZ016</t>
  </si>
  <si>
    <t>【成都风机】O型密封圈\PD100UZ017</t>
  </si>
  <si>
    <t>【成都风机】O型密封圈\PD100UZ018</t>
  </si>
  <si>
    <t>【成都风机】角环\PD100UZ019</t>
  </si>
  <si>
    <t>【成都风机】角接球触轴承\PD100UZ020/0JJPQ100/φ520×82</t>
  </si>
  <si>
    <t>【成都风机】径向轴承\PD100UZ021/2YZGP100/φ520×85</t>
  </si>
  <si>
    <t>【成都风机】卡套\PD100UZ022</t>
  </si>
  <si>
    <t>【成都风机】卡套\PD100UZ023</t>
  </si>
  <si>
    <t>【成都风机】滑动轴承\PD100UZ024/PHD100/φ85×30</t>
  </si>
  <si>
    <t>【成都风机】芯轴\PD100UZ025</t>
  </si>
  <si>
    <t>【成都风机】叶片组\PD100UG001</t>
  </si>
  <si>
    <t>【成都风机】垫片\PD100UG002</t>
  </si>
  <si>
    <t>【成都风机】叶片螺栓\PD100UG003</t>
  </si>
  <si>
    <t>【成都风机】叶片轴\PD100LG001</t>
  </si>
  <si>
    <t>【成都风机】调节环\PD100LG002</t>
  </si>
  <si>
    <t>【成都风机】调节盘\PD100LG003</t>
  </si>
  <si>
    <t>【成都风机】毂盘\PD100LG004</t>
  </si>
  <si>
    <t>【成都风机】曲柄\PD100LG005</t>
  </si>
  <si>
    <t>【成都风机】键\PD100LG006</t>
  </si>
  <si>
    <t>【成都风机】滑块\PD100LG007</t>
  </si>
  <si>
    <t>【成都风机】复合衬套\PD100LG008</t>
  </si>
  <si>
    <t>【成都风机】复合衬套\PD100LG009</t>
  </si>
  <si>
    <t>【成都风机】轴承套\PD100LG010</t>
  </si>
  <si>
    <t>【成都风机】压环\PD100LG011</t>
  </si>
  <si>
    <t>【成都风机】螺母\PD100LG012</t>
  </si>
  <si>
    <t>【成都风机】碟簧\PD100LG013</t>
  </si>
  <si>
    <t>【成都风机】套\PD100LG014</t>
  </si>
  <si>
    <t>【成都风机】轴向推力球轴承\PD100LG015/LG250P15/φ197×86</t>
  </si>
  <si>
    <t>【成都风机】O型密封圈\PD100LG016</t>
  </si>
  <si>
    <t>【成都风机】轴用弹性挡圈\PD100LG017</t>
  </si>
  <si>
    <t>【成都风机】孔用弹性挡圈\PD100LG018</t>
  </si>
  <si>
    <t>【成都风机】单列开槽球轴承\PD100LG019/276P019/φ200×33</t>
  </si>
  <si>
    <t>【成都风机】关节轴承\PD100LG020/304GEP10/φ47×22</t>
  </si>
  <si>
    <t>【成都风机】I级卡法兰\PD100LG021</t>
  </si>
  <si>
    <t>【成都风机】Ⅱ级卡法兰\PD100LG022</t>
  </si>
  <si>
    <t>【成都风机】复合衬套\PD100LG023</t>
  </si>
  <si>
    <t>【成都风机】调整垫\PD100LG024</t>
  </si>
  <si>
    <t>【成都风机】油缸组合\PD100TY001</t>
  </si>
  <si>
    <t>【成都风机】刮油圈\PD100TY002</t>
  </si>
  <si>
    <t>【成都风机】刮油圈\PD100TY003</t>
  </si>
  <si>
    <t>【成都风机】双联密封圈\PD100TY004</t>
  </si>
  <si>
    <t>【成都风机】双联密封圈\PD100TY005</t>
  </si>
  <si>
    <t>【成都风机】导环\PD100TY006</t>
  </si>
  <si>
    <t>【成都风机】密封套\PD100TY007</t>
  </si>
  <si>
    <t>【成都风机】密封垫\PD100TY008</t>
  </si>
  <si>
    <t>【成都风机】伺服阀\PD100TY009</t>
  </si>
  <si>
    <t>【成都风机】轴密封环\PD100TY010</t>
  </si>
  <si>
    <t>【成都风机】滚针轴承\PD100TY011/GZP100/φ180×32</t>
  </si>
  <si>
    <t>【成都风机】沟槽球轴承\PD100TY012/276P1012/φ54×25</t>
  </si>
  <si>
    <t>【成都风机】风机侧联轴器\PD100FM001</t>
  </si>
  <si>
    <t>【成都风机】电机侧联轴器\PD100FM002</t>
  </si>
  <si>
    <t>【成都风机】油缸组连杆\PD100UI002</t>
  </si>
  <si>
    <t>【成都风机】滚动轴承座\PD100UI004</t>
  </si>
  <si>
    <t>【成都风机】执行器连杆\YD100UI001</t>
  </si>
  <si>
    <t>【成都风机】油缸组连杆\YD100UI002</t>
  </si>
  <si>
    <t>【成都风机】主轴\YD100UZ001</t>
  </si>
  <si>
    <t>【成都风机】轴承箱\YD100UZ002</t>
  </si>
  <si>
    <t>【成都风机】轴套\YD100UZ003</t>
  </si>
  <si>
    <t>【成都风机】轴承端盖\YD100UZ004</t>
  </si>
  <si>
    <t>【成都风机】轴承盖\YD100UZ005</t>
  </si>
  <si>
    <t>【成都风机】隔环\YD100UZ006</t>
  </si>
  <si>
    <t>【成都风机】厚轴螺母\YD100UZ007</t>
  </si>
  <si>
    <t>【成都风机】薄轴螺母\YD100UZ008</t>
  </si>
  <si>
    <t>【成都风机】压力片\YD100UZ009</t>
  </si>
  <si>
    <t>【成都风机】销\YD100UZ010</t>
  </si>
  <si>
    <t>【成都风机】环\YD100UZ011</t>
  </si>
  <si>
    <t>【成都风机】隔套\YD100UZ012</t>
  </si>
  <si>
    <t>【成都风机】集油环\YD100UZ013</t>
  </si>
  <si>
    <t>【成都风机】圆锥销\YD100UZ014</t>
  </si>
  <si>
    <t>【成都风机】密封环\YD100UZ015</t>
  </si>
  <si>
    <t>【成都风机】叠层密封环\YD100UZ016</t>
  </si>
  <si>
    <t>【成都风机】O型密封圈\YD100UZ017</t>
  </si>
  <si>
    <t>【成都风机】O型密封圈\YD100UZ018</t>
  </si>
  <si>
    <t>【成都风机】角环\YD100UZ019</t>
  </si>
  <si>
    <t>【成都风机】角接球触轴承\YD100UZ020/0JJYQ100/φ520×82</t>
  </si>
  <si>
    <t>【成都风机】径向轴承\YD100UZ021/2YZGY100/φ520×85</t>
  </si>
  <si>
    <t>【成都风机】卡套Ⅰ\YD100UZ022</t>
  </si>
  <si>
    <t>【成都风机】卡套II\YD100UZ023</t>
  </si>
  <si>
    <t>【成都风机】滑动轴承\YD100UZ024/YHD502/φ85×30</t>
  </si>
  <si>
    <t>【成都风机】芯轴\YD100UZ025</t>
  </si>
  <si>
    <t>【成都风机】叶片组\YD100UG001</t>
  </si>
  <si>
    <t>【成都风机】组合密封环\YD100UG002</t>
  </si>
  <si>
    <t>【成都风机】密封环\YD100UG003</t>
  </si>
  <si>
    <t>【成都风机】O型密封圈\YD100UG004</t>
  </si>
  <si>
    <t>【成都风机】叶片螺栓\YD100UG005</t>
  </si>
  <si>
    <t>【成都风机】叶片轴\YD100LG001</t>
  </si>
  <si>
    <t>【成都风机】调节环\YD100LG002</t>
  </si>
  <si>
    <t>【成都风机】调节盘\YD100LG003</t>
  </si>
  <si>
    <t>【成都风机】毂盘\YD100LG004</t>
  </si>
  <si>
    <t>【成都风机】曲柄\YD100LG005</t>
  </si>
  <si>
    <t>【成都风机】键\YD100LG006</t>
  </si>
  <si>
    <t>【成都风机】滑块\YD100LG007</t>
  </si>
  <si>
    <t>【成都风机】复合衬套\YD100LG008</t>
  </si>
  <si>
    <t>【成都风机】复合衬套\YD100LG009</t>
  </si>
  <si>
    <t>【成都风机】复合衬套\YD100LG023</t>
  </si>
  <si>
    <t>【成都风机】轴承套\YD100LG010</t>
  </si>
  <si>
    <t>【成都风机】压环\YD100LG011</t>
  </si>
  <si>
    <t>【成都风机】螺母\YD100LG012</t>
  </si>
  <si>
    <t>【成都风机】碟簧\YD100LG013</t>
  </si>
  <si>
    <t>【成都风机】套\YD100LG014</t>
  </si>
  <si>
    <t>【成都风机】轴向推力球轴承\YD100LG015/LG250Y15/φ197×86</t>
  </si>
  <si>
    <t>【成都风机】O型密封圈\YD100LG016</t>
  </si>
  <si>
    <t>【成都风机】轴用弹性挡圈\YD100LG017</t>
  </si>
  <si>
    <t>【成都风机】孔用弹性挡圈\YD100LG018</t>
  </si>
  <si>
    <t>【成都风机】单列开槽球轴承\YD100LG019/276Y5019/φ200×33</t>
  </si>
  <si>
    <t>【成都风机】关节轴承\YD100LG020/304GEY05/φ47×22</t>
  </si>
  <si>
    <t>【成都风机】I级卡法兰\YD100LG021</t>
  </si>
  <si>
    <t>【成都风机】Ⅱ级卡法兰\YD100LG022</t>
  </si>
  <si>
    <t>【成都风机】调整垫\YD100LG024</t>
  </si>
  <si>
    <t>【成都风机】油缸组合\YD100TY001</t>
  </si>
  <si>
    <t>【成都风机】刮油圈\YD100TY002</t>
  </si>
  <si>
    <t>【成都风机】刮油圈\YD100TY003</t>
  </si>
  <si>
    <t>【成都风机】双联密封圈\YD100TY004</t>
  </si>
  <si>
    <t>【成都风机】双联密封圈\YD100TY005</t>
  </si>
  <si>
    <t>【成都风机】导环\YD100TY006</t>
  </si>
  <si>
    <t>【成都风机】密封套\YD100TY007</t>
  </si>
  <si>
    <t>【成都风机】密封垫\YD100TY008</t>
  </si>
  <si>
    <t>【成都风机】伺服阀\YD100TY009</t>
  </si>
  <si>
    <t>【成都风机】轴密封环\YD100TY010</t>
  </si>
  <si>
    <t>【成都风机】滚针轴承\YD100TY011/YGZ5011/φ180×32</t>
  </si>
  <si>
    <t>【成都风机】沟槽球轴承\YD100TY012</t>
  </si>
  <si>
    <t>【成都风机】风机侧联轴器\YD100FM001</t>
  </si>
  <si>
    <t>【成都风机】电机侧联轴器\YD100FM002</t>
  </si>
  <si>
    <t>【成都风机】滚动轴承座\YD100UI004</t>
  </si>
  <si>
    <t>【成都风机】密封冷却风机\YD100UM001</t>
  </si>
  <si>
    <t>【成都风机】叶轮组\YD100UM002</t>
  </si>
  <si>
    <t>【成都风机】执行器连杆\ZD100UI001</t>
  </si>
  <si>
    <t>【成都风机】油缸组连杆\ZD100UI002</t>
  </si>
  <si>
    <t>【成都风机】滚动轴承座\ZD100UI004</t>
  </si>
  <si>
    <t>【成都风机】密封冷却风机\ZD100UM001</t>
  </si>
  <si>
    <t>【成都风机】叶轮组\ZD100UM002</t>
  </si>
  <si>
    <t>【成都风机】主轴\SD100UZ001</t>
  </si>
  <si>
    <t>【成都风机】轴承箱\SD100UZ002</t>
  </si>
  <si>
    <t>【成都风机】轴套\SD100UZ003</t>
  </si>
  <si>
    <t>【成都风机】轴承端盖\SD100UZ004</t>
  </si>
  <si>
    <t>【成都风机】轴承盖\SD100UZ005</t>
  </si>
  <si>
    <t>【成都风机】隔环\SD100UZ006</t>
  </si>
  <si>
    <t>【成都风机】厚轴螺母\SD100UZ007</t>
  </si>
  <si>
    <t>【成都风机】薄轴螺母\SD100UZ008</t>
  </si>
  <si>
    <t>【成都风机】压力片\SD100UZ009</t>
  </si>
  <si>
    <t>【成都风机】执行器连杆\SD100UI001</t>
  </si>
  <si>
    <t>【成都风机】油缸组连杆\SD100UI002</t>
  </si>
  <si>
    <t>【成都风机】滚动轴承座\SD100UI004</t>
  </si>
  <si>
    <t>【成都风机】销\SD100UZ010</t>
  </si>
  <si>
    <t>【成都风机】环\SD100UZ011</t>
  </si>
  <si>
    <t>【成都风机】隔套\SD100UZ012</t>
  </si>
  <si>
    <t>【成都风机】集油环\SD100UZ013</t>
  </si>
  <si>
    <t>【成都风机】圆锥销\SD100UZ014</t>
  </si>
  <si>
    <t>【成都风机】密封环\SD100UZ015</t>
  </si>
  <si>
    <t>【成都风机】叠层密封环\SD100UZ016</t>
  </si>
  <si>
    <t>【成都风机】O型密封圈\SD100UZ017</t>
  </si>
  <si>
    <t>【成都风机】O型密封圈\SD100UZ018</t>
  </si>
  <si>
    <t>【成都风机】角环\SD100UZ019</t>
  </si>
  <si>
    <t>【成都风机】角接球触轴承\SD100UZ020/0JJSQ100/φ520×82</t>
  </si>
  <si>
    <t>【成都风机】径向轴承\SD100UZ021/2YZGS100/φ520×85</t>
  </si>
  <si>
    <t>【成都风机】叶片组\SD100UG001</t>
  </si>
  <si>
    <t>【成都风机】垫片\SD100UG002</t>
  </si>
  <si>
    <t>【成都风机】叶片螺栓\SD100UG003</t>
  </si>
  <si>
    <t>【成都风机】叶片轴\SD100LG001</t>
  </si>
  <si>
    <t>【成都风机】调节环\SD100LG002</t>
  </si>
  <si>
    <t>【成都风机】调节盘\SD100LG003</t>
  </si>
  <si>
    <t>【成都风机】毂盘\SD100LG004</t>
  </si>
  <si>
    <t>【成都风机】曲柄\SD100LG005</t>
  </si>
  <si>
    <t>【成都风机】键\SD100LG006</t>
  </si>
  <si>
    <t>【成都风机】滑块\SD100LG007</t>
  </si>
  <si>
    <t>【成都风机】复合衬套\SD100LG008</t>
  </si>
  <si>
    <t>【成都风机】复合衬套\SD100LG009</t>
  </si>
  <si>
    <t>【成都风机】轴承套\SD100LG010</t>
  </si>
  <si>
    <t>【成都风机】压环\SD100LG011</t>
  </si>
  <si>
    <t>【成都风机】螺母\SD100LG012</t>
  </si>
  <si>
    <t>【成都风机】碟簧\SD100LG013</t>
  </si>
  <si>
    <t>【成都风机】套\SD100LG014</t>
  </si>
  <si>
    <t>【成都风机】轴向推力球轴承\SD100LG015/LG250S15/φ197×86</t>
  </si>
  <si>
    <t>【成都风机】O型密封圈\SD100LG016</t>
  </si>
  <si>
    <t>【成都风机】轴用弹性挡圈\SD100LG017</t>
  </si>
  <si>
    <t>【成都风机】孔用弹性挡圈\SD100LG018</t>
  </si>
  <si>
    <t>【成都风机】单列开槽球轴承\SD100LG019/276S501/φ200×33</t>
  </si>
  <si>
    <t>【成都风机】关节轴承\SD100LG020/304GES52/φ47×22</t>
  </si>
  <si>
    <t>【成都风机】卡法兰\SD100LG021</t>
  </si>
  <si>
    <t>【成都风机】油缸组合\SD100TY001</t>
  </si>
  <si>
    <t>【成都风机】刮油圈\SD100TY002</t>
  </si>
  <si>
    <t>【成都风机】刮油圈\SD100TY003</t>
  </si>
  <si>
    <t>【成都风机】双联密封圈\SD100TY004</t>
  </si>
  <si>
    <t>【成都风机】双联密封圈\SD100TY005</t>
  </si>
  <si>
    <t>【成都风机】导环\SD100TY006</t>
  </si>
  <si>
    <t>【成都风机】密封套\SD100TY007</t>
  </si>
  <si>
    <t>【成都风机】密封垫\SD100TY008</t>
  </si>
  <si>
    <t>【成都风机】伺服阀\SD100TY009</t>
  </si>
  <si>
    <t>【成都风机】轴密封环\SD100TY010</t>
  </si>
  <si>
    <t>【成都风机】滚针轴承\SD100TY011/GZS501/φ180×32</t>
  </si>
  <si>
    <t>【成都风机】沟槽球轴承\SD100TY012/276S502/φ54×25</t>
  </si>
  <si>
    <t>【成都风机】风机侧联轴器\SD100FM001</t>
  </si>
  <si>
    <t>【成都风机】电机侧联轴器\SD100FM002</t>
  </si>
  <si>
    <t>【成都风机】主轴\YJ100AZ001</t>
  </si>
  <si>
    <t>【成都风机】轴承壳\YJ100AZ002</t>
  </si>
  <si>
    <t>【成都风机】轴套\YJ100AZ003</t>
  </si>
  <si>
    <t>【成都风机】压盘\YJ100AZ004</t>
  </si>
  <si>
    <t>【成都风机】前轴承盖\YJ100AZ005</t>
  </si>
  <si>
    <t>【成都风机】后轴承盖\YJ100AZ007</t>
  </si>
  <si>
    <t>【成都风机】密封冷却风机\YJ100UM001</t>
  </si>
  <si>
    <t>【成都风机】叶轮组\YJ100UM002</t>
  </si>
  <si>
    <t>【成都风机】双耳止动垫\YJ100AZ008</t>
  </si>
  <si>
    <t>【成都风机】双耳止动垫\YJ100AZ006</t>
  </si>
  <si>
    <t>【成都风机】密封圈\YJ100AZ009</t>
  </si>
  <si>
    <t>【成都风机】外隔圈\YJ100AZ010</t>
  </si>
  <si>
    <t>【成都风机】内隔圈\YJ100AZ014</t>
  </si>
  <si>
    <t>【成都风机】内外接头\YJ100AZ011</t>
  </si>
  <si>
    <t>【成都风机】轴端盖\YJ100AZ012</t>
  </si>
  <si>
    <t>【成都风机】套环\YJ100AZ013</t>
  </si>
  <si>
    <t>【成都风机】向心推力轴承\YJ100AZ015/0XTZY100/φ640×102</t>
  </si>
  <si>
    <t>【成都风机】向心滚子轴承\YJ100AZ016/0XGZY100/φ640×102</t>
  </si>
  <si>
    <t>【成都风机】密封组\YJ100AZ017</t>
  </si>
  <si>
    <t>【成都风机】叶轮\YJ100AY001</t>
  </si>
  <si>
    <t>【成都风机】叶片\YJ100AY002</t>
  </si>
  <si>
    <t>【成都风机】偏心可调导叶装配\YJ100AT001</t>
  </si>
  <si>
    <t>【成都风机】前导叶轴承座装配\YJ100AT002</t>
  </si>
  <si>
    <t>【成都风机】铰接组件\YJ100AT003</t>
  </si>
  <si>
    <t>【成都风机】风机侧联轴器\YJ100FM001</t>
  </si>
  <si>
    <t>【成都风机】电机侧联轴器\YJ100FM002</t>
  </si>
  <si>
    <t>【成都风机】主轴\ZJ100AZ001</t>
  </si>
  <si>
    <t>【成都风机】轴承壳\ZJ100AZ002</t>
  </si>
  <si>
    <t>【成都风机】轴套\ZJ100AZ003</t>
  </si>
  <si>
    <t>【成都风机】压盘\ZJ100AZ004</t>
  </si>
  <si>
    <t>【成都风机】前轴承盖\ZJ100AZ005</t>
  </si>
  <si>
    <t>【成都风机】双耳止动垫\ZJ100AZ008</t>
  </si>
  <si>
    <t>【成都风机】双耳止动垫\ZJ100AZ006</t>
  </si>
  <si>
    <t>【成都风机】后轴承盖\ZJ100AZ007</t>
  </si>
  <si>
    <t>【成都风机】密封圈\ZJ100AZ009</t>
  </si>
  <si>
    <t>【成都风机】外隔圈\ZJ100AZ010</t>
  </si>
  <si>
    <t>【成都风机】内外接头\ZJ100AZ011</t>
  </si>
  <si>
    <t>【成都风机】轴端盖\ZJ100AZ012</t>
  </si>
  <si>
    <t>【成都风机】套环\ZJ100AZ013</t>
  </si>
  <si>
    <t>【成都风机】内隔圈\ZJ100AZ014</t>
  </si>
  <si>
    <t>【成都风机】密封冷却风机\ZJ100UM001</t>
  </si>
  <si>
    <t>【成都风机】叶轮组\ZJ100UM002</t>
  </si>
  <si>
    <t>【成都风机】向心推力轴承\ZJ100AZ015/0XTZZ100/φ640×102</t>
  </si>
  <si>
    <t>【成都风机】向心滚子轴承\ZJ100AZ016/0XGZZ100/φ640×102</t>
  </si>
  <si>
    <t>【成都风机】密封组\ZJ100AZ017</t>
  </si>
  <si>
    <t>【成都风机】叶轮\ZJ100AY001</t>
  </si>
  <si>
    <t>【成都风机】叶片\ZJ100AY002</t>
  </si>
  <si>
    <t>【成都风机】偏心可调导叶装配\ZJ100AT001</t>
  </si>
  <si>
    <t>【成都风机】前导叶轴承座装配\ZJ100AT002</t>
  </si>
  <si>
    <t>【成都风机】铰接组件\ZJ100AT003</t>
  </si>
  <si>
    <t>【成都风机】风机侧联轴器\ZJ100FM001</t>
  </si>
  <si>
    <t>【成都风机】电机侧联轴器\ZJ100FM002</t>
  </si>
  <si>
    <t>【成都风机】引风机电机侧联轴器\16001.1</t>
  </si>
  <si>
    <t>【成都风机】引风机风机侧联轴器\16001.2</t>
  </si>
  <si>
    <t>【成都风机】引风机叶轮\LG240100</t>
  </si>
  <si>
    <t>【成都风机】引风机芯轴\UZ22010</t>
  </si>
  <si>
    <t>【成都风机】引风机主轴\UZ22001</t>
  </si>
  <si>
    <t>【普瑞奇】滤芯\RP9100F0108Z\1um</t>
  </si>
  <si>
    <t>【普瑞奇】滤芯\RP9100F0308Z\3um</t>
  </si>
  <si>
    <t>【普瑞奇】滤芯\RP9100F0508Z\5um</t>
  </si>
  <si>
    <t>【普瑞奇】滤芯\RP9100F0708Z\7um</t>
  </si>
  <si>
    <t>【普瑞奇】滤芯\RP9100F1208Z\12um</t>
  </si>
  <si>
    <t>【普瑞奇】滤芯\RP9100F2208Z\22um</t>
  </si>
  <si>
    <t>【普瑞奇】滤芯\RP9100F0304Z\3um</t>
  </si>
  <si>
    <t>【普瑞奇】滤芯\RP9100F0504Z\5um</t>
  </si>
  <si>
    <t>【普瑞奇】滤芯\RP9100F0704Z\7um</t>
  </si>
  <si>
    <t>【普瑞奇】滤芯\RP9100F1204Z\12um</t>
  </si>
  <si>
    <t>【普瑞奇】滤芯\RP9100F2204Z\22um</t>
  </si>
  <si>
    <t>【普瑞奇】滤芯\RP9100F0313Z\3um</t>
  </si>
  <si>
    <t>【普瑞奇】滤芯\RP9100F0513Z\5um</t>
  </si>
  <si>
    <t>【普瑞奇】滤芯\RP9100F0713Z\7um</t>
  </si>
  <si>
    <t>【普瑞奇】滤芯\RP9100F1213Z\12um</t>
  </si>
  <si>
    <t>【普瑞奇】滤芯\RP9100F2213Z\22um</t>
  </si>
  <si>
    <t>【普瑞奇】滤芯\RP9404F0304Z\3um</t>
  </si>
  <si>
    <t>【普瑞奇】滤芯\RP9404F0504Z\5um</t>
  </si>
  <si>
    <t>【普瑞奇】滤芯\RP9404F0704Z\7um</t>
  </si>
  <si>
    <t>【普瑞奇】滤芯\RP9404F1204Z\12um</t>
  </si>
  <si>
    <t>【普瑞奇】滤芯\RP9404F2204Z\22um</t>
  </si>
  <si>
    <t>【普瑞奇】滤芯\RP9404F0308Z\3um</t>
  </si>
  <si>
    <t>【普瑞奇】滤芯\RP9404F0508Z\5um</t>
  </si>
  <si>
    <t>【普瑞奇】滤芯\RP9404F0708Z\7um</t>
  </si>
  <si>
    <t>【普瑞奇】滤芯\RP9404F1208Z\12um</t>
  </si>
  <si>
    <t>【普瑞奇】滤芯\RP9404F2208Z\22um</t>
  </si>
  <si>
    <t>【普瑞奇】滤芯\RP9404F0309Z\3um</t>
  </si>
  <si>
    <t>【普瑞奇】滤芯\RP9404F0509Z\5um</t>
  </si>
  <si>
    <t>【普瑞奇】滤芯\RP9404F0709Z\7um</t>
  </si>
  <si>
    <t>【普瑞奇】滤芯\RP9404F1209Z\12um</t>
  </si>
  <si>
    <t>【普瑞奇】滤芯\RP9404F2209Z\22um</t>
  </si>
  <si>
    <t>【普瑞奇】滤芯\RP9404F0313Z\3um</t>
  </si>
  <si>
    <t>【普瑞奇】滤芯\RP9404F0513Z\5um</t>
  </si>
  <si>
    <t>【普瑞奇】滤芯\RP9404F0713Z\7um</t>
  </si>
  <si>
    <t>【普瑞奇】滤芯\RP9404F1213Z\12um</t>
  </si>
  <si>
    <t>【普瑞奇】滤芯\RP9404F2213Z\22um</t>
  </si>
  <si>
    <t>【普瑞奇】滤芯\RP9404F0316Z\3um</t>
  </si>
  <si>
    <t>【普瑞奇】滤芯\RP9404F0516Z\5um</t>
  </si>
  <si>
    <t>【普瑞奇】滤芯\RP9404F0716Z\7um</t>
  </si>
  <si>
    <t>【普瑞奇】滤芯\RP9404F1216Z\12um</t>
  </si>
  <si>
    <t>【普瑞奇】滤芯\RP9404F2216Z\22um</t>
  </si>
  <si>
    <t>【普瑞奇】滤芯\RP9404F0326Z\3um</t>
  </si>
  <si>
    <t>【普瑞奇】滤芯\RP9404F0526Z\5um</t>
  </si>
  <si>
    <t>【普瑞奇】滤芯\RP9404F0726Z\7um</t>
  </si>
  <si>
    <t>【普瑞奇】滤芯\RP9404F1226Z\12um</t>
  </si>
  <si>
    <t>【普瑞奇】滤芯\RP9404F2226Z\22um</t>
  </si>
  <si>
    <t>【普瑞奇】滤芯\RP9404F0339Z\3um</t>
  </si>
  <si>
    <t>【普瑞奇】滤芯\RP9404F0539Z\5um</t>
  </si>
  <si>
    <t>【普瑞奇】滤芯\RP9404F0739Z\7um</t>
  </si>
  <si>
    <t>【普瑞奇】滤芯\RP9404F1239Z\12um</t>
  </si>
  <si>
    <t>【普瑞奇】滤芯\RP9404F2239Z\22um</t>
  </si>
  <si>
    <t>【普瑞奇】滤芯\RP9600F0304Z\3um</t>
  </si>
  <si>
    <t>【普瑞奇】滤芯\RP9600F0504Z\5um</t>
  </si>
  <si>
    <t>【普瑞奇】滤芯\RP9600F0704Z\7um</t>
  </si>
  <si>
    <t>【普瑞奇】滤芯\RP9600F1204Z\12um</t>
  </si>
  <si>
    <t>【普瑞奇】滤芯\RP9600F2204Z\22um</t>
  </si>
  <si>
    <t>【普瑞奇】滤芯\RP9600F0308Z\3um</t>
  </si>
  <si>
    <t>【普瑞奇】滤芯\RP9600F0508Z\5um</t>
  </si>
  <si>
    <t>【普瑞奇】滤芯\RP9600F1208Z\12um</t>
  </si>
  <si>
    <t>【普瑞奇】滤芯\RP9600F2208Z\22um</t>
  </si>
  <si>
    <t>【普瑞奇】滤芯\RP9600F0313Z\3um</t>
  </si>
  <si>
    <t>【普瑞奇】滤芯\RP9600F0513Z\5um</t>
  </si>
  <si>
    <t>【普瑞奇】滤芯\RP9600F0713Z\7um</t>
  </si>
  <si>
    <t>【普瑞奇】滤芯\RP9600F1213Z\12um</t>
  </si>
  <si>
    <t>【普瑞奇】滤芯\RP9600F2213Z\22um</t>
  </si>
  <si>
    <t>【普瑞奇】滤芯\RP9600F0316Z\3um</t>
  </si>
  <si>
    <t>【普瑞奇】滤芯\RP9600F0516Z\5um</t>
  </si>
  <si>
    <t>【普瑞奇】滤芯\RP9600F0716Z\7um</t>
  </si>
  <si>
    <t>【普瑞奇】滤芯\RP9600F1216Z\12um</t>
  </si>
  <si>
    <t>【普瑞奇】滤芯\RP9600F2216Z\22um</t>
  </si>
  <si>
    <t>【普瑞奇】滤芯\RP9600F2208H\22um</t>
  </si>
  <si>
    <t>【普瑞奇】滤芯\RP9600F1208H\12um</t>
  </si>
  <si>
    <t>【普瑞奇】滤芯\RP9600F2213H\22um</t>
  </si>
  <si>
    <t>【普瑞奇】滤芯\RHP9601F0304Z\3um</t>
  </si>
  <si>
    <t>【普瑞奇】滤芯\RHP9601F0504Z\5um</t>
  </si>
  <si>
    <t>【普瑞奇】滤芯\RHP9601F0704Z\7um</t>
  </si>
  <si>
    <t>【普瑞奇】滤芯\RHP9601F1204Z\12um</t>
  </si>
  <si>
    <t>【普瑞奇】滤芯\RHP9601F2204Z\22um</t>
  </si>
  <si>
    <t>【普瑞奇】滤芯\RHP9601F0308Z\3um</t>
  </si>
  <si>
    <t>【普瑞奇】滤芯\RHP9601F0508Z\5um</t>
  </si>
  <si>
    <t>【普瑞奇】滤芯\RHP9601F0708Z\7um</t>
  </si>
  <si>
    <t>【普瑞奇】滤芯\RHP9601F1208Z\12um</t>
  </si>
  <si>
    <t>【普瑞奇】滤芯\RHP9601F2208Z\22um</t>
  </si>
  <si>
    <t>【普瑞奇】滤芯\RHP9601F0311Z\3um</t>
  </si>
  <si>
    <t>【普瑞奇】滤芯\RHP9601F0511Z\5um</t>
  </si>
  <si>
    <t>【普瑞奇】滤芯\RHP9601F0711Z\7um</t>
  </si>
  <si>
    <t>【普瑞奇】滤芯\RHP9601F1211Z\12um</t>
  </si>
  <si>
    <t>【普瑞奇】滤芯\RHP9601F2211Z\22um</t>
  </si>
  <si>
    <t>【普瑞奇】滤芯\RHP9601F0313Z\3um</t>
  </si>
  <si>
    <t>【普瑞奇】滤芯\RHP9601F0513Z\5um</t>
  </si>
  <si>
    <t>【普瑞奇】滤芯\RHP9601F0713Z\7um</t>
  </si>
  <si>
    <t>【普瑞奇】滤芯\RHP9601F1213Z\12um</t>
  </si>
  <si>
    <t>【普瑞奇】滤芯\RHP9601F2213Z\22um</t>
  </si>
  <si>
    <t>【普瑞奇】滤芯\RHP9601F0316Z\3um</t>
  </si>
  <si>
    <t>【普瑞奇】滤芯\RHP9601F0516Z\5um</t>
  </si>
  <si>
    <t>【普瑞奇】滤芯\RHP9601F0716Z\7um</t>
  </si>
  <si>
    <t>【普瑞奇】滤芯\RHP9601F1216Z\12um</t>
  </si>
  <si>
    <t>【普瑞奇】滤芯\RHP9601F2216Z\22um</t>
  </si>
  <si>
    <t>【普瑞奇】滤芯\RHP9601F0321Z\3um</t>
  </si>
  <si>
    <t>【普瑞奇】滤芯\RHP9601F0521Z\5um</t>
  </si>
  <si>
    <t>【普瑞奇】滤芯\RHP9601F0721Z\7um</t>
  </si>
  <si>
    <t>【普瑞奇】滤芯\RHP9601F1221Z\12um</t>
  </si>
  <si>
    <t>【普瑞奇】滤芯\RHP9601F2221Z\22um</t>
  </si>
  <si>
    <t>【普瑞奇】滤芯\RHP9601F0326Z\3um</t>
  </si>
  <si>
    <t>【普瑞奇】滤芯\RHP9601F0526Z\5um</t>
  </si>
  <si>
    <t>【普瑞奇】滤芯\RHP9601F0726Z\7um</t>
  </si>
  <si>
    <t>【普瑞奇】滤芯\RHP9601F1226Z\12um</t>
  </si>
  <si>
    <t>【普瑞奇】滤芯\RHP9601F2226Z\22um</t>
  </si>
  <si>
    <t>【普瑞奇】滤芯\RP9604F0304Z\3um</t>
  </si>
  <si>
    <t>【普瑞奇】滤芯\RP9604F0504Z\5um</t>
  </si>
  <si>
    <t>【普瑞奇】滤芯\RP9604F0704Z\7um</t>
  </si>
  <si>
    <t>【普瑞奇】滤芯\RP9604F1204Z\12um</t>
  </si>
  <si>
    <t>【普瑞奇】滤芯\RP9604F2204Z\22um</t>
  </si>
  <si>
    <t>【普瑞奇】滤芯\RP9604F0308Z\3um</t>
  </si>
  <si>
    <t>【普瑞奇】滤芯\RP9604F0508Z\5um</t>
  </si>
  <si>
    <t>【普瑞奇】滤芯\RP9604F0708Z\7um</t>
  </si>
  <si>
    <t>【普瑞奇】滤芯\RP9604F1208Z\12um</t>
  </si>
  <si>
    <t>【普瑞奇】滤芯\RP9604F2208Z\22um</t>
  </si>
  <si>
    <t>【普瑞奇】滤芯\RP9604F0313Z\3um</t>
  </si>
  <si>
    <t>【普瑞奇】滤芯\RP9604F0513Z\5um</t>
  </si>
  <si>
    <t>【普瑞奇】滤芯\RP9604F0713Z\7um</t>
  </si>
  <si>
    <t>【普瑞奇】滤芯\RP9604F1213Z\12um</t>
  </si>
  <si>
    <t>【普瑞奇】滤芯\RP9604F2213Z\22um</t>
  </si>
  <si>
    <t>【普瑞奇】滤芯\RP9604F0316Z\3um</t>
  </si>
  <si>
    <t>【普瑞奇】滤芯\RP9604F0516Z\5um</t>
  </si>
  <si>
    <t>【普瑞奇】滤芯\RP9604F0716Z\7um</t>
  </si>
  <si>
    <t>【普瑞奇】滤芯\RP9604F1216Z\12um</t>
  </si>
  <si>
    <t>【普瑞奇】滤芯\RP9604F2216Z\22um</t>
  </si>
  <si>
    <t>【普瑞奇】滤芯\RP9700F0309Z\3um</t>
  </si>
  <si>
    <t>【普瑞奇】滤芯\RP9700F0509Z\5um</t>
  </si>
  <si>
    <t>【普瑞奇】滤芯\RP9700F0709Z\7um</t>
  </si>
  <si>
    <t>【普瑞奇】滤芯\RP9700F1209Z\12um</t>
  </si>
  <si>
    <t>【普瑞奇】滤芯\RP9700F2209Z\22um</t>
  </si>
  <si>
    <t>【普瑞奇】滤芯\RP9700F0327Z\3um</t>
  </si>
  <si>
    <t>【普瑞奇】滤芯\RP9700F0527Z\5um</t>
  </si>
  <si>
    <t>【普瑞奇】滤芯\RP9700F0727Z\7um</t>
  </si>
  <si>
    <t>【普瑞奇】滤芯\RP9700F1227Z\12um</t>
  </si>
  <si>
    <t>【普瑞奇】滤芯\RP9700F2227Z\22um</t>
  </si>
  <si>
    <t>【普瑞奇】滤芯\RP9700F0318Z\3um</t>
  </si>
  <si>
    <t>【普瑞奇】滤芯\RP9700F0518Z\5um</t>
  </si>
  <si>
    <t>【普瑞奇】滤芯\RP9700F0718Z\7um</t>
  </si>
  <si>
    <t>【普瑞奇】滤芯\RP9700F1218Z\12um</t>
  </si>
  <si>
    <t>【普瑞奇】滤芯\RP9700F2218Z\22um</t>
  </si>
  <si>
    <t>【普瑞奇】滤芯\RP219F0308Z\3um</t>
  </si>
  <si>
    <t>【普瑞奇】滤芯\RP219F0508Z\5um</t>
  </si>
  <si>
    <t>【普瑞奇】滤芯\RP219F0708Z\7um</t>
  </si>
  <si>
    <t>【普瑞奇】滤芯\RP219F1208Z\12um</t>
  </si>
  <si>
    <t>【普瑞奇】滤芯\RP219F2208Z\22um</t>
  </si>
  <si>
    <t>【普瑞奇】滤芯\RP319F0308Z\3um</t>
  </si>
  <si>
    <t>【普瑞奇】滤芯\RP319F0508Z\5um</t>
  </si>
  <si>
    <t>【普瑞奇】滤芯\RP319F0708Z\7um</t>
  </si>
  <si>
    <t>【普瑞奇】滤芯\RP319F1208Z\12um</t>
  </si>
  <si>
    <t>【普瑞奇】滤芯\RP319F2208Z\22um</t>
  </si>
  <si>
    <t>【普瑞奇】滤芯\RP319F1220H\12um</t>
  </si>
  <si>
    <t>【普瑞奇】滤芯\RP319F0520H\5um</t>
  </si>
  <si>
    <t>【普瑞奇】滤芯\RP319F0720H\7um</t>
  </si>
  <si>
    <t>【普瑞奇】滤芯\RP319F0320H\3um</t>
  </si>
  <si>
    <t>【普瑞奇】滤芯\RP619F0320Z\3um</t>
  </si>
  <si>
    <t>【普瑞奇】滤芯\RP619F0520Z\5um</t>
  </si>
  <si>
    <t>【普瑞奇】滤芯\RP619F0720Z\7um</t>
  </si>
  <si>
    <t>【普瑞奇】滤芯\RP619F1220Z\12um</t>
  </si>
  <si>
    <t>【普瑞奇】滤芯\RP619F2220Z\22um</t>
  </si>
  <si>
    <t>【普瑞奇】滤芯\RP2296E5036H20\50um</t>
  </si>
  <si>
    <t>【普瑞奇】滤芯\RP2296F1236H20\12um</t>
  </si>
  <si>
    <t>【普瑞奇】滤芯\RP8900E5026H\50um</t>
  </si>
  <si>
    <t>【普瑞奇】滤芯\RP8300E5039H\50um</t>
  </si>
  <si>
    <t>【普瑞奇】滤芯\EHF640PP01E\1um</t>
  </si>
  <si>
    <t>【普瑞奇】滤芯\EHF640PP05E\5um</t>
  </si>
  <si>
    <t>【普瑞奇】滤芯\EHF640PP10E\10um</t>
  </si>
  <si>
    <t>【普瑞奇】滤芯\EHF640PP70E\70um</t>
  </si>
  <si>
    <t>【普瑞奇】滤芯\EHF660PP01E\1um</t>
  </si>
  <si>
    <t>【普瑞奇】滤芯\EHF660PP05E\5um</t>
  </si>
  <si>
    <t>【普瑞奇】滤芯\EHF660PP10E\10um</t>
  </si>
  <si>
    <t>【普瑞奇】滤芯\RHF010EHS\1um</t>
  </si>
  <si>
    <t>【普瑞奇】滤芯\RHF050EHS\5um</t>
  </si>
  <si>
    <t>【普瑞奇】滤芯\RHF100EHS\10um</t>
  </si>
  <si>
    <t>【普瑞奇】滤芯\RHF010EH\1um</t>
  </si>
  <si>
    <t>【普瑞奇】滤芯\RHF050EH\5um</t>
  </si>
  <si>
    <t>【普瑞奇】滤芯\RHF100EH\10um</t>
  </si>
  <si>
    <t>【普瑞奇】滤芯\RTM41HF010E\1um</t>
  </si>
  <si>
    <t>【普瑞奇】滤芯\RTM41HF050E\5um</t>
  </si>
  <si>
    <t>【普瑞奇】滤芯\RTM41HF100E\10um</t>
  </si>
  <si>
    <t>【普瑞奇】滤芯\RTM61HF010E\1um</t>
  </si>
  <si>
    <t>【普瑞奇】滤芯\RTM61HF050E\5um</t>
  </si>
  <si>
    <t>【普瑞奇】滤芯\RTM61HF100E\10um</t>
  </si>
  <si>
    <t>【普瑞奇】滤芯\EPM4F005B1Y\5um</t>
  </si>
  <si>
    <t>【普瑞奇】滤元\CF01PP70AR\1um</t>
  </si>
  <si>
    <t>【普瑞奇】滤元\CF04PP70AR\4um</t>
  </si>
  <si>
    <t>【普瑞奇】滤芯\WFPP0170BR\1um</t>
  </si>
  <si>
    <t>【普瑞奇】滤芯\WFPP0570BR\5um</t>
  </si>
  <si>
    <t>【普瑞奇】滤芯\WFHT0570BR\5um</t>
  </si>
  <si>
    <t>【普瑞奇】滤芯\VF-1\um</t>
  </si>
  <si>
    <t>【普瑞奇】滤芯\VF-2\um</t>
  </si>
  <si>
    <t>【普瑞奇】滤芯\VF-3\um</t>
  </si>
  <si>
    <t>【普瑞奇】滤芯\VF-4\um</t>
  </si>
  <si>
    <t>【普瑞奇】滤芯\RP9600F0708Z\7um</t>
  </si>
  <si>
    <t>【普瑞奇】滤芯\RP9020F0308Z\3um</t>
  </si>
  <si>
    <t>【普瑞奇】滤芯\RPI143483F1218H\23um</t>
  </si>
  <si>
    <t>【普瑞奇】滤芯\RP143483F1218H\12um</t>
  </si>
  <si>
    <t>【普瑞奇】滤芯\RPI143483F1230H\12um</t>
  </si>
  <si>
    <t>【普瑞奇】滤芯\RP143922F1236H\12um</t>
  </si>
  <si>
    <t>【普瑞奇】滤芯\RP8300F1230H-YC11\12um</t>
  </si>
  <si>
    <t>【普瑞奇】滤芯\RP8300F1239H-YC11\12um</t>
  </si>
  <si>
    <t>【普瑞奇】齿轮箱呼吸器\VF-4M</t>
  </si>
  <si>
    <t>【普瑞奇】齿轮箱呼吸器\VF-EX-4D</t>
  </si>
  <si>
    <t>【普瑞奇】过滤器滤壳\RZ8314AC39R24DC</t>
  </si>
  <si>
    <t>【普瑞奇】过滤器滤壳\RZ8314AC16R24DC</t>
  </si>
  <si>
    <t>【普瑞奇】过滤器滤壳\RZ8370F032216AD</t>
  </si>
  <si>
    <t>【普瑞奇】过滤器滤壳\RZ8370F032239AD</t>
  </si>
  <si>
    <t>【普瑞奇】真空泵\2050130034\VP100</t>
  </si>
  <si>
    <t>【普瑞奇】齿轮泵\2050130023\VP100</t>
  </si>
  <si>
    <t>【普瑞奇】油泵电机\2050120034\VP100</t>
  </si>
  <si>
    <t>【普瑞奇】齿轮泵\2050130002\VP100/CP100</t>
  </si>
  <si>
    <t>【普瑞奇】油泵电机\2050120030\VP100/CP100</t>
  </si>
  <si>
    <t>【普瑞奇】空气过滤器\1060160002\VP100</t>
  </si>
  <si>
    <t>【普瑞奇】压力开关\2040020002\VP100</t>
  </si>
  <si>
    <t>【普瑞奇】浮球开关\2040020012\VP100</t>
  </si>
  <si>
    <t>【普瑞奇】超温开关\2040020014\VP100</t>
  </si>
  <si>
    <t>【普瑞奇】电动阀\2040020041\VP100</t>
  </si>
  <si>
    <t>【普瑞奇】液位开关\2040020013\VP100</t>
  </si>
  <si>
    <t>【普瑞奇】真空开关\2040020003\VP100/CP100/AP21</t>
  </si>
  <si>
    <t>【普瑞奇】真空开关\2040020021\VP/NP/AP</t>
  </si>
  <si>
    <t>【普瑞奇】压力表\2050210005\VP100</t>
  </si>
  <si>
    <t>【普瑞奇】真空表\2050210006\VP100</t>
  </si>
  <si>
    <t>【普瑞奇】压力表\2050210003\NP21G/AP21</t>
  </si>
  <si>
    <t>【普瑞奇】入口泵\2050130004\NP21G</t>
  </si>
  <si>
    <t>【普瑞奇】出口泵\2050130009\NP21G</t>
  </si>
  <si>
    <t>【普瑞奇】油净化电机\2050120012\NP21G</t>
  </si>
  <si>
    <t>【普瑞奇】油净化电机\2050120014\NP21G</t>
  </si>
  <si>
    <t>【普瑞奇】真空泵\2050130031\NP21G/AP21</t>
  </si>
  <si>
    <t>【普瑞奇】进油电动阀\2040020040\NP21G</t>
  </si>
  <si>
    <t>【普瑞奇】法兰式电加热管\2040020032\NP21G</t>
  </si>
  <si>
    <t>【普瑞奇】进油真空开关\2040020015\NP21G</t>
  </si>
  <si>
    <t>【普瑞奇】压力开关\2040020016\NP21G/AP21</t>
  </si>
  <si>
    <t>【普瑞奇】真空压力表\2050210002\NP21G/AP21</t>
  </si>
  <si>
    <t>【普瑞奇】温度计\2050220003\AP21</t>
  </si>
  <si>
    <t>【普瑞奇】油气分离器\2050260001\AP21/NP21G</t>
  </si>
  <si>
    <t>【普瑞奇】齿轮泵\2050040111\AP21</t>
  </si>
  <si>
    <t>【普瑞奇】齿轮泵\2050130038\AP21</t>
  </si>
  <si>
    <t>【普瑞奇】电机\2050120047\AP21</t>
  </si>
  <si>
    <t>【普瑞奇】电机\2050120048\AP21</t>
  </si>
  <si>
    <t>【普瑞奇】电机\2050120049\AP21</t>
  </si>
  <si>
    <t>【普瑞奇】进油电动阀\2040020034\AP21</t>
  </si>
  <si>
    <t>【普瑞奇】流量开关\2040020004\AP21</t>
  </si>
  <si>
    <t>【普瑞奇】压差开关\2050480002\CP100</t>
  </si>
  <si>
    <t>【普瑞奇】浮球液位开关\2040020001\CP100</t>
  </si>
  <si>
    <t>【普瑞奇】液位传感器\2040020025\CP100</t>
  </si>
  <si>
    <t>【普瑞奇】母插头\2040020075\CP100</t>
  </si>
  <si>
    <t>【普瑞奇】电磁阀\2040020035\CP100</t>
  </si>
  <si>
    <t>【普瑞奇】真空泵油\2050820002</t>
  </si>
  <si>
    <t>【普瑞奇】滤芯\1069020003\um</t>
  </si>
  <si>
    <t>【普瑞奇】真空泵油\2050820006</t>
  </si>
  <si>
    <t>【普瑞奇】滤芯\1069020004\um</t>
  </si>
  <si>
    <t>【普瑞奇】真空泵油\2050820005</t>
  </si>
  <si>
    <t>【普瑞奇】滤芯\1069020006\um</t>
  </si>
  <si>
    <t>WZSCCG-2019-BJ-040</t>
  </si>
  <si>
    <t>国家能源e购商城普瑞奇净化装置备件铺货长协采购（上海、江苏、浙江、山东、福建、湖北、湖南、内蒙、广东、广西、海南、江西、宁夏）</t>
  </si>
  <si>
    <t>上海瑞荟流体技术有限公司</t>
  </si>
  <si>
    <t>WZSCCG-2019-BJ-039</t>
  </si>
  <si>
    <t>国家能源e购商城普瑞奇净化装置备件铺货长协采购（四川、重庆、贵州、云南、西藏、陕西、甘肃、青海、河南）</t>
  </si>
  <si>
    <t>四川朋孚能源科技有限公司</t>
  </si>
  <si>
    <t>WZSCCG-2019-BJ-038</t>
  </si>
  <si>
    <t>国家能源e购商城普瑞奇净化装置备件铺货长协采购（北京、天津、河北、山西）</t>
  </si>
  <si>
    <t>昆尼科技河北有限公司</t>
  </si>
  <si>
    <t>【石工泵】弯管\25TL-A15</t>
  </si>
  <si>
    <t>石家庄工业泵厂有限公司</t>
  </si>
  <si>
    <t>石工泵</t>
  </si>
  <si>
    <t>WZSCCG-2020-BJ-002</t>
  </si>
  <si>
    <t>石家庄工业泵厂浆液循环泵备件铺货长协采购</t>
  </si>
  <si>
    <t>【石工泵】后泵盖\150DT-A30</t>
  </si>
  <si>
    <t>【石工泵】泵头紧固件\80TL-A36</t>
  </si>
  <si>
    <t>【石工泵】泵头紧固件\80TL-A45</t>
  </si>
  <si>
    <t>【石工泵】泵头紧固件\65TL-A30</t>
  </si>
  <si>
    <t>【石工泵】泵头紧固件\65TL-A40</t>
  </si>
  <si>
    <t>【石工泵】泵头紧固件\50TL-B40</t>
  </si>
  <si>
    <t>【石工泵】泵头紧固件\50TL-A45</t>
  </si>
  <si>
    <t>【石工泵】泵头紧固件\40TL-A35</t>
  </si>
  <si>
    <t>【石工泵】泵头紧固件\50TL-A35</t>
  </si>
  <si>
    <t>【石工泵】泵头紧固件\40TL-A21</t>
  </si>
  <si>
    <t>【石工泵】泵头紧固件\40TL-B25</t>
  </si>
  <si>
    <t>【石工泵】泵头紧固件\40DT-A19</t>
  </si>
  <si>
    <t>【石工泵】泵头紧固件\25TL-A15</t>
  </si>
  <si>
    <t>【石工泵】泵头紧固件\40DT-A25</t>
  </si>
  <si>
    <t>【石工泵】泵头紧固件\40DT-B20</t>
  </si>
  <si>
    <t>【石工泵】泵头紧固件\40DT-B35</t>
  </si>
  <si>
    <t>【石工泵】泵头紧固件\40DT-A30</t>
  </si>
  <si>
    <t>【石工泵】泵头紧固件\50DT-A30</t>
  </si>
  <si>
    <t>【石工泵】泵头紧固件\40DT-A40</t>
  </si>
  <si>
    <t>【石工泵】泵头紧固件\50DT-A45</t>
  </si>
  <si>
    <t>【石工泵】泵头紧固件\50DT-B40</t>
  </si>
  <si>
    <t>【石工泵】泵头紧固件\65DT-A30</t>
  </si>
  <si>
    <t>【石工泵】泵头紧固件\50DT-A50</t>
  </si>
  <si>
    <t>【石工泵】泵头紧固件\80DT-A30</t>
  </si>
  <si>
    <t>【石工泵】泵头紧固件\65DT-A40</t>
  </si>
  <si>
    <t>【石工泵】泵头紧固件\100DT-A30</t>
  </si>
  <si>
    <t>【石工泵】泵头紧固件\80DT-A36</t>
  </si>
  <si>
    <t>【石工泵】泵头紧固件\100DT-B40</t>
  </si>
  <si>
    <t>【石工泵】泵头紧固件\100DT-A35</t>
  </si>
  <si>
    <t>【石工泵】泵头紧固件\100DT-A60</t>
  </si>
  <si>
    <t>【石工泵】泵头紧固件\100DT-A50</t>
  </si>
  <si>
    <t>【石工泵】泵头紧固件\150DT-A40</t>
  </si>
  <si>
    <t>【石工泵】泵头紧固件\150DT-A30</t>
  </si>
  <si>
    <t>【石工泵】泵头紧固件\150DT-B55</t>
  </si>
  <si>
    <t>【石工泵】泵头紧固件\150DT-A50</t>
  </si>
  <si>
    <t>【石工泵】泵头紧固件\200DT-B40</t>
  </si>
  <si>
    <t>【石工泵】泵头紧固件\150DT-A60</t>
  </si>
  <si>
    <t>【石工泵】泵头紧固件\200DT-A60</t>
  </si>
  <si>
    <t>【石工泵】泵头紧固件\200DT-B45</t>
  </si>
  <si>
    <t>【石工泵】泵头紧固件\250DT-B45</t>
  </si>
  <si>
    <t>【石工泵】泵头紧固件\250DT-A45</t>
  </si>
  <si>
    <t>【石工泵】泵头紧固件\250DT-A75</t>
  </si>
  <si>
    <t>【石工泵】泵头紧固件\250DT-A52</t>
  </si>
  <si>
    <t>【石工泵】泵头紧固件\250DT-A48</t>
  </si>
  <si>
    <t>【石工泵】泵头紧固件\300DT-A45</t>
  </si>
  <si>
    <t>【石工泵】泵头紧固件\300DT-A70</t>
  </si>
  <si>
    <t>【石工泵】泵头紧固件\300DT-A60</t>
  </si>
  <si>
    <t>【石工泵】泵头紧固件\300DT-A50</t>
  </si>
  <si>
    <t>【石工泵】泵头紧固件\350DT-A51</t>
  </si>
  <si>
    <t>【石工泵】泵头紧固件\350DT-A48</t>
  </si>
  <si>
    <t>【石工泵】泵头紧固件\350DT-A58</t>
  </si>
  <si>
    <t>【石工泵】泵头紧固件\350DT-A52</t>
  </si>
  <si>
    <t>【石工泵】泵头紧固件\350DT-A68</t>
  </si>
  <si>
    <t>【石工泵】泵头紧固件\350DT-A65</t>
  </si>
  <si>
    <t>【石工泵】泵头紧固件\400DT-A65</t>
  </si>
  <si>
    <t>【石工泵】泵头紧固件\350DT-A78</t>
  </si>
  <si>
    <t>【石工泵】泵头紧固件\450DT-A70</t>
  </si>
  <si>
    <t>【石工泵】泵头紧固件\450DT-A65</t>
  </si>
  <si>
    <t>【石工泵】泵头紧固件\500DT-A75</t>
  </si>
  <si>
    <t>【石工泵】泵头紧固件\500DT-A70</t>
  </si>
  <si>
    <t>【石工泵】泵头紧固件\550DT-A70</t>
  </si>
  <si>
    <t>【石工泵】泵头紧固件\500DT-A76</t>
  </si>
  <si>
    <t>【石工泵】泵头紧固件\600DT-A82</t>
  </si>
  <si>
    <t>【石工泵】泵头紧固件\550DT-A75</t>
  </si>
  <si>
    <t>【石工泵】泵头紧固件\700DT-A83</t>
  </si>
  <si>
    <t>【石工泵】泵头紧固件\650DT-B80</t>
  </si>
  <si>
    <t>【石工泵】泵头紧固件\700DT-A93</t>
  </si>
  <si>
    <t>【石工泵】泵头紧固件\700DT-A90</t>
  </si>
  <si>
    <t>【石工泵】泵头紧固件\800DT-A93</t>
  </si>
  <si>
    <t>【石工泵】泵头紧固件\800DT-A90</t>
  </si>
  <si>
    <t>【石工泵】轴套\80TL-A45</t>
  </si>
  <si>
    <t>【石工泵】轴套\80TL-A36</t>
  </si>
  <si>
    <t>【石工泵】轴套\800DT-A90</t>
  </si>
  <si>
    <t>【石工泵】轴套\700DT-A90</t>
  </si>
  <si>
    <t>【石工泵】轴套\700DT-A83</t>
  </si>
  <si>
    <t>【石工泵】轴套\65TL-A40</t>
  </si>
  <si>
    <t>【石工泵】轴套\65TL-A30</t>
  </si>
  <si>
    <t>【石工泵】轴套\600DT-A82</t>
  </si>
  <si>
    <t>【石工泵】轴套\50TL-B40</t>
  </si>
  <si>
    <t>【石工泵】轴套\50TL-A45</t>
  </si>
  <si>
    <t>【石工泵】轴套\50TL-A35</t>
  </si>
  <si>
    <t>【石工泵】轴套\50DT-B40</t>
  </si>
  <si>
    <t>【石工泵】轴套\50DT-A50</t>
  </si>
  <si>
    <t>【石工泵】轴套\500DT-A70</t>
  </si>
  <si>
    <t>【石工泵】轴套\40TL-B25</t>
  </si>
  <si>
    <t>【石工泵】轴套\40TL-A35</t>
  </si>
  <si>
    <t>【石工泵】轴套\40TL-A21</t>
  </si>
  <si>
    <t>【石工泵】轴套\400DT-A65</t>
  </si>
  <si>
    <t>【石工泵】轴套\25TL-A15</t>
  </si>
  <si>
    <t>【石工泵】轴套\100DT-A50</t>
  </si>
  <si>
    <t>【石工泵】轴承箱\25DT-A25</t>
  </si>
  <si>
    <t>【石工泵】轴承箱\25DT-A15</t>
  </si>
  <si>
    <t>【石工泵】轴承箱\40DT-A19</t>
  </si>
  <si>
    <t>【石工泵】轴承箱\40DT-A17</t>
  </si>
  <si>
    <t>【石工泵】轴承箱\40DT-A25</t>
  </si>
  <si>
    <t>【石工泵】轴承箱\40DT-B20</t>
  </si>
  <si>
    <t>【石工泵】轴承箱\40DT-B35</t>
  </si>
  <si>
    <t>【石工泵】轴承箱\40DT-A30</t>
  </si>
  <si>
    <t>【石工泵】轴承箱\40DT-A40</t>
  </si>
  <si>
    <t>【石工泵】轴承箱\50DT-B40</t>
  </si>
  <si>
    <t>【石工泵】轴承箱\50DT-A30</t>
  </si>
  <si>
    <t>【石工泵】轴承箱\50DT-A50</t>
  </si>
  <si>
    <t>【石工泵】轴承箱\50DT-A45</t>
  </si>
  <si>
    <t>【石工泵】轴承箱\65DT-A40</t>
  </si>
  <si>
    <t>【石工泵】轴承箱\65DT-A30</t>
  </si>
  <si>
    <t>【石工泵】轴承箱\80DT-A36</t>
  </si>
  <si>
    <t>【石工泵】轴承箱\80DT-A30</t>
  </si>
  <si>
    <t>【石工泵】轴承箱\100DT-B40</t>
  </si>
  <si>
    <t>【石工泵】轴承箱\100DT-A35</t>
  </si>
  <si>
    <t>【石工泵】轴承箱\100DT-A30</t>
  </si>
  <si>
    <t>【石工泵】轴承箱\100DT-A45</t>
  </si>
  <si>
    <t>【石工泵】轴承箱\100DT-A60</t>
  </si>
  <si>
    <t>【石工泵】轴承箱\100DT-A50</t>
  </si>
  <si>
    <t>【石工泵】轴承箱\250DT-A45</t>
  </si>
  <si>
    <t>【石工泵】轴承箱\200DT-A60</t>
  </si>
  <si>
    <t>【石工泵】轴承箱\150DT-A40</t>
  </si>
  <si>
    <t>【石工泵】轴承箱\250DT-A75</t>
  </si>
  <si>
    <t>【石工泵】轴承箱\250DT-B45</t>
  </si>
  <si>
    <t>【石工泵】轴承箱\300DT-A70</t>
  </si>
  <si>
    <t>【石工泵】轴承箱\300DT-A60</t>
  </si>
  <si>
    <t>【石工泵】轴承箱\350DT-A78</t>
  </si>
  <si>
    <t>【石工泵】轴承箱\350DT-A51</t>
  </si>
  <si>
    <t>【石工泵】轴承体\80TL-A36</t>
  </si>
  <si>
    <t>【石工泵】轴承体\80TL-A45</t>
  </si>
  <si>
    <t>【石工泵】轴承体\65TL-A30</t>
  </si>
  <si>
    <t>【石工泵】轴承体\65TL-A40</t>
  </si>
  <si>
    <t>【石工泵】轴承体\50TL-B40</t>
  </si>
  <si>
    <t>【石工泵】轴承体\50TL-A45</t>
  </si>
  <si>
    <t>【石工泵】轴承体\40TL-A35</t>
  </si>
  <si>
    <t>【石工泵】轴承体\50TL-A35</t>
  </si>
  <si>
    <t>【石工泵】轴承体\40TL-A21</t>
  </si>
  <si>
    <t>【石工泵】轴承体\40TL-B25</t>
  </si>
  <si>
    <t>【石工泵】轴承体\150DT-A30</t>
  </si>
  <si>
    <t>【石工泵】轴承体\25TL-A15</t>
  </si>
  <si>
    <t>【石工泵】轴承体\150DT-B55</t>
  </si>
  <si>
    <t>【石工泵】轴承体\150DT-A50</t>
  </si>
  <si>
    <t>【石工泵】轴承体\200DT-B40</t>
  </si>
  <si>
    <t>【石工泵】轴承体\150DT-A60</t>
  </si>
  <si>
    <t>【石工泵】轴承体\250DT-A48</t>
  </si>
  <si>
    <t>【石工泵】轴承体\200DT-B45</t>
  </si>
  <si>
    <t>【石工泵】轴承体\300DT-A45</t>
  </si>
  <si>
    <t>【石工泵】轴承体\250DT-A52</t>
  </si>
  <si>
    <t>【石工泵】轴承体\350DT-A48</t>
  </si>
  <si>
    <t>【石工泵】轴承体\300DT-A50</t>
  </si>
  <si>
    <t>【石工泵】轴承体\350DT-A58</t>
  </si>
  <si>
    <t>【石工泵】轴承体\350DT-A52</t>
  </si>
  <si>
    <t>【石工泵】轴承体\350DT-A68</t>
  </si>
  <si>
    <t>【石工泵】轴承体\350DT-A65</t>
  </si>
  <si>
    <t>【石工泵】轴承体\450DT-A65</t>
  </si>
  <si>
    <t>【石工泵】轴承体\400DT-A65</t>
  </si>
  <si>
    <t>【石工泵】轴承体\500DT-A70</t>
  </si>
  <si>
    <t>【石工泵】轴承体\450DT-A70</t>
  </si>
  <si>
    <t>【石工泵】轴承体\500DT-A76</t>
  </si>
  <si>
    <t>【石工泵】轴承体\500DT-A75</t>
  </si>
  <si>
    <t>【石工泵】轴承体\550DT-A75</t>
  </si>
  <si>
    <t>【石工泵】轴承体\550DT-A70</t>
  </si>
  <si>
    <t>【石工泵】轴承体\650DT-B80</t>
  </si>
  <si>
    <t>【石工泵】轴承体\600DT-A82</t>
  </si>
  <si>
    <t>【石工泵】轴承体\700DT-A90</t>
  </si>
  <si>
    <t>【石工泵】轴承体\700DT-A83</t>
  </si>
  <si>
    <t>【石工泵】轴承体\800DT-A90</t>
  </si>
  <si>
    <t>【石工泵】轴承体\700DT-A93</t>
  </si>
  <si>
    <t>【石工泵】轴承体\800DT-A100</t>
  </si>
  <si>
    <t>【石工泵】轴承体\800DT-A93</t>
  </si>
  <si>
    <t>【石工泵】轴承体\900DT-F110</t>
  </si>
  <si>
    <t>【石工泵】轴承体\800DT-A105</t>
  </si>
  <si>
    <t>【石工泵】轴承挡圈\700DT-A83</t>
  </si>
  <si>
    <t>【石工泵】轴承挡圈\650DT-B80</t>
  </si>
  <si>
    <t>【石工泵】轴承挡圈\700DT-A93</t>
  </si>
  <si>
    <t>【石工泵】轴承挡圈\700DT-A90</t>
  </si>
  <si>
    <t>【石工泵】轴承挡圈\800DT-A90</t>
  </si>
  <si>
    <t>【石工泵】泵轴\65TL-A40</t>
  </si>
  <si>
    <t>【石工泵】泵轴\80TL-A36</t>
  </si>
  <si>
    <t>【石工泵】泵轴\80TL-A45</t>
  </si>
  <si>
    <t>【石工泵】泵轴\50TL-A45</t>
  </si>
  <si>
    <t>【石工泵】泵轴\65TL-A30</t>
  </si>
  <si>
    <t>【石工泵】泵轴\50TL-A35</t>
  </si>
  <si>
    <t>【石工泵】泵轴\50TL-B40</t>
  </si>
  <si>
    <t>【石工泵】泵轴\40TL-B25</t>
  </si>
  <si>
    <t>【石工泵】泵轴\40TL-A35</t>
  </si>
  <si>
    <t>【石工泵】泵轴\25DT-A15</t>
  </si>
  <si>
    <t>【石工泵】泵轴\25TL-A15</t>
  </si>
  <si>
    <t>【石工泵】泵轴\40TL-A21</t>
  </si>
  <si>
    <t>【石工泵】泵轴\40DT-A17</t>
  </si>
  <si>
    <t>【石工泵】泵轴\25DT-A25</t>
  </si>
  <si>
    <t>【石工泵】泵轴\40DT-B20</t>
  </si>
  <si>
    <t>【石工泵】泵轴\40DT-A19</t>
  </si>
  <si>
    <t>【石工泵】泵轴\40DT-A30</t>
  </si>
  <si>
    <t>【石工泵】泵轴\40DT-A25</t>
  </si>
  <si>
    <t>【石工泵】泵轴\40DT-A40</t>
  </si>
  <si>
    <t>【石工泵】泵轴\40DT-B35</t>
  </si>
  <si>
    <t>【石工泵】泵轴\50DT-B40</t>
  </si>
  <si>
    <t>【石工泵】泵轴\50DT-A30</t>
  </si>
  <si>
    <t>【石工泵】泵轴\50DT-A50</t>
  </si>
  <si>
    <t>【石工泵】泵轴\50DT-A45</t>
  </si>
  <si>
    <t>【石工泵】泵轴\65DT-A40</t>
  </si>
  <si>
    <t>【石工泵】泵轴\65DT-A30</t>
  </si>
  <si>
    <t>【石工泵】泵轴\100DT-A30</t>
  </si>
  <si>
    <t>【石工泵】泵轴\80DT-A36</t>
  </si>
  <si>
    <t>【石工泵】泵轴\80DT-A30</t>
  </si>
  <si>
    <t>【石工泵】泵轴\100DT-B40</t>
  </si>
  <si>
    <t>【石工泵】泵轴\100DT-A35</t>
  </si>
  <si>
    <t>【石工泵】泵轴\100DT-A50</t>
  </si>
  <si>
    <t>【石工泵】泵轴\100DT-A45</t>
  </si>
  <si>
    <t>【石工泵】泵轴\150DT-A30</t>
  </si>
  <si>
    <t>【石工泵】泵轴\100DT-A60</t>
  </si>
  <si>
    <t>【石工泵】泵轴\150DT-A50</t>
  </si>
  <si>
    <t>【石工泵】泵轴\150DT-A40</t>
  </si>
  <si>
    <t>【石工泵】泵轴\150DT-A60</t>
  </si>
  <si>
    <t>【石工泵】泵轴\150DT-B55</t>
  </si>
  <si>
    <t>【石工泵】泵轴\200DT-B45</t>
  </si>
  <si>
    <t>【石工泵】泵轴\200DT-B40</t>
  </si>
  <si>
    <t>【石工泵】泵轴\250DT-A45</t>
  </si>
  <si>
    <t>【石工泵】泵轴\200DT-A60</t>
  </si>
  <si>
    <t>【石工泵】泵轴\250DT-A48</t>
  </si>
  <si>
    <t>【石工泵】泵轴\250DT-B45</t>
  </si>
  <si>
    <t>【石工泵】泵轴\250DT-A75</t>
  </si>
  <si>
    <t>【石工泵】泵轴\250DT-A52</t>
  </si>
  <si>
    <t>【石工泵】泵轴\300DT-A60</t>
  </si>
  <si>
    <t>【石工泵】泵轴\300DT-A50</t>
  </si>
  <si>
    <t>【石工泵】泵轴\300DT-A45</t>
  </si>
  <si>
    <t>【石工泵】泵轴\350DT-A48</t>
  </si>
  <si>
    <t>【石工泵】泵轴\300DT-A70</t>
  </si>
  <si>
    <t>【石工泵】泵轴\350DT-A52</t>
  </si>
  <si>
    <t>【石工泵】泵轴\350DT-A51</t>
  </si>
  <si>
    <t>【石工泵】泵轴\350DT-A65</t>
  </si>
  <si>
    <t>【石工泵】泵轴\350DT-A58</t>
  </si>
  <si>
    <t>【石工泵】泵轴\350DT-A78</t>
  </si>
  <si>
    <t>【石工泵】泵轴\350DT-A68</t>
  </si>
  <si>
    <t>【石工泵】泵轴\450DT-A65</t>
  </si>
  <si>
    <t>【石工泵】泵轴\400DT-A65</t>
  </si>
  <si>
    <t>【石工泵】泵轴\500DT-A70</t>
  </si>
  <si>
    <t>【石工泵】泵轴\450DT-A70</t>
  </si>
  <si>
    <t>【石工泵】泵轴\500DT-A76</t>
  </si>
  <si>
    <t>【石工泵】泵轴\500DT-A75</t>
  </si>
  <si>
    <t>【石工泵】泵轴\550DT-A75</t>
  </si>
  <si>
    <t>【石工泵】泵轴\550DT-A70</t>
  </si>
  <si>
    <t>【石工泵】泵轴\650DT-B80</t>
  </si>
  <si>
    <t>【石工泵】泵轴\600DT-A82</t>
  </si>
  <si>
    <t>【石工泵】泵轴\700DT-A90</t>
  </si>
  <si>
    <t>【石工泵】泵轴\700DT-A83</t>
  </si>
  <si>
    <t>【石工泵】泵轴\800DT-A90</t>
  </si>
  <si>
    <t>【石工泵】泵轴\700DT-A93</t>
  </si>
  <si>
    <t>【石工泵】泵轴\800DT-A100</t>
  </si>
  <si>
    <t>【石工泵】泵轴\800DT-A93</t>
  </si>
  <si>
    <t>【石工泵】泵轴\800DT-A105</t>
  </si>
  <si>
    <t>【石工泵】泵叶轮\80TL-A45</t>
  </si>
  <si>
    <t>【石工泵】泵叶轮\65TL-A40</t>
  </si>
  <si>
    <t>【石工泵】泵叶轮\80TL-A36</t>
  </si>
  <si>
    <t>【石工泵】泵叶轮\50TL-A45</t>
  </si>
  <si>
    <t>【石工泵】泵叶轮\65TL-A30</t>
  </si>
  <si>
    <t>【石工泵】泵叶轮\50TL-A35</t>
  </si>
  <si>
    <t>【石工泵】泵叶轮\50TL-B40</t>
  </si>
  <si>
    <t>【石工泵】泵叶轮\40TL-B25</t>
  </si>
  <si>
    <t>【石工泵】泵叶轮\40TL-A35</t>
  </si>
  <si>
    <t>【石工泵】泵叶轮\25TL-A15</t>
  </si>
  <si>
    <t>【石工泵】泵叶轮\40TL-A21</t>
  </si>
  <si>
    <t>【石工泵】泵叶轮\25DT-A25</t>
  </si>
  <si>
    <t>【石工泵】泵叶轮\25DT-A15</t>
  </si>
  <si>
    <t>【石工泵】泵叶轮\40DT-A19</t>
  </si>
  <si>
    <t>【石工泵】泵叶轮\40DT-A17</t>
  </si>
  <si>
    <t>【石工泵】泵叶轮\40DT-A25</t>
  </si>
  <si>
    <t>【石工泵】泵叶轮\40DT-B20</t>
  </si>
  <si>
    <t>【石工泵】泵叶轮\40DT-B35</t>
  </si>
  <si>
    <t>【石工泵】泵叶轮\40DT-A30</t>
  </si>
  <si>
    <t>【石工泵】泵叶轮\50DT-A30</t>
  </si>
  <si>
    <t>【石工泵】泵叶轮\40DT-A40</t>
  </si>
  <si>
    <t>【石工泵】泵叶轮\50DT-A45</t>
  </si>
  <si>
    <t>【石工泵】泵叶轮\50DT-B40</t>
  </si>
  <si>
    <t>【石工泵】泵叶轮\65DT-A30</t>
  </si>
  <si>
    <t>【石工泵】泵叶轮\50DT-A50</t>
  </si>
  <si>
    <t>【石工泵】泵叶轮\65DT-A40</t>
  </si>
  <si>
    <t>【石工泵】泵叶轮\100DT-A30</t>
  </si>
  <si>
    <t>【石工泵】泵叶轮\80DT-A36</t>
  </si>
  <si>
    <t>【石工泵】泵叶轮\80DT-A30</t>
  </si>
  <si>
    <t>【石工泵】泵叶轮\100DT-B40</t>
  </si>
  <si>
    <t>【石工泵】泵叶轮\100DT-A35</t>
  </si>
  <si>
    <t>【石工泵】泵叶轮\100DT-A50</t>
  </si>
  <si>
    <t>【石工泵】泵叶轮\100DT-A45</t>
  </si>
  <si>
    <t>【石工泵】泵叶轮\150DT-A30</t>
  </si>
  <si>
    <t>【石工泵】泵叶轮\100DT-A60</t>
  </si>
  <si>
    <t>【石工泵】泵叶轮\150DT-A50</t>
  </si>
  <si>
    <t>【石工泵】泵叶轮\150DT-A40</t>
  </si>
  <si>
    <t>【石工泵】泵叶轮\150DT-A60</t>
  </si>
  <si>
    <t>【石工泵】泵叶轮\150DT-B55</t>
  </si>
  <si>
    <t>【石工泵】泵叶轮\200DT-B45</t>
  </si>
  <si>
    <t>【石工泵】泵叶轮\200DT-B40</t>
  </si>
  <si>
    <t>【石工泵】泵叶轮\200DT-A60</t>
  </si>
  <si>
    <t>【石工泵】泵叶轮\250DT-B45</t>
  </si>
  <si>
    <t>【石工泵】泵叶轮\250DT-A45</t>
  </si>
  <si>
    <t>【石工泵】泵叶轮\250DT-A52</t>
  </si>
  <si>
    <t>【石工泵】泵叶轮\250DT-A48</t>
  </si>
  <si>
    <t>【石工泵】泵叶轮\300DT-A45</t>
  </si>
  <si>
    <t>【石工泵】泵叶轮\250DT-A75</t>
  </si>
  <si>
    <t>【石工泵】泵叶轮\300DT-A60</t>
  </si>
  <si>
    <t>【石工泵】泵叶轮\300DT-A50</t>
  </si>
  <si>
    <t>【石工泵】泵叶轮\350DT-A48</t>
  </si>
  <si>
    <t>【石工泵】泵叶轮\300DT-A70</t>
  </si>
  <si>
    <t>【石工泵】泵叶轮\350DT-A52</t>
  </si>
  <si>
    <t>【石工泵】泵叶轮\350DT-A51</t>
  </si>
  <si>
    <t>【石工泵】泵叶轮\350DT-A65</t>
  </si>
  <si>
    <t>【石工泵】泵叶轮\350DT-A58</t>
  </si>
  <si>
    <t>【石工泵】泵叶轮\350DT-A78</t>
  </si>
  <si>
    <t>【石工泵】泵叶轮\350DT-A68</t>
  </si>
  <si>
    <t>【石工泵】泵叶轮\450DT-A65</t>
  </si>
  <si>
    <t>【石工泵】泵叶轮\400DT-A65</t>
  </si>
  <si>
    <t>【石工泵】泵叶轮\500DT-A70</t>
  </si>
  <si>
    <t>【石工泵】泵叶轮\450DT-A70</t>
  </si>
  <si>
    <t>【石工泵】泵叶轮\500DT-A76</t>
  </si>
  <si>
    <t>【石工泵】泵叶轮\500DT-A75</t>
  </si>
  <si>
    <t>【石工泵】泵叶轮\550DT-A75</t>
  </si>
  <si>
    <t>【石工泵】泵叶轮\550DT-A70</t>
  </si>
  <si>
    <t>【石工泵】泵叶轮\650DT-B80</t>
  </si>
  <si>
    <t>【石工泵】泵叶轮\600DT-A82</t>
  </si>
  <si>
    <t>【石工泵】泵叶轮\700DT-A90</t>
  </si>
  <si>
    <t>【石工泵】泵叶轮\700DT-A83</t>
  </si>
  <si>
    <t>【石工泵】泵叶轮\800DT-A90</t>
  </si>
  <si>
    <t>【石工泵】泵叶轮\700DT-A93</t>
  </si>
  <si>
    <t>【石工泵】泵叶轮\800DT-A100</t>
  </si>
  <si>
    <t>【石工泵】泵叶轮\800DT-A93</t>
  </si>
  <si>
    <t>【石工泵】泵叶轮\900DT-F110</t>
  </si>
  <si>
    <t>【石工泵】泵叶轮\800DT-A105</t>
  </si>
  <si>
    <t>【石工泵】蜗壳\80TL-A45</t>
  </si>
  <si>
    <t>【石工泵】蜗壳\65TL-A40</t>
  </si>
  <si>
    <t>【石工泵】蜗壳\80TL-A36</t>
  </si>
  <si>
    <t>【石工泵】蜗壳\50TL-A45</t>
  </si>
  <si>
    <t>【石工泵】蜗壳\65TL-A30</t>
  </si>
  <si>
    <t>【石工泵】蜗壳\50TL-A35</t>
  </si>
  <si>
    <t>【石工泵】蜗壳\50TL-B40</t>
  </si>
  <si>
    <t>【石工泵】蜗壳\40TL-A21</t>
  </si>
  <si>
    <t>【石工泵】蜗壳\40TL-B25</t>
  </si>
  <si>
    <t>【石工泵】蜗壳\40TL-A35</t>
  </si>
  <si>
    <t>【石工泵】蜗壳\25DT-A15</t>
  </si>
  <si>
    <t>【石工泵】蜗壳\25TL-A15</t>
  </si>
  <si>
    <t>【石工泵】蜗壳\40DT-A19</t>
  </si>
  <si>
    <t>【石工泵】蜗壳\40DT-A17</t>
  </si>
  <si>
    <t>【石工泵】蜗壳\25DT-A25</t>
  </si>
  <si>
    <t>【石工泵】蜗壳\40DT-A25</t>
  </si>
  <si>
    <t>【石工泵】蜗壳\40DT-B20</t>
  </si>
  <si>
    <t>【石工泵】蜗壳\40DT-B35</t>
  </si>
  <si>
    <t>【石工泵】蜗壳\40DT-A30</t>
  </si>
  <si>
    <t>【石工泵】蜗壳\50DT-A30</t>
  </si>
  <si>
    <t>【石工泵】蜗壳\40DT-A40</t>
  </si>
  <si>
    <t>【石工泵】蜗壳\50DT-A50</t>
  </si>
  <si>
    <t>【石工泵】蜗壳\50DT-A45</t>
  </si>
  <si>
    <t>【石工泵】蜗壳\50DT-B40</t>
  </si>
  <si>
    <t>【石工泵】蜗壳\65DT-A40</t>
  </si>
  <si>
    <t>【石工泵】蜗壳\65DT-A30</t>
  </si>
  <si>
    <t>【石工泵】蜗壳\80DT-A36</t>
  </si>
  <si>
    <t>【石工泵】蜗壳\80DT-A30</t>
  </si>
  <si>
    <t>【石工泵】蜗壳\100DT-A35</t>
  </si>
  <si>
    <t>【石工泵】蜗壳\100DT-A30</t>
  </si>
  <si>
    <t>【石工泵】蜗壳\100DT-A50</t>
  </si>
  <si>
    <t>【石工泵】蜗壳\100DT-A45</t>
  </si>
  <si>
    <t>【石工泵】蜗壳\100DT-B40</t>
  </si>
  <si>
    <t>【石工泵】蜗壳\150DT-A30</t>
  </si>
  <si>
    <t>【石工泵】蜗壳\100DT-A60</t>
  </si>
  <si>
    <t>【石工泵】蜗壳\150DT-A50</t>
  </si>
  <si>
    <t>【石工泵】蜗壳\150DT-A40</t>
  </si>
  <si>
    <t>【石工泵】蜗壳\150DT-A60</t>
  </si>
  <si>
    <t>【石工泵】蜗壳\150DT-B55</t>
  </si>
  <si>
    <t>【石工泵】蜗壳\200DT-A60</t>
  </si>
  <si>
    <t>【石工泵】蜗壳\200DT-B45</t>
  </si>
  <si>
    <t>【石工泵】蜗壳\200DT-B40</t>
  </si>
  <si>
    <t>【石工泵】蜗壳\250DT-B45</t>
  </si>
  <si>
    <t>【石工泵】蜗壳\250DT-A45</t>
  </si>
  <si>
    <t>【石工泵】蜗壳\250DT-A52</t>
  </si>
  <si>
    <t>【石工泵】蜗壳\250DT-A48</t>
  </si>
  <si>
    <t>【石工泵】蜗壳\300DT-A45</t>
  </si>
  <si>
    <t>【石工泵】蜗壳\250DT-A75</t>
  </si>
  <si>
    <t>【石工泵】蜗壳\300DT-A60</t>
  </si>
  <si>
    <t>【石工泵】蜗壳\300DT-A50</t>
  </si>
  <si>
    <t>【石工泵】蜗壳\350DT-A51</t>
  </si>
  <si>
    <t>【石工泵】蜗壳\350DT-A48</t>
  </si>
  <si>
    <t>【石工泵】蜗壳\300DT-A70</t>
  </si>
  <si>
    <t>【石工泵】蜗壳\350DT-A58</t>
  </si>
  <si>
    <t>【石工泵】蜗壳\350DT-A52</t>
  </si>
  <si>
    <t>【石工泵】蜗壳\350DT-A68</t>
  </si>
  <si>
    <t>【石工泵】蜗壳\350DT-A65</t>
  </si>
  <si>
    <t>【石工泵】蜗壳\400DT-A65</t>
  </si>
  <si>
    <t>【石工泵】蜗壳\350DT-A78</t>
  </si>
  <si>
    <t>【石工泵】蜗壳\500DT-A70</t>
  </si>
  <si>
    <t>【石工泵】蜗壳\450DT-A70</t>
  </si>
  <si>
    <t>【石工泵】蜗壳\450DT-A65</t>
  </si>
  <si>
    <t>【石工泵】蜗壳\500DT-A76</t>
  </si>
  <si>
    <t>【石工泵】蜗壳\500DT-A75</t>
  </si>
  <si>
    <t>【石工泵】蜗壳\550DT-A75</t>
  </si>
  <si>
    <t>【石工泵】蜗壳\550DT-A70</t>
  </si>
  <si>
    <t>【石工泵】蜗壳\700DT-A83</t>
  </si>
  <si>
    <t>【石工泵】蜗壳\650DT-B80</t>
  </si>
  <si>
    <t>【石工泵】蜗壳\600DT-A82</t>
  </si>
  <si>
    <t>【石工泵】蜗壳\700DT-A93</t>
  </si>
  <si>
    <t>【石工泵】蜗壳\700DT-A90</t>
  </si>
  <si>
    <t>【石工泵】蜗壳\800DT-A93</t>
  </si>
  <si>
    <t>【石工泵】蜗壳\800DT-A90</t>
  </si>
  <si>
    <t>【石工泵】蜗壳\800DT-A105</t>
  </si>
  <si>
    <t>【石工泵】蜗壳\800DT-A100</t>
  </si>
  <si>
    <t>【石工泵】蜗壳\900DT-F110</t>
  </si>
  <si>
    <t>【石工泵】尾盖\50DT-A45</t>
  </si>
  <si>
    <t>【石工泵】尾盖\50DT-B40</t>
  </si>
  <si>
    <t>【石工泵】尾盖\25DT-A25</t>
  </si>
  <si>
    <t>【石工泵】尾盖\40DT-B35</t>
  </si>
  <si>
    <t>【石工泵】尾盖\40DT-A30</t>
  </si>
  <si>
    <t>【石工泵】尾盖\40DT-A25</t>
  </si>
  <si>
    <t>【石工泵】尾盖\50DT-A30</t>
  </si>
  <si>
    <t>【石工泵】尾盖\40DT-A40</t>
  </si>
  <si>
    <t>【石工泵】尾盖\65DT-A30</t>
  </si>
  <si>
    <t>【石工泵】尾盖\50DT-A50</t>
  </si>
  <si>
    <t>【石工泵】尾盖\80DT-A36</t>
  </si>
  <si>
    <t>【石工泵】尾盖\65DT-A40</t>
  </si>
  <si>
    <t>【石工泵】尾盖\100DT-A35</t>
  </si>
  <si>
    <t>【石工泵】尾盖\100DT-A30</t>
  </si>
  <si>
    <t>【石工泵】尾盖\100DT-A45</t>
  </si>
  <si>
    <t>【石工泵】尾盖\100DT-B40</t>
  </si>
  <si>
    <t>【石工泵】尾盖\150DT-A40</t>
  </si>
  <si>
    <t>【石工泵】尾盖\100DT-A50</t>
  </si>
  <si>
    <t>【石工泵】尾盖\250DT-A45</t>
  </si>
  <si>
    <t>【石工泵】尾盖\200DT-A60</t>
  </si>
  <si>
    <t>【石工泵】尾盖\250DT-A75</t>
  </si>
  <si>
    <t>【石工泵】尾盖\250DT-B45</t>
  </si>
  <si>
    <t>【石工泵】尾盖\300DT-A60</t>
  </si>
  <si>
    <t>【石工泵】尾盖\350DT-A51</t>
  </si>
  <si>
    <t>【石工泵】尾盖\300DT-A70</t>
  </si>
  <si>
    <t>【石工泵】通气塞\40DT-A17</t>
  </si>
  <si>
    <t>【石工泵】填料箱\40DT-A17</t>
  </si>
  <si>
    <t>【石工泵】填料箱\25DT-A15</t>
  </si>
  <si>
    <t>【石工泵】填料箱\40DT-B20</t>
  </si>
  <si>
    <t>【石工泵】填料箱\40DT-A19</t>
  </si>
  <si>
    <t>【石工泵】填料箱\50DT-A30</t>
  </si>
  <si>
    <t>【石工泵】填料箱\40DT-A25</t>
  </si>
  <si>
    <t>【石工泵】填料箱\65DT-A30</t>
  </si>
  <si>
    <t>【石工泵】填料箱\50DT-A50</t>
  </si>
  <si>
    <t>【石工泵】填料箱\50DT-B40</t>
  </si>
  <si>
    <t>【石工泵】填料箱\80DT-A30</t>
  </si>
  <si>
    <t>【石工泵】填料箱\65DT-A40</t>
  </si>
  <si>
    <t>【石工泵】填料箱\100DT-A35</t>
  </si>
  <si>
    <t>【石工泵】填料箱\80DT-A36</t>
  </si>
  <si>
    <t>【石工泵】填料箱\100DT-A50</t>
  </si>
  <si>
    <t>【石工泵】填料箱\100DT-B40</t>
  </si>
  <si>
    <t>【石工泵】填料箱\150DT-A40</t>
  </si>
  <si>
    <t>【石工泵】填料箱\100DT-A60</t>
  </si>
  <si>
    <t>【石工泵】填料箱\150DT-B55</t>
  </si>
  <si>
    <t>【石工泵】填料箱\150DT-A50</t>
  </si>
  <si>
    <t>【石工泵】填料箱\200DT-B40</t>
  </si>
  <si>
    <t>【石工泵】填料箱\150DT-A60</t>
  </si>
  <si>
    <t>【石工泵】填料箱\250DT-A45</t>
  </si>
  <si>
    <t>【石工泵】填料箱\200DT-B45</t>
  </si>
  <si>
    <t>【石工泵】填料箱\250DT-A75</t>
  </si>
  <si>
    <t>【石工泵】填料箱\250DT-B45</t>
  </si>
  <si>
    <t>【石工泵】填料箱\350DT-A51</t>
  </si>
  <si>
    <t>【石工泵】填料箱\350DT-A78</t>
  </si>
  <si>
    <t>【石工泵】填料箱\300DT-A60</t>
  </si>
  <si>
    <t>【石工泵】泵入口短管\50DT-A45</t>
  </si>
  <si>
    <t>【石工泵】泵入口短管\50DT-A30</t>
  </si>
  <si>
    <t>【石工泵】泵入口短管\65DT-A30</t>
  </si>
  <si>
    <t>【石工泵】泵入口短管\50DT-A50</t>
  </si>
  <si>
    <t>【石工泵】泵入口短管\80DT-A30</t>
  </si>
  <si>
    <t>【石工泵】泵入口短管\65DT-A40</t>
  </si>
  <si>
    <t>【石工泵】泵入口短管\100DT-A30</t>
  </si>
  <si>
    <t>【石工泵】泵入口短管\80DT-A36</t>
  </si>
  <si>
    <t>【石工泵】泵入口短管\100DT-B40</t>
  </si>
  <si>
    <t>【石工泵】泵入口短管\100DT-A35</t>
  </si>
  <si>
    <t>【石工泵】泵入口短管\100DT-A60</t>
  </si>
  <si>
    <t>【石工泵】泵入口短管\100DT-A50</t>
  </si>
  <si>
    <t>【石工泵】泵入口短管\150DT-A50</t>
  </si>
  <si>
    <t>【石工泵】泵入口短管\150DT-A40</t>
  </si>
  <si>
    <t>【石工泵】泵入口短管\150DT-A60</t>
  </si>
  <si>
    <t>【石工泵】泵入口短管\150DT-B55</t>
  </si>
  <si>
    <t>【石工泵】泵入口短管\250DT-A52</t>
  </si>
  <si>
    <t>【石工泵】泵入口短管\250DT-A48</t>
  </si>
  <si>
    <t>【石工泵】泵入口短管\300DT-A45</t>
  </si>
  <si>
    <t>【石工泵】泵入口短管\250DT-A75</t>
  </si>
  <si>
    <t>【石工泵】泵入口短管\300DT-A60</t>
  </si>
  <si>
    <t>【石工泵】泵入口短管\300DT-A50</t>
  </si>
  <si>
    <t>【石工泵】泵入口短管\350DT-A65</t>
  </si>
  <si>
    <t>【石工泵】泵入口短管\350DT-A58</t>
  </si>
  <si>
    <t>【石工泵】泵入口短管\400DT-A65</t>
  </si>
  <si>
    <t>【石工泵】泵入口短管\350DT-A68</t>
  </si>
  <si>
    <t>【石工泵】泵入口短管\600DT-A82</t>
  </si>
  <si>
    <t>【石工泵】泵入口短管\500DT-A76</t>
  </si>
  <si>
    <t>【石工泵】泵入口短管\700DT-A90</t>
  </si>
  <si>
    <t>【石工泵】泵入口短管\700DT-A83</t>
  </si>
  <si>
    <t>【石工泵】泵入口短管\800DT-A90</t>
  </si>
  <si>
    <t>【石工泵】前轴承挡套\450DT-A70</t>
  </si>
  <si>
    <t>【石工泵】前轴承挡套\450DT-A65</t>
  </si>
  <si>
    <t>【石工泵】前轴承挡套\700DT-A93</t>
  </si>
  <si>
    <t>【石工泵】前轴承挡套\650DT-B80</t>
  </si>
  <si>
    <t>【石工泵】前压盖\350DT-A68</t>
  </si>
  <si>
    <t>【石工泵】前压盖\450DT-A65</t>
  </si>
  <si>
    <t>【石工泵】前压盖\400DT-A65</t>
  </si>
  <si>
    <t>【石工泵】前压盖\500DT-A75</t>
  </si>
  <si>
    <t>【石工泵】前压盖\450DT-A70</t>
  </si>
  <si>
    <t>【石工泵】前压盖\550DT-A75</t>
  </si>
  <si>
    <t>【石工泵】前压盖\550DT-A70</t>
  </si>
  <si>
    <t>【石工泵】前压盖\500DT-A76</t>
  </si>
  <si>
    <t>【石工泵】前压板\250DT-A48</t>
  </si>
  <si>
    <t>【石工泵】前压板\300DT-A45</t>
  </si>
  <si>
    <t>【石工泵】前压板\250DT-A52</t>
  </si>
  <si>
    <t>【石工泵】前压板\350DT-A48</t>
  </si>
  <si>
    <t>【石工泵】前压板\300DT-A50</t>
  </si>
  <si>
    <t>【石工泵】前压板\350DT-A52</t>
  </si>
  <si>
    <t>【石工泵】前压板\350DT-A51</t>
  </si>
  <si>
    <t>【石工泵】前压板\350DT-A65</t>
  </si>
  <si>
    <t>【石工泵】前压板\350DT-A58</t>
  </si>
  <si>
    <t>【石工泵】前压板\600DT-A82</t>
  </si>
  <si>
    <t>【石工泵】前压板\500DT-A70</t>
  </si>
  <si>
    <t>【石工泵】前压板\700DT-A83</t>
  </si>
  <si>
    <t>【石工泵】前压板\650DT-B80</t>
  </si>
  <si>
    <t>【石工泵】前压板\700DT-A93</t>
  </si>
  <si>
    <t>【石工泵】前压板\700DT-A90</t>
  </si>
  <si>
    <t>【石工泵】前压板\800DT-A90</t>
  </si>
  <si>
    <t>【石工泵】前压板\800DT-A100</t>
  </si>
  <si>
    <t>【石工泵】前压板\800DT-A93</t>
  </si>
  <si>
    <t>【石工泵】前压板\900DT-F110</t>
  </si>
  <si>
    <t>【石工泵】前压板\800DT-A105</t>
  </si>
  <si>
    <t>【石工泵】前护板\350DT-A52</t>
  </si>
  <si>
    <t>【石工泵】前护板\350DT-A48</t>
  </si>
  <si>
    <t>【石工泵】前护板\450DT-A70</t>
  </si>
  <si>
    <t>【石工泵】前护板\450DT-A65</t>
  </si>
  <si>
    <t>【石工泵】前护板\550DT-A75</t>
  </si>
  <si>
    <t>【石工泵】前护板\550DT-A70</t>
  </si>
  <si>
    <t>【石工泵】前护板\500DT-A75</t>
  </si>
  <si>
    <t>【石工泵】前护板\700DT-A93</t>
  </si>
  <si>
    <t>【石工泵】前护板\650DT-B80</t>
  </si>
  <si>
    <t>【石工泵】前护板\800DT-A100</t>
  </si>
  <si>
    <t>【石工泵】前护板\800DT-A93</t>
  </si>
  <si>
    <t>【石工泵】前护板\800DT-A105</t>
  </si>
  <si>
    <t>【石工泵】前档油盘\800DT-A105</t>
  </si>
  <si>
    <t>【石工泵】前挡油盘\800DT-A93</t>
  </si>
  <si>
    <t>【石工泵】前挡套\150DT-A30</t>
  </si>
  <si>
    <t>【石工泵】前挡水套\100DT-A30</t>
  </si>
  <si>
    <t>【石工泵】前挡水套\200DT-B40</t>
  </si>
  <si>
    <t>【石工泵】前挡水套\50DT-A45</t>
  </si>
  <si>
    <t>【石工泵】前挡水套\50DT-B40</t>
  </si>
  <si>
    <t>【石工泵】前挡水套\80DT-A30</t>
  </si>
  <si>
    <t>【石工泵】前挡水套\65DT-A40</t>
  </si>
  <si>
    <t>【石工泵】前挡水套\50DT-A50</t>
  </si>
  <si>
    <t>【石工泵】前挡水套\100DT-A35</t>
  </si>
  <si>
    <t>【石工泵】前挡水套\80DT-A36</t>
  </si>
  <si>
    <t>【石工泵】前挡水套\100DT-A45</t>
  </si>
  <si>
    <t>【石工泵】前挡水套\100DT-B40</t>
  </si>
  <si>
    <t>【石工泵】前挡水套\100DT-A60</t>
  </si>
  <si>
    <t>【石工泵】前挡水套\100DT-A50</t>
  </si>
  <si>
    <t>【石工泵】前挡水套\150DT-A50</t>
  </si>
  <si>
    <t>【石工泵】前挡水套\150DT-A40</t>
  </si>
  <si>
    <t>【石工泵】前挡水套\150DT-A60</t>
  </si>
  <si>
    <t>【石工泵】前挡水套\150DT-B55</t>
  </si>
  <si>
    <t>【石工泵】前挡水套\200DT-A60</t>
  </si>
  <si>
    <t>【石工泵】前挡水套\200DT-B45</t>
  </si>
  <si>
    <t>【石工泵】前挡水套\250DT-B45</t>
  </si>
  <si>
    <t>【石工泵】前挡水套\250DT-A45</t>
  </si>
  <si>
    <t>【石工泵】前挡水套\300DT-A60</t>
  </si>
  <si>
    <t>【石工泵】前挡水套\250DT-A75</t>
  </si>
  <si>
    <t>【石工泵】前挡水套\350DT-A51</t>
  </si>
  <si>
    <t>【石工泵】前挡水套\300DT-A70</t>
  </si>
  <si>
    <t>【石工泵】前挡水套\350DT-A78</t>
  </si>
  <si>
    <t>【石工泵】前挡水盘\350DT-A48</t>
  </si>
  <si>
    <t>【石工泵】前挡水盘\350DT-A52</t>
  </si>
  <si>
    <t>【石工泵】前挡水盘\250DT-A52</t>
  </si>
  <si>
    <t>【石工泵】前挡水盘\350DT-A58</t>
  </si>
  <si>
    <t>【石工泵】前挡水盘\300DT-A50</t>
  </si>
  <si>
    <t>【石工泵】前挡水盘\300DT-A45</t>
  </si>
  <si>
    <t>【石工泵】前挡水盘\350DT-A65</t>
  </si>
  <si>
    <t>【石工泵】前挡水盘\400DT-A65</t>
  </si>
  <si>
    <t>【石工泵】前挡水盘\350DT-A68</t>
  </si>
  <si>
    <t>【石工泵】前挡水盘\450DT-A70</t>
  </si>
  <si>
    <t>【石工泵】前挡水盘\450DT-A65</t>
  </si>
  <si>
    <t>【石工泵】前挡水盘\500DT-A75</t>
  </si>
  <si>
    <t>【石工泵】前挡水盘\500DT-A70</t>
  </si>
  <si>
    <t>【石工泵】前挡水盘\550DT-A70</t>
  </si>
  <si>
    <t>【石工泵】前挡水盘\500DT-A76</t>
  </si>
  <si>
    <t>【石工泵】前挡水盘\600DT-A82</t>
  </si>
  <si>
    <t>【石工泵】前挡水盘\550DT-A75</t>
  </si>
  <si>
    <t>【石工泵】前挡水盘\700DT-A83</t>
  </si>
  <si>
    <t>【石工泵】前挡水盘\650DT-B80</t>
  </si>
  <si>
    <t>【石工泵】前挡水盘\700DT-A93</t>
  </si>
  <si>
    <t>【石工泵】前挡水盘\700DT-A90</t>
  </si>
  <si>
    <t>【石工泵】前挡水盘\800DT-A93</t>
  </si>
  <si>
    <t>【石工泵】前挡水盘\800DT-A90</t>
  </si>
  <si>
    <t>【石工泵】前挡水盘\800DT-A105</t>
  </si>
  <si>
    <t>【石工泵】前挡水盘\800DT-A100</t>
  </si>
  <si>
    <t>【石工泵】前挡水板\50DT-B40</t>
  </si>
  <si>
    <t>【石工泵】前挡水板\65DT-A40</t>
  </si>
  <si>
    <t>【石工泵】前挡水板\50DT-A50</t>
  </si>
  <si>
    <t>【石工泵】前挡水板\50DT-A45</t>
  </si>
  <si>
    <t>【石工泵】前挡水板\80DT-A36</t>
  </si>
  <si>
    <t>【石工泵】前挡水板\80DT-A30</t>
  </si>
  <si>
    <t>【石工泵】前挡水板\100DT-A35</t>
  </si>
  <si>
    <t>【石工泵】前挡水板\100DT-A30</t>
  </si>
  <si>
    <t>【石工泵】前挡水板\100DT-A45</t>
  </si>
  <si>
    <t>【石工泵】前挡水板\100DT-B40</t>
  </si>
  <si>
    <t>【石工泵】前挡水板\100DT-A60</t>
  </si>
  <si>
    <t>【石工泵】前挡水板\100DT-A50</t>
  </si>
  <si>
    <t>【石工泵】前挡水板\150DT-A50</t>
  </si>
  <si>
    <t>【石工泵】前挡水板\150DT-A40</t>
  </si>
  <si>
    <t>【石工泵】前挡水板\150DT-A60</t>
  </si>
  <si>
    <t>【石工泵】前挡水板\150DT-B55</t>
  </si>
  <si>
    <t>【石工泵】前挡水板\200DT-B45</t>
  </si>
  <si>
    <t>【石工泵】前挡水板\200DT-B40</t>
  </si>
  <si>
    <t>【石工泵】前挡水板\250DT-A45</t>
  </si>
  <si>
    <t>【石工泵】前挡水板\200DT-A60</t>
  </si>
  <si>
    <t>【石工泵】前挡水板\250DT-A75</t>
  </si>
  <si>
    <t>【石工泵】前挡水板\250DT-B45</t>
  </si>
  <si>
    <t>【石工泵】前挡水板\300DT-A70</t>
  </si>
  <si>
    <t>【石工泵】前挡水板\300DT-A60</t>
  </si>
  <si>
    <t>【石工泵】前挡水板\350DT-A78</t>
  </si>
  <si>
    <t>【石工泵】前挡水板\350DT-A51</t>
  </si>
  <si>
    <t>【石工泵】联轴器\40TL-B25</t>
  </si>
  <si>
    <t>【石工泵】冷却器\250DT-A45</t>
  </si>
  <si>
    <t>【石工泵】冷却器\300DT-A60</t>
  </si>
  <si>
    <t>【石工泵】冷却器\250DT-A75</t>
  </si>
  <si>
    <t>【石工泵】冷却器\350DT-A78</t>
  </si>
  <si>
    <t>【石工泵】卡环\300DT-A60</t>
  </si>
  <si>
    <t>【石工泵】泵进口短管\350DT-A51</t>
  </si>
  <si>
    <t>【石工泵】泵进口短管\900DT-F110</t>
  </si>
  <si>
    <t>【石工泵】泵进口短管\500DT-A70</t>
  </si>
  <si>
    <t>【石工泵】间隔套\250DT-A75</t>
  </si>
  <si>
    <t>【石工泵】间隔套\50DT-A45</t>
  </si>
  <si>
    <t>【石工泵】间隔套\50DT-A30</t>
  </si>
  <si>
    <t>【石工泵】间隔套\65DT-A30</t>
  </si>
  <si>
    <t>【石工泵】间隔套\50DT-A50</t>
  </si>
  <si>
    <t>【石工泵】间隔套\80DT-A36</t>
  </si>
  <si>
    <t>【石工泵】间隔套\65DT-A40</t>
  </si>
  <si>
    <t>【石工泵】间隔套\100DT-B40</t>
  </si>
  <si>
    <t>【石工泵】间隔套\100DT-A35</t>
  </si>
  <si>
    <t>【石工泵】间隔套\150DT-A40</t>
  </si>
  <si>
    <t>【石工泵】间隔套\100DT-A50</t>
  </si>
  <si>
    <t>【石工泵】间隔套\200DT-B40</t>
  </si>
  <si>
    <t>【石工泵】间隔套\300DT-A60</t>
  </si>
  <si>
    <t>【石工泵】间隔套\200DT-B45</t>
  </si>
  <si>
    <t>【石工泵】后护板\25DT-A15</t>
  </si>
  <si>
    <t>【石工泵】后护板\40DT-A17</t>
  </si>
  <si>
    <t>【石工泵】后护板\25DT-A25</t>
  </si>
  <si>
    <t>【石工泵】后护板\350DT-A65</t>
  </si>
  <si>
    <t>【石工泵】后护板\350DT-A58</t>
  </si>
  <si>
    <t>【石工泵】后护板\350DT-A78</t>
  </si>
  <si>
    <t>【石工泵】后护板\350DT-A68</t>
  </si>
  <si>
    <t>【石工泵】后护板\800DT-A90</t>
  </si>
  <si>
    <t>【石工泵】后护板\400DT-A65</t>
  </si>
  <si>
    <t>【石工泵】后护板\800DT-A100</t>
  </si>
  <si>
    <t>【石工泵】后护板\800DT-A93</t>
  </si>
  <si>
    <t>【石工泵】后护板\900DT-F110</t>
  </si>
  <si>
    <t>【石工泵】后护板\800DT-A105</t>
  </si>
  <si>
    <t>【石工泵】后护板\700DT-A90</t>
  </si>
  <si>
    <t>【石工泵】后护板\700DT-A83</t>
  </si>
  <si>
    <t>【石工泵】后护板\40DT-B20</t>
  </si>
  <si>
    <t>【石工泵】后护板\40DT-A19</t>
  </si>
  <si>
    <t>【石工泵】后护板\50DT-A30</t>
  </si>
  <si>
    <t>【石工泵】后护板\40DT-A25</t>
  </si>
  <si>
    <t>【石工泵】后护板\50DT-A45</t>
  </si>
  <si>
    <t>【石工泵】后护板\50DT-B40</t>
  </si>
  <si>
    <t>【石工泵】后护板\65DT-A30</t>
  </si>
  <si>
    <t>【石工泵】后护板\50DT-A50</t>
  </si>
  <si>
    <t>【石工泵】后护板\80DT-A30</t>
  </si>
  <si>
    <t>【石工泵】后护板\65DT-A40</t>
  </si>
  <si>
    <t>【石工泵】后护板\100DT-A30</t>
  </si>
  <si>
    <t>【石工泵】后护板\80DT-A36</t>
  </si>
  <si>
    <t>【石工泵】后护板\100DT-B40</t>
  </si>
  <si>
    <t>【石工泵】后护板\100DT-A35</t>
  </si>
  <si>
    <t>【石工泵】后护板\100DT-A60</t>
  </si>
  <si>
    <t>【石工泵】后护板\100DT-A50</t>
  </si>
  <si>
    <t>【石工泵】后护板\150DT-A50</t>
  </si>
  <si>
    <t>【石工泵】后护板\150DT-A40</t>
  </si>
  <si>
    <t>【石工泵】后护板\150DT-A60</t>
  </si>
  <si>
    <t>【石工泵】后护板\150DT-B55</t>
  </si>
  <si>
    <t>【石工泵】后护板\200DT-B45</t>
  </si>
  <si>
    <t>【石工泵】后护板\200DT-B40</t>
  </si>
  <si>
    <t>【石工泵】后护板\250DT-A45</t>
  </si>
  <si>
    <t>【石工泵】后护板\300DT-A60</t>
  </si>
  <si>
    <t>【石工泵】后护板\250DT-B45</t>
  </si>
  <si>
    <t>【石工泵】后护板\600DT-A82</t>
  </si>
  <si>
    <t>【石工泵】后护板\80TL-A45</t>
  </si>
  <si>
    <t>【石工泵】后护板\65TL-A40</t>
  </si>
  <si>
    <t>【石工泵】后护板\80TL-A36</t>
  </si>
  <si>
    <t>【石工泵】后护板\50TL-A45</t>
  </si>
  <si>
    <t>【石工泵】后护板\65TL-A30</t>
  </si>
  <si>
    <t>【石工泵】后护板\50TL-A35</t>
  </si>
  <si>
    <t>【石工泵】后护板\50TL-B40</t>
  </si>
  <si>
    <t>【石工泵】后护板\40TL-B25</t>
  </si>
  <si>
    <t>【石工泵】后护板\40TL-A35</t>
  </si>
  <si>
    <t>【石工泵】后护板\25TL-A15</t>
  </si>
  <si>
    <t>【石工泵】后护板\40TL-A21</t>
  </si>
  <si>
    <t>【石工泵】后护板\40DT-B35</t>
  </si>
  <si>
    <t>【石工泵】后护板\40DT-A30</t>
  </si>
  <si>
    <t>【石工泵】后护板\150DT-A30</t>
  </si>
  <si>
    <t>【石工泵】后护板\40DT-A40</t>
  </si>
  <si>
    <t>【石工泵】后护板\250DT-A48</t>
  </si>
  <si>
    <t>【石工泵】后护板\200DT-A60</t>
  </si>
  <si>
    <t>【石工泵】后护板\250DT-A75</t>
  </si>
  <si>
    <t>【石工泵】后护板\250DT-A52</t>
  </si>
  <si>
    <t>【石工泵】后护板\300DT-A50</t>
  </si>
  <si>
    <t>【石工泵】后护板\300DT-A45</t>
  </si>
  <si>
    <t>【石工泵】后护板\350DT-A48</t>
  </si>
  <si>
    <t>【石工泵】后护板\300DT-A70</t>
  </si>
  <si>
    <t>【石工泵】后护板\350DT-A52</t>
  </si>
  <si>
    <t>【石工泵】后护板\350DT-A51</t>
  </si>
  <si>
    <t>【石工泵】后护板\450DT-A70</t>
  </si>
  <si>
    <t>【石工泵】后护板\450DT-A65</t>
  </si>
  <si>
    <t>【石工泵】后护板\500DT-A75</t>
  </si>
  <si>
    <t>【石工泵】后护板\500DT-A70</t>
  </si>
  <si>
    <t>【石工泵】后护板\550DT-A70</t>
  </si>
  <si>
    <t>【石工泵】后护板\500DT-A76</t>
  </si>
  <si>
    <t>【石工泵】后护板\650DT-B80</t>
  </si>
  <si>
    <t>【石工泵】后护板\550DT-A75</t>
  </si>
  <si>
    <t>【石工泵】后护板\700DT-A93</t>
  </si>
  <si>
    <t>【石工泵】后挡油盘\800DT-A93</t>
  </si>
  <si>
    <t>【石工泵】后挡油盘\800DT-A105</t>
  </si>
  <si>
    <t>【石工泵】后挡套\150DT-A30</t>
  </si>
  <si>
    <t>【石工泵】后挡水套\200DT-B40</t>
  </si>
  <si>
    <t>【石工泵】后挡水套\100DT-A30</t>
  </si>
  <si>
    <t>【石工泵】后挡水套\50DT-B40</t>
  </si>
  <si>
    <t>【石工泵】后挡水套\50DT-A50</t>
  </si>
  <si>
    <t>【石工泵】后挡水套\50DT-A45</t>
  </si>
  <si>
    <t>【石工泵】后挡水套\80DT-A30</t>
  </si>
  <si>
    <t>【石工泵】后挡水套\65DT-A40</t>
  </si>
  <si>
    <t>【石工泵】后挡水套\80DT-A36</t>
  </si>
  <si>
    <t>【石工泵】后挡水套\100DT-B40</t>
  </si>
  <si>
    <t>【石工泵】后挡水套\100DT-A35</t>
  </si>
  <si>
    <t>【石工泵】后挡水套\100DT-A50</t>
  </si>
  <si>
    <t>【石工泵】后挡水套\100DT-A45</t>
  </si>
  <si>
    <t>【石工泵】后挡水套\150DT-A40</t>
  </si>
  <si>
    <t>【石工泵】后挡水套\100DT-A60</t>
  </si>
  <si>
    <t>【石工泵】后挡水套\150DT-B55</t>
  </si>
  <si>
    <t>【石工泵】后挡水套\150DT-A50</t>
  </si>
  <si>
    <t>【石工泵】后挡水套\200DT-B45</t>
  </si>
  <si>
    <t>【石工泵】后挡水套\150DT-A60</t>
  </si>
  <si>
    <t>【石工泵】后挡水套\200DT-A60</t>
  </si>
  <si>
    <t>【石工泵】后挡水套\250DT-B45</t>
  </si>
  <si>
    <t>【石工泵】后挡水套\250DT-A45</t>
  </si>
  <si>
    <t>【石工泵】后挡水套\300DT-A60</t>
  </si>
  <si>
    <t>【石工泵】后挡水套\250DT-A75</t>
  </si>
  <si>
    <t>【石工泵】后挡水套\300DT-A70</t>
  </si>
  <si>
    <t>【石工泵】后挡水盘\350DT-A48</t>
  </si>
  <si>
    <t>【石工泵】后挡水盘\350DT-A52</t>
  </si>
  <si>
    <t>【石工泵】后挡水盘\300DT-A45</t>
  </si>
  <si>
    <t>【石工泵】后挡水盘\250DT-A52</t>
  </si>
  <si>
    <t>【石工泵】后挡水盘\350DT-A58</t>
  </si>
  <si>
    <t>【石工泵】后挡水盘\300DT-A50</t>
  </si>
  <si>
    <t>【石工泵】后挡水盘\350DT-A68</t>
  </si>
  <si>
    <t>【石工泵】后挡水盘\350DT-A65</t>
  </si>
  <si>
    <t>【石工泵】后挡水盘\400DT-A65</t>
  </si>
  <si>
    <t>【石工泵】后挡水盘\350DT-A78</t>
  </si>
  <si>
    <t>【石工泵】后挡水盘\450DT-A70</t>
  </si>
  <si>
    <t>【石工泵】后挡水盘\450DT-A65</t>
  </si>
  <si>
    <t>【石工泵】后挡水盘\500DT-A75</t>
  </si>
  <si>
    <t>【石工泵】后挡水盘\500DT-A70</t>
  </si>
  <si>
    <t>【石工泵】后挡水盘\550DT-A70</t>
  </si>
  <si>
    <t>【石工泵】后挡水盘\500DT-A76</t>
  </si>
  <si>
    <t>【石工泵】后挡水盘\600DT-A82</t>
  </si>
  <si>
    <t>【石工泵】后挡水盘\550DT-A75</t>
  </si>
  <si>
    <t>【石工泵】后挡水盘\700DT-A83</t>
  </si>
  <si>
    <t>【石工泵】后挡水盘\650DT-B80</t>
  </si>
  <si>
    <t>【石工泵】后挡水盘\700DT-A93</t>
  </si>
  <si>
    <t>【石工泵】后挡水盘\700DT-A90</t>
  </si>
  <si>
    <t>【石工泵】后挡水盘\800DT-A93</t>
  </si>
  <si>
    <t>【石工泵】后挡水盘\800DT-A90</t>
  </si>
  <si>
    <t>【石工泵】后挡水盘\800DT-A105</t>
  </si>
  <si>
    <t>【石工泵】后挡水盘\800DT-A100</t>
  </si>
  <si>
    <t>【石工泵】后挡水盘\900DT-F110</t>
  </si>
  <si>
    <t>【石工泵】后挡水板\50DT-B40</t>
  </si>
  <si>
    <t>【石工泵】后挡水板\50DT-A50</t>
  </si>
  <si>
    <t>【石工泵】后挡水板\50DT-A45</t>
  </si>
  <si>
    <t>【石工泵】后挡水板\80DT-A30</t>
  </si>
  <si>
    <t>【石工泵】后挡水板\65DT-A40</t>
  </si>
  <si>
    <t>【石工泵】后挡水板\100DT-A35</t>
  </si>
  <si>
    <t>【石工泵】后挡水板\80DT-A36</t>
  </si>
  <si>
    <t>【石工泵】后挡水板\100DT-A45</t>
  </si>
  <si>
    <t>【石工泵】后挡水板\100DT-B40</t>
  </si>
  <si>
    <t>【石工泵】后挡水板\100DT-A60</t>
  </si>
  <si>
    <t>【石工泵】后挡水板\100DT-A50</t>
  </si>
  <si>
    <t>【石工泵】后挡水板\150DT-A40</t>
  </si>
  <si>
    <t>【石工泵】后挡水板\150DT-B55</t>
  </si>
  <si>
    <t>【石工泵】后挡水板\150DT-A50</t>
  </si>
  <si>
    <t>【石工泵】后挡水板\200DT-B45</t>
  </si>
  <si>
    <t>【石工泵】后挡水板\150DT-A60</t>
  </si>
  <si>
    <t>【石工泵】后挡水板\250DT-A45</t>
  </si>
  <si>
    <t>【石工泵】后挡水板\200DT-A60</t>
  </si>
  <si>
    <t>【石工泵】后挡水板\250DT-A75</t>
  </si>
  <si>
    <t>【石工泵】后挡水板\250DT-B45</t>
  </si>
  <si>
    <t>【石工泵】后挡水板\300DT-A70</t>
  </si>
  <si>
    <t>【石工泵】后挡水板\300DT-A60</t>
  </si>
  <si>
    <t>【石工泵】后挡水板\350DT-A78</t>
  </si>
  <si>
    <t>【石工泵】后挡水板\350DT-A51</t>
  </si>
  <si>
    <t>【石工泵】副泵叶轮\40DT-A25</t>
  </si>
  <si>
    <t>【石工泵】副泵叶轮\100DT-A60</t>
  </si>
  <si>
    <t>【石工泵】副泵叶轮\80DT-A30</t>
  </si>
  <si>
    <t>【石工泵】防护板\300DT-A45</t>
  </si>
  <si>
    <t>【石工泵】防护板\250DT-A52</t>
  </si>
  <si>
    <t>【石工泵】防护板\350DT-A48</t>
  </si>
  <si>
    <t>【石工泵】防护板\300DT-A50</t>
  </si>
  <si>
    <t>【石工泵】防护板\350DT-A58</t>
  </si>
  <si>
    <t>【石工泵】防护板\350DT-A52</t>
  </si>
  <si>
    <t>【石工泵】防护板\350DT-A68</t>
  </si>
  <si>
    <t>【石工泵】防护板\350DT-A65</t>
  </si>
  <si>
    <t>【石工泵】防护板\450DT-A65</t>
  </si>
  <si>
    <t>【石工泵】防护板\400DT-A65</t>
  </si>
  <si>
    <t>【石工泵】防护板\450DT-A70</t>
  </si>
  <si>
    <t>【石工泵】防护板\500DT-A75</t>
  </si>
  <si>
    <t>【石工泵】防护板\500DT-A70</t>
  </si>
  <si>
    <t>【石工泵】防护板\550DT-A70</t>
  </si>
  <si>
    <t>【石工泵】防护板\500DT-A76</t>
  </si>
  <si>
    <t>【石工泵】防护板\650DT-B80</t>
  </si>
  <si>
    <t>【石工泵】防护板\550DT-A75</t>
  </si>
  <si>
    <t>【石工泵】防护板\700DT-A90</t>
  </si>
  <si>
    <t>【石工泵】防护板\700DT-A83</t>
  </si>
  <si>
    <t>【石工泵】防护板\800DT-A90</t>
  </si>
  <si>
    <t>【石工泵】防护板\700DT-A93</t>
  </si>
  <si>
    <t>【石工泵】防护板\800DT-A93</t>
  </si>
  <si>
    <t>【石工泵】挡套\25DT-A25</t>
  </si>
  <si>
    <t>【石工泵】挡套\25DT-A15</t>
  </si>
  <si>
    <t>【石工泵】挡套\40DT-A19</t>
  </si>
  <si>
    <t>【石工泵】挡套\40DT-A17</t>
  </si>
  <si>
    <t>【石工泵】挡套\40DT-A25</t>
  </si>
  <si>
    <t>【石工泵】挡套\40DT-B20</t>
  </si>
  <si>
    <t>【石工泵】挡套\40DT-B35</t>
  </si>
  <si>
    <t>【石工泵】挡套\40DT-A30</t>
  </si>
  <si>
    <t>【石工泵】挡套\50DT-A30</t>
  </si>
  <si>
    <t>【石工泵】挡套\40DT-A40</t>
  </si>
  <si>
    <t>【石工泵】挡套\350DT-A48</t>
  </si>
  <si>
    <t>【石工泵】挡套\65DT-A30</t>
  </si>
  <si>
    <t>【石工泵】挡套\800DT-A93</t>
  </si>
  <si>
    <t>【石工泵】挡套\350DT-A52</t>
  </si>
  <si>
    <t>【石工泵】挡套\800DT-A105</t>
  </si>
  <si>
    <t>【石工泵】挡套\800DT-A100</t>
  </si>
  <si>
    <t>【石工泵】挡套\900DT-F110</t>
  </si>
  <si>
    <t>【石工泵】挡水盘\25DT-A15</t>
  </si>
  <si>
    <t>【石工泵】挡水盘\40DT-A17</t>
  </si>
  <si>
    <t>【石工泵】挡水盘\25DT-A25</t>
  </si>
  <si>
    <t>【石工泵】挡水盘\40DT-B20</t>
  </si>
  <si>
    <t>【石工泵】挡水盘\40DT-A19</t>
  </si>
  <si>
    <t>【石工泵】挡水盘\40DT-A30</t>
  </si>
  <si>
    <t>【石工泵】挡水盘\40DT-A25</t>
  </si>
  <si>
    <t>【石工泵】挡水盘\40DT-A40</t>
  </si>
  <si>
    <t>【石工泵】挡水盘\40DT-B35</t>
  </si>
  <si>
    <t>【石工泵】挡水盘\65DT-A30</t>
  </si>
  <si>
    <t>【石工泵】挡水盘\50DT-A30</t>
  </si>
  <si>
    <t>【石工泵】出水管\80TL-A45</t>
  </si>
  <si>
    <t>【石工泵】出水管\65TL-A40</t>
  </si>
  <si>
    <t>【石工泵】出水管\80TL-A36</t>
  </si>
  <si>
    <t>【石工泵】出水管\50TL-A45</t>
  </si>
  <si>
    <t>【石工泵】出水管\65TL-A30</t>
  </si>
  <si>
    <t>【石工泵】出水管\50TL-A35</t>
  </si>
  <si>
    <t>【石工泵】出水管\50TL-B40</t>
  </si>
  <si>
    <t>【石工泵】出水管\40TL-B25</t>
  </si>
  <si>
    <t>【石工泵】出水管\40TL-A35</t>
  </si>
  <si>
    <t>【石工泵】出水管\25TL-A15</t>
  </si>
  <si>
    <t>【石工泵】出水管\40TL-A21</t>
  </si>
  <si>
    <t>【石工泵】出口短管\50DT-A30</t>
  </si>
  <si>
    <t>【石工泵】出口短管\50DT-A50</t>
  </si>
  <si>
    <t>【石工泵】出口短管\50DT-A45</t>
  </si>
  <si>
    <t>【石工泵】出口短管\65DT-A40</t>
  </si>
  <si>
    <t>【石工泵】出口短管\65DT-A30</t>
  </si>
  <si>
    <t>【石工泵】出口短管\80DT-A30</t>
  </si>
  <si>
    <t>【石工泵】出口短管\100DT-A30</t>
  </si>
  <si>
    <t>【石工泵】出口短管\80DT-A36</t>
  </si>
  <si>
    <t>【石工泵】出口短管\100DT-B40</t>
  </si>
  <si>
    <t>【石工泵】出口短管\100DT-A35</t>
  </si>
  <si>
    <t>【石工泵】出口短管\100DT-A60</t>
  </si>
  <si>
    <t>【石工泵】出口短管\100DT-A50</t>
  </si>
  <si>
    <t>【石工泵】出口短管\150DT-A40</t>
  </si>
  <si>
    <t>【石工泵】出口短管\150DT-A30</t>
  </si>
  <si>
    <t>【石工泵】出口短管\150DT-B55</t>
  </si>
  <si>
    <t>【石工泵】出口短管\150DT-A50</t>
  </si>
  <si>
    <t>【石工泵】出口短管\250DT-A75</t>
  </si>
  <si>
    <t>【石工泵】出口短管\150DT-A60</t>
  </si>
  <si>
    <t>【石工泵】出口短管\300DT-A60</t>
  </si>
  <si>
    <t>【石工泵】衬板\40DT-A25</t>
  </si>
  <si>
    <t>【石工泵】衬板\100DT-A60</t>
  </si>
  <si>
    <t>【石工泵】衬板\100DT-A50</t>
  </si>
  <si>
    <t>【石工泵】衬板\150DT-A60</t>
  </si>
  <si>
    <t>【石工泵】衬板\50DT-A30</t>
  </si>
  <si>
    <t>【石工泵】衬板\50DT-A50</t>
  </si>
  <si>
    <t>【石工泵】衬板\50DT-A45</t>
  </si>
  <si>
    <t>【石工泵】衬板\65DT-A40</t>
  </si>
  <si>
    <t>【石工泵】衬板\65DT-A30</t>
  </si>
  <si>
    <t>【石工泵】衬板\80DT-A36</t>
  </si>
  <si>
    <t>【石工泵】衬板\80DT-A30</t>
  </si>
  <si>
    <t>【石工泵】衬板\100DT-B40</t>
  </si>
  <si>
    <t>【石工泵】衬板\100DT-A35</t>
  </si>
  <si>
    <t>【石工泵】衬板\150DT-A50</t>
  </si>
  <si>
    <t>【石工泵】衬板\150DT-A40</t>
  </si>
  <si>
    <t>【石工泵】衬板\200DT-B40</t>
  </si>
  <si>
    <t>【石工泵】衬板\150DT-B55</t>
  </si>
  <si>
    <t>【石工泵】衬板\200DT-B45</t>
  </si>
  <si>
    <t>【石工泵】衬板\300DT-A60</t>
  </si>
  <si>
    <t>【石工泵】拆卸环\25DT-A15</t>
  </si>
  <si>
    <t>【石工泵】拆卸环\25DT-A25</t>
  </si>
  <si>
    <t>【石工泵】拆卸环\40DT-A19</t>
  </si>
  <si>
    <t>【石工泵】拆卸环\40DT-A17</t>
  </si>
  <si>
    <t>【石工泵】拆卸环\40DT-A25</t>
  </si>
  <si>
    <t>【石工泵】拆卸环\40DT-B20</t>
  </si>
  <si>
    <t>【石工泵】拆卸环\40DT-A40</t>
  </si>
  <si>
    <t>【石工泵】拆卸环\40DT-B35</t>
  </si>
  <si>
    <t>【石工泵】拆卸环\40DT-A30</t>
  </si>
  <si>
    <t>【石工泵】拆卸环\50DT-A30</t>
  </si>
  <si>
    <t>【石工泵】拆卸环\50DT-A50</t>
  </si>
  <si>
    <t>【石工泵】拆卸环\50DT-A45</t>
  </si>
  <si>
    <t>【石工泵】拆卸环\50DT-B40</t>
  </si>
  <si>
    <t>【石工泵】拆卸环\65DT-A40</t>
  </si>
  <si>
    <t>【石工泵】拆卸环\65DT-A30</t>
  </si>
  <si>
    <t>【石工泵】拆卸环\80DT-A36</t>
  </si>
  <si>
    <t>【石工泵】拆卸环\80DT-A30</t>
  </si>
  <si>
    <t>【石工泵】拆卸环\100DT-A35</t>
  </si>
  <si>
    <t>【石工泵】拆卸环\100DT-A30</t>
  </si>
  <si>
    <t>【石工泵】拆卸环\100DT-A45</t>
  </si>
  <si>
    <t>【石工泵】拆卸环\100DT-B40</t>
  </si>
  <si>
    <t>【石工泵】拆卸环\100DT-A60</t>
  </si>
  <si>
    <t>【石工泵】拆卸环\100DT-A50</t>
  </si>
  <si>
    <t>【石工泵】拆卸环\150DT-A40</t>
  </si>
  <si>
    <t>【石工泵】拆卸环\150DT-A30</t>
  </si>
  <si>
    <t>【石工泵】拆卸环\150DT-B55</t>
  </si>
  <si>
    <t>【石工泵】拆卸环\150DT-A50</t>
  </si>
  <si>
    <t>【石工泵】拆卸环\200DT-B40</t>
  </si>
  <si>
    <t>【石工泵】拆卸环\150DT-A60</t>
  </si>
  <si>
    <t>【石工泵】拆卸环\200DT-A60</t>
  </si>
  <si>
    <t>【石工泵】拆卸环\200DT-B45</t>
  </si>
  <si>
    <t>【石工泵】拆卸环\250DT-B45</t>
  </si>
  <si>
    <t>【石工泵】拆卸环\250DT-A45</t>
  </si>
  <si>
    <t>【石工泵】拆卸环\250DT-A52</t>
  </si>
  <si>
    <t>【石工泵】拆卸环\250DT-A48</t>
  </si>
  <si>
    <t>【石工泵】拆卸环\300DT-A50</t>
  </si>
  <si>
    <t>【石工泵】拆卸环\300DT-A45</t>
  </si>
  <si>
    <t>【石工泵】拆卸环\250DT-A75</t>
  </si>
  <si>
    <t>【石工泵】拆卸环\300DT-A70</t>
  </si>
  <si>
    <t>【石工泵】拆卸环\300DT-A60</t>
  </si>
  <si>
    <t>【石工泵】拆卸环\350DT-A51</t>
  </si>
  <si>
    <t>【石工泵】拆卸环\350DT-A48</t>
  </si>
  <si>
    <t>【石工泵】拆卸环\350DT-A58</t>
  </si>
  <si>
    <t>【石工泵】拆卸环\350DT-A52</t>
  </si>
  <si>
    <t>【石工泵】拆卸环\350DT-A68</t>
  </si>
  <si>
    <t>【石工泵】拆卸环\350DT-A65</t>
  </si>
  <si>
    <t>【石工泵】拆卸环\400DT-A65</t>
  </si>
  <si>
    <t>【石工泵】拆卸环\350DT-A78</t>
  </si>
  <si>
    <t>【石工泵】拆卸环\450DT-A70</t>
  </si>
  <si>
    <t>【石工泵】拆卸环\450DT-A65</t>
  </si>
  <si>
    <t>【石工泵】拆卸环\500DT-A75</t>
  </si>
  <si>
    <t>【石工泵】拆卸环\500DT-A70</t>
  </si>
  <si>
    <t>【石工泵】拆卸环\550DT-A70</t>
  </si>
  <si>
    <t>【石工泵】拆卸环\500DT-A76</t>
  </si>
  <si>
    <t>【石工泵】拆卸环\600DT-A82</t>
  </si>
  <si>
    <t>【石工泵】拆卸环\550DT-A75</t>
  </si>
  <si>
    <t>【石工泵】拆卸环\700DT-A83</t>
  </si>
  <si>
    <t>【石工泵】拆卸环\650DT-B80</t>
  </si>
  <si>
    <t>【石工泵】拆卸环\800DT-A90</t>
  </si>
  <si>
    <t>【石工泵】拆卸环\700DT-A93</t>
  </si>
  <si>
    <t>【石工泵】拆卸环\700DT-A90</t>
  </si>
  <si>
    <t>【石工泵】拆卸环\800DT-A100</t>
  </si>
  <si>
    <t>【石工泵】拆卸环\800DT-A93</t>
  </si>
  <si>
    <t>【石工泵】拆卸环\800DT-A105</t>
  </si>
  <si>
    <t>【石工泵】泵联轴器\80TL-A36</t>
  </si>
  <si>
    <t>【石工泵】泵联轴器\80TL-A45</t>
  </si>
  <si>
    <t>【石工泵】泵联轴器\65TL-A30</t>
  </si>
  <si>
    <t>【石工泵】泵联轴器\65TL-A40</t>
  </si>
  <si>
    <t>【石工泵】泵联轴器\50TL-B40</t>
  </si>
  <si>
    <t>【石工泵】泵联轴器\50TL-A45</t>
  </si>
  <si>
    <t>【石工泵】泵联轴器\40TL-A35</t>
  </si>
  <si>
    <t>【石工泵】泵联轴器\50TL-A35</t>
  </si>
  <si>
    <t>【石工泵】泵联轴器\40DT-A19</t>
  </si>
  <si>
    <t>【石工泵】泵联轴器\25DT-A25</t>
  </si>
  <si>
    <t>【石工泵】泵联轴器\40DT-A25</t>
  </si>
  <si>
    <t>【石工泵】泵联轴器\40DT-B20</t>
  </si>
  <si>
    <t>【石工泵】泵联轴器\50DT-A30</t>
  </si>
  <si>
    <t>【石工泵】泵联轴器\50DT-A45</t>
  </si>
  <si>
    <t>【石工泵】泵联轴器\50DT-B40</t>
  </si>
  <si>
    <t>【石工泵】泵联轴器\65DT-A30</t>
  </si>
  <si>
    <t>【石工泵】泵联轴器\50DT-A50</t>
  </si>
  <si>
    <t>【石工泵】泵联轴器\80DT-A30</t>
  </si>
  <si>
    <t>【石工泵】泵联轴器\65DT-A40</t>
  </si>
  <si>
    <t>【石工泵】泵联轴器\100DT-A35</t>
  </si>
  <si>
    <t>【石工泵】泵联轴器\80DT-A36</t>
  </si>
  <si>
    <t>【石工泵】泵联轴器\100DT-A45</t>
  </si>
  <si>
    <t>【石工泵】泵联轴器\100DT-B40</t>
  </si>
  <si>
    <t>【石工泵】泵联轴器\100DT-A60</t>
  </si>
  <si>
    <t>【石工泵】泵联轴器\100DT-A50</t>
  </si>
  <si>
    <t>【石工泵】泵联轴器\150DT-A50</t>
  </si>
  <si>
    <t>【石工泵】泵联轴器\150DT-A40</t>
  </si>
  <si>
    <t>【石工泵】泵联轴器\150DT-A60</t>
  </si>
  <si>
    <t>【石工泵】泵联轴器\150DT-B55</t>
  </si>
  <si>
    <t>【石工泵】泵联轴器\250DT-A45</t>
  </si>
  <si>
    <t>【石工泵】泵联轴器\200DT-B45</t>
  </si>
  <si>
    <t>【石工泵】泵联轴器\300DT-A60</t>
  </si>
  <si>
    <t>【石工泵】泵联轴器\250DT-A75</t>
  </si>
  <si>
    <t>【石工泵】泵联轴器\350DT-A78</t>
  </si>
  <si>
    <t>【上海新拓】测速齿轮\CS2024\6100216</t>
  </si>
  <si>
    <t>上海新拓</t>
  </si>
  <si>
    <t>speri</t>
  </si>
  <si>
    <t>WZSCCG-2019-BJ-019</t>
  </si>
  <si>
    <t>上海新拓给煤机设备备件长协采购</t>
  </si>
  <si>
    <t>上海新拓电力设备有限公司</t>
  </si>
  <si>
    <t>【上海新拓】测速装置(组合件)\CS2036B\CS063110900(ZH)TY\含测速探头、测速齿轮、支架等</t>
  </si>
  <si>
    <t>【上海新拓】测速装置(组合件)\CS2036\G515090004(ZH)TY\含测速探头、底座、测速齿轮、支架等</t>
  </si>
  <si>
    <t>【上海新拓】测速装置(组合件)\CS2024\G135090004(ZH)TY\含测速探头、底座、测速齿轮、支架等</t>
  </si>
  <si>
    <t>【上海新拓】测速装置(组合件)\CS2018\G245090003(ZH)TY\含测速探头、底座、测速齿轮、支架等</t>
  </si>
  <si>
    <t>【上海新拓】皮带变频电机(整套)\CS2036B\CS080213BTY\含测速装置不含减速器</t>
  </si>
  <si>
    <t>【上海新拓】皮带变频电机(整套)\CS2036\CS017305CTY\含测速装置不含减速器</t>
  </si>
  <si>
    <t>【上海新拓】皮带变频电机(整套)\CS2024\A0231031.0(F)\FLENDER含测速装置</t>
  </si>
  <si>
    <t>【上海新拓】皮带变频电机(整套)\CS2024\CS063110BTY\含测速装置（SEW)</t>
  </si>
  <si>
    <t>【上海新拓】皮带变频电机(整套)\CS2024\G1350904TY\含测速装置不含减速器</t>
  </si>
  <si>
    <t>【上海新拓】皮带变频电机(整套)\CS2018\G2450903TY\含测速装置不含减速器</t>
  </si>
  <si>
    <t>【上海新拓】灯罩\CS2024\CS05807864</t>
  </si>
  <si>
    <t>【上海新拓】托架检修门密封垫\CS2036B\651586</t>
  </si>
  <si>
    <t>【上海新拓】检修门Ⅳ密封垫\CS2024\CS67185.B0901.8.1.10.-1</t>
  </si>
  <si>
    <t>【上海新拓】检修门III密封垫\CS2024\CS67185.B0901.8.1.9-1</t>
  </si>
  <si>
    <t>【上海新拓】检修门II密封垫\CS2024\CS67185.B0901.8.1.8-1\长机体（6890mm）专用</t>
  </si>
  <si>
    <t>【上海新拓】检修门I密封垫\CS2024\CS67185.B0901.8.1.7-2\长机体（6890mm）专用</t>
  </si>
  <si>
    <t>【上海新拓】排料端门密封垫\CS2024\CS67185.B0901.8.4-3</t>
  </si>
  <si>
    <t>【上海新拓】进料端门密封垫\CS2024\CS67185.B0901.8.2-3</t>
  </si>
  <si>
    <t>【上海新拓】侧门密封条\CS2036B\CS0631082</t>
  </si>
  <si>
    <t>【上海新拓】侧门密封条\CS2036\G5180204TY</t>
  </si>
  <si>
    <t>【上海新拓】侧门密封条\CS2024\G1380204TY</t>
  </si>
  <si>
    <t>【上海新拓】侧门密封条\CS2018\G2480203TY</t>
  </si>
  <si>
    <t>【上海新拓】端门密封垫\CS2036B\CS0631086TY</t>
  </si>
  <si>
    <t>【上海新拓】端门密封垫\CS2036\G5180104TY</t>
  </si>
  <si>
    <t>【上海新拓】端门密封垫\CS2024\G1380104TY</t>
  </si>
  <si>
    <t>【上海新拓】端门密封垫\CS2018\G2480103TY</t>
  </si>
  <si>
    <t>【上海新拓】进口橡胶导向板\CS2024\CS05807880XJ\含橡胶挡板</t>
  </si>
  <si>
    <t>【上海新拓】进口橡胶导向板\CS2036\01406870XJ\含橡胶挡板</t>
  </si>
  <si>
    <t>【上海新拓】进口导向板\CS2036\1406870</t>
  </si>
  <si>
    <t>【上海新拓】进口导向板\CS2024\CS05807880</t>
  </si>
  <si>
    <t>【上海新拓】进口挡板\CS2036B\1406880</t>
  </si>
  <si>
    <t>【上海新拓】进口挡板\CS2024\CS05807890</t>
  </si>
  <si>
    <t>【上海新拓】进口挡条\CS2036\1406860</t>
  </si>
  <si>
    <t>【上海新拓】进口挡条\CS2018\CS05807870</t>
  </si>
  <si>
    <t>【上海新拓】视窗玻璃(组合件)\CS2024\RS-115ZH)\含刮板</t>
  </si>
  <si>
    <t>【上海新拓】沉入式视窗\CS2024\CS058078A11W\含刮板</t>
  </si>
  <si>
    <t>【上海新拓】刮板式视窗\CS2024\CS058078A11\含刮板</t>
  </si>
  <si>
    <t>【上海新拓】挡板\CS2036B\CS0801373TY</t>
  </si>
  <si>
    <t>【上海新拓】挡板\CS2036\CS0041973TY</t>
  </si>
  <si>
    <t>【上海新拓】挡板\CS2024\CS0170573TY</t>
  </si>
  <si>
    <t>【上海新拓】挡板\CS2018\CS0580776TY</t>
  </si>
  <si>
    <t>【上海新拓】挡板组合件\CS2036B\CS0801373(ZH)TY\含夹头及夹头螺栓、螺母等</t>
  </si>
  <si>
    <t>【上海新拓】挡板组合件\CS2036\CS0041973(ZH)TY\含夹头及夹头螺栓、螺母等</t>
  </si>
  <si>
    <t>【上海新拓】挡板组合件\CS2024\CS0170573(ZH)TY\含夹头及夹头螺栓、螺母等</t>
  </si>
  <si>
    <t>【上海新拓】挡板组合件\CS2018\CS0580776(ZH)TY\含夹头及夹头螺栓、螺母等</t>
  </si>
  <si>
    <t>【上海新拓】堵煤信号装置\CS2036B\G1070007(ZH)TY\含挡板，夹头及夹头螺栓、螺母等</t>
  </si>
  <si>
    <t>【上海新拓】堵煤信号装置\CS2036\CS0631070(ZH)TY\含挡板，夹头及夹头螺栓、螺母等</t>
  </si>
  <si>
    <t>【上海新拓】堵煤信号装置\CS2024\G5170004(ZH)TY\含挡板，夹头及夹头螺栓、螺母等</t>
  </si>
  <si>
    <t>【上海新拓】堵煤信号装置\CS2018\G1370004(ZH)TY\含挡板，夹头及夹头螺栓、螺母等</t>
  </si>
  <si>
    <t>【上海新拓】夹头\CS2024\CS058074A11</t>
  </si>
  <si>
    <t>【上海新拓】上警板\CS2036B\CS0801342TY</t>
  </si>
  <si>
    <t>【上海新拓】上警板\CS2036\CS0041942TY</t>
  </si>
  <si>
    <t>【上海新拓】上警板\CS2018\CS0170542TY</t>
  </si>
  <si>
    <t>【上海新拓】上警板\CS2024\CS058074A12TY</t>
  </si>
  <si>
    <t>【上海新拓】上警板组合件\CS2036B\CS0801342(ZH)TY\含夹头及夹头螺栓、螺母等</t>
  </si>
  <si>
    <t>【上海新拓】上警板组合件\CS2036\CS0041942(ZH)TY\含夹头及夹头螺栓、螺母等</t>
  </si>
  <si>
    <t>【上海新拓】上警板组合件\CS2018\CS0170542(ZH)TY\含夹头及夹头螺栓、螺母等</t>
  </si>
  <si>
    <t>【上海新拓】上警板组合件\CS2024\CS058074A12(ZH)TY\含夹头及夹头螺栓、螺母等</t>
  </si>
  <si>
    <t>【上海新拓】断料报警装置\CS2024\CS2024M842(OMROM)\6100213\CS2024M842（OMROM）</t>
  </si>
  <si>
    <t>【上海新拓】断煤信号装置\CS2036B\CS0631040(ZH)TY\含上警板，夹头及夹头螺栓、螺母等</t>
  </si>
  <si>
    <t>【上海新拓】断煤信号装置\CS2036\G5140004(ZH)TY\含上警板，夹头及夹头螺栓、螺母等</t>
  </si>
  <si>
    <t>【上海新拓】断煤信号装置\CS2024\G1340004(ZH)TY\含上警板，夹头及夹头螺栓、螺母等</t>
  </si>
  <si>
    <t>【上海新拓】断煤信号装置\CS2018\G2440003(ZH)TY\含上警板，夹头及夹头螺栓、螺母等</t>
  </si>
  <si>
    <t>【上海新拓】液晶显示器\CS2024\196\CS074713D\196</t>
  </si>
  <si>
    <t>【上海新拓】液晶显示器\CS2036\196\D014906\196</t>
  </si>
  <si>
    <t>【上海新拓】液晶显示器\CS2036B\196\CS080313D\196</t>
  </si>
  <si>
    <t>【上海新拓】液晶触摸显示器\CS2024\SP10\CS15289-1-102T\SP10</t>
  </si>
  <si>
    <t>【上海新拓】液晶显示器\CS2018\196\CS070313D\196</t>
  </si>
  <si>
    <t>【上海新拓】微机板\CS2024\196\CS074113UTY\196</t>
  </si>
  <si>
    <t>【上海新拓】微机板\CS2036\196\U014106-1TY\196</t>
  </si>
  <si>
    <t>【上海新拓】微机板\CS2036B\196\CS080413U-3TY\196</t>
  </si>
  <si>
    <t>【上海新拓】加油胶管\CS2036C\CS0041920(D)TY\含联接螺钉、带螺母、垫片、接管</t>
  </si>
  <si>
    <t>【上海新拓】加油胶管\CS2036B\CS0170520(D)TY\含联接螺钉、带螺母、垫片、接管</t>
  </si>
  <si>
    <t>【上海新拓】加油胶管\CS2036A\CS0580720DTY\含联接螺钉、带螺母、垫片、接管</t>
  </si>
  <si>
    <t>【上海新拓】传感器支架\CS2024\6100214</t>
  </si>
  <si>
    <t>【上海新拓】称重臂\CS2024\140633</t>
  </si>
  <si>
    <t>【上海新拓】轴套\CS2024\014063A20</t>
  </si>
  <si>
    <t>【上海新拓】称重校准量块\CS2036\1406310</t>
  </si>
  <si>
    <t>【上海新拓】偏心盘\CS2024\014063A19</t>
  </si>
  <si>
    <t>【上海新拓】偏心盘转轴\CS2024\014063A16</t>
  </si>
  <si>
    <t>【上海新拓】校重杆\CS2024\0140637TY</t>
  </si>
  <si>
    <t>【上海新拓】校重杆\CS2018\140637TY</t>
  </si>
  <si>
    <t>【上海新拓】连接板\CS2036\140635TY</t>
  </si>
  <si>
    <t>【上海新拓】止动垫圈\CS2024\GB858-88</t>
  </si>
  <si>
    <t>【上海新拓】密封圈\CS2024\CR11197</t>
  </si>
  <si>
    <t>【上海新拓】连杆支座\CS2036B\CS004193A25TY\含关节轴承</t>
  </si>
  <si>
    <t>【上海新拓】连杆支座\CS2036\CS017053A25TY\含关节轴承</t>
  </si>
  <si>
    <t>【上海新拓】连杆支座\CS2024\CS058073A25TY\含关节轴承</t>
  </si>
  <si>
    <t>【上海新拓】连管\CS2018\CS0580731TY</t>
  </si>
  <si>
    <t>【上海新拓】连管\CS2036\CS0170531TY</t>
  </si>
  <si>
    <t>【上海新拓】排油管\CS2024\CS0170536TY</t>
  </si>
  <si>
    <t>【上海新拓】排油管\CS2036\CS0041936TY</t>
  </si>
  <si>
    <t>【上海新拓】排油管\CS2018\CS0580736TY</t>
  </si>
  <si>
    <t>【上海新拓】轴承座\CS2036B\XT042043A27TY</t>
  </si>
  <si>
    <t>【上海新拓】轴承座\CS2036\XT018043A27TY</t>
  </si>
  <si>
    <t>【上海新拓】轴承座\CS2024\G1032407TY</t>
  </si>
  <si>
    <t>【上海新拓】轴承座\CS2018\CS063103A27TY</t>
  </si>
  <si>
    <t>【上海新拓】跨距托辊轴承座组合件\CS2036B\XT042043A27(ZH)TY\含轴承、油封、挡圈等</t>
  </si>
  <si>
    <t>【上海新拓】跨距托辊轴承座组合件\CS2036\XT018043A27(ZH)TY\含轴承、油封、挡圈等</t>
  </si>
  <si>
    <t>【上海新拓】跨距托辊轴承座组合件\CS2024\G1032407(ZH)TY\含轴承、油封、挡圈等</t>
  </si>
  <si>
    <t>【上海新拓】跨距托辊轴承座组合件\CS2018\CS063103A27(ZH)TY\含轴承、油封、挡圈等</t>
  </si>
  <si>
    <t>【上海新拓】跨距托辊\CS2024\6100202</t>
  </si>
  <si>
    <t>【上海新拓】称重轴承座右\CS2036B\065153A10(ZH)TY\含销轴、轴承盖、轴承、油封、挡圈、开口销等</t>
  </si>
  <si>
    <t>【上海新拓】称重轴承座右\CS2036\014063A10(ZH)TY\含销轴、轴承盖、轴承、油封、挡圈、开口销等</t>
  </si>
  <si>
    <t>【上海新拓】微机板\CS2018\196\CS070613UTY\196</t>
  </si>
  <si>
    <t>【上海新拓】微机板\CS2036B\9224\CS063110UTY\9224</t>
  </si>
  <si>
    <t>【上海新拓】微机板\CS2036B\SP10\CS063110U-2TY\SP10</t>
  </si>
  <si>
    <t>【上海新拓】微机板\CS2036\9224\CS051204UTY\9224</t>
  </si>
  <si>
    <t>【上海新拓】微机板\CS2036\SP10\CS051204U-2TY\SP10</t>
  </si>
  <si>
    <t>【上海新拓】微机板\CS2024\9224\CS013104UTY\9224</t>
  </si>
  <si>
    <t>【上海新拓】微机板\CS2024\SP10\CS013104U-2TY\SP10</t>
  </si>
  <si>
    <t>【上海新拓】微机板\CS2018\9224\CS024803UTY\9224</t>
  </si>
  <si>
    <t>【上海新拓】微机板\CS2018\SP10\CS024803U-2TY\SP10</t>
  </si>
  <si>
    <t>【上海新拓】控制柜视窗\CS2024\KZSC-1</t>
  </si>
  <si>
    <t>【上海新拓】电源板\CS2036B\196\CS074913P-2TY\196</t>
  </si>
  <si>
    <t>【上海新拓】电源板\CS2036\196\CS104114PTY\196</t>
  </si>
  <si>
    <t>【上海新拓】电源板\CS2024\196\P010106TY\196</t>
  </si>
  <si>
    <t>【上海新拓】电源板\CS2018\196\CS070413PTY\196</t>
  </si>
  <si>
    <t>【上海新拓】电源板\CS2036\9224\CS063210PTY\9224</t>
  </si>
  <si>
    <t>【上海新拓】电源板\CS2036B\SP10\CS063210P-2TY\SP10</t>
  </si>
  <si>
    <t>【上海新拓】电源板\CS2024\9224\CS051704PTY\9224</t>
  </si>
  <si>
    <t>【上海新拓】电源板\CS2036\SP10\CS051704P-2TY\SP10</t>
  </si>
  <si>
    <t>【上海新拓】电源板\CS2036B\9224\CS013204PTY\9224</t>
  </si>
  <si>
    <t>【上海新拓】电源板\CS2024\SP10\CS013204P-2TY\SP10</t>
  </si>
  <si>
    <t>【上海新拓】电源板\CS2018\9224\CS024403PTY\9224</t>
  </si>
  <si>
    <t>【上海新拓】电源板\CS2018\SP10\CS024403P-2TY\SP10</t>
  </si>
  <si>
    <t>【上海新拓】变频器\CS2024\E740-3.7kW\含程序</t>
  </si>
  <si>
    <t>【上海新拓】变频器\CS2036B\ACS510-7.5kW\含程序</t>
  </si>
  <si>
    <t>【上海新拓】变频器\CS2036\ATV31-7.5kW\含程序</t>
  </si>
  <si>
    <t>【上海新拓】变频器\CS2036\ACS800-5.5kW\含程序</t>
  </si>
  <si>
    <t>【上海新拓】变频器\CS2024\E740-5.5kW\含程序</t>
  </si>
  <si>
    <t>【上海新拓】变频器\CS2024\ACS800-3kW\含程序</t>
  </si>
  <si>
    <t>【上海新拓】变频器\CS2024\A440-5.5kW\含程序</t>
  </si>
  <si>
    <t>【上海新拓】变频器\CS2024\A440-3.7kW\含程序</t>
  </si>
  <si>
    <t>【上海新拓】变频器\CS2024\M1275C-5.5kW\含程序</t>
  </si>
  <si>
    <t>【上海新拓】变频器\CS2024\ATV31-3.7kW\含程序</t>
  </si>
  <si>
    <t>【上海新拓】变频器\CS2024\ACS510-5.5kW\含程序</t>
  </si>
  <si>
    <t>【上海新拓】变频器\CS2024\Flex40P-5.5kW\含程序</t>
  </si>
  <si>
    <t>【上海新拓】称重轴承座右\CS2024\G5130704(ZH)TY\含销轴、轴承盖、轴承、油封、挡圈、开口销等</t>
  </si>
  <si>
    <t>【上海新拓】称重轴承座右\CS2018\G1330704(ZH)TY\含销轴、轴承盖、轴承、油封、挡圈、开口销等</t>
  </si>
  <si>
    <t>【上海新拓】称重轴承座左\CS2036B\0651538(ZH)TY\含销轴、轴承盖、轴承、油封、挡圈、开口销等</t>
  </si>
  <si>
    <t>【上海新拓】称重轴承座左\CS2036\0140638(ZH)TY\含销轴、轴承盖、轴承、油封、挡圈、开口销等</t>
  </si>
  <si>
    <t>【上海新拓】称重轴承座左\CS2024\G5130504(ZH)TY\含销轴、轴承盖、轴承、油封、挡圈、开口销等</t>
  </si>
  <si>
    <t>【上海新拓】称重轴承座左\CS2018\G1330504(ZH)TY\含销轴、轴承盖、轴承、油封、挡圈、开口销等</t>
  </si>
  <si>
    <t>【上海新拓】称重轴承座左右组合件\CS2036B\0651538D(ZH)TY\左右为一套</t>
  </si>
  <si>
    <t>【上海新拓】称重轴承座左右组合件\CS2036\0140638C(ZH)TY\左右为一套</t>
  </si>
  <si>
    <t>【上海新拓】称重轴承座左右组合件\CS2024\G5130504BZH)TY\左右为一套</t>
  </si>
  <si>
    <t>【上海新拓】称重轴承座左右组合件\CS2018\G1330504A(ZH)TY\左右为一套</t>
  </si>
  <si>
    <t>【上海新拓】称重托辊\CS2036B\CS06310320TY</t>
  </si>
  <si>
    <t>【上海新拓】称重托辊\CS2036\G5131604TY</t>
  </si>
  <si>
    <t>【上海新拓】称重托辊\CS2024\G1331604TY</t>
  </si>
  <si>
    <t>【上海新拓】称重托辊\CS2018\G2431603TY</t>
  </si>
  <si>
    <t>【上海新拓】称重托辊组件\CS2036B\CS05807320ZHB\含左右轴承座及油封挡圈</t>
  </si>
  <si>
    <t>【上海新拓】称重托辊组件\CS2036\CS05807320ZHC\含左右轴承座及油封挡圈</t>
  </si>
  <si>
    <t>【上海新拓】称重托辊组件\CS2024\CS05807320ZHA\含左右轴承座及油封挡圈</t>
  </si>
  <si>
    <t>【上海新拓】过渡法兰\CS2024\027066A18</t>
  </si>
  <si>
    <t>【上海新拓】链轮\CS2024\CS67185.B0901.6-3</t>
  </si>
  <si>
    <t>【上海新拓】刮板链条总成\CS2024\0100668(ZH)\含长翅链条销轴整台给煤机用量</t>
  </si>
  <si>
    <t>【上海新拓】刮板链条总成\CS2024\CS0450468(ZH)\含长翅链条销轴整台给煤机用量</t>
  </si>
  <si>
    <t>【上海新拓】刮板链条总成\CS2024\0250468(ZH)\含长翅链条销轴整台给煤机用量</t>
  </si>
  <si>
    <t>【上海新拓】刮板链条总成\CS2036B\0651568(ZH)\含长翅链条销轴整台给煤机用量</t>
  </si>
  <si>
    <t>【上海新拓】刮板链条总成\CS2024\0271068(ZH)\含长翅链条销轴整台给煤机用量</t>
  </si>
  <si>
    <t>【上海新拓】刮板链条总成\CS2024\0050968(ZH)\含长翅链条销轴整台给煤机用量</t>
  </si>
  <si>
    <t>【上海新拓】刮板链条总成\CS2024\0380768(ZH)\含长翅链条销轴整台给煤机用量</t>
  </si>
  <si>
    <t>【上海新拓】刮板链条总成\CS2024\CS0321268(ZH)B\含长翅链条销轴整台给煤机用量</t>
  </si>
  <si>
    <t>【上海新拓】刮板链条总成\CS2024\CS0321268(ZH)A\含长翅链条销轴整台给煤机用量</t>
  </si>
  <si>
    <t>【上海新拓】刮板链条总成\CS2036\CS0141562(ZH)\含长翅链条销轴整台给煤机用量</t>
  </si>
  <si>
    <t>【上海新拓】刮板链条总成\CS2036B\0281362(ZH)\含长翅链条销轴整台给煤机用量</t>
  </si>
  <si>
    <t>【上海新拓】刮板链条总成\CS2024\CS0161668(ZH)\含长翅链条销轴整台给煤机用量</t>
  </si>
  <si>
    <t>【上海新拓】SC调速板\CS2024\9224\T058807\9224</t>
  </si>
  <si>
    <t>【上海新拓】A3电流-频率转换板\CS2036B\CS063310QTY</t>
  </si>
  <si>
    <t>【上海新拓】A3电流-频率转换板\CS2036\CS051704QTY</t>
  </si>
  <si>
    <t>【上海新拓】A3电流-频率转换板\CS2024\CS013304QTY</t>
  </si>
  <si>
    <t>【上海新拓】A3电流-频率转换板\CS2018\CS024303QTY</t>
  </si>
  <si>
    <t>【上海新拓】A2频率-电压转换板\CS2036B\CS063410RTY</t>
  </si>
  <si>
    <t>【上海新拓】A2频率-电压转换板\CS2036\CS051104RTY</t>
  </si>
  <si>
    <t>【上海新拓】A2频率-电压转换板\CS2024\CS051304RTY</t>
  </si>
  <si>
    <t>【上海新拓】A2频率-电压转换板\CS2018\CS013504RTY</t>
  </si>
  <si>
    <t>【上海新拓】A1频率-电压转换板\CS2018\V058208TY</t>
  </si>
  <si>
    <t>【上海新拓】A1频率-电压转换板\CS2036B\CS013404RTY</t>
  </si>
  <si>
    <t>【上海新拓】A1频率-电压转换板\CS2036\CS024103RTY</t>
  </si>
  <si>
    <t>【上海新拓】A1频率-电压转换板\CS2024\CS024203RTY</t>
  </si>
  <si>
    <t>【上海新拓】煤流仪\CS2036B\CS080313HTY</t>
  </si>
  <si>
    <t>【上海新拓】煤流仪\CS2036\CS044112HTY</t>
  </si>
  <si>
    <t>【上海新拓】煤流仪\CS2024\CS013904HTY</t>
  </si>
  <si>
    <t>【上海新拓】煤流仪\CS2018\CS024303HTY</t>
  </si>
  <si>
    <t>【上海新拓】定向反光纸\CS2024\DF-1</t>
  </si>
  <si>
    <t>【上海新拓】定向反光板\CS2024\FGB-1</t>
  </si>
  <si>
    <t>【上海新拓】定度探头\CS2036B\CS063210N</t>
  </si>
  <si>
    <t>【上海新拓】定度探头\CS2036\CS051904N</t>
  </si>
  <si>
    <t>【上海新拓】定度探头\CS2024\CS013604N</t>
  </si>
  <si>
    <t>【上海新拓】定度探头\CS2018\CS024703N</t>
  </si>
  <si>
    <t>【上海新拓】称重传感器\CS2036B\CS063210LTY</t>
  </si>
  <si>
    <t>【上海新拓】称重传感器\CS2036\CS051204LTY</t>
  </si>
  <si>
    <t>【上海新拓】称重传感器\CS2024\CS013204LTY</t>
  </si>
  <si>
    <t>【上海新拓】称重传感器\CS2018\CS024603LTY</t>
  </si>
  <si>
    <t>【上海新拓】测速传感器\CS2036B\CS063410JTY</t>
  </si>
  <si>
    <t>【上海新拓】测速传感器\CS2036\CS051604JTY</t>
  </si>
  <si>
    <t>【上海新拓】测速传感器\CS2024\CS013704JTY</t>
  </si>
  <si>
    <t>【上海新拓】测速传感器\CS2018\CS024503JTY</t>
  </si>
  <si>
    <t>【上海新拓】标定砝码\CS2024\5KG\BDFM\5KG</t>
  </si>
  <si>
    <t>【上海新拓】反转卸煤槽\CS2036\FZXMC-04</t>
  </si>
  <si>
    <t>【上海新拓】反转卸煤槽\CS2036-B\FZXMC-03</t>
  </si>
  <si>
    <t>【上海新拓】反转卸煤槽\CS2024\FZXMC-02</t>
  </si>
  <si>
    <t>【上海新拓】反转卸煤槽\CS2018\FZXMC-01</t>
  </si>
  <si>
    <t>【上海新拓】标定挂码\CS2018\CSGM-03\外挂式CS2018</t>
  </si>
  <si>
    <t>【上海新拓】标定挂码\CS2036\CSGM-02\外挂式CS2036</t>
  </si>
  <si>
    <t>【上海新拓】砝码\CS2036\CSMF-02\内置式CS2036</t>
  </si>
  <si>
    <t>【上海新拓】标定挂码\CS2024\CSGM-01\外挂式CS2024</t>
  </si>
  <si>
    <t>【上海新拓】砝码\CS2024\CSMF-01\内置式CS2024</t>
  </si>
  <si>
    <t>【上海新拓】辊轮接长杆\CS2036\GLJCG-02\CS2036-B,CS2036通用</t>
  </si>
  <si>
    <t>【上海新拓】辊轮接长杆\CS2024\GLJCG-01\CS2024,CS2018通用</t>
  </si>
  <si>
    <t>【上海新拓】辊轮提升杆\CS2036\GLTSG-02\CS2036-B,CS2036通用</t>
  </si>
  <si>
    <t>【上海新拓】辊轮提升杆\CS2024\GLTSG-01\CS2024,CS2018通用</t>
  </si>
  <si>
    <t>【上海新拓】辊轮拆卸座\CS2036\CS2036\GLCXZ-04\CS2036</t>
  </si>
  <si>
    <t>【上海新拓】辊轮拆卸座\CS2036-B\CS2036-B\GLCXZ-03\CS2036-B</t>
  </si>
  <si>
    <t>【上海新拓】辊轮拆卸座\CS2024\CS2024\GLCXZ-02\CS2024</t>
  </si>
  <si>
    <t>【上海新拓】辊轮拆卸座\CS2018\CS2018\GLCXZ-01\CS2018</t>
  </si>
  <si>
    <t>【上海新拓】下阀门电装装置\CS2024\SMF-01-1</t>
  </si>
  <si>
    <t>【上海新拓】上阀门电动装置\CS2024\SMF-01-2</t>
  </si>
  <si>
    <t>【上海新拓】非金属膨胀节\CS2024\CS080021310</t>
  </si>
  <si>
    <t>【上海新拓】煤仓出口料斗\CS2018B\CS0204504TY</t>
  </si>
  <si>
    <t>【上海新拓】煤仓出口料斗\CS2036B\CS0202504TY</t>
  </si>
  <si>
    <t>【上海新拓】煤仓出口料斗\CS2036A\CS0200419TY</t>
  </si>
  <si>
    <t>【上海新拓】煤仓出口料斗\CS2024B\CS0204304TY</t>
  </si>
  <si>
    <t>【上海新拓】煤仓出口料斗\CS2024A\CS010021310TY</t>
  </si>
  <si>
    <t>【上海新拓】煤仓出口料斗\CS2018A\CS0202705TY</t>
  </si>
  <si>
    <t>【上海新拓】出口料斗\CS2036C\G2497004TY</t>
  </si>
  <si>
    <t>【上海新拓】出口料斗\CS2036B\G2797004TY</t>
  </si>
  <si>
    <t>【上海新拓】出口料斗\CS2036A\G1097007TY</t>
  </si>
  <si>
    <t>【上海新拓】出口料斗\CS2024B\CS06310970TY</t>
  </si>
  <si>
    <t>【上海新拓】出口料斗\CS2024A\G5197004TY</t>
  </si>
  <si>
    <t>【上海新拓】出口料斗\CS2018B\G1397004TY</t>
  </si>
  <si>
    <t>【上海新拓】出口料斗\CS2018A\G2497003TY</t>
  </si>
  <si>
    <t>【上海新拓】下落煤直管\CS2024\XT04204910TY</t>
  </si>
  <si>
    <t>【上海新拓】下落煤直管\CS2024\XT01804910TY</t>
  </si>
  <si>
    <t>【上海新拓】上落煤直管\CS2036B\G2792004TY</t>
  </si>
  <si>
    <t>【上海新拓】上落煤直管\CS2036\G1092007TY</t>
  </si>
  <si>
    <t>【上海新拓】下落煤直管\CS2024\CS06310940TY</t>
  </si>
  <si>
    <t>【上海新拓】上落煤直管\CS2024\CS06310920TY</t>
  </si>
  <si>
    <t>【上海新拓】上落煤直管\CS2018\G5192004TY</t>
  </si>
  <si>
    <t>【上海新拓】上落煤短管\CS2036B\G0192003TY</t>
  </si>
  <si>
    <t>【上海新拓】上落煤短管\CS2036\G1392003TY</t>
  </si>
  <si>
    <t>【上海新拓】下落煤短管\CS2036B\02303963TY</t>
  </si>
  <si>
    <t>【上海新拓】下落煤短管\CS2036\G1094007TY</t>
  </si>
  <si>
    <t>【上海新拓】下落煤短管\CS2024\G1394004TY</t>
  </si>
  <si>
    <t>【上海新拓】上落煤短管\CS2024\G1392004TY</t>
  </si>
  <si>
    <t>【上海新拓】上落煤短管\CS2018\G2492003TY</t>
  </si>
  <si>
    <t>【上海新拓】上联接器密封条\CS2036B\CS050801331TY</t>
  </si>
  <si>
    <t>【上海新拓】上联接器密封条\CS2036\CS050140631TY</t>
  </si>
  <si>
    <t>【上海新拓】下联接器密封条\CS2036C\G2498104TY</t>
  </si>
  <si>
    <t>【上海新拓】下联接器密封条\CS2036B\G2798104TY</t>
  </si>
  <si>
    <t>【上海新拓】下联接器密封条\CS2036A\G1098107TY</t>
  </si>
  <si>
    <t>【上海新拓】下联接器密封条\CS2024B\CS100580711TY</t>
  </si>
  <si>
    <t>【上海新拓】下联接器密封条\CS2024A\G5198104TY</t>
  </si>
  <si>
    <t>【上海新拓】下联接器密封条\CS2018B\G1398104TY</t>
  </si>
  <si>
    <t>【上海新拓】下联接器密封条\CS2018A\G2498103TY</t>
  </si>
  <si>
    <t>【上海新拓】上联接器密封条\CS2024\CS050580771TY</t>
  </si>
  <si>
    <t>【上海新拓】上落煤管Ⅱ\CS2036C\CS0302710TY</t>
  </si>
  <si>
    <t>【上海新拓】上落煤管Ⅰ\CS2036C\CS0202710TY</t>
  </si>
  <si>
    <t>【上海新拓】上落煤管Ⅱ\CS2036B\CS0300509TY</t>
  </si>
  <si>
    <t>【上海新拓】上落煤管Ⅰ\CS2036B\CS0200509TY</t>
  </si>
  <si>
    <t>【上海新拓】上落煤管Ⅰ\CS2036A\CS0203807TY</t>
  </si>
  <si>
    <t>【上海新拓】上落煤管Ⅱ\CS2036A\CS0301415TY</t>
  </si>
  <si>
    <t>【上海新拓】上落煤管Ⅰ\CS2024B\CS0201415TY</t>
  </si>
  <si>
    <t>【上海新拓】下落煤管Ⅰ\CS2036C\CS0902813ATY</t>
  </si>
  <si>
    <t>【上海新拓】下落煤管Ⅱ\CS2036C\CS0901616BTY</t>
  </si>
  <si>
    <t>【上海新拓】下落煤管Ⅰ\CS2036B\CS0901616ATY</t>
  </si>
  <si>
    <t>【上海新拓】下落煤管Ⅱ\CS2036B\CS0903508BTY</t>
  </si>
  <si>
    <t>【上海新拓】下落煤管Ⅰ\CS2036A\CS0903508ATY</t>
  </si>
  <si>
    <t>【上海新拓】上落煤管Ⅱ\CS2024B\CS0303508TY</t>
  </si>
  <si>
    <t>【上海新拓】上落煤管Ⅰ\CS2024A\CS0203508TY</t>
  </si>
  <si>
    <t>【上海新拓】下落煤管Ⅱ\CS2036A\CS0905108BTY</t>
  </si>
  <si>
    <t>【上海新拓】下落煤管Ⅰ\CS2024B\CS0905108ATY</t>
  </si>
  <si>
    <t>【上海新拓】上落煤管Ⅱ\CS2024A\CS0305108TY</t>
  </si>
  <si>
    <t>【上海新拓】上落煤管Ⅰ\CS2018B\CS0205108TY</t>
  </si>
  <si>
    <t>【上海新拓】下落煤管Ⅱ\CS2024B\CS0905807BTY</t>
  </si>
  <si>
    <t>【上海新拓】下落煤管Ⅰ\CS2024A\CS0905807ATY</t>
  </si>
  <si>
    <t>【上海新拓】上落煤管Ⅱ\CS2018B\CS0305807TY</t>
  </si>
  <si>
    <t>【上海新拓】上落煤管Ⅰ\CS2018A\CS0205807TY</t>
  </si>
  <si>
    <t>【上海新拓】下落煤管Ⅱ\CS2024A\CS0908013BTY</t>
  </si>
  <si>
    <t>【上海新拓】下落煤管Ⅰ\CS2018B\CS0908013ATY</t>
  </si>
  <si>
    <t>【上海新拓】上落煤管联接器(组合件)\CS2036B\CS050801330\含橡胶圈、压环、中间环、螺栓、螺母</t>
  </si>
  <si>
    <t>【上海新拓】下落煤管Ⅱ\CS2018B\CS09009142BTY</t>
  </si>
  <si>
    <t>【上海新拓】下落煤管Ⅱ\CS2018A\CS09009141BTY</t>
  </si>
  <si>
    <t>【上海新拓】下落煤管Ⅰ\CS2018A\CS0900914ATY</t>
  </si>
  <si>
    <t>【上海新拓】上落煤管Ⅱ\CS2018A\CS0203316TY</t>
  </si>
  <si>
    <t>【上海新拓】上落煤管联接器(组合件)\CS2036\CS050140630\含橡胶圈、压环、中间环、螺栓、螺母</t>
  </si>
  <si>
    <t>【上海新拓】下落煤管\CS2036C\G2493004TY</t>
  </si>
  <si>
    <t>【上海新拓】上落煤管\CS2036C\G2491004TY</t>
  </si>
  <si>
    <t>【上海新拓】下落煤管\CS2036B\G2793004TY</t>
  </si>
  <si>
    <t>【上海新拓】上落煤管\CS2036B\G2791004TY</t>
  </si>
  <si>
    <t>【上海新拓】下落煤管\CS2036A\G1093007TY</t>
  </si>
  <si>
    <t>【上海新拓】上落煤管\CS2036A\G1091007TY</t>
  </si>
  <si>
    <t>【上海新拓】下落煤管\CS2024B\CS06310930TY</t>
  </si>
  <si>
    <t>【上海新拓】上落煤管\CS2024B\CS06310910TY</t>
  </si>
  <si>
    <t>【上海新拓】下落煤管联接器(组合件)\CS2036B\CS100580710(ZH)TY\含橡胶圈、压环、中间环、螺栓、螺母</t>
  </si>
  <si>
    <t>【上海新拓】下落煤管\CS2024A\G5193004TY</t>
  </si>
  <si>
    <t>【上海新拓】刮板链条总成\CS2024\0350868(ZH)\含长翅链条销轴整台给煤机用量</t>
  </si>
  <si>
    <t>【上海新拓】刮板链条总成\CS2036\CS0100862(ZH)\含长翅链条销轴整台给煤机用量</t>
  </si>
  <si>
    <t>【上海新拓】刮板链条总成\CS2024\0510868(ZH)\含长翅链条销轴整台给煤机用量</t>
  </si>
  <si>
    <t>【上海新拓】刮板链条总成\CS2024\G0160606(ZH)\含长翅链条销轴整台给煤机用量</t>
  </si>
  <si>
    <t>【上海新拓】刮板链条总成\CS2024\G1360606(ZH)\含长翅链条销轴整台给煤机用量</t>
  </si>
  <si>
    <t>【上海新拓】刮板链条总成\CS2024\CS0580768(ZH)\含长翅链条销轴整台给煤机用量</t>
  </si>
  <si>
    <t>【上海新拓】刮板链条总成\CS2036\0140662(ZH)\含长翅链条销轴整台给煤机用量</t>
  </si>
  <si>
    <t>【上海新拓】刮板链条总成\CS2036B\CS0801362(ZH)\含长翅链条销轴整台给煤机用量</t>
  </si>
  <si>
    <t>【上海新拓】刮板链条总成\CS2024\CS0091468(ZH)\含长翅链条销轴整台给煤机用量</t>
  </si>
  <si>
    <t>【上海新拓】刮板链条总成\CS2024\CS0331668(ZH)\含长翅链条销轴整台给煤机用量</t>
  </si>
  <si>
    <t>【上海新拓】刮板链条总成\CS2024\0270668(ZH)\含长翅链条销轴整台给煤机用量</t>
  </si>
  <si>
    <t>【上海新拓】刮板链条总成\CS2024\A9728.6-8(ZH)\含长翅链条销轴整台给煤机用量</t>
  </si>
  <si>
    <t>【上海新拓】刮板链条总成\CS2036\CS0041962(ZH)\含长翅链条销轴整台给煤机用量</t>
  </si>
  <si>
    <t>【上海新拓】刮板链条总成\CS2036\CS0170562(ZH)\含长翅链条销轴整台给煤机用量</t>
  </si>
  <si>
    <t>【上海新拓】刮板链条总成\CS2024\0280468(ZH)\含长翅链条销轴整台给煤机用量</t>
  </si>
  <si>
    <t>【上海新拓】刮板链条总成\CS2024\0430468(ZH)\含长翅链条销轴整台给煤机用量</t>
  </si>
  <si>
    <t>【上海新拓】刮板链条总成\CS2024\G03760604(ZH)\含长翅链条销轴整台给煤机用量</t>
  </si>
  <si>
    <t>【上海新拓】刮板链条总成\CS2024\CS060021368(ZH)\含长翅链条销轴整台给煤机用量</t>
  </si>
  <si>
    <t>【上海新拓】刮板链条总成\CS2024\CS0270568(ZH)\含长翅链条销轴整台给煤机用量</t>
  </si>
  <si>
    <t>【上海新拓】刮板链条总成\CS2024\CS0231368(ZH)\含长翅链条销轴整台给煤机用量</t>
  </si>
  <si>
    <t>【上海新拓】刮板链条总成\CS2024\XT0420468(ZH)\含长翅链条销轴整台给煤机用量</t>
  </si>
  <si>
    <t>【上海新拓】刮板链条总成\CS2024\XT0180468(ZH)\含长翅链条销轴整台给煤机用量</t>
  </si>
  <si>
    <t>【上海新拓】刮板链条总成\CS2024\0230368(ZH)\含长翅链条销轴整台给煤机用量</t>
  </si>
  <si>
    <t>【上海新拓】刮板链条总成\CS2024\G2460604(ZH)\含长翅链条销轴整台给煤机用量</t>
  </si>
  <si>
    <t>【上海新拓】刮板链条总成\CS2024\G2760604(ZH)\含长翅链条销轴整台给煤机用量</t>
  </si>
  <si>
    <t>【上海新拓】链条销轴\CS2024\CS058076A10</t>
  </si>
  <si>
    <t>【上海新拓】链条\CS2036B\CS0631069TY</t>
  </si>
  <si>
    <t>【上海新拓】链条\CS2036\G5160704TY</t>
  </si>
  <si>
    <t>【上海新拓】上落煤管\CS2024A\G5191004TY</t>
  </si>
  <si>
    <t>【上海新拓】下落煤管联接器(组合件)\CS2036\G5198004(ZH)TY\含橡胶圈、压环、中间环、螺栓、螺母</t>
  </si>
  <si>
    <t>【上海新拓】下落煤管\CS2018B\G1393004TY</t>
  </si>
  <si>
    <t>【上海新拓】上落煤管\CS2018B\G1391004TY</t>
  </si>
  <si>
    <t>【上海新拓】下落煤管联接器(组合件)\CS2024\G1398004(ZH)TY\含橡胶圈、压环、中间环、螺栓、螺母</t>
  </si>
  <si>
    <t>【上海新拓】下落煤管\CS2018A\G2493003TY</t>
  </si>
  <si>
    <t>【上海新拓】上落煤管\CS2018A\G2491003TY</t>
  </si>
  <si>
    <t>【上海新拓】下落煤管联接器(组合件)\CS2018\G2498003(ZH)TY\含橡胶圈、压环、中间环、螺栓、螺母</t>
  </si>
  <si>
    <t>【上海新拓】上落煤管联接器(组合件)\CS2024\CS050580770(ZH)\含橡胶圈、压环、中间环、螺栓、螺母</t>
  </si>
  <si>
    <t>【上海新拓】轴承透盖(组合件)\CS2036B\CS01043042A13(ZH)TY\含轴承、油封、挡圈、闷盖等</t>
  </si>
  <si>
    <t>【上海新拓】轴承透盖(组合件)\CS2036\G037100042A13(ZH)TY\含轴承、油封、挡圈、闷盖等</t>
  </si>
  <si>
    <t>【上海新拓】轴承透盖(组合件)\CS2024\CS01027052A13(ZH)TY\含轴承、油封、挡圈、闷盖等</t>
  </si>
  <si>
    <t>【上海新拓】轴承透盖(组合件)\CS2018\CS01058072A13(ZH)TY\含轴承、油封、挡圈、闷盖等</t>
  </si>
  <si>
    <t>【上海新拓】齿轮轴\CS2036\CS0805807230TY</t>
  </si>
  <si>
    <t>【上海新拓】电磁阀(气动用)\CS2024\CS08058071\含齿孔板（左）及齿孔板（右）</t>
  </si>
  <si>
    <t>【上海新拓】电磁阀(气动用)\CS2036\CS010441209\含齿孔板（左）及齿孔板（右）</t>
  </si>
  <si>
    <t>【上海新拓】阀门滑轨(左)\CS2024\CS080651528\含螺母、垫片</t>
  </si>
  <si>
    <t>【上海新拓】阀门滑轨(右)\CS2024\CS080651526\含螺母、垫片</t>
  </si>
  <si>
    <t>【上海新拓】联轴齿\CS2036\CS08063101A12TY</t>
  </si>
  <si>
    <t>【上海新拓】链条\CS2024\G1360704TY</t>
  </si>
  <si>
    <t>【上海新拓】链条\CS2018\G2460703TY</t>
  </si>
  <si>
    <t>【上海新拓】刮板链条\CS2036B\CS0631068TY\长翅</t>
  </si>
  <si>
    <t>【上海新拓】刮板链条\CS2036\G5160604TY\长翅</t>
  </si>
  <si>
    <t>【上海新拓】刮板链条\CS2024\G1360604TY\长翅</t>
  </si>
  <si>
    <t>【上海新拓】刮板链条\CS2018\G2460603TY\长翅</t>
  </si>
  <si>
    <t>【上海新拓】刮板链条组件\CS2036B\G1360604(ZH)\1个刮板长翅+7个链条组合含销轴等/组</t>
  </si>
  <si>
    <t>【上海新拓】刮板链条组件\CS2036\G1360604(ZH)TY\1个刮板长翅+7个链条组合含销轴等/组</t>
  </si>
  <si>
    <t>【上海新拓】刮板链条组件\CS2024\G2460603(ZH)\1个刮板长翅+7个链条组合含销轴等/组</t>
  </si>
  <si>
    <t>【上海新拓】刮板链条组件\CS2018\G2460603(ZH)TY\1个刮板长翅+7个链条组合含销轴等/组</t>
  </si>
  <si>
    <t>【上海新拓】加油胶管\CS2024C\CS0580720CTY\含联接螺钉、带螺母、垫片、接管</t>
  </si>
  <si>
    <t>【上海新拓】滑块\CS2024\G2460303TY</t>
  </si>
  <si>
    <t>【上海新拓】清扫张紧拉杆组件\CS2036B\CS0580761B\含螺杆座、垫圈</t>
  </si>
  <si>
    <t>【上海新拓】清扫张紧拉杆组件\CS2036\CS0580761C\含螺杆座、垫圈</t>
  </si>
  <si>
    <t>【上海新拓】清扫张紧拉杆组件\CS2024\CS0580761A\含螺杆座、垫圈</t>
  </si>
  <si>
    <t>【上海新拓】清扫张紧拉杆组件\CS2018\CS0580761D\含螺杆座、垫圈</t>
  </si>
  <si>
    <t>【上海新拓】清扫张紧支座\CS2036B\CS0580763B</t>
  </si>
  <si>
    <t>【上海新拓】清扫张紧支座\CS2036\CS0580763C</t>
  </si>
  <si>
    <t>【上海新拓】清扫张紧支座\CS2024\CS0580763A</t>
  </si>
  <si>
    <t>【上海新拓】清扫张紧支座\CS2018\CS0580763D</t>
  </si>
  <si>
    <t>【上海新拓】清扫张紧拉杆\CS2036B\CS0631061TY</t>
  </si>
  <si>
    <t>【上海新拓】清扫张紧拉杆\CS2036\G5160104TY</t>
  </si>
  <si>
    <t>【上海新拓】清扫张紧拉杆\CS2024\G1360104TY</t>
  </si>
  <si>
    <t>【上海新拓】清扫张紧拉杆\CS2018\G2460103TY</t>
  </si>
  <si>
    <t>【上海新拓】轴承透盖\CS2024\CS058076A16</t>
  </si>
  <si>
    <t>【上海新拓】轴\CS2036B\0281361TY\用于从动链轮</t>
  </si>
  <si>
    <t>【上海新拓】轴\CS2036\CS0100861TY\用于从动链轮</t>
  </si>
  <si>
    <t>【上海新拓】轴\CS2024\0510866TY\用于从动链轮</t>
  </si>
  <si>
    <t>【上海新拓】轴\CS2018\CS0580766TY\用于从动链轮</t>
  </si>
  <si>
    <t>【上海新拓】从动链轮轴\CS2036B\CS08013610TY\不含轴</t>
  </si>
  <si>
    <t>【上海新拓】从动链轮轴\CS2036\CS00419610TY\不含轴</t>
  </si>
  <si>
    <t>【上海新拓】从动链轮轴\CS2024\G1360504TY\不含轴</t>
  </si>
  <si>
    <t>【上海新拓】从动链轮轴\CS2018\G2460503TY\不含轴</t>
  </si>
  <si>
    <t>【上海新拓】联轴齿\CS2024\CS080580729</t>
  </si>
  <si>
    <t>【上海新拓】联接头(组合件)\CS2036B\A9727.7-10(ZH)TY\含轴承、油封、挡圈等</t>
  </si>
  <si>
    <t>【上海新拓】联接头(组合件)\CS2036\CS080280425(ZH)TY\含轴承、油封、挡圈等</t>
  </si>
  <si>
    <t>【上海新拓】联接头(组合件)\CS2024\CS080430425(ZH)TY\含轴承、油封、挡圈等</t>
  </si>
  <si>
    <t>【上海新拓】联接头(组合件)\CS2018\CS080270525(ZH)TY\含轴承、油封、挡圈等</t>
  </si>
  <si>
    <t>【上海新拓】联接头(1:1)(组合件)\CS2036B\G1021007(ZH)TY\含轴承、油封、挡圈等</t>
  </si>
  <si>
    <t>【上海新拓】联接头(1:1)(组合件)\CS2036\G5121004(ZH)TY\含轴承、油封、挡圈等</t>
  </si>
  <si>
    <t>【上海新拓】联接头(1:1)(组合件)\CS2024\G1321004(ZH)TY\含轴承、油封、挡圈等</t>
  </si>
  <si>
    <t>【上海新拓】联接头(1:1)(组合件)\CS2018\G2421003(ZH)TY\含轴承、油封、挡圈等</t>
  </si>
  <si>
    <t>【上海新拓】联齿轴\CS2024\CS01027051A12TY</t>
  </si>
  <si>
    <t>【上海新拓】联齿轴\CS2036B\CS08004191A12TY\含轴承、油封、挡圈等</t>
  </si>
  <si>
    <t>【上海新拓】联齿轴\CS2036\CS08017051A12TY\含轴承、油封、挡圈等</t>
  </si>
  <si>
    <t>【上海新拓】连杆\CS2036\CS010441207TY</t>
  </si>
  <si>
    <t>【上海新拓】连杆\CS2036B\CS080441205TY</t>
  </si>
  <si>
    <t>【上海新拓】连杆\CS2024\CS080580705TY</t>
  </si>
  <si>
    <t>【上海新拓】内齿圈\CS2024\CS080580727</t>
  </si>
  <si>
    <t>【上海新拓】闸板II\CS2036B\CS01004195</t>
  </si>
  <si>
    <t>【上海新拓】闸板II\CS2036\CS010441204</t>
  </si>
  <si>
    <t>【上海新拓】闸板II\CS2024\CS010231306</t>
  </si>
  <si>
    <t>【上海新拓】闸板I\CS2036B\CS01004194</t>
  </si>
  <si>
    <t>【上海新拓】闸板I\CS2036\CS010441203</t>
  </si>
  <si>
    <t>【上海新拓】闸板I\CS2024\CS010231305</t>
  </si>
  <si>
    <t>【上海新拓】闸板\CS2036B\CS010651502TY</t>
  </si>
  <si>
    <t>【上海新拓】闸板\CS2036\CS080441202TY</t>
  </si>
  <si>
    <t>【上海新拓】闸板\CS2024\CS080580702TY</t>
  </si>
  <si>
    <t>【上海新拓】闸板\CS2018\CS01024131TY</t>
  </si>
  <si>
    <t>【上海新拓】圆柱销\CS2024\CS080331609TY</t>
  </si>
  <si>
    <t>【上海新拓】圆柱销\CS2036B\CS010651505TY</t>
  </si>
  <si>
    <t>【上海新拓】圆柱销\CS2036\CS01004193TY</t>
  </si>
  <si>
    <t>【上海新拓】圆柱销\CS2018\CS010231304TY</t>
  </si>
  <si>
    <t>【上海新拓】梯形螺杆\CS2018\CS010331601TY</t>
  </si>
  <si>
    <t>【上海新拓】梯形螺杆\CS2036B\CS010651504TY</t>
  </si>
  <si>
    <t>【上海新拓】梯形螺杆\CS2036\CS01004191TY</t>
  </si>
  <si>
    <t>【上海新拓】从动链轮轴组合件\CS2036B\CS08013610(ZH)TY\含轴、衬套、轴承透盖、轴承、油封、挡圈等</t>
  </si>
  <si>
    <t>【上海新拓】从动链轮轴组合件\CS2036\CS01705610(ZH)TY\含轴、衬套、轴承透盖、轴承、油封、挡圈等</t>
  </si>
  <si>
    <t>【上海新拓】从动链轮轴组合件\CS2024\G1360504(ZH)TY\含轴、衬套、轴承透盖、轴承、油封、挡圈等</t>
  </si>
  <si>
    <t>【上海新拓】从动链轮轴组合件\CS2018\G2460503(ZH)TY\含轴、衬套、轴承透盖、轴承、油封、挡圈等</t>
  </si>
  <si>
    <t>【上海新拓】半联轴节(Ⅱ)\CS2036B\'CS06002136A14</t>
  </si>
  <si>
    <t>【上海新拓】半联轴节(Ⅱ)\CS2036\023036A14</t>
  </si>
  <si>
    <t>【上海新拓】半联轴节(Ⅱ)\CS2024\CS063106A14</t>
  </si>
  <si>
    <t>【上海新拓】半联轴节(Ⅱ)\CS2018\CS058076A14</t>
  </si>
  <si>
    <t>【上海新拓】半联轴节(Ⅰ)\CS2036\038076A14</t>
  </si>
  <si>
    <t>【上海新拓】半联轴节(Ⅰ)\CS2024\CS016166A14</t>
  </si>
  <si>
    <t>【上海新拓】半联轴节(Ⅰ)\CS2018\CS080136A14</t>
  </si>
  <si>
    <t>【上海新拓】半联轴节(Ⅰ)\CS2036B\CS058076A13</t>
  </si>
  <si>
    <t>【上海新拓】套圈\CS2036\A9728.6-12</t>
  </si>
  <si>
    <t>【上海新拓】套圈\CS2024\CS058076A12</t>
  </si>
  <si>
    <t>【上海新拓】轴承盖\CS2036\014066A11TY</t>
  </si>
  <si>
    <t>【上海新拓】轴承盖\CS2036B\CS080136A11TY</t>
  </si>
  <si>
    <t>【上海新拓】轴承盖\CS2024\XT018046A11TY</t>
  </si>
  <si>
    <t>【上海新拓】轴承盖\CS2018\CS063106A11TY</t>
  </si>
  <si>
    <t>【上海新拓】轴承盖组合件\CS2024\XT018046A11(ZH)TY\含套圈、轴承、油封、挡圈等</t>
  </si>
  <si>
    <t>【上海新拓】轴承盖组合件\CS2036\014066A11(ZH)TY\含套圈、轴承、油封、挡圈等</t>
  </si>
  <si>
    <t>【上海新拓】轴承盖组合件\CS2018\CS063106A11(ZH)TY\含套圈、轴承、油封、挡圈等</t>
  </si>
  <si>
    <t>【上海新拓】轴承盖组合件\CS2036B\CS080136A11(ZH)TY\含套圈、轴承、油封、挡圈等</t>
  </si>
  <si>
    <t>【上海新拓】驱动链轮轴\CS2024\G1361104TY</t>
  </si>
  <si>
    <t>【上海新拓】驱动链轮轴\CS2036\CS01705620TY</t>
  </si>
  <si>
    <t>【上海新拓】驱动链轮轴\CS2036B\CS08013620TY</t>
  </si>
  <si>
    <t>【上海新拓】驱动链轮轴\CS2018\G2461103TY</t>
  </si>
  <si>
    <t>【上海新拓】进口托架\CS2036B\6515890</t>
  </si>
  <si>
    <t>【上海新拓】进口托辊\CS2024\CS67185.B0901.5.3.0\含皮带上托辊</t>
  </si>
  <si>
    <t>【上海新拓】进口上托辊\CS2018\CS010085A19TY</t>
  </si>
  <si>
    <t>【上海新拓】进口上托辊\CS2024\014065A19TY</t>
  </si>
  <si>
    <t>【上海新拓】进口上托辊\CS2036B\CS080135A19TY</t>
  </si>
  <si>
    <t>【上海新拓】进口上托辊\CS2036\CS017055A189TY</t>
  </si>
  <si>
    <t>【上海新拓】梯形螺杆\CS2024\CS010231301TY</t>
  </si>
  <si>
    <t>【上海新拓】气动执行器\CS2024\CS0805807QGTY</t>
  </si>
  <si>
    <t>【上海新拓】气动执行器\CS2036\CS010441208TY</t>
  </si>
  <si>
    <t>【上海新拓】气动执行器\CS2018\CS080441206TY</t>
  </si>
  <si>
    <t>【上海新拓】煤阀门闸板(组合件)\CS2036\CS01028041.4.0(ZH)TY\含左、右齿孔板</t>
  </si>
  <si>
    <t>【上海新拓】煤阀门闸板(组合件)\CS2036B\CS08028042.4.0(ZH)TY\含左、右齿孔板</t>
  </si>
  <si>
    <t>【上海新拓】煤阀门闸板(组合件)\CS2024\G2421703(ZH)TY\含左、右齿孔板</t>
  </si>
  <si>
    <t>【上海新拓】煤阀门闸板(组合件)\CS2018\G2411503(ZH)TY\含左、右齿孔板</t>
  </si>
  <si>
    <t>【上海新拓】煤仓出口双向插板阀\CS2036\CS0100419</t>
  </si>
  <si>
    <t>【上海新拓】煤仓出口双向插板阀\CS2024\CS0102313</t>
  </si>
  <si>
    <t>【上海新拓】煤仓出口气动煤阀\CS2024\CS0102413</t>
  </si>
  <si>
    <t>【上海新拓】煤仓出口电动双开煤阀门\CS2024\CS010580730DD2\不含电动装置</t>
  </si>
  <si>
    <t>【上海新拓】煤仓出口电动煤阀\CS2036\CS0108013\不含电动装置</t>
  </si>
  <si>
    <t>【上海新拓】煤仓出口电动煤阀(整套)\CS2036B\CS0106515\不含电动装置</t>
  </si>
  <si>
    <t>【上海新拓】煤仓出口电动煤阀(整套)\CS2024\CS01B027006\不含电动装置</t>
  </si>
  <si>
    <t>【上海新拓】煤仓出口电动煤阀(整套)\CS2018\CS01A07050\不含电动装置</t>
  </si>
  <si>
    <t>【上海新拓】煤仓出口电动煤阀(整套)\CS2024\CS0106310\槽钢型整套</t>
  </si>
  <si>
    <t>【上海新拓】进口对开式气动闸阀(整套)\CS2036\CS0104412\不含电装</t>
  </si>
  <si>
    <t>【上海新拓】减速器(1:6)\CS2018\CS010631069A11(ZH)TY\含联齿轴、齿轮、轴承、油封、油嘴等</t>
  </si>
  <si>
    <t>【上海新拓】减速器(1:6)\CS2036B\A9727.6-7-9(ZH)TY\1:3含联齿轴、齿轮、轴承、油封、油嘴等</t>
  </si>
  <si>
    <t>【上海新拓】减速器(1:6)\CS2036\CS010580719A1160(ZH)TY\1:3箱体箱盖含联齿轴、齿轮、轴承、油封、油嘴等</t>
  </si>
  <si>
    <t>【上海新拓】减速器(1:6)\CS2024\CS010580719A1130(ZH)TY\1:6箱体箱盖，含联齿轴、齿轮、轴承、油封、油嘴等</t>
  </si>
  <si>
    <t>【上海新拓】减速器(1:3)\CS2036B\G271070904(ZH)TY\含联齿轴、齿轮、轴承、油封、油嘴等</t>
  </si>
  <si>
    <t>【上海新拓】减速器(1:3)\CS2024\CS0806319A11(ZH)TY\含联齿轴、齿轮、轴承、油封、油嘴等</t>
  </si>
  <si>
    <t>【上海新拓】减速器(1:3)\CS2018\G511070904(ZH)TY\含联齿轴、齿轮、轴承、油封、油嘴等</t>
  </si>
  <si>
    <t>【上海新拓】减速器(1:3)\CS2036\G101070907(ZH)TY\含联齿轴、齿轮、轴承、油封、油嘴等</t>
  </si>
  <si>
    <t>【上海新拓】滚轮(组合件)\CS2036B\CS0102705160(ZH)TY\含螺母、垫片、油嘴</t>
  </si>
  <si>
    <t>【上海新拓】滚轮(组合件)\CS2036\G2712004(ZH)TY\含螺母、垫片、油嘴</t>
  </si>
  <si>
    <t>【上海新拓】滚轮(组合件)\CS2024\G1012007(ZH)TY\含螺母、垫片、油嘴</t>
  </si>
  <si>
    <t>【上海新拓】下托辊\CS2036B\005095A310TY</t>
  </si>
  <si>
    <t>【上海新拓】下托辊\CS2036\CS032125A310TY</t>
  </si>
  <si>
    <t>【上海新拓】下托辊\CS2024\G1353806TY</t>
  </si>
  <si>
    <t>【上海新拓】下托辊(A3)\CS2024\G51537204</t>
  </si>
  <si>
    <t>【上海新拓】下托辊\CS2018\028045A31TY</t>
  </si>
  <si>
    <t>【上海新拓】皮带下托辊\CS2018\G03753104TY</t>
  </si>
  <si>
    <t>【上海新拓】皮带上托辊\CS2036B\065155A19TY</t>
  </si>
  <si>
    <t>【上海新拓】皮带上托辊\CS2036\028043.2.0TY</t>
  </si>
  <si>
    <t>【上海新拓】皮带上托辊\CS2024\G03750504TY</t>
  </si>
  <si>
    <t>【上海新拓】橡胶刮板\CS2018\CS67185.B0901.5.6-2TY</t>
  </si>
  <si>
    <t>【上海新拓】橡胶刮板\CS2036B\CS08013552TY</t>
  </si>
  <si>
    <t>【上海新拓】橡胶刮板\CS2036\CS00419552TY</t>
  </si>
  <si>
    <t>【上海新拓】橡胶刮板\CS2024\CS05807562TY</t>
  </si>
  <si>
    <t>【上海新拓】皮带清洁刮板组合件\CS2036B\CS08013550(ZH)TY\含橡胶刮板、铜轴套、螺栓、螺母等</t>
  </si>
  <si>
    <t>【上海新拓】皮带清洁刮板组合件\CS2036\CS01705550(ZH)TY\含橡胶刮板、铜轴套、螺栓、螺母等</t>
  </si>
  <si>
    <t>【上海新拓】皮带清洁刮板组合件\CS2024\G1351204(ZH)TY\含橡胶刮板、铜轴套、螺栓、螺母等</t>
  </si>
  <si>
    <t>【上海新拓】皮带清洁刮板组合件\CS2018\G2451203(ZH)TY\含橡胶刮板、铜轴套、螺栓、螺母等</t>
  </si>
  <si>
    <t>【上海新拓】皮带支承板\CS2036B\CS06310530TY</t>
  </si>
  <si>
    <t>【上海新拓】皮带支承板\CS2036\G5150504TY</t>
  </si>
  <si>
    <t>【上海新拓】皮带支承板\CS2024\G1350504TY</t>
  </si>
  <si>
    <t>【上海新拓】皮带支承板\CS2018\G2450503TY</t>
  </si>
  <si>
    <t>【上海新拓】给料胶带\CS2024\6100203</t>
  </si>
  <si>
    <t>【上海新拓】给料胶带\CS2024\G2450603</t>
  </si>
  <si>
    <t>【上海新拓】给料胶带\CS2024\G1350604</t>
  </si>
  <si>
    <t>【上海新拓】给料胶带\CS2024\G5150604</t>
  </si>
  <si>
    <t>【上海新拓】给料胶带\CS2024\CS063110E</t>
  </si>
  <si>
    <t>【上海新拓】给料胶带\CS2024\G1050607</t>
  </si>
  <si>
    <t>【上海新拓】给料胶带\CS2024\G2750604</t>
  </si>
  <si>
    <t>【上海新拓】给料胶带\CS2024\G2450604</t>
  </si>
  <si>
    <t>【上海新拓】给料胶带\CS2024\230353</t>
  </si>
  <si>
    <t>【上海新拓】给料胶带\CS2024\XT0186014</t>
  </si>
  <si>
    <t>【上海新拓】给料胶带\CS2024\XT0426014</t>
  </si>
  <si>
    <t>【上海新拓】给料胶带\CS2024\CS0231353</t>
  </si>
  <si>
    <t>【上海新拓】滚轮(组合件)\CS2018\CS0105807160(ZH)TY\含螺母、垫片、油嘴</t>
  </si>
  <si>
    <t>【上海新拓】给煤机出口气动煤阀\CS2036\G03720004\不含电动装置</t>
  </si>
  <si>
    <t>【上海新拓】给煤机出口气动煤阀\CS2024\CS0802413\不含电动装置</t>
  </si>
  <si>
    <t>【上海新拓】给煤机出口电动闸板门\CS2024\CS0803316\不含电动装置</t>
  </si>
  <si>
    <t>【上海新拓】给煤机出口电动煤阀\CS2036\CS0802705TY\不含电动装置</t>
  </si>
  <si>
    <t>【上海新拓】给煤机出口电动煤阀\CS2024\CS0802313TY\不含电动装置</t>
  </si>
  <si>
    <t>【上海新拓】给煤机出口电动煤阀\CS2036B\CS0804304TY\不含电动装置</t>
  </si>
  <si>
    <t>【上海新拓】给煤机出口电动煤阀\CS2018\XT0420409TY\不含电动装置</t>
  </si>
  <si>
    <t>【上海新拓】出口气动闸阀(整套)\CS2024\CS0805807QD\不含电动装置</t>
  </si>
  <si>
    <t>【上海新拓】出口气动闸阀(整套)\CS2036\CS0804412\不含电动装置</t>
  </si>
  <si>
    <t>【上海新拓】齿孔板(左)\CS2036B\CS08017531TY</t>
  </si>
  <si>
    <t>【上海新拓】齿孔板(左)\CS2036\CS0101705141TY</t>
  </si>
  <si>
    <t>【上海新拓】齿孔板(左)\CS2024\CS0805807241TY</t>
  </si>
  <si>
    <t>【上海新拓】齿孔板(左)\CS2018\CS0105807141TY</t>
  </si>
  <si>
    <t>【上海新拓】齿孔板(右)\CS2036B\CS08017534TY</t>
  </si>
  <si>
    <t>【上海新拓】齿孔板(右)\CS2036\CS0101705144TY</t>
  </si>
  <si>
    <t>【上海新拓】齿孔板(右)\CS2024\CS0805807244TY</t>
  </si>
  <si>
    <t>【上海新拓】齿孔板(右)\CS2018\CS0105807144TY</t>
  </si>
  <si>
    <t>【上海新拓】齿轮轴\CS2024\CS0105807130TY</t>
  </si>
  <si>
    <t>【上海新拓】联齿轴\CS2018\CS01058071A12TY</t>
  </si>
  <si>
    <t>【上海新拓】组合油封\CS2036\T014206200A20TY</t>
  </si>
  <si>
    <t>【上海新拓】组合油封\CS2036B\G516152004TY</t>
  </si>
  <si>
    <t>【上海新拓】组合油封\CS2024\G136152004TY</t>
  </si>
  <si>
    <t>【上海新拓】组合油封\CS2018\G246152003TY</t>
  </si>
  <si>
    <t>【上海新拓】从动轴\CS2018\G246151403TY</t>
  </si>
  <si>
    <t>【上海新拓】从动轴\CS2036B\G106151407TY</t>
  </si>
  <si>
    <t>【上海新拓】从动轴\CS2036\G516151404TY</t>
  </si>
  <si>
    <t>【上海新拓】从动轴\CS2024\G136151404TY</t>
  </si>
  <si>
    <t>【上海新拓】齿轮轴\CS2018\G246151103TY</t>
  </si>
  <si>
    <t>【上海新拓】齿轮轴\CS2036B\G136151104TY</t>
  </si>
  <si>
    <t>【上海新拓】齿轮\CS2024\CS01058071A10</t>
  </si>
  <si>
    <t>【上海新拓】给料胶带\CS2024\CSE027105</t>
  </si>
  <si>
    <t>【上海新拓】给料胶带\CS2024\E'CS060021353</t>
  </si>
  <si>
    <t>【上海新拓】给料胶带\CS2024\G03750604</t>
  </si>
  <si>
    <t>【上海新拓】给料胶带\CS2024\E043204</t>
  </si>
  <si>
    <t>【上海新拓】给料胶带\CS2024\E028204</t>
  </si>
  <si>
    <t>【上海新拓】给料胶带\CS2036\CS017105E</t>
  </si>
  <si>
    <t>【上海新拓】给料胶带\CS2036\CS004109E</t>
  </si>
  <si>
    <t>【上海新拓】给料胶带\CS2024\CS67185.B0901.5-3(B)</t>
  </si>
  <si>
    <t>【上海新拓】给料胶带\CS2024\CS67185.B0901.5-3(A)</t>
  </si>
  <si>
    <t>【上海新拓】给料胶带\CS2024\E02706</t>
  </si>
  <si>
    <t>【上海新拓】给料胶带\CS2024\CS033116E</t>
  </si>
  <si>
    <t>【上海新拓】给料胶带\CS2024\CS009214E</t>
  </si>
  <si>
    <t>【上海新拓】给料胶带\CS2036B\CS080213E</t>
  </si>
  <si>
    <t>【上海新拓】给料胶带\CS2036\E014106</t>
  </si>
  <si>
    <t>【上海新拓】给料胶带\CS2024\CS05810760E\（60万机组）</t>
  </si>
  <si>
    <t>【上海新拓】给料胶带\CS2024\CS05810730E\（30万机组）</t>
  </si>
  <si>
    <t>【上海新拓】给料胶带\CS2024\G1350606</t>
  </si>
  <si>
    <t>【上海新拓】给料胶带\CS2024\G0150606</t>
  </si>
  <si>
    <t>【上海新拓】给料胶带\CS2024\E051208</t>
  </si>
  <si>
    <t>【上海新拓】给料胶带\CS2036\CSE10108</t>
  </si>
  <si>
    <t>【上海新拓】给料胶带\CS2024\E035108</t>
  </si>
  <si>
    <t>【上海新拓】给料胶带\CS2036\CS014115E</t>
  </si>
  <si>
    <t>【上海新拓】给料胶带\CS2024\CSE0321253B</t>
  </si>
  <si>
    <t>【上海新拓】给料胶带\CS2024\CSE0321253A</t>
  </si>
  <si>
    <t>【上海新拓】给料胶带\CS2024\E038107</t>
  </si>
  <si>
    <t>【上海新拓】给料胶带\CS2024\E005209</t>
  </si>
  <si>
    <t>【上海新拓】给料胶带\CS2024\E027110</t>
  </si>
  <si>
    <t>【上海新拓】给料胶带\CS2036B\E0651554</t>
  </si>
  <si>
    <t>【上海新拓】给料胶带\CS2024\E025104</t>
  </si>
  <si>
    <t>【上海新拓】给料胶带\CS2024\E025204</t>
  </si>
  <si>
    <t>【上海新拓】给料胶带\CS2024\CSE045204</t>
  </si>
  <si>
    <t>【上海新拓】给料胶带\CS2036B\E102813</t>
  </si>
  <si>
    <t>【上海新拓】给料胶带\CS2024\CS016116E</t>
  </si>
  <si>
    <t>【上海新拓】齿轮\CS2018\G246151603</t>
  </si>
  <si>
    <t>【上海新拓】齿轮\CS2036B\G516151604</t>
  </si>
  <si>
    <t>【上海新拓】齿轮\CS2036\G136151604</t>
  </si>
  <si>
    <t>【上海新拓】清扫一级减速器\CS2018\G2460003(ZH)TY\含箱体、箱盖、齿轮轴、齿轮、组合油封、轴承、油封、输出轴</t>
  </si>
  <si>
    <t>【上海新拓】清扫一级减速器\CS2036B\CS028213S200A16(ZH)TY\含箱体、箱盖、齿轮轴、齿轮、组合油封、轴承、油封、输出轴</t>
  </si>
  <si>
    <t>【上海新拓】清扫一级减速器\CS2036\T014206A2(ZH)TY\含箱体、箱盖、齿轮轴、齿轮、组合油封、轴承、油封、输出轴</t>
  </si>
  <si>
    <t>【上海新拓】清扫一级减速器\CS2024\G1360004(ZH)TY\含箱体、箱盖、齿轮轴、齿轮、组合油封、轴承、油封、输出轴</t>
  </si>
  <si>
    <t>【上海新拓】电机\CS2036B\CS080213B11TY</t>
  </si>
  <si>
    <t>【上海新拓】电机\CS2036\CS017305C11TY</t>
  </si>
  <si>
    <t>【上海新拓】电机\CS2024\SEW\CS063110B901TY\SEW</t>
  </si>
  <si>
    <t>【上海新拓】电机\CS2024\G135090104TY</t>
  </si>
  <si>
    <t>【上海新拓】清扫电机\CS2024\SEW\CS063210S\SEW</t>
  </si>
  <si>
    <t>【上海新拓】清扫电机\CS2036B\CS080113STY\含清扫减速电机、清扫一级减速器，不含二级减速器</t>
  </si>
  <si>
    <t>【上海新拓】清扫电机\CS2024\G1361504TY\含清扫减速电机、清扫一级减速器，不含二级减速器</t>
  </si>
  <si>
    <t>【上海新拓】清扫电机\CS2018\G2461503TY\含清扫减速电机、清扫一级减速器，不含二级减速器</t>
  </si>
  <si>
    <t>【上海新拓】小齿轮\CS2018\CS058210M4TY</t>
  </si>
  <si>
    <t>【上海新拓】大齿轮\CS2036B\M01420663A19TY</t>
  </si>
  <si>
    <t>【上海新拓】大齿轮\CS2036\GT67614073A19TY</t>
  </si>
  <si>
    <t>【上海新拓】大齿轮\CS2024\CS017205M3A19TY</t>
  </si>
  <si>
    <t>【上海新拓】大齿轮\CS2018\CS058210M3TY</t>
  </si>
  <si>
    <t>【上海新拓】大小齿轮\CS2036\CS05821034MC\清扫减速机大小齿轮一套</t>
  </si>
  <si>
    <t>【上海新拓】大小齿轮\CS2024\CS05821034MB\清扫减速机大小齿轮一套</t>
  </si>
  <si>
    <t>【上海新拓】大小齿轮\CS2018\CS05821034MA\清扫减速机大小齿轮一套</t>
  </si>
  <si>
    <t>【上海新拓】蜗杆轴\CS2036B\CS0582102MD</t>
  </si>
  <si>
    <t>【上海新拓】蜗杆轴\CS2036\CS0582102MC</t>
  </si>
  <si>
    <t>【上海新拓】蜗杆轴\CS2024\CS0582102MB</t>
  </si>
  <si>
    <t>【上海新拓】蜗杆轴\CS2018\CS0582102MA</t>
  </si>
  <si>
    <t>【上海新拓】输出轴\CS2018\CS0582106317MD</t>
  </si>
  <si>
    <t>【上海新拓】输出轴\CS2036B\CS0582106317MC</t>
  </si>
  <si>
    <t>【上海新拓】输出轴\CS2036\CS0582106317MB</t>
  </si>
  <si>
    <t>【上海新拓】输出轴\CS2024\CS0582106317MA</t>
  </si>
  <si>
    <t>【上海新拓】蜗轮\CS2018\CS0582101MD</t>
  </si>
  <si>
    <t>【上海新拓】蜗轮\CS2036B\CS0582101MC</t>
  </si>
  <si>
    <t>【上海新拓】蜗轮\CS2036\CS0582101MB</t>
  </si>
  <si>
    <t>【上海新拓】加油胶管\CS2024B\CS0580720BTY\含联接螺钉、螺母、垫片、接管</t>
  </si>
  <si>
    <t>【上海新拓】张力臂(右)\CS2024\A9728.5-4</t>
  </si>
  <si>
    <t>【上海新拓】张力臂(右)\CS2036\CS0580754</t>
  </si>
  <si>
    <t>【上海新拓】张力臂(左)\CS2036\CS058075A18</t>
  </si>
  <si>
    <t>【上海新拓】张力臂(左)\CS2024\A9728.5-18</t>
  </si>
  <si>
    <t>【上海新拓】张力滚筒轴承座\CS2018\CS010085A15A</t>
  </si>
  <si>
    <t>【上海新拓】张力滚筒轴承座\CS2036B\CS010085A15D</t>
  </si>
  <si>
    <t>【上海新拓】张力滚筒轴承座\CS2036\CS010085A15C</t>
  </si>
  <si>
    <t>【上海新拓】张力滚筒轴承座\CS2024\CS010085A15B</t>
  </si>
  <si>
    <t>【上海新拓】张力滚筒\CS2018\G2450703TY</t>
  </si>
  <si>
    <t>【上海新拓】张力滚筒\CS2036B\CS080135A18TY</t>
  </si>
  <si>
    <t>【上海新拓】张力滚筒\CS2036\CS017055A18TY</t>
  </si>
  <si>
    <t>【上海新拓】张力滚筒\CS2024\G1350704TY</t>
  </si>
  <si>
    <t>【上海新拓】张力滚筒组合件\CS2036B\CS080135A18(ZH)TY\含轴承座、轴承、油封、挡圈、螺母、止退垫片等</t>
  </si>
  <si>
    <t>【上海新拓】张力滚筒组合件\CS2036\CS017055A18(ZH)TY\含轴承座、轴承、油封、挡圈、螺母、止退垫片等</t>
  </si>
  <si>
    <t>【上海新拓】张力滚筒组合件\CS2024\G1350704(ZH)TY\含轴承座、轴承、油封、挡圈、螺母、止退垫片等</t>
  </si>
  <si>
    <t>【上海新拓】张力滚筒组合件\CS2018\G2450703(ZH)TY\含轴承座、轴承、油封、挡圈、螺母、止退垫片等</t>
  </si>
  <si>
    <t>【上海新拓】加油胶管\CS2024A\CS0580720ATY\含联接螺钉、螺母、垫片、接管</t>
  </si>
  <si>
    <t>【上海新拓】垫圈\CS2036B\CS080135A15TY\端门拉杆座密封圈</t>
  </si>
  <si>
    <t>【上海新拓】垫圈\CS2036\CS017055A15TY\端门拉杆座密封圈</t>
  </si>
  <si>
    <t>【上海新拓】垫圈\CS2024\027065A28TY\端门拉杆座密封圈</t>
  </si>
  <si>
    <t>【上海新拓】垫圈\CS2018\CS058075A28TY\端门拉杆座密封圈</t>
  </si>
  <si>
    <t>【上海新拓】张紧拉杆组件\CS2018\CS05807530D\含张紧拉杆、螺杆座、垫圈</t>
  </si>
  <si>
    <t>【上海新拓】张紧拉杆组件\CS2036B\CS05807530B\含张紧拉杆、螺杆座、垫圈</t>
  </si>
  <si>
    <t>【上海新拓】张紧拉杆组件\CS2036\CS05807530C\含张紧拉杆、螺杆座、垫圈</t>
  </si>
  <si>
    <t>【上海新拓】张紧拉杆组件\CS2024\CS05807530A\含张紧拉杆、螺杆座、垫圈</t>
  </si>
  <si>
    <t>【上海新拓】张紧螺杆座\CS2018\CS05807526D</t>
  </si>
  <si>
    <t>【上海新拓】张紧螺杆座\CS2036B\CS05807526B</t>
  </si>
  <si>
    <t>【上海新拓】张紧螺杆座\CS2036\CS05807526C</t>
  </si>
  <si>
    <t>【上海新拓】张紧螺杆座\CS2024\CS05807526A</t>
  </si>
  <si>
    <t>【上海新拓】张紧拉杆\CS2018\G2453503TY</t>
  </si>
  <si>
    <t>【上海新拓】张紧拉杆\CS2036B\CS080135A17TY</t>
  </si>
  <si>
    <t>【上海新拓】蜗轮\CS2024\CS0582101MA</t>
  </si>
  <si>
    <t>【上海新拓】清扫减速器(整套)\CS2024\FLENDER\M023103\FLENDER</t>
  </si>
  <si>
    <t>【上海新拓】清扫减速器(整套)\CS2036B\G1061407TY\含涡轮蜗杆蜗杆轴等不含电机</t>
  </si>
  <si>
    <t>【上海新拓】清扫减速器(整套)\CS2024\SEW\CS063210MTY\SEW</t>
  </si>
  <si>
    <t>【上海新拓】清扫减速器(整套)\CS2036\G5161404TY\含涡轮蜗杆蜗杆轴等不含电机</t>
  </si>
  <si>
    <t>【上海新拓】清扫减速器(整套)\CS2024\G1361404TY\含涡轮蜗杆蜗杆轴等不含电机</t>
  </si>
  <si>
    <t>【上海新拓】清扫减速器(整套)\CS2018\G2461403TY\含涡轮蜗杆蜗杆轴等不含电机</t>
  </si>
  <si>
    <t>【上海新拓】油泵(组合件)\CS2024\CS058110X6(ZH)\含配固定星、油滑块、传动轴、弹簧、压头、滑动销、压板、传动轴套、行星</t>
  </si>
  <si>
    <t>【上海新拓】油泵(组合件)\CS2036\CS058110X6B(ZH)\含配固定星、油滑块、传动轴、弹簧、压头、滑动销、压板、传动轴套、行星</t>
  </si>
  <si>
    <t>【上海新拓】蜗杆轴\CS2036B\CS028213M63A18TY</t>
  </si>
  <si>
    <t>【上海新拓】蜗杆轴\CS2036\CS017305Z0108TY</t>
  </si>
  <si>
    <t>【上海新拓】蜗杆轴\CS2024\G246141803TY</t>
  </si>
  <si>
    <t>【上海新拓】蜗杆轴\CS2018\G24511103TY</t>
  </si>
  <si>
    <t>【上海新拓】输出轴\CS2018\G24511404TY</t>
  </si>
  <si>
    <t>【上海新拓】输出轴\CS2036B\CS032212M63A17TY</t>
  </si>
  <si>
    <t>【上海新拓】输出轴\CS2036\CS017305Z01A14TY</t>
  </si>
  <si>
    <t>【上海新拓】输出轴\CS2024\G246141703TY</t>
  </si>
  <si>
    <t>【上海新拓】蜗轮\CS2018\G24511503TY</t>
  </si>
  <si>
    <t>【上海新拓】蜗轮\CS2036B\CS028213M6310TY</t>
  </si>
  <si>
    <t>【上海新拓】蜗轮\CS2036\CS017305Z01A13TY</t>
  </si>
  <si>
    <t>【上海新拓】蜗轮\CS2024\G246140303TY</t>
  </si>
  <si>
    <t>【上海新拓】皮带减速器\CS2036B\CS080113ZTY\含涡轮蜗杆蜗杆轴等不含测速电机</t>
  </si>
  <si>
    <t>【上海新拓】皮带减速器\CS2036\CS017305ZTY\含涡轮蜗杆蜗杆轴等不含测速电机</t>
  </si>
  <si>
    <t>【上海新拓】皮带减速器\CS2024\FLENDER\X02310395.00(F)\FLENDER</t>
  </si>
  <si>
    <t>【上海新拓】皮带减速器\CS2024\SEW\CS063310ZTY\SEW</t>
  </si>
  <si>
    <t>【上海新拓】皮带减速器\CS2024\G1351004TY\含涡轮蜗杆蜗杆轴等不含测速电机</t>
  </si>
  <si>
    <t>【上海新拓】皮带减速器\CS2018\G2451003TY\含涡轮蜗杆蜗杆轴等不含测速电机</t>
  </si>
  <si>
    <t>【上海新拓】低速齿轮\CS2036\Z014306040104</t>
  </si>
  <si>
    <t>【上海新拓】低速齿轮\CS2024\CS017305Z0104</t>
  </si>
  <si>
    <t>【上海新拓】低速齿轮\CS2018\CS058110X5</t>
  </si>
  <si>
    <t>【上海新拓】高速齿轮\CS2036\Z014306040103</t>
  </si>
  <si>
    <t>【上海新拓】高速齿轮\CS2024\CS017305Z0103</t>
  </si>
  <si>
    <t>【上海新拓】高速齿轮\CS2018\CS058110X4TY</t>
  </si>
  <si>
    <t>【上海新拓】张紧拉杆\CS2036\CS017055A17TY</t>
  </si>
  <si>
    <t>【上海新拓】张紧拉杆\CS2024\G1353504TY</t>
  </si>
  <si>
    <t>【上海新拓】滑块\CS2024\CS058075A26</t>
  </si>
  <si>
    <t>【上海新拓】滑块\CS2018\CS058075A26TY</t>
  </si>
  <si>
    <t>【上海新拓】滑块\CS2036B\CS080135A13TY</t>
  </si>
  <si>
    <t>【上海新拓】滑块\CS2036\CS017055A13TY</t>
  </si>
  <si>
    <t>【上海新拓】轴承座套筒\CS2024\6100210</t>
  </si>
  <si>
    <t>【上海新拓】轴承座闷盖\CS2024\6100209</t>
  </si>
  <si>
    <t>【上海新拓】轴承座透盖\CS2024\6100208</t>
  </si>
  <si>
    <t>【上海新拓】轴承透盖\CS2018\CS0041955</t>
  </si>
  <si>
    <t>【上海新拓】轴承透盖\CS2036\140655</t>
  </si>
  <si>
    <t>【上海新拓】轴承透盖\CS2036B\CS0801355</t>
  </si>
  <si>
    <t>【上海新拓】轴承透盖\CS2024\CS058075A19</t>
  </si>
  <si>
    <t>【上海新拓】衬套\CS2018\CS058075A20TY</t>
  </si>
  <si>
    <t>【上海新拓】衬套\CS2036B\0014065A10TY</t>
  </si>
  <si>
    <t>【上海新拓】衬套\CS2036\CS017055A10TY</t>
  </si>
  <si>
    <t>【上海新拓】衬套\CS2024\CS058076A15TY</t>
  </si>
  <si>
    <t>【上海新拓】张紧滚筒轴\CS2018\G2452703TY</t>
  </si>
  <si>
    <t>【上海新拓】张紧滚筒轴\CS2036B\CS080135A11TY</t>
  </si>
  <si>
    <t>【上海新拓】张紧滚筒轴\CS2036\CS017055A11TY</t>
  </si>
  <si>
    <t>【上海新拓】张紧滚筒轴\CS2024\G1352704TY</t>
  </si>
  <si>
    <t>【上海新拓】皮带张紧滚筒\CS2036B\CS08013510TY</t>
  </si>
  <si>
    <t>【上海新拓】皮带张紧滚筒\CS2036\CS01705510TY</t>
  </si>
  <si>
    <t>【上海新拓】皮带张紧滚筒\CS2024\G1350304TY</t>
  </si>
  <si>
    <t>【上海新拓】皮带张紧滚筒\CS2018\G2450303TY</t>
  </si>
  <si>
    <t>【上海新拓】皮带张紧滚筒组合件\CS2018\G2450303(ZH)TY\含张紧滚筒轴、衬套、承透盖、轴承、油封、挡圈、透盖等</t>
  </si>
  <si>
    <t>【上海新拓】皮带张紧滚筒组合件\CS2036B\CS08013510(ZH)TY\含张紧滚筒轴、衬套、承透盖、轴承、油封、挡圈、透盖等</t>
  </si>
  <si>
    <t>【上海新拓】皮带张紧滚筒组合件\CS2036\CS00419510(ZH)TY\含张紧滚筒轴、衬套、承透盖、轴承、油封、挡圈、透盖等</t>
  </si>
  <si>
    <t>【上海新拓】皮带张紧滚筒组合件\CS2024\G1350304(ZH)TY\含张紧滚筒轴、衬套、承透盖、轴承、油封、挡圈、透盖等</t>
  </si>
  <si>
    <t>【上海新拓】传动连接销组件\CS2036\CS0140659\12件/套</t>
  </si>
  <si>
    <t>【上海新拓】传动连接销组件\CS2024\CS0580759\8件/套</t>
  </si>
  <si>
    <t>【上海新拓】传动连接销\CS2024\CS0580759TY</t>
  </si>
  <si>
    <t>【上海新拓】传动连接销\CS2036\CS0041959TY</t>
  </si>
  <si>
    <t>【上海新拓】传动连接销\CS2036B\CS0801359TY</t>
  </si>
  <si>
    <t>【上海新拓】销轴衬套组合件\CS2036\CS01406570(ZH)\12件/套</t>
  </si>
  <si>
    <t>【上海新拓】销轴衬套组合件\CS2024\CS05807570(ZH)\8件/套</t>
  </si>
  <si>
    <t>【上海新拓】销轴衬套\CS2024\CS05807570</t>
  </si>
  <si>
    <t>【上海新拓】水平校验杆\CS2024\700mm\SPXYG-S\700mm</t>
  </si>
  <si>
    <t>【上海新拓】法兰\CS2018\CS0580757TY</t>
  </si>
  <si>
    <t>【上海新拓】下落煤短管\CS2018\G2494003TY</t>
  </si>
  <si>
    <t>【上海新拓】法兰\CS2036B\CS0801357TY</t>
  </si>
  <si>
    <t>【上海新拓】法兰\CS2036\CS0170557TY</t>
  </si>
  <si>
    <t>【上海新拓】法兰\CS2024\G2451403(F)TY</t>
  </si>
  <si>
    <t>【上海新拓】法兰组合件\CS2024\CS0580757(ZH)\含传动连接销、销轴衬套、螺母、垫片</t>
  </si>
  <si>
    <t>【上海新拓】法兰组合件\CS2018\CS0161657(ZH)TY\含传动连接销、螺母、垫片</t>
  </si>
  <si>
    <t>【上海新拓】法兰组合件\CS2036B\CS0801357(ZH)\含传动连接销、螺母、垫片</t>
  </si>
  <si>
    <t>【上海新拓】法兰组合件\CS2036\CS0170557(ZH)\含传动连接销、螺母、垫片</t>
  </si>
  <si>
    <t>【上海新拓】法兰组合件\CS2024\G2451403(F)(ZH)\配FLENDER 含传动连接销、螺母、垫片</t>
  </si>
  <si>
    <t>【上海新拓】轴承透盖\CS2036\0014065A12</t>
  </si>
  <si>
    <t>【上海新拓】轴承透盖\CS2036B\CS080135A12</t>
  </si>
  <si>
    <t>【上海新拓】轴承透盖\CS2024\A9728.5-11</t>
  </si>
  <si>
    <t>【上海新拓】轴承透盖\CS2018\CS058075A11</t>
  </si>
  <si>
    <t>【上海新拓】轴承座盖\CS2024\CS058075A10</t>
  </si>
  <si>
    <t>【上海新拓】轴承座盖\CS2036\CS010085A10</t>
  </si>
  <si>
    <t>【上海新拓】驱动滚筒轴承座\CS2036B\006100206D</t>
  </si>
  <si>
    <t>【上海新拓】驱动滚筒轴承座\CS2036\006100206C</t>
  </si>
  <si>
    <t>【上海新拓】驱动滚筒轴承座\CS2024\CS2024-DS-IB\006100206B\CS2024-DS-IB</t>
  </si>
  <si>
    <t>【上海新拓】驱动滚筒轴承座\CS2018\CS2024-DS-IA\006100206A\CS2024-DS-IA</t>
  </si>
  <si>
    <t>【上海新拓】驱动滚筒轴承座组合件\CS2036B\CS08013540A(ZH)TY\含轴承、油封、挡圈、透盖等</t>
  </si>
  <si>
    <t>【上海新拓】驱动滚筒轴承座组合件\CS2036\G2452203(ZH)TY\含轴承、油封、挡圈、透盖等</t>
  </si>
  <si>
    <t>【上海新拓】驱动滚筒轴承座组合件\CS2024\G2452103(ZH)TY\含轴承、油封、挡圈、透盖等</t>
  </si>
  <si>
    <t>【上海新拓】驱动滚筒轴承座组合件\CS2018\G2452003(ZH)TY\含轴承、油封、挡圈、透盖等</t>
  </si>
  <si>
    <t>【上海新拓】皮带驱动滚筒\CS2018\G2451103TY</t>
  </si>
  <si>
    <t>【上海新拓】连杆\CS2018\CS010231303TY</t>
  </si>
  <si>
    <t>【上海新拓】张紧滚筒轴承座\CS2024\CS2024-DS-II\6100207\CS2024-DS-II</t>
  </si>
  <si>
    <t>【上海新拓】高低速齿轮\CS2036\CS05811045XC\皮带减速机高低速齿轮一套</t>
  </si>
  <si>
    <t>【上海新拓】高低速齿轮\CS2024\CS05811045XB\皮带减速机高低速齿轮一套</t>
  </si>
  <si>
    <t>【上海新拓】高低速齿轮\CS2018\CS05811045XA\皮带减速机高低速齿轮一套</t>
  </si>
  <si>
    <t>【上海新拓】电机\CS2018\G245090103TY</t>
  </si>
  <si>
    <t>【上海新拓】风扇轴\CS2024\6100218</t>
  </si>
  <si>
    <t>【上海新拓】测速齿轮支架\CS2024\6100217</t>
  </si>
  <si>
    <t>【上海新拓】皮带驱动滚筒\CS2036B\CS08013540TY</t>
  </si>
  <si>
    <t>【上海新拓】皮带驱动滚筒\CS2036\CS01705540TY</t>
  </si>
  <si>
    <t>【上海新拓】皮带驱动滚筒\CS2024\G1351104TY</t>
  </si>
  <si>
    <t>【上海新拓】皮带驱动滚筒组合件\CS2036B\CS08013540(ZH)TY\含轴承座、轴承、油封、挡圈、透盖等</t>
  </si>
  <si>
    <t>【上海新拓】皮带驱动滚筒组合件\CS2036\CS01705540(ZH)TY\含轴承座、轴承、油封、挡圈、透盖等</t>
  </si>
  <si>
    <t>【上海新拓】称重托辊组件\CS2018\CS05807320ZHD\含左右轴承座及油封挡圈</t>
  </si>
  <si>
    <t>【上海新拓】皮带驱动滚筒组合件\CS2024\G1351104(ZH)TY\含轴承座、轴承、油封、挡圈、透盖等</t>
  </si>
  <si>
    <t>【上海新拓】皮带驱动滚筒组合件\CS2018\G2451103(ZH)TY\含轴承座、轴承、油封、挡圈、透盖等</t>
  </si>
  <si>
    <t>【日照三奇】一次性口罩\医用(请按10的整倍数下单)</t>
  </si>
  <si>
    <t>日照三奇医疗卫生用品有限公司</t>
  </si>
  <si>
    <t>日照三奇</t>
  </si>
  <si>
    <t>WZSCCG-2020-BJ-021</t>
  </si>
  <si>
    <t>国家能源e购商城三奇安全防护用品长协</t>
  </si>
  <si>
    <t>【3M】防护眼镜\10196\防雾防刮擦 XH000398665</t>
  </si>
  <si>
    <t>3M</t>
  </si>
  <si>
    <t>WZSCCG-2020-BJ-011</t>
  </si>
  <si>
    <t>3M安全生产防护用品商城铺货长协采购</t>
  </si>
  <si>
    <t>瑞泽兴工品科技(天津)有限公司</t>
  </si>
  <si>
    <t>【3M】防护眼镜\10434\透明镜片防雾 XH000398624</t>
  </si>
  <si>
    <t>【3M】耳塞\1270\带线SNR25dB XA006458187</t>
  </si>
  <si>
    <t>【3M】高效颗粒物滤棉\2091CN\KP100 XA010015635</t>
  </si>
  <si>
    <t>【3M】3200半面具+3700滤棉承接座套装\3270\XH003870223</t>
  </si>
  <si>
    <t>【3M】颗粒物滤棉\3701CN\KN95 XH003815210\500只/箱</t>
  </si>
  <si>
    <t>【3M】滤毒盒\6003CN\防护有机蒸气及酸性气体 XH003864473</t>
  </si>
  <si>
    <t>【3M】全面具\6800\中号 XH003897598</t>
  </si>
  <si>
    <t>【3M】颗粒物滤棉\7093CN\KP100 XH003897440</t>
  </si>
  <si>
    <t>【3M】半面具\7502\中号 XF003826237</t>
  </si>
  <si>
    <t>【3M】颗粒物滤棉\7744\KN95 XH003819485</t>
  </si>
  <si>
    <t>【3M】半面具\7772\硅胶中号 WX700900508</t>
  </si>
  <si>
    <t>【3M】全面罩\FF-402\硅胶中号 XF003806973</t>
  </si>
  <si>
    <t>【3M】插帽式耳罩\H10P3E\红黑色 70071517067</t>
  </si>
  <si>
    <t>【3M】防护眼镜\1711\耐冲击防刮擦 XM003824930</t>
  </si>
  <si>
    <t>【3M】插帽式耳罩\H7P3E\黑色 XH001651245</t>
  </si>
  <si>
    <t>【3M】防化学护目镜\1621AF\防雾 XH000398632</t>
  </si>
  <si>
    <t>【3M】防化学护目镜\1623AF\防雾 XH000398640</t>
  </si>
  <si>
    <t>【3M】防护眼镜\1711AF\耐冲击防雾 XM003824971</t>
  </si>
  <si>
    <t>【3M】耳塞\340-4004\带线SNR32dB 70071515772</t>
  </si>
  <si>
    <t>【3M】防颗粒物口罩\9501V+\KN95耳带式针织头带带呼气阀环保装 XY003866841</t>
  </si>
  <si>
    <t>【3M】防颗粒物口罩\9502V+\KN95头带式针织头带带呼气阀环保装 XY003866965</t>
  </si>
  <si>
    <t>【3M】自动变光焊帽\100V\XH003807829</t>
  </si>
  <si>
    <t>【3M】气焊防护眼罩\10197\防刮擦遮光号5# XM003829038</t>
  </si>
  <si>
    <t>【3M】防护眼镜\10435\灰色镜片防雾 XH000039822</t>
  </si>
  <si>
    <t>【3M】防护眼镜\10436\户内/户外镜面反光镜片防刮擦 XH000039830</t>
  </si>
  <si>
    <t>【3M】泡棉耳塞\1100\不带线SNR37dB XX003808266</t>
  </si>
  <si>
    <t>【3M】泡棉耳塞\1100\不带线SNR37dB中文包装 XH003829518</t>
  </si>
  <si>
    <t>【3M】防护眼镜\1611HC\防刮擦 XM003825887</t>
  </si>
  <si>
    <t>【3M】防化学护目镜\1621\耐冲击 XM003824922</t>
  </si>
  <si>
    <t>【3M】滤棉承接座\1700\XH003822919</t>
  </si>
  <si>
    <t>【3M】防护眼镜\1791T\银色镜面耐冲击 70071578234</t>
  </si>
  <si>
    <t>【3M】颗粒物滤棉\2096CN\KP100减除酸性气体异味 XH003897457</t>
  </si>
  <si>
    <t>【3M】颗粒物滤棉\2097CN\KP100减除有机蒸气异味 XA010015643</t>
  </si>
  <si>
    <t>【3M】泡棉耳塞\311-1101\带线SNR29dB 70071514940</t>
  </si>
  <si>
    <t>【3M】泡棉耳塞\311-1250\带线SNR36dB 70071515129</t>
  </si>
  <si>
    <t>【3M】泡棉耳塞\312-1250\不带线SNR36dB 70071515020</t>
  </si>
  <si>
    <t>【3M】免揉搓泡棉耳塞\318-1005\带线SNR38dB 70071515699</t>
  </si>
  <si>
    <t>【3M】半面具\3200\中/大号 XH003870231</t>
  </si>
  <si>
    <t>【3M】滤毒盒\3301CN\防护有机蒸气 XH003815491</t>
  </si>
  <si>
    <t>【3M】综合滤毒盒\3303CN\防护有机蒸气/酸性气体 XA010003995</t>
  </si>
  <si>
    <t>【3M】滤棉承接座\3700\XH003897028</t>
  </si>
  <si>
    <t>【3M】颗粒物滤棉\3744\KN95减除有机蒸气异味1 XH003819444</t>
  </si>
  <si>
    <t>【3M】滤棉盖\385CN\XH003807183</t>
  </si>
  <si>
    <t>【3M】颗粒物滤棉\3N11CN\XH003807175</t>
  </si>
  <si>
    <t>【3M】滤棉盖\501\XF003814449</t>
  </si>
  <si>
    <t>【3M】滤棉承接座\502\70070313211</t>
  </si>
  <si>
    <t>【3M】颗粒物滤棉\5N11CN\KN95 XH003874001</t>
  </si>
  <si>
    <t>【3M】滤毒盒\6001CN\防护有机蒸气 XH003864440</t>
  </si>
  <si>
    <t>【3M】滤毒盒\6002CN\防护酸性气体 XH003864465</t>
  </si>
  <si>
    <t>【3M】滤毒盒\6004CN\防护氨及甲胺等碱性气体 70071618600</t>
  </si>
  <si>
    <t>【3M】滤毒盒\6005CN\防护甲醛及有机蒸气 70071618618</t>
  </si>
  <si>
    <t>【3M】多功能滤毒盒\6006CN\防护有机蒸气、氯气、二氧化氯、氯化氢、二氧化硫、氟化氢、硫化氢、氨气、甲胺、甲醛等 WX700902678</t>
  </si>
  <si>
    <t>【3M】滤棉适配器\603\70071651759</t>
  </si>
  <si>
    <t>【3M】多功能滤毒盒\6057\防护有机/无机/酸性气体等 XF003805140</t>
  </si>
  <si>
    <t>【3M】半面具\6502QL\硅胶材质中号快扣式 XH003828619</t>
  </si>
  <si>
    <t>【3M】颗粒物滤棉\7093C\KP100减除有机及酸性气体异味 70071401262</t>
  </si>
  <si>
    <t>【3M】半面具\7501\硅胶材质小号 XF003808193</t>
  </si>
  <si>
    <t>【3M】可调节长度呼吸管\BT-30\XA007706584</t>
  </si>
  <si>
    <t>【3M】定性适合性检验工具\FT-30\苦味 70070709640</t>
  </si>
  <si>
    <t>【3M】定性适合性检验工具敏感性测试液\FT-31\苦味 70070709657</t>
  </si>
  <si>
    <t>【3M】定性适合性检验工具适合性测试液\FT-32\苦味 70070709665</t>
  </si>
  <si>
    <t>【3M】头戴式耳罩\H6A\白黑色 XH001651229</t>
  </si>
  <si>
    <t>【3M】插帽式耳罩\H6P3E\白黑色 70071517075</t>
  </si>
  <si>
    <t>【3M】半面具\HF51\小/中号 XF003852324</t>
  </si>
  <si>
    <t>【3M】半面具\HF52\中/大号 XF003852332</t>
  </si>
  <si>
    <t>【3M】S系列电动送风软头罩\S-333L\52000045881</t>
  </si>
  <si>
    <t>【3M】S系列电动送风固定式头罩\S-533L\52000045964</t>
  </si>
  <si>
    <t>【3M】防护眼镜\SF201AF\透明镜片防雾 XM004871401</t>
  </si>
  <si>
    <t>【3M】防护眼镜\SF201AS\透明镜片防刮擦 XM004871369</t>
  </si>
  <si>
    <t>【3M】防护眼镜\SF202AF\灰色镜片防雾 XM004871351</t>
  </si>
  <si>
    <t>【3M】防护眼镜\SF202AS\灰色镜片防刮擦 XM004871385</t>
  </si>
  <si>
    <t>【3M】防护眼镜\SF203AF\黄色镜片防雾 XM004870049</t>
  </si>
  <si>
    <t>【3M】防护眼镜\SF301AF\透明镜片防雾 70071730819</t>
  </si>
  <si>
    <t>【3M】防护眼镜\SF301AS\透明镜片防刮擦 70071730801</t>
  </si>
  <si>
    <t>【3M】防护眼镜\SF302AF\灰色镜片防雾 70071730835</t>
  </si>
  <si>
    <t>【3M】防护眼镜\SF302AS\灰色镜片防刮擦 70071730827</t>
  </si>
  <si>
    <t>【3M】防护眼镜\SF401AF\透明镜片防雾 70071675154</t>
  </si>
  <si>
    <t>【3M】防护眼镜\SF402AF\灰色镜片防雾 70071675162</t>
  </si>
  <si>
    <t>【3M】电动送风呼吸套装\TR-315E+\UU006386302</t>
  </si>
  <si>
    <t>【3M】标准型腰带\TR-325\70071563541</t>
  </si>
  <si>
    <t>【3M】高性能电池\TR-332\XA007706568</t>
  </si>
  <si>
    <t>【3M】预过滤棉\TR-3600\CR180811422</t>
  </si>
  <si>
    <t>【3M】颗粒物滤盒\TR-3712E\78815069378</t>
  </si>
  <si>
    <t>【3M】头戴式耳罩\X3A\红黑色 XA006458161</t>
  </si>
  <si>
    <t>【3M】插帽式耳罩\X3P3\红黑色 XA007706923</t>
  </si>
  <si>
    <t>【3M】头戴式耳罩\X4A\绿黑色 XA006458179</t>
  </si>
  <si>
    <t>【3M】插帽式耳罩\X4P3\绿黑色 XA007706949</t>
  </si>
  <si>
    <t>【3M】头戴式耳罩\X5A\灰色 XA006458203</t>
  </si>
  <si>
    <t>【3M】插帽式耳罩\X5P3\灰色 XA007706964</t>
  </si>
  <si>
    <t>【3M】自动变光焊帽\100QR\耐磨型 UU009330281</t>
  </si>
  <si>
    <t>【3M】变光屏外保护片\100V外保护片\52000183674</t>
  </si>
  <si>
    <t>【3M】变光屏外保护片\9100V外保护片\52000182064</t>
  </si>
  <si>
    <t>【3M】变光屏内保护片\100V内保护片\52000166497</t>
  </si>
  <si>
    <t>【3M】变光屏内保护片\9100V内保护片\52000182098</t>
  </si>
  <si>
    <t>【3M】颗粒物滤棉\2078\KP95减除有机及酸性气体异味 WX700900060</t>
  </si>
  <si>
    <t>【3M】颗粒物滤棉\2076CN\KP95减除酸性气体异味 XH003897465</t>
  </si>
  <si>
    <t>【3M】颗粒物滤棉\1705CN\KN95 XH003873243</t>
  </si>
  <si>
    <t>【3M】3200半面具+1700滤棉承接座套装\3217\XH003854979</t>
  </si>
  <si>
    <t>【3M】全身式安全带\1113034\DBI-SALAEXOFITNEX™五点可调节 70007419875</t>
  </si>
  <si>
    <t>【3M】全身式安全带\1113154\DBI-SALAEXOFITNEX™带腰带五点可调节 70007428439</t>
  </si>
  <si>
    <t>【3M】全身式安全带\1114177\DBI-SALAExoFit™Lite黑色S号 XF003897113</t>
  </si>
  <si>
    <t>【3M】全身式安全带\1114183\DBI-SALAExoFit™Lite旋钮调节黑色S号 XF003897089</t>
  </si>
  <si>
    <t>【3M】速差器\3503802\镀锌钢6米 70804492521</t>
  </si>
  <si>
    <t>【3M】速差器\3503822\镀锌钢9米 70804492588</t>
  </si>
  <si>
    <t>【3M】全身式安全带\1114186\DBI-SALAExoFit™Lite黑色S号 XF003896792</t>
  </si>
  <si>
    <t>【3M】全身式安全带\1114189\DBI-SALAExoFit™Lite旋钮调节黑色S号 XF003896974</t>
  </si>
  <si>
    <t>WZSCCG-2020-BJ-012</t>
  </si>
  <si>
    <t>太原国泰实业有限公司</t>
  </si>
  <si>
    <t>WZSCCG-2020-BJ-013</t>
  </si>
  <si>
    <t>上海森永实业有限公司</t>
  </si>
  <si>
    <t>【3M】防颗粒物口罩\9002\KN90头带式环保装 XH003897515</t>
  </si>
  <si>
    <t>【双鸟】手推小车\GCT-810\0.5T,,0.5Tt</t>
  </si>
  <si>
    <t>浙江双鸟机械有限公司</t>
  </si>
  <si>
    <t>双鸟</t>
  </si>
  <si>
    <t>WZSCCG-2020-BJ-009</t>
  </si>
  <si>
    <t>国家能源e购双鸟起重机械备品备件铺货长协采购框架协议</t>
  </si>
  <si>
    <t>【双鸟】手推小车\GCT-810\1T,,1Tt</t>
  </si>
  <si>
    <t>【双鸟】手推小车\GCT-810\2T,,2Tt</t>
  </si>
  <si>
    <t>【双鸟】手推小车\GCT-810\3T,,3Tt</t>
  </si>
  <si>
    <t>【双鸟】手推小车\GCT-810\5T,,5Tt</t>
  </si>
  <si>
    <t>【双鸟】手拉小车\GCL-810\0.5T*3M,,0.5Tt</t>
  </si>
  <si>
    <t>【双鸟】手拉小车\GCT-810\0.5T*6M,,0.5Tt</t>
  </si>
  <si>
    <t>【双鸟】手拉小车\GCT-810\0.5T*9M,,0.5Tt</t>
  </si>
  <si>
    <t>【双鸟】手拉小车\GCT-810\1T*3M,,1Tt</t>
  </si>
  <si>
    <t>【双鸟】手拉小车\GCT-810\1T*6M,,1Tt</t>
  </si>
  <si>
    <t>【双鸟】手拉小车\GCT-810\1T*9M,,1Tt</t>
  </si>
  <si>
    <t>【双鸟】手拉小车\GCT-810\2T*3M,,2Tt</t>
  </si>
  <si>
    <t>【双鸟】手拉小车\GCT-810\2T*6M,,2Tt</t>
  </si>
  <si>
    <t>【双鸟】手拉小车\GCT-810\2T*9M,,2Tt</t>
  </si>
  <si>
    <t>【双鸟】手拉小车\GCT-810\3T*3M,,3Tt</t>
  </si>
  <si>
    <t>【双鸟】手拉小车\GCT-810\3T*6M,,3Tt</t>
  </si>
  <si>
    <t>【双鸟】手拉小车\GCT-810\3T*9M,,3Tt</t>
  </si>
  <si>
    <t>【双鸟】手拉小车\GCT-810\5T*3M,,5Tt</t>
  </si>
  <si>
    <t>【双鸟】手拉小车\GCT-810\5T*6M,,5Tt</t>
  </si>
  <si>
    <t>【双鸟】手拉小车\GCT-810\5T*9M,,5Tt</t>
  </si>
  <si>
    <t>【双鸟】手拉小车\GCT-810\10T*3M,,10Tt</t>
  </si>
  <si>
    <t>【双鸟】手拉小车\GCT-810\10T*6M,,10Tt</t>
  </si>
  <si>
    <t>【双鸟】手拉小车\GCT-810\10T*9M,,10Tt</t>
  </si>
  <si>
    <t>【双鸟】组合葫芦\CHA\0.5T*3M,,0.5Tt</t>
  </si>
  <si>
    <t>【双鸟】组合葫芦\CHA\0.5T*6M,,0.5Tt</t>
  </si>
  <si>
    <t>【双鸟】组合葫芦\CHA\0.5T*9M,,0.5Tt</t>
  </si>
  <si>
    <t>【双鸟】组合葫芦\CHA\0.5T*12M,,0.5Tt</t>
  </si>
  <si>
    <t>【双鸟】组合葫芦\CHA\1T*3M,,1Tt</t>
  </si>
  <si>
    <t>【双鸟】组合葫芦\CHA\1T*6M,,1Tt</t>
  </si>
  <si>
    <t>【双鸟】组合葫芦\CHA\1T*9M,,1Tt</t>
  </si>
  <si>
    <t>【双鸟】组合葫芦\CHA\1T*12M,,1Tt</t>
  </si>
  <si>
    <t>【双鸟】组合葫芦\CHA\2T*3M,,2Tt</t>
  </si>
  <si>
    <t>【双鸟】组合葫芦\CHA\2T*6M,,2Tt</t>
  </si>
  <si>
    <t>【双鸟】组合葫芦\CHA\2T*9M,,2Tt</t>
  </si>
  <si>
    <t>【双鸟】组合葫芦\CHA\2T*12M,,2Tt</t>
  </si>
  <si>
    <t>【双鸟】组合葫芦\CHA\3T*3M,,3Tt</t>
  </si>
  <si>
    <t>【双鸟】组合葫芦\CHA\3T*6M,,3Tt</t>
  </si>
  <si>
    <t>【双鸟】组合葫芦\CHA\3T*9M,,3Tt</t>
  </si>
  <si>
    <t>【双鸟】组合葫芦\CHA\3T*12M,,3Tt</t>
  </si>
  <si>
    <t>【双鸟】组合葫芦\CHA\5T*3M,,5Tt</t>
  </si>
  <si>
    <t>【双鸟】组合葫芦\CHA\5T*6M,,5Tt</t>
  </si>
  <si>
    <t>【双鸟】组合葫芦\CHA\5T*9M,,5Tt</t>
  </si>
  <si>
    <t>【双鸟】组合葫芦\CHA\5T*12M,,5Tt</t>
  </si>
  <si>
    <t>【双鸟】手拉葫芦\HSZ-A620\0.5T*3M,0.5Tt,3Mm</t>
  </si>
  <si>
    <t>【双鸟】手拉葫芦\HSZ-A620\0.5T*5M,0.5Tt,5Mm</t>
  </si>
  <si>
    <t>【双鸟】手拉葫芦\HSZ-A620\0.5T*6M,0.5Tt,6Mm</t>
  </si>
  <si>
    <t>【双鸟】手拉葫芦\HSZ-A620\0.5T*9M,0.5Tt,9Mm</t>
  </si>
  <si>
    <t>【双鸟】手拉葫芦\HSZ-A620\0.5T*12M,0.5Tt,12Mm</t>
  </si>
  <si>
    <t>【双鸟】手拉葫芦\HSZ-A620\1T*3M,1Tt,3Mm</t>
  </si>
  <si>
    <t>【双鸟】手拉葫芦\HSZ-A620\1T*5M,1Tt,5Mm</t>
  </si>
  <si>
    <t>【双鸟】手拉葫芦\HSZ-A620\1T*6M,1Tt,6Mm</t>
  </si>
  <si>
    <t>【双鸟】手拉葫芦\HSZ-A620\1T*9M,1Tt,9Mm</t>
  </si>
  <si>
    <t>【双鸟】手拉葫芦\HSZ-A620\1T*12M,1Tt,12Mm</t>
  </si>
  <si>
    <t>【双鸟】手拉葫芦\HSZ-A620\2T*3M,2Tt,3Mm</t>
  </si>
  <si>
    <t>【双鸟】手拉葫芦\HSZ-A620\2T*5M,2Tt,5Mm</t>
  </si>
  <si>
    <t>【双鸟】手拉葫芦\HSZ-A620\2T*6M,2Tt,6Mm</t>
  </si>
  <si>
    <t>【双鸟】手拉葫芦\HSZ-A620\2T*9M,2Tt,9Mm</t>
  </si>
  <si>
    <t>【双鸟】手拉葫芦\HSZ-A620\2T*12M,2Tt,12Mm</t>
  </si>
  <si>
    <t>【双鸟】手拉葫芦\HSZ-A620\3T*3M,3Tt,3Mm</t>
  </si>
  <si>
    <t>【双鸟】手拉葫芦\HSZ-A620\3T*5M,3Tt,5Mm</t>
  </si>
  <si>
    <t>【双鸟】手拉葫芦\HSZ-A620\3T*6M,3Tt,6Mm</t>
  </si>
  <si>
    <t>【双鸟】手拉葫芦\HSZ-A620\3T*9M,3Tt,9Mm</t>
  </si>
  <si>
    <t>【双鸟】手拉葫芦\HSZ-A620\3T*12M,3Tt,12Mm</t>
  </si>
  <si>
    <t>【双鸟】手拉葫芦\HSZ-A620\5T*3M,5Tt,3Mm</t>
  </si>
  <si>
    <t>【双鸟】手拉葫芦\HSZ-A620\5T*5M,5Tt,5Mm</t>
  </si>
  <si>
    <t>【双鸟】手拉葫芦\HSZ-A620\5T*6M,5Tt,6Mm</t>
  </si>
  <si>
    <t>【双鸟】手拉葫芦\HSZ-A620\5T*9M,5Tt,9Mm</t>
  </si>
  <si>
    <t>【双鸟】手拉葫芦\HSZ-A620\5T*12M,5Tt,12Mm</t>
  </si>
  <si>
    <t>【双鸟】手拉葫芦\HSZ-A620\10T*3M,10Tt,3Mm</t>
  </si>
  <si>
    <t>【双鸟】手拉葫芦\HSZ-A620\10T*5M,10Tt,5Mm</t>
  </si>
  <si>
    <t>【双鸟】手拉葫芦\HSZ-A620\10T*6M,10Tt,6Mm</t>
  </si>
  <si>
    <t>【双鸟】手拉葫芦\HSZ-A620\10T*9M,10Tt,9Mm</t>
  </si>
  <si>
    <t>【双鸟】手拉葫芦\HSZ-A620\10T*12M,10Tt,12Mm</t>
  </si>
  <si>
    <t>【双鸟】手拉葫芦\HSZ-A620\20T*3M,20Tt,3Mm</t>
  </si>
  <si>
    <t>【双鸟】手拉葫芦\HSZ-A620\20T*5M,20Tt,5Mm</t>
  </si>
  <si>
    <t>【双鸟】手拉葫芦\HSZ-A620\20T*6M,20Tt,6Mm</t>
  </si>
  <si>
    <t>【双鸟】手拉葫芦\HSZ-A620\20T*9M,20Tt,9Mm</t>
  </si>
  <si>
    <t>【双鸟】手拉葫芦\HSZ-A620\20T*12M,20Tt,12Mm</t>
  </si>
  <si>
    <t>【双鸟】手拉葫芦\HSZ-A620\30T*3M,30Tt,3Mm</t>
  </si>
  <si>
    <t>【双鸟】手拉葫芦\HSZ-A620\30T*5M,30Tt,5Mm</t>
  </si>
  <si>
    <t>【双鸟】手拉葫芦\HSZ-A620\30T*6M,30Tt,6Mm</t>
  </si>
  <si>
    <t>【双鸟】手拉葫芦\HSZ-A620\30T*9M,30Tt,9Mm</t>
  </si>
  <si>
    <t>【双鸟】手拉葫芦\HSZ-A620\30T*12M,30Tt,12Mm</t>
  </si>
  <si>
    <t>【双鸟】手拉葫芦\HSZ-A620\50T*3M,50Tt,3Mm</t>
  </si>
  <si>
    <t>【双鸟】手拉葫芦\HSZ-A620\50T*5M,50Tt,5Mm</t>
  </si>
  <si>
    <t>【双鸟】手拉葫芦\HSZ-A620\50T*6M,50Tt,6Mm</t>
  </si>
  <si>
    <t>【双鸟】手拉葫芦\HSZ-A620\50T*9M,50Tt,9Mm</t>
  </si>
  <si>
    <t>【双鸟】手拉葫芦\HSZ-A620\50T*12M,50Tt,12Mm</t>
  </si>
  <si>
    <t>【双鸟】手扳葫芦\HSH-A719\0.75T*1.5M,0.75Tt,1.5Mm</t>
  </si>
  <si>
    <t>【双鸟】手扳葫芦\HSH-A719\0.75T*3M,0.75Tt,3Mm</t>
  </si>
  <si>
    <t>【双鸟】手扳葫芦\HSH-A719\0.75T*5M,0.75Tt,5Mm</t>
  </si>
  <si>
    <t>【双鸟】手扳葫芦\HSH-A719\0.75T*6M,0.75Tt,6Mm</t>
  </si>
  <si>
    <t>【双鸟】手扳葫芦\HSH-A719\1.5T*1.5M,1.5Tt,1.5Mm</t>
  </si>
  <si>
    <t>【双鸟】手扳葫芦\HSH-A719\1.5T*3M,1.5Tt,3Mm</t>
  </si>
  <si>
    <t>【双鸟】手扳葫芦\HSH-A719\1.5T*5M,1.5Tt,5Mm</t>
  </si>
  <si>
    <t>【双鸟】手扳葫芦\HSH-A719\1.5T*6M,1.5Tt,6Mm</t>
  </si>
  <si>
    <t>【双鸟】手扳葫芦\HSH-A719\3T*1.5M,3Tt,1.5Mm</t>
  </si>
  <si>
    <t>【双鸟】手扳葫芦\HSH-A719\3T*3M,3Tt,3Mm</t>
  </si>
  <si>
    <t>【双鸟】手扳葫芦\HSH-A719\3T*5M,3Tt,5Mm</t>
  </si>
  <si>
    <t>【双鸟】手扳葫芦\HSH-A719\3T*6M,3Tt,6Mm</t>
  </si>
  <si>
    <t>【双鸟】手扳葫芦\HSH-A719\6T*1.5M,6Tt,1.5Mm</t>
  </si>
  <si>
    <t>【双鸟】手扳葫芦\HSH-A719\6T*3M,6Tt,3Mm</t>
  </si>
  <si>
    <t>【双鸟】手扳葫芦\HSH-A719\6T*5M,6Tt,5Mm</t>
  </si>
  <si>
    <t>【双鸟】手扳葫芦\HSH-A719\6T*6M,6Tt,6Mm</t>
  </si>
  <si>
    <t>【双鸟】手扳葫芦\HSH-A719\9T*1.5M,9Tt,1.5Mm</t>
  </si>
  <si>
    <t>【双鸟】手扳葫芦\HSH-A719\9T*3M,9Tt,3Mm</t>
  </si>
  <si>
    <t>【双鸟】手扳葫芦\HSH-A719\9T*5M,9Tt,5Mm</t>
  </si>
  <si>
    <t>【双鸟】手扳葫芦\HSH-A719\9T*6M,9Tt,6Mm</t>
  </si>
  <si>
    <t>【双鸟】防爆手拉葫芦\HSZ-EX\1T*3M,1Tt,3Mm</t>
  </si>
  <si>
    <t>【双鸟】防爆手拉葫芦\HSZ-EX\1T*6M,1Tt,6Mm</t>
  </si>
  <si>
    <t>【双鸟】防爆手拉葫芦\HSZ-EX\1T*9M,1Tt,9Mm</t>
  </si>
  <si>
    <t>【双鸟】防爆手拉葫芦\HSZ-EX\2T*3M,2Tt,3Mm</t>
  </si>
  <si>
    <t>【双鸟】防爆手拉葫芦\HSZ-EX\2T*6M,2Tt,6Mm</t>
  </si>
  <si>
    <t>【双鸟】防爆手拉葫芦\HSZ-EX\2T*9M,2Tt,9Mm</t>
  </si>
  <si>
    <t>【双鸟】防爆手拉葫芦\HSZ-EX\3T*3M,3Tt,3Mm</t>
  </si>
  <si>
    <t>【双鸟】防爆手拉葫芦\HSZ-EX\3T*6M,3Tt,6Mm</t>
  </si>
  <si>
    <t>【双鸟】防爆手拉葫芦\HSZ-EX\3T*9M,3Tt,9Mm</t>
  </si>
  <si>
    <t>【双鸟】防爆手拉葫芦\HSZ-EX\5T*3M,5Tt,3Mm</t>
  </si>
  <si>
    <t>【双鸟】防爆手拉葫芦\HSZ-EX\5T*6M,5Tt,6Mm</t>
  </si>
  <si>
    <t>【双鸟】防爆手拉葫芦\HSZ-EX\5T*9M,5Tt,9Mm</t>
  </si>
  <si>
    <t>【哈电汽轮机】齿形垫片\K01B.311.013</t>
  </si>
  <si>
    <t>哈尔滨电气股份有限公司</t>
  </si>
  <si>
    <t>哈电汽轮机</t>
  </si>
  <si>
    <t>WZSCCG-2020-BJ-014</t>
  </si>
  <si>
    <t>2020年度集团级哈电汽轮机备件商城铺货长协采购框架协议</t>
  </si>
  <si>
    <t>【哈电汽轮机】衬套\K01B.311.015</t>
  </si>
  <si>
    <t>【哈电汽轮机】衬套\K01B.311.016</t>
  </si>
  <si>
    <t>【哈电汽轮机】调节阀杆\K01B.311.017</t>
  </si>
  <si>
    <t>【哈电汽轮机】套筒\K01B.311.018</t>
  </si>
  <si>
    <t>【哈电汽轮机】销\K01B.311.019</t>
  </si>
  <si>
    <t>【哈电汽轮机】调节阀碟\K01B.311.020</t>
  </si>
  <si>
    <t>【哈电汽轮机】预启阀\K01B.314.006\NZK600-16.7/538/538</t>
  </si>
  <si>
    <t>【哈电汽轮机】销\K01B.314.008\NZK600-16.7/538/538-2</t>
  </si>
  <si>
    <t>【哈电汽轮机】锁紧螺母\K01B.314.009\NZK600-16.7/538/538-2</t>
  </si>
  <si>
    <t>【哈电汽轮机】阀杆\K01B.314.011\NZK600-16.7/538/538-2</t>
  </si>
  <si>
    <t>【哈电汽轮机】低压缸端部内汽封圈\CCH01.068.3Z-1</t>
  </si>
  <si>
    <t>圈</t>
  </si>
  <si>
    <t>【哈电汽轮机】低压缸端部外汽封圈\CCH01.068.4Z-1</t>
  </si>
  <si>
    <t>【哈电汽轮机】垫片\CCH01.035.003-1</t>
  </si>
  <si>
    <t>【哈电汽轮机】垫片\CCH01.035.004-1</t>
  </si>
  <si>
    <t>【哈电汽轮机】垫片\CCH01.306.25.020</t>
  </si>
  <si>
    <t>【哈电汽轮机】垫片\CCH01A.301.7.021</t>
  </si>
  <si>
    <t>【哈电汽轮机】垫片\CCH01.083.006-6</t>
  </si>
  <si>
    <t>【哈电汽轮机】垫片\CCH01A.301.7.001</t>
  </si>
  <si>
    <t>【哈电汽轮机】垫片\CCH01A.301.7.002</t>
  </si>
  <si>
    <t>【哈电汽轮机】垫片\CCH01A.301.7.003</t>
  </si>
  <si>
    <t>【哈电汽轮机】垫片\CCH01A.301.7.004</t>
  </si>
  <si>
    <t>【哈电汽轮机】垫片\K01B.065.033</t>
  </si>
  <si>
    <t>【哈电汽轮机】垫圈\CCH01.066.12Z-1</t>
  </si>
  <si>
    <t>【哈电汽轮机】垫圈\CCH01.081.006-6</t>
  </si>
  <si>
    <t>【哈电汽轮机】定位双头螺栓\CHK01A.145.020-1</t>
  </si>
  <si>
    <t>【哈电汽轮机】定位双头螺柱\CCH01.019.4.001-1</t>
  </si>
  <si>
    <t>【哈电汽轮机】定位双头螺柱\CCH01.019.5.001-1</t>
  </si>
  <si>
    <t>【哈电汽轮机】定位双头螺柱\CCH01.019.5.002-1</t>
  </si>
  <si>
    <t>【哈电汽轮机】阀杆\CCH01A.301.1.011</t>
  </si>
  <si>
    <t>【哈电汽轮机】阀杆\CCH01A.301.7.009</t>
  </si>
  <si>
    <t>【哈电汽轮机】高压反向第10级叶根汽封圈\CCH01.108.4Z-4</t>
  </si>
  <si>
    <t>【哈电汽轮机】高压反向第1级叶根汽封圈\CCH01.101.2Z-4</t>
  </si>
  <si>
    <t>【哈电汽轮机】内六角螺母\CH01.090.091</t>
  </si>
  <si>
    <t>【哈电汽轮机】双头螺栓\CH01.090.097</t>
  </si>
  <si>
    <t>【哈电汽轮机】六角螺母\CH01.090.098</t>
  </si>
  <si>
    <t>【哈电汽轮机】汽封圈含弹簧片\CH01.101.1Z-2</t>
  </si>
  <si>
    <t>【哈电汽轮机】汽封圈含弹簧片\CH01.102.1Z-2</t>
  </si>
  <si>
    <t>【哈电汽轮机】汽封圈含弹簧片\CH01.103.1Z-2</t>
  </si>
  <si>
    <t>【哈电汽轮机】汽封圈含弹簧片\CH01.104.1Z-2</t>
  </si>
  <si>
    <t>【哈电汽轮机】汽封圈含弹簧片\CH01.105.1Z-2</t>
  </si>
  <si>
    <t>【哈电汽轮机】凹型球面垫圈\CCH01.019.4.015-1</t>
  </si>
  <si>
    <t>【哈电汽轮机】凹型球面垫圈\CCH01.019.5.013-1</t>
  </si>
  <si>
    <t>【哈电汽轮机】凹型球面垫圈\CCH01.306.1.004</t>
  </si>
  <si>
    <t>【哈电汽轮机】凹型球面垫圈\CCH01.306.25.008</t>
  </si>
  <si>
    <t>【哈电汽轮机】凹型球面垫圈\CCH01A.301.1.005</t>
  </si>
  <si>
    <t>【哈电汽轮机】凹型球面垫圈\CCH01A.301.7.014</t>
  </si>
  <si>
    <t>【哈电汽轮机】板弹簧\CCH01.065.006</t>
  </si>
  <si>
    <t>【哈电汽轮机】板弹簧\CH01A.065.014</t>
  </si>
  <si>
    <t>【哈电汽轮机】板弹簧\CH01A.065.015</t>
  </si>
  <si>
    <t>【哈电汽轮机】缠绕垫片\CCH01.090.008-1</t>
  </si>
  <si>
    <t>【哈电汽轮机】缠绕垫片\CCH01.090.009-1</t>
  </si>
  <si>
    <t>【哈电汽轮机】缠绕垫片\CCH01.090.010-1</t>
  </si>
  <si>
    <t>【哈电汽轮机】缠绕垫片\CCH01.090.011-1</t>
  </si>
  <si>
    <t>【哈电汽轮机】缠绕垫片\CCH01.306.1.011</t>
  </si>
  <si>
    <t>【哈电汽轮机】缠绕垫片\CCH01.306.25.016</t>
  </si>
  <si>
    <t>【哈电汽轮机】缠绕垫片\CCH01.306.25.017</t>
  </si>
  <si>
    <t>【哈电汽轮机】缠绕垫片\CCH01.306.52.008</t>
  </si>
  <si>
    <t>【哈电汽轮机】缠绕垫片\CCH01A.301.7.029</t>
  </si>
  <si>
    <t>【哈电汽轮机】穿孔罩螺母\00.011.047</t>
  </si>
  <si>
    <t>【哈电汽轮机】穿孔罩螺母\00.011.051</t>
  </si>
  <si>
    <t>【哈电汽轮机】凹型球面垫圈\CCH01.019.4.013-1</t>
  </si>
  <si>
    <t>【哈电汽轮机】弹簧片\CCH01.065.6.011-1</t>
  </si>
  <si>
    <t>【哈电汽轮机】弹簧片\cch01.065.7.011-1</t>
  </si>
  <si>
    <t>【哈电汽轮机】汽封圈\CH01.066.2Z\CLN600-24.2/566/566</t>
  </si>
  <si>
    <t>【哈电汽轮机】汽封圈\CH01.066.3Z\CLN600-24.2/566/566</t>
  </si>
  <si>
    <t>【哈电汽轮机】汽封圈含弹簧片\CH01.071.1Z</t>
  </si>
  <si>
    <t>【哈电汽轮机】汽封圈含弹簧片\CH01.071.2Z</t>
  </si>
  <si>
    <t>【哈电汽轮机】汽封圈含弹簧片\CH01.071.3Z</t>
  </si>
  <si>
    <t>【哈电汽轮机】汽封圈含弹簧片\CH01.071.4Z</t>
  </si>
  <si>
    <t>【哈电汽轮机】汽封圈含弹簧片\CH01.071.5Z</t>
  </si>
  <si>
    <t>【哈电汽轮机】汽封圈含弹簧片\CH01.071.6Z</t>
  </si>
  <si>
    <t>【哈电汽轮机】汽封圈含弹簧片\CH01.072.1Z</t>
  </si>
  <si>
    <t>【哈电汽轮机】汽封圈含弹簧片\CH01.072.2Z</t>
  </si>
  <si>
    <t>【哈电汽轮机】挡油环\CH01.076Z</t>
  </si>
  <si>
    <t>【哈电汽轮机】挡油环\CH01.077Z</t>
  </si>
  <si>
    <t>【哈电汽轮机】双头螺柱\CH01.081.016</t>
  </si>
  <si>
    <t>【哈电汽轮机】罩螺母\CH01.081.017</t>
  </si>
  <si>
    <t>【哈电汽轮机】垫片\CH01.081.023\CLN600-24.2/566/566</t>
  </si>
  <si>
    <t>【哈电汽轮机】双头螺栓\CH01.083.020</t>
  </si>
  <si>
    <t>【哈电汽轮机】罩螺母\CH01.083.021</t>
  </si>
  <si>
    <t>【哈电汽轮机】垫片\CH01.083.025\CLN600-24.2/566/566</t>
  </si>
  <si>
    <t>【哈电汽轮机】双头螺栓\CH01.090.085</t>
  </si>
  <si>
    <t>【哈电汽轮机】罩螺母\CH01.090.086</t>
  </si>
  <si>
    <t>【哈电汽轮机】双头螺栓\CH01.090.088</t>
  </si>
  <si>
    <t>【哈电汽轮机】六角螺母\CH01.090.089</t>
  </si>
  <si>
    <t>【哈电汽轮机】凸形垫圈\K01B.301.013</t>
  </si>
  <si>
    <t>【哈电汽轮机】罩螺母\K01B.301.014</t>
  </si>
  <si>
    <t>【哈电汽轮机】双头螺栓\K01B.301.016</t>
  </si>
  <si>
    <t>【哈电汽轮机】阀  杆\K01B.301.017</t>
  </si>
  <si>
    <t>【哈电汽轮机】销\K01B.301.018</t>
  </si>
  <si>
    <t>【哈电汽轮机】齿形垫片\K01B.301.021</t>
  </si>
  <si>
    <t>【哈电汽轮机】弹簧\K01B.301.027</t>
  </si>
  <si>
    <t>【哈电汽轮机】高主阀阀座\K01B.301.9Z</t>
  </si>
  <si>
    <t>【哈电汽轮机】双头螺栓\K01B.311.008</t>
  </si>
  <si>
    <t>【哈电汽轮机】螺母\K01B.311.009</t>
  </si>
  <si>
    <t>【哈电汽轮机】凸形垫圈\K01B.311.010</t>
  </si>
  <si>
    <t>【哈电汽轮机】凹形垫圈\K01B.311.011</t>
  </si>
  <si>
    <t>【哈电汽轮机】汽封圈含弹簧片\CH01.106.1Z-2</t>
  </si>
  <si>
    <t>【哈电汽轮机】汽封圈含弹簧片\CH01.107.1Z-2</t>
  </si>
  <si>
    <t>【哈电汽轮机】汽封圈含弹簧片\CH01.108.1Z-2</t>
  </si>
  <si>
    <t>【哈电汽轮机】汽封圈含弹簧片\CH01.109.1Z-2</t>
  </si>
  <si>
    <t>【哈电汽轮机】汽封圈含弹簧片\CH01.121.1Z-2</t>
  </si>
  <si>
    <t>【哈电汽轮机】汽封圈含弹簧片\CH01.122.1Z-2</t>
  </si>
  <si>
    <t>【哈电汽轮机】汽封圈含弹簧片\CH01.123.1Z-2</t>
  </si>
  <si>
    <t>【哈电汽轮机】汽封圈含弹簧片\CH01.124.1Z-2</t>
  </si>
  <si>
    <t>【哈电汽轮机】汽封圈含弹簧片\CH01.125.1Z-2</t>
  </si>
  <si>
    <t>【哈电汽轮机】汽封圈含弹簧片\CH01.126.1Z-2</t>
  </si>
  <si>
    <t>【哈电汽轮机】汽封弧段\CH01.136.007\CLN600-24.2/566/566</t>
  </si>
  <si>
    <t>【哈电汽轮机】汽封弧段\CH01.136.008\CLN600-24.2/566/566</t>
  </si>
  <si>
    <t>【哈电汽轮机】汽封弧段\CH01.136.009\CLN600-24.2/566/566</t>
  </si>
  <si>
    <t>【哈电汽轮机】汽封弧段\CH01.136.010\CLN600-24.2/566/566</t>
  </si>
  <si>
    <t>【哈电汽轮机】汽封弧段\CH01.136.011\CLN600-24.2/566/566</t>
  </si>
  <si>
    <t>【哈电汽轮机】套筒\K01B.314.012\CLN660-24.2/566/566</t>
  </si>
  <si>
    <t>【哈电汽轮机】密封环\K01B.314.014\NZK600-16.7/538/538-2</t>
  </si>
  <si>
    <t>【哈电汽轮机】连接螺母\K01B.314.015</t>
  </si>
  <si>
    <t>【哈电汽轮机】销\K01B.314.016\NZK600-16.7/538/538-2</t>
  </si>
  <si>
    <t>【哈电汽轮机】销\K01B.314.017</t>
  </si>
  <si>
    <t>【哈电汽轮机】油封环\K01B.401.1Z\C350/272.9-24.2/0.4/566/566</t>
  </si>
  <si>
    <t>【哈电汽轮机】油封环\K01B.401.2Z\NZK600-16.7/538/538</t>
  </si>
  <si>
    <t>【哈电汽轮机】汽封片\K02.135.017</t>
  </si>
  <si>
    <t>【哈电汽轮机】垫片\K02.135.018</t>
  </si>
  <si>
    <t>【哈电汽轮机】内六角螺母\CCH01.019.5.011-1</t>
  </si>
  <si>
    <t>【哈电汽轮机】内六角螺母\CCH01.105.003-4</t>
  </si>
  <si>
    <t>【哈电汽轮机】内六角螺母\CCH01.121.004-4</t>
  </si>
  <si>
    <t>【哈电汽轮机】平垫片\CCH01.306.25.013</t>
  </si>
  <si>
    <t>【哈电汽轮机】平垫圈\CCH01.019.1.031-1</t>
  </si>
  <si>
    <t>【哈电汽轮机】平垫圈\CCH01.019.1.032-1</t>
  </si>
  <si>
    <t>【哈电汽轮机】平垫圈\CCH01.019.1.033-1</t>
  </si>
  <si>
    <t>【哈电汽轮机】破裂板\CCH01.035.002-1</t>
  </si>
  <si>
    <t>【哈电汽轮机】汽封片弧段\CCH01.121.1.001-4</t>
  </si>
  <si>
    <t>【哈电汽轮机】汽封片弧段\CCH01.121.1.002-4</t>
  </si>
  <si>
    <t>【哈电汽轮机】汽封片弧段\CCH01.121.1.003-4</t>
  </si>
  <si>
    <t>【哈电汽轮机】汽封片弧段\CCH01.121.1.004-4</t>
  </si>
  <si>
    <t>【哈电汽轮机】汽封片弧段\CCH01.121.1.006-4</t>
  </si>
  <si>
    <t>【哈电汽轮机】汽封片弧段\CCH01.121.1.007-4</t>
  </si>
  <si>
    <t>【哈电汽轮机】汽封片弧段\CHK01A.131.004</t>
  </si>
  <si>
    <t>【哈电汽轮机】汽封圈\CCH01.065.2Z</t>
  </si>
  <si>
    <t>【哈电汽轮机】汽封圈\CCH01.065.3Z</t>
  </si>
  <si>
    <t>【哈电汽轮机】汽封圈\CCH01.065.4Z</t>
  </si>
  <si>
    <t>【哈电汽轮机】汽封圈\CHK01A.028.4Z</t>
  </si>
  <si>
    <t>【哈电汽轮机】罩螺母\(W)4*175\CH01.019.048\CLN600-24.2/566/566</t>
  </si>
  <si>
    <t>【哈电汽轮机】罩螺母\(W)4.1/4*180\CH01.019.049\CLN600-24.2/566/566</t>
  </si>
  <si>
    <t>【哈电汽轮机】罩螺母\(W)4.1/2*190\CH01.019.050\CLN600-24.2/566/566</t>
  </si>
  <si>
    <t>【哈电汽轮机】罩螺母\(W)5*200\CH01.019.051\CLN600-24.2/566/566</t>
  </si>
  <si>
    <t>【哈电汽轮机】罩螺母\(W)4.1/4*180\CH01.019.052\CLN600-24.2/566/566</t>
  </si>
  <si>
    <t>【哈电汽轮机】罩螺母\(W)4.1/2*190\CH01.019.053\CLN600-24.2/566/566</t>
  </si>
  <si>
    <t>【哈电汽轮机】罩螺母\(W)5*200\CH01.019.054\CLN600-24.2/566/566</t>
  </si>
  <si>
    <t>【哈电汽轮机】罩螺母\(W)5.1/2*220\CH01.019.055\CLN600-24.2/566/566</t>
  </si>
  <si>
    <t>【哈电汽轮机】内六角罩螺母\(W)2.1/2*115\CH01.019.057\CLN600-24.2/566/566</t>
  </si>
  <si>
    <t>【哈电汽轮机】内六角罩螺母\(W)2.1/2*115\CH01.019.058\CLN600-24.2/566/566</t>
  </si>
  <si>
    <t>【哈电汽轮机】内六角罩螺母\(W)2*98\CH01.019.059\CLN600-24.2/566/566</t>
  </si>
  <si>
    <t>【哈电汽轮机】内六角罩螺母\(W)2.1/4*108\CH01.019.060\CLN600-24.2/566/566</t>
  </si>
  <si>
    <t>【哈电汽轮机】内六角罩螺母\(W)2.3/4*125\CH01.019.061\CLN600-24.2/566/566</t>
  </si>
  <si>
    <t>【哈电汽轮机】内六角罩螺母\(W)2.1/4*108\CH01.019.062\CLN600-24.2/566/566</t>
  </si>
  <si>
    <t>【哈电汽轮机】外密封环\K01B.012.5.004</t>
  </si>
  <si>
    <t>【哈电汽轮机】内密封环\K01B.012.5.005</t>
  </si>
  <si>
    <t>【哈电汽轮机】内密封环\K01B.012.5.006</t>
  </si>
  <si>
    <t>【哈电汽轮机】汽封圈(单圈)\K01B.013.2Z</t>
  </si>
  <si>
    <t>【哈电汽轮机】密封环\K01B.017.001</t>
  </si>
  <si>
    <t>【哈电汽轮机】密封环\K01B.017.002</t>
  </si>
  <si>
    <t>【哈电汽轮机】定位环\K01B.017.003</t>
  </si>
  <si>
    <t>【哈电汽轮机】特制双头螺柱\K01B.019.1.001</t>
  </si>
  <si>
    <t>【哈电汽轮机】汽封圈(单圈)\K01B.071.3Z</t>
  </si>
  <si>
    <t>【哈电汽轮机】板弹簧\K01B.072.024</t>
  </si>
  <si>
    <t>【哈电汽轮机】汽封圈(单圈)\K01B.072.3Z</t>
  </si>
  <si>
    <t>【哈电汽轮机】汽封圈(单圈)\K01B.072.4Z</t>
  </si>
  <si>
    <t>【哈电汽轮机】汽封片\K01B.096.006</t>
  </si>
  <si>
    <t>【哈电汽轮机】锁紧片\K01B.096.007</t>
  </si>
  <si>
    <t>【哈电汽轮机】填块\K01B.096.008</t>
  </si>
  <si>
    <t>【哈电汽轮机】汽封片\K01B.096.009</t>
  </si>
  <si>
    <t>【哈电汽轮机】锁紧片\K01B.096.010</t>
  </si>
  <si>
    <t>【哈电汽轮机】填块\K01B.096.011</t>
  </si>
  <si>
    <t>【哈电汽轮机】汽封片\K01B.096.012</t>
  </si>
  <si>
    <t>【哈电汽轮机】锁紧片\K01B.096.013</t>
  </si>
  <si>
    <t>【哈电汽轮机】填块\K01B.096.014</t>
  </si>
  <si>
    <t>【哈电汽轮机】汽封片\K01B.096.015</t>
  </si>
  <si>
    <t>【哈电汽轮机】联轴器螺栓\K01B.271.003</t>
  </si>
  <si>
    <t>【哈电汽轮机】联轴器螺栓\K01B.273.002-3</t>
  </si>
  <si>
    <t>【哈电汽轮机】联轴器螺栓\K01B.274.002-3</t>
  </si>
  <si>
    <t>【哈电汽轮机】滤网\K01B.301.004</t>
  </si>
  <si>
    <t>【哈电汽轮机】衬套\K01B.301.005</t>
  </si>
  <si>
    <t>【哈电汽轮机】衬套\K01B.301.006</t>
  </si>
  <si>
    <t>【哈电汽轮机】凹形垫圈\K01B.301.012</t>
  </si>
  <si>
    <t>【哈电汽轮机】预启阀螺母\74.301.050\CC300-16.67/1.3/0.4</t>
  </si>
  <si>
    <t>【哈电汽轮机】汽封圈\CHK01A.146.2Z-1</t>
  </si>
  <si>
    <t>【哈电汽轮机】汽封圈Ⅰ\CHK01A.144.3Z-1</t>
  </si>
  <si>
    <t>【哈电汽轮机】螺栓\CH01.306.055</t>
  </si>
  <si>
    <t>【哈电汽轮机】螺母\CH01.306.056</t>
  </si>
  <si>
    <t>【哈电汽轮机】垫片\CH01.306.057</t>
  </si>
  <si>
    <t>【哈电汽轮机】垫片\CH01.306.067\CLN660-24.2/566/566</t>
  </si>
  <si>
    <t>【哈电汽轮机】垫片\CH01.306.068\CLN660-24.2/566/566</t>
  </si>
  <si>
    <t>【哈电汽轮机】双头螺栓\W13/8*304\CH01.306.090\CLN660-24.2/566/566</t>
  </si>
  <si>
    <t>【哈电汽轮机】六角螺母\W13/8\CH01.306.091\CLN660-24.2/566/566</t>
  </si>
  <si>
    <t>【哈电汽轮机】球面垫片\W13/8\CH01.306.092\CLN660-24.2/566/566</t>
  </si>
  <si>
    <t>【哈电汽轮机】球面垫片\W13/8\CH01.306.093\CLN660-24.2/566/566</t>
  </si>
  <si>
    <t>【哈电汽轮机】预启阀\CH01.306.094</t>
  </si>
  <si>
    <t>【哈电汽轮机】锁紧螺母\CH01.306.095</t>
  </si>
  <si>
    <t>【哈电汽轮机】密封环\CH01.306.097</t>
  </si>
  <si>
    <t>【哈电汽轮机】套筒\CH01.306.098\CLN660-24.2/566/566</t>
  </si>
  <si>
    <t>【哈电汽轮机】六角头螺栓\CH01.306.099</t>
  </si>
  <si>
    <t>【哈电汽轮机】缠绕垫片\CH01.306.100\CLN660-24.2/566/566</t>
  </si>
  <si>
    <t>【哈电汽轮机】螺栓\CH01.306.101</t>
  </si>
  <si>
    <t>【哈电汽轮机】螺母\CH01.306.104</t>
  </si>
  <si>
    <t>【哈电汽轮机】双头螺栓\W11/4*307\CH01.306.105\CLN660-24.2/566/566</t>
  </si>
  <si>
    <t>【哈电汽轮机】六角螺母\W11/4\CH01.306.106\CLN660-24.2/566/566</t>
  </si>
  <si>
    <t>【哈电汽轮机】球面垫片\W11/4\CH01.306.107\CLN660-24.2/566/566</t>
  </si>
  <si>
    <t>【哈电汽轮机】特制双头螺柱\K01B.019.1.002</t>
  </si>
  <si>
    <t>【哈电汽轮机】特制双头螺柱\K01B.019.1.003</t>
  </si>
  <si>
    <t>【哈电汽轮机】平垫圈\K01B.019.1.004</t>
  </si>
  <si>
    <t>【哈电汽轮机】双头螺栓\K01B.019.2.001</t>
  </si>
  <si>
    <t>【哈电汽轮机】双头螺栓\K01B.019.2.002</t>
  </si>
  <si>
    <t>【哈电汽轮机】汽封片\K01B.037.036</t>
  </si>
  <si>
    <t>【哈电汽轮机】汽封片\K01B.037.037</t>
  </si>
  <si>
    <t>【哈电汽轮机】汽封片\K01B.037.038</t>
  </si>
  <si>
    <t>【哈电汽轮机】汽封片\K01B.037.039</t>
  </si>
  <si>
    <t>【哈电汽轮机】汽封片\K01B.037.040</t>
  </si>
  <si>
    <t>【哈电汽轮机】汽封片\K01B.037.041</t>
  </si>
  <si>
    <t>【哈电汽轮机】汽封片\K01B.037.042</t>
  </si>
  <si>
    <t>【哈电汽轮机】汽封片\K01B.037.043</t>
  </si>
  <si>
    <t>【哈电汽轮机】汽封片\K01B.037.044</t>
  </si>
  <si>
    <t>【哈电汽轮机】汽封片\K01B.037.045</t>
  </si>
  <si>
    <t>【哈电汽轮机】特制螺帽\M42*3-6H\69.288.108\CC330/264-16.7/537/537</t>
  </si>
  <si>
    <t>【哈电汽轮机】挡油环\69.401.3Z\CC330/264-16.7/537/537</t>
  </si>
  <si>
    <t>【哈电汽轮机】油封环(左)\70.401.24Z\CC330/264-16.7/537/537</t>
  </si>
  <si>
    <t>【哈电汽轮机】油封环(右)\70.401.25Z\CC330/264-16.7/537/537</t>
  </si>
  <si>
    <t>【哈电汽轮机】挡油环\70.401.26Z\CC330/264-16.7/537/537</t>
  </si>
  <si>
    <t>【哈电汽轮机】定位双头螺柱\73.026.002\C250/N300-16.7/538/538</t>
  </si>
  <si>
    <t>【哈电汽轮机】六角头螺栓\73.026.003\C250/N300-16.7/538/539</t>
  </si>
  <si>
    <t>【哈电汽轮机】主汽阀杆\74.301.053\CC300-16.67/1.3/0.4</t>
  </si>
  <si>
    <t>【哈电汽轮机】特制罩螺母\M56*4\74A.301.001\CC300-16.67/1.3/0.4</t>
  </si>
  <si>
    <t>【哈电汽轮机】挡油环\75.079Z</t>
  </si>
  <si>
    <t>【哈电汽轮机】罩螺母\75.081.002</t>
  </si>
  <si>
    <t>【哈电汽轮机】双头螺栓\75.081.004</t>
  </si>
  <si>
    <t>【哈电汽轮机】凸形垫圈\75.081.005</t>
  </si>
  <si>
    <t>【哈电汽轮机】凹形垫圈\75.081.006</t>
  </si>
  <si>
    <t>【哈电汽轮机】垫圈\75.081.009</t>
  </si>
  <si>
    <t>【哈电汽轮机】垫片\75.081.011</t>
  </si>
  <si>
    <t>【哈电汽轮机】球面凸垫\75.306.003\CC300-16.67/1.3/0.4</t>
  </si>
  <si>
    <t>【哈电汽轮机】球面凹垫\75.306.004\CC300-16.67/1.3/0.4</t>
  </si>
  <si>
    <t>【哈电汽轮机】螺母\M33\75A.306.002\CC300-16.67/1.3/0.4</t>
  </si>
  <si>
    <t>【哈电汽轮机】双头螺栓\75A.306.003</t>
  </si>
  <si>
    <t>【哈电汽轮机】双头螺柱\M33*273\75A.306.004\CC300-16.67/1.3/0.4</t>
  </si>
  <si>
    <t>【哈电汽轮机】垫圈\75A.306.024</t>
  </si>
  <si>
    <t>【哈电汽轮机】油封环\75B.055.8Z\CC330/264-16.7/537/537</t>
  </si>
  <si>
    <t>【哈电汽轮机】六角头螺母\M20\B20.2.1\C250/N300-16.7/538/538</t>
  </si>
  <si>
    <t>【哈电汽轮机】双头螺柱\M48*160\B20.21\C250/N300-16.7/538/538</t>
  </si>
  <si>
    <t>【哈电汽轮机】螺钉\M10*25\B20.29\N660-25/600/600</t>
  </si>
  <si>
    <t>【哈电汽轮机】凹型球面垫圈\CCH01.019.1.030-1</t>
  </si>
  <si>
    <t>【哈电汽轮机】凹型球面垫圈\CCH01.019.4.011-1</t>
  </si>
  <si>
    <t>【哈电汽轮机】内六角螺栓\CH01.065.059</t>
  </si>
  <si>
    <t>【哈电汽轮机】球面垫片\W11/4\CH01.306.108\CLN660-24.2/566/566</t>
  </si>
  <si>
    <t>【哈电汽轮机】双头螺栓\W11/8*205\CH01.306.109\CLN660-24.2/566/566</t>
  </si>
  <si>
    <t>【哈电汽轮机】六角螺母\W11/8\CH01.306.110\CLN660-24.2/566/566</t>
  </si>
  <si>
    <t>【哈电汽轮机】汽封圈Ⅰ\CHK01A.145.2Z-1</t>
  </si>
  <si>
    <t>【哈电汽轮机】汽封圈Ⅱ\CHK01A.144.4Z-1</t>
  </si>
  <si>
    <t>【哈电汽轮机】汽封圈Ⅱ\CHK01A.145.3Z-1</t>
  </si>
  <si>
    <t>【哈电汽轮机】双头螺栓\CCH01.019.1.009-1</t>
  </si>
  <si>
    <t>【哈电汽轮机】双头螺栓\CCH01.019.1.010-1</t>
  </si>
  <si>
    <t>【哈电汽轮机】双头螺栓\CCH01.019.4.002-1</t>
  </si>
  <si>
    <t>【哈电汽轮机】双头螺栓\CCH01.019.4.003-1</t>
  </si>
  <si>
    <t>【哈电汽轮机】双头螺栓\CCH01.019.4.004-1</t>
  </si>
  <si>
    <t>【哈电汽轮机】双头螺栓\CCH01.019.4.005-1</t>
  </si>
  <si>
    <t>【哈电汽轮机】双头螺栓\CCH01.019.5.003-1</t>
  </si>
  <si>
    <t>【哈电汽轮机】双头螺栓\CCH01.019.5.004-1</t>
  </si>
  <si>
    <t>【哈电汽轮机】双头螺栓\CCH01.019.5.005-1</t>
  </si>
  <si>
    <t>【哈电汽轮机】双头螺栓\CCH01.019.5.006-1</t>
  </si>
  <si>
    <t>【哈电汽轮机】双头螺栓\CCH01.019.5.007-1</t>
  </si>
  <si>
    <t>【哈电汽轮机】双头螺栓\CCH01.019.5.008-1</t>
  </si>
  <si>
    <t>【哈电汽轮机】双头螺栓\CCH01.101.002-4</t>
  </si>
  <si>
    <t>【哈电汽轮机】双头螺栓\CCH01.105.002-4</t>
  </si>
  <si>
    <t>【哈电汽轮机】双头螺栓\CCH01.108.001-4</t>
  </si>
  <si>
    <t>【哈电汽轮机】定位双头螺柱\73.026.005\C250/N300-16.7/538/541</t>
  </si>
  <si>
    <t>【哈电汽轮机】六角螺母\73.026.006\C250/N300-16.7/538/542</t>
  </si>
  <si>
    <t>【哈电汽轮机】平垫圈\73.026.007\C250/N300-16.7/538/543</t>
  </si>
  <si>
    <t>【哈电汽轮机】双头螺栓\73.027.066</t>
  </si>
  <si>
    <t>【哈电汽轮机】定位双头螺柱\Φ58*390\73.027.069\C250/N300-16.7/538/544</t>
  </si>
  <si>
    <t>【哈电汽轮机】垫圈\73.027.070\C250/N300-16.7/538/545</t>
  </si>
  <si>
    <t>【哈电汽轮机】双头螺柱\M52*3*350\73.027.072\C250/N300-16.7/538/546</t>
  </si>
  <si>
    <t>【哈电汽轮机】双头螺栓\73.027.078</t>
  </si>
  <si>
    <t>【哈电汽轮机】定位双头螺栓\73.027.079</t>
  </si>
  <si>
    <t>【哈电汽轮机】双头螺柱\M39*3*605\73.027.084\C250/N300-16.7/538/547</t>
  </si>
  <si>
    <t>【哈电汽轮机】铅板\73.035.007\C250/N300-16.7/538/548</t>
  </si>
  <si>
    <t>【哈电汽轮机】凸形垫圈\M45\73.039.009\C250/N300-16.7/538/538</t>
  </si>
  <si>
    <t>【哈电汽轮机】凹形垫圈\M45\73.039.010\C250/N300-16.7/538/538</t>
  </si>
  <si>
    <t>【哈电汽轮机】定位双头螺柱\73.041.003</t>
  </si>
  <si>
    <t>【哈电汽轮机】内六角螺母\73.041.004</t>
  </si>
  <si>
    <t>【哈电汽轮机】垫圈\M33\73.041.005\C250/N300-16.7/538/549</t>
  </si>
  <si>
    <t>【哈电汽轮机】内六角罩螺母\(W)2.3/4*125\CH01.019.063\CLN600-24.2/566/566</t>
  </si>
  <si>
    <t>【哈电汽轮机】内六角罩螺母\(W)1.1/2*76\CH01.019.064\CLN600-24.2/566/566</t>
  </si>
  <si>
    <t>【哈电汽轮机】内六角罩螺母\(W)2*98\CH01.019.065\CLN600-24.2/566/566</t>
  </si>
  <si>
    <t>【哈电汽轮机】球面垫圈\(W)3.1/2\CH01.019.067\CLN600-24.2/566/566</t>
  </si>
  <si>
    <t>【哈电汽轮机】球面垫圈\(W)3.1/2\CH01.019.068\CLN600-24.2/566/566</t>
  </si>
  <si>
    <t>【哈电汽轮机】球面垫圈\(W)3.3/4\CH01.019.069\CLN600-24.2/566/566</t>
  </si>
  <si>
    <t>【哈电汽轮机】内六角螺栓\CH01.065.061</t>
  </si>
  <si>
    <t>【哈电汽轮机】内六角螺栓\CH01.065.062</t>
  </si>
  <si>
    <t>【哈电汽轮机】内六角螺栓\CH01.065.063</t>
  </si>
  <si>
    <t>【哈电汽轮机】垫圈\1 1/8\CH01.065.066\CLN660-24.2/566/566</t>
  </si>
  <si>
    <t>【哈电汽轮机】双头螺栓\CH01.065.070</t>
  </si>
  <si>
    <t>【哈电汽轮机】特制双头螺柱\CH01.065.071</t>
  </si>
  <si>
    <t>【哈电汽轮机】内六角螺母\CH01.065.072</t>
  </si>
  <si>
    <t>【哈电汽轮机】板弹簧\CH01.065.076\CLN660-24.2/566/566</t>
  </si>
  <si>
    <t>【哈电汽轮机】板弹簧\CH01.065.077\CLN600-24.2/566/566</t>
  </si>
  <si>
    <t>【哈电汽轮机】板弹簧\CH01.065.078\CLN660-24.2/566/566</t>
  </si>
  <si>
    <t>【哈电汽轮机】止动螺钉\CH01.065.079</t>
  </si>
  <si>
    <t>【哈电汽轮机】汽封圈\CH01.065.1Z\CLN660-24.2/566/566</t>
  </si>
  <si>
    <t>【哈电汽轮机】汽封圈\CH01.065.2Z\CLN660-24.2/566/566</t>
  </si>
  <si>
    <t>【哈电汽轮机】汽封圈\CH01.065.3Z\CLN660-24.2/566/566</t>
  </si>
  <si>
    <t>【哈电汽轮机】内六角螺栓\CH01.066.047</t>
  </si>
  <si>
    <t>【哈电汽轮机】内六角螺栓\CH01.066.048</t>
  </si>
  <si>
    <t>【哈电汽轮机】垫圈\1″\CH01.066.049\CLN660-24.2/566/566</t>
  </si>
  <si>
    <t>【哈电汽轮机】双头螺栓\CH01.066.051</t>
  </si>
  <si>
    <t>【哈电汽轮机】特制双头螺柱\CH01.066.052</t>
  </si>
  <si>
    <t>【哈电汽轮机】内六角螺母\CH01.066.053</t>
  </si>
  <si>
    <t>【哈电汽轮机】板弹簧\CH01.066.057\CLN600-24.2/566/566</t>
  </si>
  <si>
    <t>【哈电汽轮机】汽封圈\CH01.066.1Z\CLN660-24.2/566/566</t>
  </si>
  <si>
    <t>【哈电汽轮机】双头螺栓\CCH01.108.002-4</t>
  </si>
  <si>
    <t>【哈电汽轮机】双头螺栓\CCH01.121.002-4</t>
  </si>
  <si>
    <t>【哈电汽轮机】双头螺栓\CCH01.121.003-4</t>
  </si>
  <si>
    <t>【哈电汽轮机】罩螺母\W11/8\CH01.306.111\CLN660-24.2/566/566</t>
  </si>
  <si>
    <t>【哈电汽轮机】球面垫片\W11/8\CH01.306.112\CLN660-24.2/566/566</t>
  </si>
  <si>
    <t>【哈电汽轮机】球面垫片\W11/8\CH01.306.113\CLN660-24.2/566/566</t>
  </si>
  <si>
    <t>【哈电汽轮机】缠绕垫片\CH01.306.114\CLN660-24.2/566/566</t>
  </si>
  <si>
    <t>【哈电汽轮机】缠绕垫片\CH01.306.115\CLN660-24.2/566/566</t>
  </si>
  <si>
    <t>【哈电汽轮机】阀杆\CH01.306.116\CLN660-24.2/566/566</t>
  </si>
  <si>
    <t>【哈电汽轮机】衬套\CH01.306.117\CLN660-24.2/566/566</t>
  </si>
  <si>
    <t>【哈电汽轮机】衬环\CH01.306.118</t>
  </si>
  <si>
    <t>【哈电汽轮机】衬套\CH01.306.119</t>
  </si>
  <si>
    <t>【哈电汽轮机】衬环\CH01.306.120</t>
  </si>
  <si>
    <t>【哈电汽轮机】键\CH01.306.121</t>
  </si>
  <si>
    <t>【哈电汽轮机】键\CH01.306.122</t>
  </si>
  <si>
    <t>【哈电汽轮机】嵌入环\CH01.306.123</t>
  </si>
  <si>
    <t>【哈电汽轮机】套筒\CH01.306.125</t>
  </si>
  <si>
    <t>【哈电汽轮机】碟形垫片\CH01.306.126</t>
  </si>
  <si>
    <t>【哈电汽轮机】再热主阀\CH01.306.128\CLN660-24.2/566/566</t>
  </si>
  <si>
    <t>【哈电汽轮机】双头螺栓\W11/8*206\CH01.306.135\CLN660-24.2/566/566</t>
  </si>
  <si>
    <t>【哈电汽轮机】顶开螺钉\CH01.306.136</t>
  </si>
  <si>
    <t>【哈电汽轮机】阀杆\CH01.306.138</t>
  </si>
  <si>
    <t>【哈电汽轮机】球面垫圈\(W)3.3/4\CH01.019.070\CLN600-24.2/566/566</t>
  </si>
  <si>
    <t>【哈电汽轮机】球面垫圈\(W)4\CH01.019.071\CLN600-24.2/566/566</t>
  </si>
  <si>
    <t>【哈电汽轮机】球面垫圈\(W)4\CH01.019.072\CLN600-24.2/566/566</t>
  </si>
  <si>
    <t>【哈电汽轮机】球面垫圈\(W)4.1/4\CH01.019.073\CLN600-24.2/566/566</t>
  </si>
  <si>
    <t>【哈电汽轮机】球面垫圈\(W)4.1/4\CH01.019.074\CLN600-24.2/566/566</t>
  </si>
  <si>
    <t>【哈电汽轮机】球面垫圈\(W)4.1/2\CH01.019.075\CLN600-24.2/566/566</t>
  </si>
  <si>
    <t>【哈电汽轮机】球面垫圈\(W)4.1/2\CH01.019.076\CLN600-24.2/566/566</t>
  </si>
  <si>
    <t>【哈电汽轮机】球面垫圈\CH01.019.079</t>
  </si>
  <si>
    <t>【哈电汽轮机】球面垫圈\CH01.019.080</t>
  </si>
  <si>
    <t>【哈电汽轮机】平垫圈\(W)3.1/2\CH01.019.095\CLN600-24.2/566/566</t>
  </si>
  <si>
    <t>【哈电汽轮机】平垫圈\(W)3.3/4\CH01.019.096\CLN600-24.2/566/566</t>
  </si>
  <si>
    <t>【哈电汽轮机】平垫圈\(W)4\CH01.019.097\CLN600-24.2/566/566</t>
  </si>
  <si>
    <t>【哈电汽轮机】平垫圈\(W)4.1/4\CH01.019.098\CLN600-24.2/566/566</t>
  </si>
  <si>
    <t>【哈电汽轮机】平垫圈\(W)4.1/2\CH01.019.099\CLN600-24.2/566/566</t>
  </si>
  <si>
    <t>【哈电汽轮机】汽封片\K01B.037.046</t>
  </si>
  <si>
    <t>【哈电汽轮机】汽封片\K01B.037.047</t>
  </si>
  <si>
    <t>【哈电汽轮机】汽封片\K01B.037.048</t>
  </si>
  <si>
    <t>【哈电汽轮机】汽封片\K01B.037.049</t>
  </si>
  <si>
    <t>【哈电汽轮机】汽封片\K01B.037.050</t>
  </si>
  <si>
    <t>【哈电汽轮机】汽封片\K01B.037.051</t>
  </si>
  <si>
    <t>【哈电汽轮机】汽封片\K01B.037.052</t>
  </si>
  <si>
    <t>【哈电汽轮机】汽封片\K01B.037.053</t>
  </si>
  <si>
    <t>【哈电汽轮机】衬环\CH01.306.139</t>
  </si>
  <si>
    <t>【哈电汽轮机】阀碟\CH01.306.8Z</t>
  </si>
  <si>
    <t>【哈电汽轮机】罩螺母\CCH01A.301.1.003</t>
  </si>
  <si>
    <t>【哈电汽轮机】内六角罩螺母\CH01A.039.007</t>
  </si>
  <si>
    <t>【哈电汽轮机】双头螺栓\CCH01.122.002-4</t>
  </si>
  <si>
    <t>【哈电汽轮机】双头螺栓\CCH01.122.003-4</t>
  </si>
  <si>
    <t>【哈电汽轮机】双头螺栓\CCH01.122.004-4</t>
  </si>
  <si>
    <t>【哈电汽轮机】双头螺栓\CCH01.125.001-4</t>
  </si>
  <si>
    <t>【哈电汽轮机】双头螺栓\CCH01.306.1.001</t>
  </si>
  <si>
    <t>【哈电汽轮机】双头螺栓\CCH01.306.25.001</t>
  </si>
  <si>
    <t>【哈电汽轮机】双头螺栓\CCH01.306.25.002</t>
  </si>
  <si>
    <t>【哈电汽轮机】双头螺栓\CCH01.306.25.014</t>
  </si>
  <si>
    <t>【哈电汽轮机】双头螺栓\CCH01A.301.1.002</t>
  </si>
  <si>
    <t>【哈电汽轮机】双头螺栓\CCH01A.301.7.011</t>
  </si>
  <si>
    <t>【哈电汽轮机】锁紧片\CHK01A.131.005</t>
  </si>
  <si>
    <t>【哈电汽轮机】套筒\CCH01.306.25.004</t>
  </si>
  <si>
    <t>【哈电汽轮机】特制定位双头螺柱\CCH01.019.1.008-1</t>
  </si>
  <si>
    <t>【哈电汽轮机】特制定位双头螺柱\CCH01.019.4.006-1</t>
  </si>
  <si>
    <t>【哈电汽轮机】特制螺栓\69.127.310</t>
  </si>
  <si>
    <t>【哈电汽轮机】特制双头螺栓\CHK01A.146.027-1</t>
  </si>
  <si>
    <t>【哈电汽轮机】特制双头螺柱\CCH01.019.1.007-1</t>
  </si>
  <si>
    <t>【哈电汽轮机】锁紧片\K01B.037.054</t>
  </si>
  <si>
    <t>【哈电汽轮机】锁紧片\K01B.037.055</t>
  </si>
  <si>
    <t>【哈电汽轮机】锁紧片\K01B.037.056</t>
  </si>
  <si>
    <t>【哈电汽轮机】锁紧片\K01B.037.057</t>
  </si>
  <si>
    <t>【哈电汽轮机】锁紧片\K01B.037.058</t>
  </si>
  <si>
    <t>【哈电汽轮机】锁紧片\K01B.037.059</t>
  </si>
  <si>
    <t>【哈电汽轮机】锁紧片\K01B.037.060</t>
  </si>
  <si>
    <t>【哈电汽轮机】锁紧片\K01B.037.061</t>
  </si>
  <si>
    <t>【哈电汽轮机】锁紧片\K01B.037.062</t>
  </si>
  <si>
    <t>【哈电汽轮机】双头螺栓\K01B.037.067</t>
  </si>
  <si>
    <t>【哈电汽轮机】罩螺母\K01B.037.068</t>
  </si>
  <si>
    <t>【哈电汽轮机】双头螺栓\K01B.037.069</t>
  </si>
  <si>
    <t>【哈电汽轮机】罩螺母\K01B.037.070</t>
  </si>
  <si>
    <t>【哈电汽轮机】凸形垫圈\K01B.037.071</t>
  </si>
  <si>
    <t>【哈电汽轮机】双头螺栓\73.041.006</t>
  </si>
  <si>
    <t>【哈电汽轮机】内六角螺母\73.041.007</t>
  </si>
  <si>
    <t>【哈电汽轮机】垫圈\M39\73.041.008\C250/N300-16.7/538/550</t>
  </si>
  <si>
    <t>【哈电汽轮机】内六角螺钉\73.068.022\CC300-16.67/1.3/0.4</t>
  </si>
  <si>
    <t>【哈电汽轮机】弹簧片\73.069.020\C250/N300-16.7/538/551</t>
  </si>
  <si>
    <t>【哈电汽轮机】汽封圈含弹簧片\73.069.1Z</t>
  </si>
  <si>
    <t>【哈电汽轮机】汽封环\73.069.2Z\C250/N300-16.7/537/537</t>
  </si>
  <si>
    <t>【哈电汽轮机】汽封环\73.069.3Z\C250/N300-16.7/537/537</t>
  </si>
  <si>
    <t>【哈电汽轮机】填片\CCH01.121.1.005-4</t>
  </si>
  <si>
    <t>【哈电汽轮机】调整垫环\CH01.051.6Z-31</t>
  </si>
  <si>
    <t>【哈电汽轮机】凸型球面垫圈\CCH01.019.1.021-1</t>
  </si>
  <si>
    <t>【哈电汽轮机】凸型球面垫圈\CCH01.019.1.023-1</t>
  </si>
  <si>
    <t>【哈电汽轮机】凸型球面垫圈\CCH01.019.1.025-1</t>
  </si>
  <si>
    <t>【哈电汽轮机】罩螺母\CCH01A.301.7.012</t>
  </si>
  <si>
    <t>【哈电汽轮机】整体垫圈\CCH01.019.1.034-1</t>
  </si>
  <si>
    <t>【哈电汽轮机】定位双头螺栓\CH01A.071.5.001</t>
  </si>
  <si>
    <t>【哈电汽轮机】特制双头螺柱\CH01A.071.5.002</t>
  </si>
  <si>
    <t>【哈电汽轮机】特制双头螺柱\CH01A.071.5.003</t>
  </si>
  <si>
    <t>【哈电汽轮机】定位双头螺栓\CH01A.071.5.004</t>
  </si>
  <si>
    <t>【哈电汽轮机】特制双头螺柱\CH01A.071.5.005</t>
  </si>
  <si>
    <t>【哈电汽轮机】定位双头螺栓\CH01A.071.5.006</t>
  </si>
  <si>
    <t>【哈电汽轮机】内六角罩螺母\CH01A.071.5.007</t>
  </si>
  <si>
    <t>【哈电汽轮机】内六角罩螺母\CH01A.071.5.008</t>
  </si>
  <si>
    <t>【哈电汽轮机】内六角罩螺母\CH01A.071.5.009</t>
  </si>
  <si>
    <t>【哈电汽轮机】罩螺母\CH01A.071.5.010</t>
  </si>
  <si>
    <t>【哈电汽轮机】定位双头螺栓\CH01A.072.003</t>
  </si>
  <si>
    <t>【哈电汽轮机】罩螺母\CH01A.081.002</t>
  </si>
  <si>
    <t>【哈电汽轮机】双头螺柱\CH01A.083.011</t>
  </si>
  <si>
    <t>【哈电汽轮机】罩螺母\CH01A.083.012</t>
  </si>
  <si>
    <t>【哈电汽轮机】凹垫圈\M52\73.073.036\C250/N300-16.7/538/552</t>
  </si>
  <si>
    <t>【哈电汽轮机】凸垫圈\M52\73.073.037\C250/N300-16.7/538/553</t>
  </si>
  <si>
    <t>【哈电汽轮机】油封片\73.078.004\CC330/264-16.7/537/537</t>
  </si>
  <si>
    <t>【哈电汽轮机】挡油环\73.078Z</t>
  </si>
  <si>
    <t>【哈电汽轮机】油封片\73.079.003\CC330/264-16.7/537/537</t>
  </si>
  <si>
    <t>【哈电汽轮机】Du衬套\73.178.025\CC300-16.67/1.3/0.4</t>
  </si>
  <si>
    <t>【哈电汽轮机】圆销式外啮合齿形链\73.178.171\CC300-16.67/1.3/0.4</t>
  </si>
  <si>
    <t>【哈电汽轮机】自润滑杆端关节轴承\73.178.172\CC300-16.67/1.3/0.4</t>
  </si>
  <si>
    <t>【哈电汽轮机】垫圈\73.178.174\CC300-16.67/1.3/0.4</t>
  </si>
  <si>
    <t>【哈电汽轮机】衬套\73.178.175\CC300-16.67/1.3/0.4</t>
  </si>
  <si>
    <t>【哈电汽轮机】衬套\73.178.176\CC300-16.67/1.3/0.4</t>
  </si>
  <si>
    <t>【哈电汽轮机】含油推力轴承\73.178.181\CC300-16.67/1.3/0.4</t>
  </si>
  <si>
    <t>【哈电汽轮机】含油推力轴承\73.178.182\CC300-16.67/1.3/0.4</t>
  </si>
  <si>
    <t>【哈电汽轮机】凹型球面垫圈\CCH01.019.1.026-1</t>
  </si>
  <si>
    <t>【哈电汽轮机】DU衬套\73.178.184\CC300-16.67/1.3/0.4</t>
  </si>
  <si>
    <t>【哈电汽轮机】汽封圈\CH01.027.5Z\CLN600-24.2/566/566</t>
  </si>
  <si>
    <t>【哈电汽轮机】罩螺母\CH01.029.037\CLN600-24.2/566/566</t>
  </si>
  <si>
    <t>【哈电汽轮机】定位双头螺栓\CH01.029.038</t>
  </si>
  <si>
    <t>【哈电汽轮机】汽封环\CH01.029.4Z\CLN600-24.2/566/566</t>
  </si>
  <si>
    <t>【哈电汽轮机】汽封片\L=890\CH01.040.001\CLN600-24.2/566/566</t>
  </si>
  <si>
    <t>【哈电汽轮机】汽封片\L=890\CH01.040.002\CLN600-24.2/566/566</t>
  </si>
  <si>
    <t>【哈电汽轮机】汽封片\L=900\CH01.040.003\CLN600-24.2/566/566</t>
  </si>
  <si>
    <t>【哈电汽轮机】定位螺栓\CH01A.271.003</t>
  </si>
  <si>
    <t>【哈电汽轮机】螺母\CH01A.271.004</t>
  </si>
  <si>
    <t>【哈电汽轮机】螺栓\CH01A.301.001\N660-25/600/600</t>
  </si>
  <si>
    <t>【哈电汽轮机】罩螺母\CH01A.301.002\N660-25/600/600</t>
  </si>
  <si>
    <t>【哈电汽轮机】球面垫圈\(凸)\CH01A.301.003\N660-25/600/600</t>
  </si>
  <si>
    <t>【哈电汽轮机】球面垫圈\(凹)\CH01A.301.004\N660-25/600/600</t>
  </si>
  <si>
    <t>【哈电汽轮机】缠绕垫片\CH01A.301.005\N660-25/600/600</t>
  </si>
  <si>
    <t>【哈电汽轮机】凸型球面垫圈\CCH01.019.1.027-1</t>
  </si>
  <si>
    <t>【哈电汽轮机】凸型球面垫圈\CCH01.019.1.029-1</t>
  </si>
  <si>
    <t>【哈电汽轮机】凸型球面垫圈\CCH01.019.4.010-1</t>
  </si>
  <si>
    <t>【哈电汽轮机】定位双头螺栓\CCH01A.027.062</t>
  </si>
  <si>
    <t>【哈电汽轮机】双头螺柱\M76*3*298\CCH01A.027.063\CLN600-24.2/566/566</t>
  </si>
  <si>
    <t>【哈电汽轮机】双头螺柱\M52*3*248\CCH01A.027.064\CLN600-24.2/566/566</t>
  </si>
  <si>
    <t>【哈电汽轮机】凸型球面垫圈\CCH01.019.4.012-1</t>
  </si>
  <si>
    <t>【哈电汽轮机】凸型球面垫圈\CCH01.019.4.014-1</t>
  </si>
  <si>
    <t>【哈电汽轮机】凸型球面垫圈\CCH01.019.5.012-1</t>
  </si>
  <si>
    <t>【哈电汽轮机】凸型球面垫圈\CCH01.306.1.003</t>
  </si>
  <si>
    <t>【哈电汽轮机】凸型球面垫圈\CCH01.306.25.007</t>
  </si>
  <si>
    <t>【哈电汽轮机】凸型球面垫圈\CCH01A.301.1.004</t>
  </si>
  <si>
    <t>【哈电汽轮机】凸型球面垫圈\CCH01A.301.7.013</t>
  </si>
  <si>
    <t>【哈电汽轮机】推力垫圈\73.178.183</t>
  </si>
  <si>
    <t>【哈电汽轮机】汽封片\L=900\CH01.040.004\CLN600-24.2/566/566</t>
  </si>
  <si>
    <t>【哈电汽轮机】汽封片\L=910\CH01.040.005\CLN600-24.2/566/566</t>
  </si>
  <si>
    <t>【哈电汽轮机】汽封片\L=910\CH01.040.006\CLN600-24.2/566/566</t>
  </si>
  <si>
    <t>【哈电汽轮机】汽封片\L=920\CH01.040.007\CLN600-24.2/566/566</t>
  </si>
  <si>
    <t>【哈电汽轮机】汽封片\L=920\CH01.040.008\CLN600-24.2/566/566</t>
  </si>
  <si>
    <t>【哈电汽轮机】汽封片\L=930\CH01.040.009\CLN600-24.2/566/566</t>
  </si>
  <si>
    <t>【哈电汽轮机】汽封片\L=930\CH01.040.010\CLN600-24.2/566/566</t>
  </si>
  <si>
    <t>【哈电汽轮机】汽封片\L=940\CH01.040.011\CLN600-24.2/566/566</t>
  </si>
  <si>
    <t>【哈电汽轮机】汽封片\L=940\CH01.040.012\CLN600-24.2/566/566</t>
  </si>
  <si>
    <t>【哈电汽轮机】汽封片\L=960\CH01.040.013\CLN600-24.2/566/566</t>
  </si>
  <si>
    <t>【哈电汽轮机】汽封片\L=960\CH01.040.014\CLN600-24.2/566/566</t>
  </si>
  <si>
    <t>【哈电汽轮机】汽封片\L=960\CH01.040.015\CLN600-24.2/566/566</t>
  </si>
  <si>
    <t>【哈电汽轮机】汽封片\L=960\CH01.040.016\CLN600-24.2/566/566</t>
  </si>
  <si>
    <t>【哈电汽轮机】汽封片\L=970\CH01.040.017\CLN600-24.2/566/566</t>
  </si>
  <si>
    <t>【哈电汽轮机】汽封片\L=970\CH01.040.018\CLN600-24.2/566/566</t>
  </si>
  <si>
    <t>【哈电汽轮机】汽封片\L=970\CH01.040.019\CLN600-24.2/566/566</t>
  </si>
  <si>
    <t>【哈电汽轮机】凹形垫圈\K01B.037.072</t>
  </si>
  <si>
    <t>【哈电汽轮机】板弹簧\K01B.037.074</t>
  </si>
  <si>
    <t>【哈电汽轮机】汽封圈(单圈)\K01B.037.2Z</t>
  </si>
  <si>
    <t>【哈电汽轮机】汽封圈(单圈)\K01B.037.3Z</t>
  </si>
  <si>
    <t>【哈电汽轮机】汽封圈(单圈)\K01B.037.4Z</t>
  </si>
  <si>
    <t>【哈电汽轮机】汽封圈(单圈)\K01B.037.5Z</t>
  </si>
  <si>
    <t>【哈电汽轮机】销子\CCH01.306.25.010</t>
  </si>
  <si>
    <t>【哈电汽轮机】销子\CCH01.306.25.011</t>
  </si>
  <si>
    <t>【哈电汽轮机】销子\CCH01.306.25.021</t>
  </si>
  <si>
    <t>【哈电汽轮机】油封环\CCH01.053.6Z-1</t>
  </si>
  <si>
    <t>【哈电汽轮机】油封环\CCH01A.050.3Z</t>
  </si>
  <si>
    <t>【哈电汽轮机】油封环\CCH01A.052.3Z</t>
  </si>
  <si>
    <t>【哈电汽轮机】油封环(右旋)\CCH01.401.3Z-2</t>
  </si>
  <si>
    <t>【哈电汽轮机】油封环(右旋)\CCH01.401.5Z-2</t>
  </si>
  <si>
    <t>【哈电汽轮机】油封环(左旋)\CCH01.401.2Z-2</t>
  </si>
  <si>
    <t>【哈电汽轮机】调节阀主阀\CH01A.301.006\N660-25/600/600</t>
  </si>
  <si>
    <t>【哈电汽轮机】阀螺母\CH01A.301.007\N660-25/600/600</t>
  </si>
  <si>
    <t>【哈电汽轮机】销\CH01A.301.008\N660-25/600/600</t>
  </si>
  <si>
    <t>【哈电汽轮机】阀杆\CH01A.301.009\N660-25/600/600</t>
  </si>
  <si>
    <t>【哈电汽轮机】衬套\CH01A.301.010\N660-25/600/600</t>
  </si>
  <si>
    <t>【哈电汽轮机】主阀碟\CH01A.301.145\N660-25/600/600</t>
  </si>
  <si>
    <t>【哈电汽轮机】阀杆\CH01A.301.148\N660-25/600/600</t>
  </si>
  <si>
    <t>【哈电汽轮机】预启阀\CH01A.301.150\N660-25/600/600</t>
  </si>
  <si>
    <t>【哈电汽轮机】预启阀螺母\CH01A.301.151\N660-25/600/600</t>
  </si>
  <si>
    <t>【哈电汽轮机】弹簧座\CH01A.301.152\N660-25/600/600</t>
  </si>
  <si>
    <t>【哈电汽轮机】弹簧座\CH01A.301.153\N660-25/600/600</t>
  </si>
  <si>
    <t>【哈电汽轮机】弹簧\CH01A.301.157\N660-25/600/600</t>
  </si>
  <si>
    <t>【哈电汽轮机】衬套\CH01A.301.158\N660-25/600/600</t>
  </si>
  <si>
    <t>【哈电汽轮机】汽封片\K01B.038.025</t>
  </si>
  <si>
    <t>【哈电汽轮机】汽封片\K01B.038.026</t>
  </si>
  <si>
    <t>【哈电汽轮机】汽封片\K01B.038.027</t>
  </si>
  <si>
    <t>【哈电汽轮机】汽封片\K01B.038.028</t>
  </si>
  <si>
    <t>【哈电汽轮机】汽封片\K01B.038.029</t>
  </si>
  <si>
    <t>【哈电汽轮机】汽封片\K01B.038.030</t>
  </si>
  <si>
    <t>【哈电汽轮机】汽封片\K01B.038.031</t>
  </si>
  <si>
    <t>【哈电汽轮机】汽封片\K01B.038.032</t>
  </si>
  <si>
    <t>【哈电汽轮机】汽封片\K01B.038.033</t>
  </si>
  <si>
    <t>【哈电汽轮机】锁紧片\K01B.038.034</t>
  </si>
  <si>
    <t>【哈电汽轮机】锁紧片\K01B.038.035</t>
  </si>
  <si>
    <t>【哈电汽轮机】锁紧片\K01B.038.036</t>
  </si>
  <si>
    <t>【哈电汽轮机】定位双头螺栓\K01B.038.039</t>
  </si>
  <si>
    <t>【哈电汽轮机】双头螺栓\K01B.038.040</t>
  </si>
  <si>
    <t>【哈电汽轮机】定位双头螺栓\K01B.038.041</t>
  </si>
  <si>
    <t>【哈电汽轮机】双头螺栓\K01B.038.042</t>
  </si>
  <si>
    <t>【哈电汽轮机】DU衬套\73.178.185\CC300-16.67/1.3/0.4</t>
  </si>
  <si>
    <t>【哈电汽轮机】DU衬套\73.178.186\CC300-16.67/1.3/0.4</t>
  </si>
  <si>
    <t>【哈电汽轮机】DU衬套\73.178.187\CC300-16.67/1.3/0.4</t>
  </si>
  <si>
    <t>【哈电汽轮机】DU衬套\73.178.188\CC300-16.67/1.3/0.4</t>
  </si>
  <si>
    <t>【哈电汽轮机】DU衬套\73.178.189\CC300-16.67/1.3/0.4</t>
  </si>
  <si>
    <t>【哈电汽轮机】DU衬套\73.178.190\CC300-16.67/1.3/0.4</t>
  </si>
  <si>
    <t>【哈电汽轮机】螺栓\(W)3\CH01A.301.162\N660-25/600/600</t>
  </si>
  <si>
    <t>【哈电汽轮机】罩螺母\CH01A.301.163\N660-25/600/600</t>
  </si>
  <si>
    <t>【哈电汽轮机】球面垫圈\(凸)\CH01A.301.164\N660-25/600/600</t>
  </si>
  <si>
    <t>【哈电汽轮机】球面垫圈\(凹)\CH01A.301.165\N660-25/600/600</t>
  </si>
  <si>
    <t>【哈电汽轮机】弹簧导向杆\CH01A.301.174\N660-25/600/600</t>
  </si>
  <si>
    <t>【哈电汽轮机】螺旋管塞\Z3/8"\CH01A.301.176\N660-25/600/600</t>
  </si>
  <si>
    <t>【哈电汽轮机】缠绕垫片\CH01A.301.178\N660-25/600/600</t>
  </si>
  <si>
    <t>【哈电汽轮机】汽封圈含弹簧片\CH01B.071.2Z-12</t>
  </si>
  <si>
    <t>【哈电汽轮机】推力瓦块\#473003-3\CC330/264-16.7/537/537</t>
  </si>
  <si>
    <t>【哈电汽轮机】推力瓦块\#473004-2\CC330/264-16.7/537/537</t>
  </si>
  <si>
    <t>【哈电汽轮机】推力瓦块\#473004-3\CC330/264-16.7/537/537</t>
  </si>
  <si>
    <t>【哈电汽轮机】罩螺母\M76*4\00.011.036\C250/N300-16.7/538/538</t>
  </si>
  <si>
    <t>【哈电汽轮机】罩螺母\M85*4\00.011.037\C250/N300-16.7/538/538</t>
  </si>
  <si>
    <t>【哈电汽轮机】罩螺母\M100*4\00.011.039\C250/N300-16.7/538/538</t>
  </si>
  <si>
    <t>【哈电汽轮机】#1再热主汽阀阀杆\CCH01.306.36Z</t>
  </si>
  <si>
    <t>【哈电汽轮机】罩螺母\M42\00.011.049\C250/N300-16.7/538/538</t>
  </si>
  <si>
    <t>【哈电汽轮机】罩螺母\M48\00.011.050\C250/N300-16.7/538/538</t>
  </si>
  <si>
    <t>【哈电汽轮机】#2再热主汽阀阀杆\CCH01.306.37Z</t>
  </si>
  <si>
    <t>【哈电汽轮机】罩螺母\M76*4\00.011.089\C250/N300-16.7/538/538</t>
  </si>
  <si>
    <t>【哈电汽轮机】罩螺母\M90*4\00.011.091\C250/N300-16.7/538/538</t>
  </si>
  <si>
    <t>【哈电汽轮机】罩螺母\M120*4\00.011.093\CLN600-24.2/566/566</t>
  </si>
  <si>
    <t>【哈电汽轮机】圆锥螺销\M50*260*500\00.011.537\CLN600-24.2/566/566</t>
  </si>
  <si>
    <t>【哈电汽轮机】骨架式橡胶油封\73.178.364\CC300-16.67/1.3/0.4</t>
  </si>
  <si>
    <t>【哈电汽轮机】螺母\M52*3\73.276.005\CC330/264-16.7/537/537</t>
  </si>
  <si>
    <t>【哈电汽轮机】联轴器螺栓\73.276.006\CC330/264-16.7/537/537</t>
  </si>
  <si>
    <t>【哈汽】专用螺母\73.276.008\600MW</t>
  </si>
  <si>
    <t>哈汽</t>
  </si>
  <si>
    <t>【哈电汽轮机】六角头螺栓\73.276.009\CC330/264-16.7/537/537</t>
  </si>
  <si>
    <t>【哈电汽轮机】专用垫圈\73.276.010\CC330/264-16.7/537/537</t>
  </si>
  <si>
    <t>【哈电汽轮机】联轴器螺栓\73.276.013</t>
  </si>
  <si>
    <t>【哈电汽轮机】垫圈\73.314.014\N660-25/600/600</t>
  </si>
  <si>
    <t>【哈电汽轮机】凹型球面垫圈\CCH01.019.1.028-1</t>
  </si>
  <si>
    <t>【哈电汽轮机】内六角螺母\M39*3*77\73A.038.004\C250/N300-16.7/538/538</t>
  </si>
  <si>
    <t>【哈电汽轮机】内六角螺母\M45*3*89\73A.039.006\C250/N300-16.7/538/538</t>
  </si>
  <si>
    <t>【哈电汽轮机】内六角螺母\73A.071.026</t>
  </si>
  <si>
    <t>【哈电汽轮机】罩螺母\73B.027.102</t>
  </si>
  <si>
    <t>【哈电汽轮机】内六角螺母\73B.027.103</t>
  </si>
  <si>
    <t>【哈电汽轮机】定位双头螺栓\Φ122*1045\73D.019.001\C250/N300-16.7/538/538</t>
  </si>
  <si>
    <t>【哈电汽轮机】双头螺栓\M90*3*605\73D.019.003\C250/N300-16.7/538/538</t>
  </si>
  <si>
    <t>【哈电汽轮机】双头螺栓\M90*3*1035\73D.019.004\C250/N300-16.7/538/538</t>
  </si>
  <si>
    <t>【哈电汽轮机】汽封片\L=990\CH01.040.020\CLN600-24.2/566/566</t>
  </si>
  <si>
    <t>【哈电汽轮机】汽封片\L=990\CH01.040.021\CLN600-24.2/566/566</t>
  </si>
  <si>
    <t>【哈电汽轮机】汽封片\L=990\CH01.040.022\CLN600-24.2/566/566</t>
  </si>
  <si>
    <t>【哈电汽轮机】填片\L=890\CH01.040.023\CLN600-24.2/566/566</t>
  </si>
  <si>
    <t>【哈电汽轮机】填片\L=900\CH01.040.024\CLN600-24.2/566/566</t>
  </si>
  <si>
    <t>【哈电汽轮机】罩螺母\00.019.503</t>
  </si>
  <si>
    <t>【哈电汽轮机】罩螺母\00.019.505</t>
  </si>
  <si>
    <t>【哈电汽轮机】罩螺母\M100*4\00.019.509\C250/N300-16.7/538/538</t>
  </si>
  <si>
    <t>【哈电汽轮机】罩螺母\00.019.512</t>
  </si>
  <si>
    <t>【哈电汽轮机】推力瓦块\#473003-2\CC330/264-16.7/537/537</t>
  </si>
  <si>
    <t>【哈电汽轮机】垫圈\00.019.615</t>
  </si>
  <si>
    <t>【哈电汽轮机】垫圈\00.019.616</t>
  </si>
  <si>
    <t>【哈电汽轮机】垫圈\M100\00.019.620\C250/N300-16.7/538/538</t>
  </si>
  <si>
    <t>【哈电汽轮机】油封环(左旋)\CCH01.401.4Z-2</t>
  </si>
  <si>
    <t>【哈电汽轮机】圆柱销\CCH01.306.1.005</t>
  </si>
  <si>
    <t>【哈电汽轮机】圆柱销\CCH01.306.1.014</t>
  </si>
  <si>
    <t>【哈电汽轮机】再热调节阀阀杆\CCH01.306.11Z</t>
  </si>
  <si>
    <t>【哈电汽轮机】罩螺母\CCH01.019.1.016-1</t>
  </si>
  <si>
    <t>【哈电汽轮机】罩螺母\CCH01.019.1.017-1</t>
  </si>
  <si>
    <t>【哈电汽轮机】罩螺母\CCH01.019.1.018-1</t>
  </si>
  <si>
    <t>【哈电汽轮机】罩螺母\CCH01.019.1.019-1</t>
  </si>
  <si>
    <t>【哈电汽轮机】罩螺母\CCH01.019.1.020-1</t>
  </si>
  <si>
    <t>【哈电汽轮机】罩螺母\CCH01.019.4.007-1</t>
  </si>
  <si>
    <t>【哈电汽轮机】罩螺母\CCH01.019.4.008-1</t>
  </si>
  <si>
    <t>【哈电汽轮机】罩螺母\CCH01.019.4.009-1</t>
  </si>
  <si>
    <t>【哈电汽轮机】特制定位双头螺柱\φ122*1045\CH01.019.001\CLN600-24.2/566/566</t>
  </si>
  <si>
    <t>【哈电汽轮机】特制双头螺柱\(W) 3 1/2″*885\CH01.019.002\CLN600-24.2/566/566</t>
  </si>
  <si>
    <t>【哈电汽轮机】填片\L=910\CH01.040.025\CLN600-24.2/566/566</t>
  </si>
  <si>
    <t>【哈电汽轮机】填片\L=920\CH01.040.026\CLN600-24.2/566/566</t>
  </si>
  <si>
    <t>【哈电汽轮机】填片\L=930\CH01.040.027\CLN600-24.2/566/566</t>
  </si>
  <si>
    <t>【哈电汽轮机】塞紧条\R=556.02\CH01.040.032\CLN600-24.2/566/566</t>
  </si>
  <si>
    <t>【哈电汽轮机】塞紧条\R=562.62\CH01.040.033\CLN600-24.2/566/566</t>
  </si>
  <si>
    <t>【哈电汽轮机】塞紧条\R=568.12\CH01.040.034\CLN600-24.2/566/566</t>
  </si>
  <si>
    <t>【哈电汽轮机】塞紧条\R=575.72\CH01.040.035\CLN600-24.2/566/566</t>
  </si>
  <si>
    <t>【哈电汽轮机】塞紧条\R=580.42\CH01.040.036\CLN600-24.2/566/566</t>
  </si>
  <si>
    <t>【哈电汽轮机】塞紧条\R=587.92\CH01.040.037\CLN600-24.2/566/566</t>
  </si>
  <si>
    <t>【哈电汽轮机】塞紧条\R=599.72\CH01.040.038\CLN600-24.2/566/566</t>
  </si>
  <si>
    <t>【哈电汽轮机】塞紧条\R=607.42\CH01.040.039\CLN600-24.2/566/566</t>
  </si>
  <si>
    <t>【哈电汽轮机】塞紧条\R=620.42\CH01.040.040\CLN600-24.2/566/566</t>
  </si>
  <si>
    <t>【哈电汽轮机】汽封片\L=1175\CH01.040.044\CLN600-24.2/566/566</t>
  </si>
  <si>
    <t>【哈电汽轮机】汽封片\L=1175\CH01.040.045\CLN600-24.2/566/566</t>
  </si>
  <si>
    <t>【哈电汽轮机】汽封片\L=1175\CH01.040.046\CLN600-24.2/566/566</t>
  </si>
  <si>
    <t>【哈电汽轮机】汽封片\L=1190\CH01.040.047\CLN600-24.2/566/566</t>
  </si>
  <si>
    <t>【哈电汽轮机】汽封片\L=1190\CH01.040.048\CLN600-24.2/566/566</t>
  </si>
  <si>
    <t>【哈电汽轮机】汽封片\L=1220\CH01.040.050\CLN600-24.2/566/566</t>
  </si>
  <si>
    <t>【哈电汽轮机】双头螺栓\K01B.038.043</t>
  </si>
  <si>
    <t>【哈电汽轮机】双头螺栓\K01B.038.044</t>
  </si>
  <si>
    <t>【哈电汽轮机】凸形垫圈\K01B.038.045</t>
  </si>
  <si>
    <t>【哈电汽轮机】凹形垫圈\K01B.038.046</t>
  </si>
  <si>
    <t>【哈电汽轮机】特制双头螺柱\(W)3 1/2″*605\CH01.019.003\CLN600-24.2/566/566</t>
  </si>
  <si>
    <t>【哈电汽轮机】特制双头螺柱\(W)3 1/2″*1035\CH01.019.004\CLN600-24.2/566/566</t>
  </si>
  <si>
    <t>【哈电汽轮机】特制双头螺柱\(W)3 1/2″*1260\CH01.019.005\CLN600-24.2/566/566</t>
  </si>
  <si>
    <t>【哈电汽轮机】特制双头螺柱\(W)4*1295\CH01.019.006\CLN600-24.2/566/566</t>
  </si>
  <si>
    <t>【哈电汽轮机】特制双头螺柱\(W)4 1/4*1310\CH01.019.007\CLN600-24.2/566/566</t>
  </si>
  <si>
    <t>【哈电汽轮机】特制定位双头螺柱\φ114*1350\CH01.019.008\CLN600-24.2/566/566</t>
  </si>
  <si>
    <t>【哈电汽轮机】特制双头螺柱\(W)4 1/4″*960\CH01.019.009\CLN600-24.2/566/566</t>
  </si>
  <si>
    <t>【哈电汽轮机】汽封圈含弹簧片\CH01B.071.3Z-12</t>
  </si>
  <si>
    <t>【哈电汽轮机】汽封圈含弹簧片\CH01B.072.1Z-12</t>
  </si>
  <si>
    <t>【哈电汽轮机】双头螺栓\CH01F.081.001</t>
  </si>
  <si>
    <t>【哈电汽轮机】整体垫圈\CCH01.019.1.035-1</t>
  </si>
  <si>
    <t>【哈电汽轮机】直销\CCH01A.301.1.013</t>
  </si>
  <si>
    <t>【哈电汽轮机】直销\CCH01A.301.7.010</t>
  </si>
  <si>
    <t>【哈电汽轮机】直销\CCH01A.301.7.025</t>
  </si>
  <si>
    <t>【哈电汽轮机】直销\CCH01A.301.7.026</t>
  </si>
  <si>
    <t>【哈电汽轮机】止动垫圈\69.127.309</t>
  </si>
  <si>
    <t>【哈电汽轮机】止动垫圈\CHK01A.145.021-1</t>
  </si>
  <si>
    <t>【哈电汽轮机】止动销\CCH01.306.1.012</t>
  </si>
  <si>
    <t>【哈电汽轮机】轴承瓦块\CCH01.053.1.3Z-1</t>
  </si>
  <si>
    <t>【哈电汽轮机】轴承瓦块\CCH01A.050.2Z</t>
  </si>
  <si>
    <t>【哈电汽轮机】轴承瓦块\CCH01A.052.2Z</t>
  </si>
  <si>
    <t>【哈电汽轮机】内六角罩螺母\K01B.038.047</t>
  </si>
  <si>
    <t>【哈电汽轮机】内六角罩螺母\K01B.038.048</t>
  </si>
  <si>
    <t>【哈电汽轮机】板弹簧\K01B.038.052</t>
  </si>
  <si>
    <t>【哈电汽轮机】汽封圈(单圈)\K01B.038.3Z</t>
  </si>
  <si>
    <t>【哈电汽轮机】汽封圈(单圈)\K01B.038.4Z</t>
  </si>
  <si>
    <t>【哈电汽轮机】汽封片\K01B.039.003</t>
  </si>
  <si>
    <t>【哈电汽轮机】汽封片\K01B.039.004</t>
  </si>
  <si>
    <t>【哈电汽轮机】汽封片\K01B.039.005</t>
  </si>
  <si>
    <t>【哈电汽轮机】汽封片\K01B.039.006</t>
  </si>
  <si>
    <t>【哈电汽轮机】汽封片\K01B.039.007</t>
  </si>
  <si>
    <t>【哈电汽轮机】汽封片\K01B.039.008</t>
  </si>
  <si>
    <t>【哈电汽轮机】汽封片\K01B.039.009</t>
  </si>
  <si>
    <t>【哈电汽轮机】汽封片\K01B.039.010</t>
  </si>
  <si>
    <t>【哈电汽轮机】汽封片\K01B.039.011</t>
  </si>
  <si>
    <t>【哈电汽轮机】锁紧片\K01B.039.012</t>
  </si>
  <si>
    <t>【哈电汽轮机】锁紧片\K01B.039.013</t>
  </si>
  <si>
    <t>【哈电汽轮机】锁紧片\K01B.039.014</t>
  </si>
  <si>
    <t>【哈电汽轮机】双头螺栓\K01B.039.016</t>
  </si>
  <si>
    <t>【哈电汽轮机】双头螺栓\M110*3*1310\73D.019.008\C250/N300-16.7/538/538</t>
  </si>
  <si>
    <t>【哈电汽轮机】定位双头螺栓\Φ114*1350\73D.019.009\C250/N300-16.7/538/538</t>
  </si>
  <si>
    <t>【哈电汽轮机】双头螺栓\M110*3*966\73D.019.010\C250/N300-16.7/538/538</t>
  </si>
  <si>
    <t>【哈电汽轮机】双头螺栓\M115*3*985\73D.019.011\C250/N300-16.7/538/538</t>
  </si>
  <si>
    <t>【哈电汽轮机】联轴器螺栓\G08.274.002</t>
  </si>
  <si>
    <t>【哈电汽轮机】特制双头螺栓\M120*485\G18.011.001\C350/272.9-24.2/0.4/566/566</t>
  </si>
  <si>
    <t>【哈电汽轮机】特制双头螺栓\M100*670\G18.011.002\C350/272.9-24.2/0.4/566/566</t>
  </si>
  <si>
    <t>【哈电汽轮机】定位螺栓\G18.011.003\C350/272.9-24.2/0.4/566/566</t>
  </si>
  <si>
    <t>【哈电汽轮机】特制双头螺栓\M42*3\G18.011.005\C350/272.9-24.2/0.4/566/566</t>
  </si>
  <si>
    <t>【哈电汽轮机】上球面垫圈\G18.011.012\C350/272.9-24.2/0.4/566/566</t>
  </si>
  <si>
    <t>【哈电汽轮机】上球面垫圈\G18.011.013\C350/272.9-24.2/0.4/566/566</t>
  </si>
  <si>
    <t>【哈电汽轮机】下球面垫圈\G18.011.014\C350/272.9-24.2/0.4/566/566</t>
  </si>
  <si>
    <t>【哈电汽轮机】特制双头螺柱\M27*85\G18.011.033\C350/272.9-24.2/0.4/566/566</t>
  </si>
  <si>
    <t>【哈电汽轮机】挡油环\136.050.3Z\CC330/264-16.7/537/537</t>
  </si>
  <si>
    <t>【哈电汽轮机】挡油环\136.050.4Z\CC330/264-16.7/537/537</t>
  </si>
  <si>
    <t>【哈电汽轮机】工作推力瓦\136.051.049\CC330/264-16.7/537/537</t>
  </si>
  <si>
    <t>【哈电汽轮机】定位推力瓦\136.051.050\CC330/264-16.7/537/537</t>
  </si>
  <si>
    <t>【哈电汽轮机】垫圈\M100\00.019.621\C250/N300-16.7/538/538</t>
  </si>
  <si>
    <t>【哈电汽轮机】垫圈\M110\00.019.622\C250/N300-16.7/538/538</t>
  </si>
  <si>
    <t>【哈电汽轮机】垫圈\M110\00.019.623\C250/N300-16.7/538/538</t>
  </si>
  <si>
    <t>【哈电汽轮机】平垫圈\00.019.624</t>
  </si>
  <si>
    <t>【哈电汽轮机】垫圈\M115\00.019.625\C250/N300-16.7/538/538</t>
  </si>
  <si>
    <t>【哈电汽轮机】垫圈\M115\00.019.626\C250/N300-16.7/538/538</t>
  </si>
  <si>
    <t>【哈电汽轮机】垫圈\00.019.628</t>
  </si>
  <si>
    <t>【哈电汽轮机】垫圈\00.019.629</t>
  </si>
  <si>
    <t>【哈电汽轮机】内六角螺母\00.019.650</t>
  </si>
  <si>
    <t>【哈电汽轮机】双头螺栓\M130*4*1040\73D.019.012\C250/N300-16.7/538/538</t>
  </si>
  <si>
    <t>【哈电汽轮机】定位双头螺栓\Φ135*1405\73D.019.013\C250/N300-16.7/538/538</t>
  </si>
  <si>
    <t>【哈电汽轮机】双头螺栓\M130*4*1360\73D.019.014\C250/N300-16.7/538/538</t>
  </si>
  <si>
    <t>【哈电汽轮机】定位双头螺栓\Φ95*970\73D.019.018\C250/N300-16.7/538/538</t>
  </si>
  <si>
    <t>【哈电汽轮机】罩螺母\M115*3\73D.019.019\C250/N300-16.7/538/538</t>
  </si>
  <si>
    <t>【哈电汽轮机】罩螺母\M90*3\73D.019.020\C250/N300-16.7/538/538</t>
  </si>
  <si>
    <t>【哈电汽轮机】罩螺母\M110*3\73D.019.023\C250/N300-16.7/538/538</t>
  </si>
  <si>
    <t>【哈电汽轮机】罩螺母\M130*4\73D.019.024\C250/N300-16.7/538/538</t>
  </si>
  <si>
    <t>【哈电汽轮机】凸型垫圈\M130\73D.019.035\C250/N300-16.7/538/538</t>
  </si>
  <si>
    <t>【哈电汽轮机】平垫圈\M100\73D.019.039\C250/N300-16.7/538/538</t>
  </si>
  <si>
    <t>【哈电汽轮机】定位双头螺柱\73D.037.004</t>
  </si>
  <si>
    <t>【哈电汽轮机】定位双头螺柱\73D.037.005</t>
  </si>
  <si>
    <t>【哈电汽轮机】定位双头螺柱\73D.037.006</t>
  </si>
  <si>
    <t>【哈电汽轮机】定位双头螺柱\73D.037.007</t>
  </si>
  <si>
    <t>【哈电汽轮机】双头螺栓\73D.071.035</t>
  </si>
  <si>
    <t>【哈电汽轮机】双头螺栓\73D.071.036</t>
  </si>
  <si>
    <t>【哈电汽轮机】定位双头螺栓\73D.071.037</t>
  </si>
  <si>
    <t>【哈电汽轮机】定位双头螺栓\73D.071.038</t>
  </si>
  <si>
    <t>【哈电汽轮机】汽封片\L=1220\CH01.040.051\CLN600-24.2/566/566</t>
  </si>
  <si>
    <t>【哈电汽轮机】汽封片\L=1220\CH01.040.052\CLN600-24.2/566/566</t>
  </si>
  <si>
    <t>【哈电汽轮机】塞紧条\R=737.77\CH01.040.056\CLN600-24.2/566/566</t>
  </si>
  <si>
    <t>【哈电汽轮机】凸形垫圈\00.039.009</t>
  </si>
  <si>
    <t>【哈电汽轮机】凹形垫圈\00.039.010</t>
  </si>
  <si>
    <t>【哈电汽轮机】凸形垫圈\00.039.017</t>
  </si>
  <si>
    <t>【哈电汽轮机】凹形垫圈\00.039.018</t>
  </si>
  <si>
    <t>【哈电汽轮机】弹簧片\M118\00.071.004\C350/272.9-24.2/0.4/566/566</t>
  </si>
  <si>
    <t>【哈电汽轮机】弹簧片\M132\00.071.006\ZKC300/N330-16.67/538/538</t>
  </si>
  <si>
    <t>【哈电汽轮机】弹簧片\M118\00.071.014\ZKC300/N330-16.67/538/538</t>
  </si>
  <si>
    <t>【哈电汽轮机】弹簧片\M132\00.071.016\ZKC300/N330-16.67/538/538</t>
  </si>
  <si>
    <t>【哈电汽轮机】轴瓦体\φ300\136.050.1Z\CC330/264-16.7/537/537</t>
  </si>
  <si>
    <t>【哈电汽轮机】梳状挡油环\136.051.2Z\CC330/264-16.7/537/537</t>
  </si>
  <si>
    <t>【哈电汽轮机】特制双头螺柱\(W)4 1/4″*960\CH01.019.010\CLN600-24.2/566/566</t>
  </si>
  <si>
    <t>【哈电汽轮机】特制双头螺柱\(W)4 1/2″*985\CH01.019.011\CLN600-24.2/566/566</t>
  </si>
  <si>
    <t>【哈电汽轮机】特制双头螺柱\(W)4 1/2*615\CH01.019.012\CLN600-24.2/566/566</t>
  </si>
  <si>
    <t>【哈电汽轮机】特制双头螺柱\(W)5*1040\CH01.019.013\CLN600-24.2/566/566</t>
  </si>
  <si>
    <t>【哈电汽轮机】特制双头螺柱\(W)5*945\CH01.019.014\CLN600-24.2/566/566</t>
  </si>
  <si>
    <t>【哈电汽轮机】特制定位双头螺柱\φ135*1405\CH01.019.015\CLN600-24.2/566/566</t>
  </si>
  <si>
    <t>【哈电汽轮机】特制双头螺柱\(W)5*1360\CH01.019.016\CLN600-24.2/566/566</t>
  </si>
  <si>
    <t>【哈电汽轮机】特制双头螺柱\(W)4 1/2″*1325\CH01.019.017\CLN600-24.2/566/566</t>
  </si>
  <si>
    <t>【哈电汽轮机】特制双头螺柱\(W)3 3/4″*1275\CH01.019.018\CLN600-24.2/566/566</t>
  </si>
  <si>
    <t>【哈电汽轮机】特制双头螺柱\(W)3 3/4″*910\CH01.019.019\CLN600-24.2/566/566</t>
  </si>
  <si>
    <t>【哈电汽轮机】特制双头螺柱\(W)3 3/4″*745\CH01.019.020\CLN600-24.2/566/566</t>
  </si>
  <si>
    <t>【哈电汽轮机】塞紧条\R=747.67\CH01.040.057\CLN600-24.2/566/566</t>
  </si>
  <si>
    <t>【哈电汽轮机】塞紧条\R=765.97\CH01.040.058\CLN600-24.2/566/566</t>
  </si>
  <si>
    <t>【哈电汽轮机】汽封片\L=1240\CH01.040.059\CLN600-24.2/566/566</t>
  </si>
  <si>
    <t>【哈电汽轮机】汽封片\L=1240\CH01.040.060\CLN600-24.2/566/566</t>
  </si>
  <si>
    <t>【哈电汽轮机】汽封片\L=1240\CH01.040.061\CLN600-24.2/566/566</t>
  </si>
  <si>
    <t>【哈电汽轮机】汽封片\L=1275\CH01.040.062\CLN600-24.2/566/566</t>
  </si>
  <si>
    <t>【哈电汽轮机】汽封片\L=1275\CH01.040.063\CLN600-24.2/566/566</t>
  </si>
  <si>
    <t>【哈电汽轮机】汽封片\L=1275\CH01.040.064\CLN600-24.2/566/566</t>
  </si>
  <si>
    <t>【哈电汽轮机】汽封片\L=1315\CH01.040.065\CLN600-24.2/566/566</t>
  </si>
  <si>
    <t>【哈电汽轮机】汽封片\L=1315\CH01.040.066\CLN600-24.2/566/566</t>
  </si>
  <si>
    <t>【哈电汽轮机】汽封片\L=1315\CH01.040.067\CLN600-24.2/566/566</t>
  </si>
  <si>
    <t>【哈电汽轮机】塞紧条\R=778.17\CH01.040.071\CLN600-24.2/566/566</t>
  </si>
  <si>
    <t>【哈电汽轮机】塞紧条\R=800.47\CH01.040.072\CLN600-24.2/566/566</t>
  </si>
  <si>
    <t>【哈电汽轮机】塞紧条\R=825.77\CH01.040.073\CLN600-24.2/566/566</t>
  </si>
  <si>
    <t>【哈电汽轮机】定位双头螺柱\φ58*331\CH01.041.2.001-28\CLN600-24.2/566/566</t>
  </si>
  <si>
    <t>【哈电汽轮机】双头螺柱\M72*3*579\CH01.041.2.002-28\CLN600-24.2/566/566</t>
  </si>
  <si>
    <t>【哈电汽轮机】内六角罩螺母\M72*3*137\CH01.041.2.003-28\CLN600-24.2/566/566</t>
  </si>
  <si>
    <t>【哈电汽轮机】内六角罩螺母\M72*3*300\CH01.041.2.004-28\CLN600-24.2/566/566</t>
  </si>
  <si>
    <t>【哈电汽轮机】双头螺柱\M45*3*827\CH01.041.2.005-28\CLN600-24.2/566/566</t>
  </si>
  <si>
    <t>【哈电汽轮机】定位双头螺栓\K01B.039.017</t>
  </si>
  <si>
    <t>【哈电汽轮机】双头螺栓\K01B.039.018</t>
  </si>
  <si>
    <t>【哈电汽轮机】定位双头螺栓\K01B.039.019</t>
  </si>
  <si>
    <t>【哈电汽轮机】油封环\K01B.401.3Z\NZK600-16.7/538/538</t>
  </si>
  <si>
    <t>【哈电汽轮机】油封环\K01B.401.4Z\NZK600-16.7/538/538</t>
  </si>
  <si>
    <t>【哈电汽轮机】叶轮\k01B.401.5Z\NZK600-16.7/538/538</t>
  </si>
  <si>
    <t>【哈电汽轮机】汽封圈(单圈)\K02.027.5Z</t>
  </si>
  <si>
    <t>【哈电汽轮机】汽封圈(单圈)\K02.027.6Z</t>
  </si>
  <si>
    <t>【哈电汽轮机】双头螺栓\K02.029.024</t>
  </si>
  <si>
    <t>【哈电汽轮机】罩螺母\K02.029.025</t>
  </si>
  <si>
    <t>【哈电汽轮机】定位双头螺栓\K02.029.026</t>
  </si>
  <si>
    <t>【哈电汽轮机】双头螺栓\K02.029.028</t>
  </si>
  <si>
    <t>【哈电汽轮机】汽封片\K02.032.012</t>
  </si>
  <si>
    <t>【哈电汽轮机】垫片\K02.032.013</t>
  </si>
  <si>
    <t>【哈电汽轮机】定位双头螺柱\K02.041.006</t>
  </si>
  <si>
    <t>【哈电汽轮机】汽封圈(单圈)\K02.041.3Z</t>
  </si>
  <si>
    <t>【哈电汽轮机】汽封圈(单圈)\K02.041.4Z</t>
  </si>
  <si>
    <t>【哈电汽轮机】汽封圈(单圈)\K02.041.5Z</t>
  </si>
  <si>
    <t>【哈电汽轮机】高压反向第2级叶根汽封圈\CCH01.101.3Z-4</t>
  </si>
  <si>
    <t>【哈电汽轮机】高压反向第3级叶根汽封圈\CCH01.103.3Z-4</t>
  </si>
  <si>
    <t>【哈电汽轮机】高压反向第4级叶根汽封圈\CCH01.103.4Z-4</t>
  </si>
  <si>
    <t>【哈电汽轮机】高压反向第5级叶根汽封圈\CCH01.105.3Z-4</t>
  </si>
  <si>
    <t>【哈电汽轮机】高压反向第6级叶根汽封圈\CCH01.105.4Z-4</t>
  </si>
  <si>
    <t>【哈电汽轮机】高压反向第7级叶根汽封圈\CCH01.105.5Z-4</t>
  </si>
  <si>
    <t>【哈电汽轮机】特制定位双头螺柱\Φ95*965\CH01.019.021\CLN600-24.2/566/566</t>
  </si>
  <si>
    <t>【哈电汽轮机】特制定位双头螺柱\Φ146*1065\CH01.019.022\CLN600-24.2/566/566</t>
  </si>
  <si>
    <t>【哈电汽轮机】特制定位双头螺柱\Φ135*1015\CH01.019.023\CLN600-24.2/566/566</t>
  </si>
  <si>
    <t>【哈电汽轮机】特制定位双头螺柱\Φ70*510\CH01.019.024\CLN600-24.2/566/566</t>
  </si>
  <si>
    <t>【哈电汽轮机】特制定位双头螺柱\Φ70*440\CH01.019.025\CLN600-24.2/566/566</t>
  </si>
  <si>
    <t>【哈电汽轮机】特制双头螺柱\(W)2 1/2*465\CH01.019.026\CLN600-24.2/566/566</t>
  </si>
  <si>
    <t>【哈电汽轮机】特制双头螺柱\(W)4*585\CH01.019.028\CLN600-24.2/566/566</t>
  </si>
  <si>
    <t>【哈电汽轮机】特制定位双头螺柱\Φ76*485\CH01.019.029\CLN600-24.2/566/566</t>
  </si>
  <si>
    <t>【哈电汽轮机】特制双头螺柱\(W)2*395\CH01.019.030\CLN600-24.2/566/566</t>
  </si>
  <si>
    <t>【哈电汽轮机】特制双头螺柱\(W)2*375\CH01.019.031\CLN600-24.2/566/566</t>
  </si>
  <si>
    <t>【哈电汽轮机】弹簧片\118\G18.068.009\CLN660-24.2/566/566</t>
  </si>
  <si>
    <t>【哈电汽轮机】齿形垫片\G18.081.006\C350/272.9-24.2/0.4/566/566</t>
  </si>
  <si>
    <t>【哈电汽轮机】双头螺柱\M42*220\G18.081.007\C350/272.9-24.2/0.4/566/566</t>
  </si>
  <si>
    <t>【哈电汽轮机】螺母\M42\G18.081.008\C350/272.9-24.2/0.4/566/566</t>
  </si>
  <si>
    <t>【哈电汽轮机】六角头螺栓\H01.026.003\C350/272.9-24.2/0.4/566/566</t>
  </si>
  <si>
    <t>【哈电汽轮机】六角头螺栓\H01.026.007\C350/272.9-24.2/0.4/566/566</t>
  </si>
  <si>
    <t>【哈电汽轮机】罩螺母\M72*3*137\H01.027.057\C350/272.9-24.2/0.4/566/566</t>
  </si>
  <si>
    <t>【哈电汽轮机】定位双头螺柱\Φ45*248\H01.027.058\C350/272.9-24.2/0.4/566/566</t>
  </si>
  <si>
    <t>【哈电汽轮机】定位双头螺柱\Φ58*286\H01.027.061\C350/272.9-24.2/0.4/566/566</t>
  </si>
  <si>
    <t>【哈电汽轮机】双头螺柱\M52*3*248\H01.027.067\C350/272.9-24.2/0.4/566/566</t>
  </si>
  <si>
    <t>【哈电汽轮机】凸形垫圈\K01B.039.020</t>
  </si>
  <si>
    <t>【哈电汽轮机】凹形垫圈\K01B.039.021</t>
  </si>
  <si>
    <t>【哈电汽轮机】内六角罩螺母\K01B.039.022</t>
  </si>
  <si>
    <t>【哈电汽轮机】凸形垫圈\K01B.039.023</t>
  </si>
  <si>
    <t>【哈电汽轮机】凹形垫圈\K01B.039.024</t>
  </si>
  <si>
    <t>【哈电汽轮机】内六角罩螺母\K01B.039.025</t>
  </si>
  <si>
    <t>【哈电汽轮机】内六角螺栓\K01B.065.028</t>
  </si>
  <si>
    <t>【哈电汽轮机】专用螺母\CCHK01.273.003</t>
  </si>
  <si>
    <t>【哈电汽轮机】汽封圈\K01B.065.2Z</t>
  </si>
  <si>
    <t>【哈电汽轮机】汽封圈(单圈)\K01B.065.3Z</t>
  </si>
  <si>
    <t>【哈电汽轮机】板弹簧\K01B.066.015</t>
  </si>
  <si>
    <t>【哈电汽轮机】汽封圈(单圈)\K01B.066.2Z</t>
  </si>
  <si>
    <t>【哈电汽轮机】双头螺栓\K01B.067.013</t>
  </si>
  <si>
    <t>【哈电汽轮机】板弹簧\K01B.067.024</t>
  </si>
  <si>
    <t>【哈电汽轮机】汽封圈(单圈)\K01B.067.2Z</t>
  </si>
  <si>
    <t>【哈电汽轮机】内六角螺栓\K01B.068.033</t>
  </si>
  <si>
    <t>【哈电汽轮机】板弹簧\K01B.068.036</t>
  </si>
  <si>
    <t>【哈电汽轮机】板弹簧\K01B.068.037</t>
  </si>
  <si>
    <t>【哈电汽轮机】汽封圈(单圈)\K01B.068.2Z</t>
  </si>
  <si>
    <t>【哈电汽轮机】双头螺栓\73D.071.039</t>
  </si>
  <si>
    <t>【哈电汽轮机】双头螺柱\M39*3*246\73D.072.004\C250/N300-16.7/538/538</t>
  </si>
  <si>
    <t>【哈电汽轮机】高压反向第8级叶根汽封圈\CCH01.108.2Z-4</t>
  </si>
  <si>
    <t>【哈电汽轮机】高压反向第9级叶根汽封圈\CCH01.108.3Z-4</t>
  </si>
  <si>
    <t>【哈电汽轮机】高压调节阀阀碟\CCH01A.301.41Z</t>
  </si>
  <si>
    <t>【哈电汽轮机】高压主汽阀阀座\CCH01A.301.11Z</t>
  </si>
  <si>
    <t>【哈电汽轮机】高中压内侧端汽封汽封环(电端)\CCH01.066.5Z-1</t>
  </si>
  <si>
    <t>【哈电汽轮机】高中压外侧端汽封汽封环(电端出汽)\CCH01.066.7Z-1</t>
  </si>
  <si>
    <t>【哈电汽轮机】高中压外侧端汽封汽封环(电端进汽)\CCH01.066.6Z-1</t>
  </si>
  <si>
    <t>【哈电汽轮机】联轴器螺栓\CCH01.271.002</t>
  </si>
  <si>
    <t>【哈电汽轮机】联轴器螺栓\CCHK01.273.002</t>
  </si>
  <si>
    <t>【哈电汽轮机】螺母\CCH01.271.003</t>
  </si>
  <si>
    <t>【哈电汽轮机】螺母\CCH01.306.1.002</t>
  </si>
  <si>
    <t>【哈电汽轮机】螺母\CCH01.306.25.003</t>
  </si>
  <si>
    <t>【哈电汽轮机】螺母\CCHK01.273.004</t>
  </si>
  <si>
    <t>【哈电汽轮机】滤网装配\73.501.14Z</t>
  </si>
  <si>
    <t>【哈电汽轮机】内六角螺母\CCH01.019.5.010-1</t>
  </si>
  <si>
    <t>【哈电汽轮机】汽封弧段\CH01.136.012\CLN600-24.2/566/566</t>
  </si>
  <si>
    <t>【哈电汽轮机】汽封弧段\CH01.136.013\CLN600-24.2/566/566</t>
  </si>
  <si>
    <t>【哈电汽轮机】汽封弧段\CH01.136.014\CLN600-24.2/566/566</t>
  </si>
  <si>
    <t>【哈电汽轮机】定位螺栓\CH01.271.004-3\CC330/264-16.7/537/537</t>
  </si>
  <si>
    <t>【哈电汽轮机】螺母\CH01.271.005-3</t>
  </si>
  <si>
    <t>【哈电汽轮机】联轴器螺栓\CH01.275.001\CC330/264-16.7/537/537</t>
  </si>
  <si>
    <t>【哈电汽轮机】双头螺柱\M39*3*216\H01.027.068\C350/272.9-24.2/0.4/566/566</t>
  </si>
  <si>
    <t>【哈电汽轮机】罩螺母\M76*3*143\H01.027.071\C350/272.9-24.2/0.4/566/566</t>
  </si>
  <si>
    <t>【哈电汽轮机】罩螺母\K01.083.013</t>
  </si>
  <si>
    <t>【哈电汽轮机】双头螺栓\K01.083.014</t>
  </si>
  <si>
    <t>【哈电汽轮机】凸形垫圈\K01.083.015</t>
  </si>
  <si>
    <t>【哈电汽轮机】凹型球面垫圈\K01.083.016</t>
  </si>
  <si>
    <t>【哈电汽轮机】垫圈\K01.083.019</t>
  </si>
  <si>
    <t>【哈电汽轮机】垫片\K01.083.022</t>
  </si>
  <si>
    <t>【哈电汽轮机】上压环\K01B.012.5.001</t>
  </si>
  <si>
    <t>【哈电汽轮机】下压环\K01B.012.5.002</t>
  </si>
  <si>
    <t>【哈电汽轮机】外密封环\K01B.012.5.003</t>
  </si>
  <si>
    <t>【哈电汽轮机】油封环\136.051.5Z\CC330/264-16.7/537/537</t>
  </si>
  <si>
    <t>【哈电汽轮机】挡油环\136.051.7Z\CC330/264-16.7/537/537</t>
  </si>
  <si>
    <t>【哈电汽轮机】轴瓦体\136.058.1Z\CC330/264-16.7/537/537</t>
  </si>
  <si>
    <t>【哈电汽轮机】挡油环\136.058.2Z\CC330/264-16.7/537/537</t>
  </si>
  <si>
    <t>【哈电汽轮机】挡油环(调端)\136.058.3Z\CC330/264-16.7/537/537</t>
  </si>
  <si>
    <t>【哈电汽轮机】支持轴承\φ300\139.050Z\CC330/264-16.7/537/537</t>
  </si>
  <si>
    <t>【哈电汽轮机】工作瓦测量环\139.051.1Z\CC330/264-16.7/537/537</t>
  </si>
  <si>
    <t>【哈电汽轮机】支持轴承\φ400\139.058Z\CC330/264-16.7/537/537</t>
  </si>
  <si>
    <t>【哈电汽轮机】特制双头螺栓\M90*4*470\150.011.001-6\C250/N300-16.7/538/538</t>
  </si>
  <si>
    <t>【哈电汽轮机】定位推力瓦\150.051.009-4\CC330/264-16.7/537/537</t>
  </si>
  <si>
    <t>【哈电汽轮机】瓦衬\150.051.1Z\CC330/264-16.7/537/537</t>
  </si>
  <si>
    <t>【哈电汽轮机】顶开螺钉\T44*8\74.011.018\C250/N300-16.7/538/538</t>
  </si>
  <si>
    <t>【哈电汽轮机】特制双头螺栓\M76*345\74.011.019\C250/N300-16.7/538/538</t>
  </si>
  <si>
    <t>【哈电汽轮机】特制双头螺栓\M76*445\74.011.021\C250/N300-16.7/538/538</t>
  </si>
  <si>
    <t>【哈电汽轮机】下球面垫圈\74.011.023\C250/N300-16.7/538/538</t>
  </si>
  <si>
    <t>【哈电汽轮机】特制螺塞\M30\74.011.025\C250/N300-16.7/538/538</t>
  </si>
  <si>
    <t>【哈电汽轮机】下球面垫圈\74.011.029\C250/N300-16.7/538/538</t>
  </si>
  <si>
    <t>【哈电汽轮机】上球面垫圈\74.011.030\C250/N300-16.7/538/538</t>
  </si>
  <si>
    <t>【哈电汽轮机】特制罩螺母\M42*3\74.015.019\C250/N300-16.7/538/538</t>
  </si>
  <si>
    <t>【哈电汽轮机】弹簧片\152\74.148.009\C250/N300-16.7/537/537</t>
  </si>
  <si>
    <t>【哈电汽轮机】特制螺栓\74.287.008\CC330/264-16.7/537/537</t>
  </si>
  <si>
    <t>【哈电汽轮机】特制螺帽\74.287.010\CC330/264-16.7/537/537</t>
  </si>
  <si>
    <t>【哈电汽轮机】螺塞\74.301.011\CC300-16.67/1.3/0.4</t>
  </si>
  <si>
    <t>【哈电汽轮机】特制双头螺柱\M56*4\74.301.013\CC300-16.67/1.3/0.4</t>
  </si>
  <si>
    <t>【哈电汽轮机】齿形垫\74.301.014\CC300-16.67/1.3/0.4</t>
  </si>
  <si>
    <t>【哈电汽轮机】阀碟\Φ225\74.301.021\CC300-16.67/1.3/0.4</t>
  </si>
  <si>
    <t>【哈电汽轮机】调节阀阀杆\74.301.027\CC300-16.67/1.3/0.4</t>
  </si>
  <si>
    <t>【哈电汽轮机】压紧螺母\74.301.040\CC300-16.67/1.3/0.4</t>
  </si>
  <si>
    <t>【哈电汽轮机】阀碟\74.301.042</t>
  </si>
  <si>
    <t>【哈电汽轮机】预启阀\74.301.049\CC300-16.67/1.3/0.4</t>
  </si>
  <si>
    <t>【哈电汽轮机】内六角罩螺母\M45*3*250\CH01.041.2.006-28\CLN600-24.2/566/566</t>
  </si>
  <si>
    <t>【哈电汽轮机】内六角罩螺母\M45*3*300\CH01.041.2.007-28\CLN600-24.2/566/566</t>
  </si>
  <si>
    <t>【哈电汽轮机】定位双头螺柱\φ58*981\CH01.041.2.008-28\CLN600-24.2/566/566</t>
  </si>
  <si>
    <t>【哈电汽轮机】联轴器螺栓\CH01.275.002\CC330/264-16.7/537/537</t>
  </si>
  <si>
    <t>【哈电汽轮机】联轴器螺栓\CH01.276.001\CLN660-24.2/566/566</t>
  </si>
  <si>
    <t>【哈电汽轮机】螺栓\(W)2 1/2*455\CH01.301.101\N660-25/600/600</t>
  </si>
  <si>
    <t>【哈电汽轮机】罩螺母\(W)2 1/2*130\CH01.301.102\N660-25/600/600</t>
  </si>
  <si>
    <t>【哈电汽轮机】球面垫圈\(W)2 1/2\CH01.301.103\N660-25/600/600</t>
  </si>
  <si>
    <t>【哈电汽轮机】球面垫圈\(W)2 1/2\CH01.301.104\N660-25/600/600</t>
  </si>
  <si>
    <t>【哈电汽轮机】调节阀主阀碟\CH01.301.106\N660-25/600/600</t>
  </si>
  <si>
    <t>【哈电汽轮机】阀杆\CH01.301.109\N660-25/600/600</t>
  </si>
  <si>
    <t>【哈电汽轮机】主汽阀阀座\CH01.301.127Z</t>
  </si>
  <si>
    <t>【哈电汽轮机】主阀碟\CH01.301.245\N660-25/600/600</t>
  </si>
  <si>
    <t>【哈电汽轮机】阀杆\CH01.301.248\N660-25/600/600</t>
  </si>
  <si>
    <t>【哈电汽轮机】垫片\CH01.301.254</t>
  </si>
  <si>
    <t>【哈电汽轮机】垫片\CH01.301.255</t>
  </si>
  <si>
    <t>【哈电汽轮机】垫片\CH01.301.256</t>
  </si>
  <si>
    <t>【哈电汽轮机】弹簧\CH01.301.257\N660-25/600/600</t>
  </si>
  <si>
    <t>【哈电汽轮机】阀杆\CH01.306.023\CLN660-24.2/566/566</t>
  </si>
  <si>
    <t>【哈电汽轮机】垫片\CH01.306.054</t>
  </si>
  <si>
    <t>【哈电汽轮机】定位双头螺栓\K02.042.003</t>
  </si>
  <si>
    <t>【哈电汽轮机】双头螺栓\K02.042.004</t>
  </si>
  <si>
    <t>【哈电汽轮机】双头螺栓\K02.042.005</t>
  </si>
  <si>
    <t>【哈电汽轮机】定位双头螺栓\K02.042.006</t>
  </si>
  <si>
    <t>【哈电汽轮机】汽封圈(单圈)\K02.042.3Z</t>
  </si>
  <si>
    <t>【哈电汽轮机】定位瓦测量环\150.051.1Z-4\CC330/264-16.7/537/537</t>
  </si>
  <si>
    <t>【哈电汽轮机】支持推力轴承\150.051Z-4\CC330/264-16.7/537/537</t>
  </si>
  <si>
    <t>【哈电汽轮机】齿形垫片\150.083.011\C250/N300-16.7/538/538</t>
  </si>
  <si>
    <t>【哈电汽轮机】齿形垫片\150.083.012\C250/N300-16.7/538/538</t>
  </si>
  <si>
    <t>【哈电汽轮机】弹簧片\110\150.088.013\C250/N300-16.7/538/538</t>
  </si>
  <si>
    <t>【哈电汽轮机】弹簧片\M102\150.088.014\ZKC300/N330-16.67/538/538</t>
  </si>
  <si>
    <t>【哈电汽轮机】弹簧片\M176\150.088.015\ZKC300/N330-16.67/538/538</t>
  </si>
  <si>
    <t>【哈电汽轮机】齿形垫片\150.306.033\/CC154-11.49/0.613/0.276/566/566</t>
  </si>
  <si>
    <t>【哈电汽轮机】凹型球面垫圈\CCH01.019.1.022-1</t>
  </si>
  <si>
    <t>【哈电汽轮机】凹型球面垫圈\CCH01.019.1.024-1</t>
  </si>
  <si>
    <t>【哈电汽轮机】特制螺栓\M42*3-6g\69.288.106\CC330/264-16.7/537/537</t>
  </si>
  <si>
    <t>【哈电汽轮机】特制双头螺柱\(W)2 1/4*370\CH01.019.032\CLN600-24.2/566/566</t>
  </si>
  <si>
    <t>【哈电汽轮机】特制双头螺柱\(W)2 1/4*635\CH01.019.033\CLN600-24.2/566/566</t>
  </si>
  <si>
    <t>【哈电汽轮机】特制定位双头螺柱\Φ65*440\CH01.019.034\CLN600-24.2/566/566</t>
  </si>
  <si>
    <t>【哈电汽轮机】特制双头螺柱\(W)2 3/4*435\CH01.019.037\CLN600-24.2/566/566</t>
  </si>
  <si>
    <t>【哈电汽轮机】特制双头螺柱\(W)1 1/2*390\CH01.019.038\CLN600-24.2/566/566</t>
  </si>
  <si>
    <t>【哈电汽轮机】特制定位双头螺柱\Φ44*665\CH01.019.040\CLN600-24.2/566/566</t>
  </si>
  <si>
    <t>【哈电汽轮机】特制定位双头螺柱\Φ57*420\CH01.019.042\CLN600-24.2/566/566</t>
  </si>
  <si>
    <t>【哈电汽轮机】罩螺母\(W)3.1/2*160\CH01.019.046\CLN600-24.2/566/566</t>
  </si>
  <si>
    <t>【哈电汽轮机】罩螺母\(W)3.3/4*170\CH01.019.047\CLN600-24.2/566/566</t>
  </si>
  <si>
    <t>【哈电汽轮机】内六角罩螺母\M52*3*300\CH01.041.2.009-28\CLN600-24.2/566/566</t>
  </si>
  <si>
    <t>【哈电汽轮机】双头螺柱\M52*3*290\CH01.041.2.010-28\CLN600-24.2/566/566</t>
  </si>
  <si>
    <t>【哈电汽轮机】汽封圈\CH01.041.3Z\CLN600-24.2/566/566</t>
  </si>
  <si>
    <t>【哈电汽轮机】汽封圈\CH01.041.4Z\CLN600-24.2/566/566</t>
  </si>
  <si>
    <t>【哈电汽轮机】汽封圈\CH01.041.5Z\CLN600-24.2/566/566</t>
  </si>
  <si>
    <t>【哈电汽轮机】汽封圈\CH01.042.3Z\CLN600-24.2/566/566</t>
  </si>
  <si>
    <t>【哈电汽轮机】汽封圈\CH01.042.4Z\CLN600-24.2/566/566</t>
  </si>
  <si>
    <t>【哈电汽轮机】上半瓦块及油封环\CH01.050.2Z\CLN660-24.2/566/566</t>
  </si>
  <si>
    <t>【哈电汽轮机】下半瓦块\CH01.050.3Z\CLN660-24.2/566/566</t>
  </si>
  <si>
    <t>【哈电汽轮机】推力瓦块\CH01.051.1.001-31</t>
  </si>
  <si>
    <t>【哈电汽轮机】推力瓦块\CH01.051.1.002-31</t>
  </si>
  <si>
    <t>【哈电汽轮机】推力瓦块\CH01.051.1.003-31</t>
  </si>
  <si>
    <t>【哈电汽轮机】推力瓦块\CH01.051.1.004-31</t>
  </si>
  <si>
    <t>【哈电汽轮机】罩螺母\CCH01.019.5.009-1</t>
  </si>
  <si>
    <t>【哈电汽轮机】上半瓦块及油封环\CH01.052.2Z\CLN660-24.2/566/566</t>
  </si>
  <si>
    <t>【哈电汽轮机】下半瓦块\CH01.052.3Z\CLN660-24.2/566/566</t>
  </si>
  <si>
    <t>【哈电汽轮机】油封环\CH01.054.2Z-18</t>
  </si>
  <si>
    <t>【哈电汽轮机】特殊六角头螺栓\M30*80\CH01.065.004</t>
  </si>
  <si>
    <t>【哈电汽轮机】内六角螺栓\CH01.065.058</t>
  </si>
  <si>
    <t>【哈电汽轮机】汽封圈(单圈)\K01B.068.3Z</t>
  </si>
  <si>
    <t>【哈电汽轮机】汽封圈(单圈)\K01B.071.2Z</t>
  </si>
  <si>
    <t>【哈电汽轮机】螺塞\73D.301.010\CC300-16.67/1.3/0.4</t>
  </si>
  <si>
    <t>【哈电汽轮机】罩螺母\CH02.301.039\CLN660-24.2/566/566</t>
  </si>
  <si>
    <t>【哈电汽轮机】凸形垫圈\CH02.301.040\CLN660-24.2/566/566</t>
  </si>
  <si>
    <t>【哈电汽轮机】凹形垫圈\CH02.301.041\CLN660-24.2/566/566</t>
  </si>
  <si>
    <t>【哈电汽轮机】双头螺栓\CH02.301.042\CLN660-24.2/566/566</t>
  </si>
  <si>
    <t>【哈电汽轮机】双头螺栓\CH02.301.047\CLN660-24.2/566/566</t>
  </si>
  <si>
    <t>【哈电汽轮机】罩螺母\CH02.301.048\CLN660-24.2/566/566</t>
  </si>
  <si>
    <t>【哈电汽轮机】凸形垫圈\CH02.301.049\CLN660-24.2/566/566</t>
  </si>
  <si>
    <t>【哈电汽轮机】凹形垫圈\CH02.301.050\CLN660-24.2/566/566</t>
  </si>
  <si>
    <t>【哈电汽轮机】定位螺钉\CH02.301.023\CLN660-24.2/566/566</t>
  </si>
  <si>
    <t>【哈电汽轮机】定位环\CH02.301.024\CLN660-24.2/566/566</t>
  </si>
  <si>
    <t>【哈电汽轮机】预启阀\CH02.301.026\CLN660-24.2/566/566</t>
  </si>
  <si>
    <t>【哈电汽轮机】预启阀螺母\CH02.301.027\CLN660-24.2/566/566</t>
  </si>
  <si>
    <t>【哈电汽轮机】弹簧\73.301.058\CC300-16.67/1.3/0.4</t>
  </si>
  <si>
    <t>【哈电汽轮机】锥螺纹内六角螺钉\73D.311.008\C350/280-24.2/0.4/566/566</t>
  </si>
  <si>
    <t>【哈电汽轮机】凸形垫圈\CH02.311.007\C350/280-24.2/0.4/566/566</t>
  </si>
  <si>
    <t>【哈电汽轮机】凹形垫圈\CH02.311.008\C350/280-24.2/0.4/566/566</t>
  </si>
  <si>
    <t>【哈电汽轮机】阀螺母\CH02.311.010\C350/280-24.2/0.4/566/566</t>
  </si>
  <si>
    <t>【哈电汽轮机】双头螺柱\M30*172\152.306.1.001\/CC154-11.49/0.613/0.276/566/566</t>
  </si>
  <si>
    <t>【哈电汽轮机】凸形垫圈\M30\152.306.1.002\/CC154-11.49/0.613/0.276/566/566</t>
  </si>
  <si>
    <t>【哈电汽轮机】凹形垫圈\M30\152.306.1.003\/CC154-11.49/0.613/0.276/566/566</t>
  </si>
  <si>
    <t>【哈电汽轮机】凹形垫圈\CH02.301.037\CLN660-24.2/566/566</t>
  </si>
  <si>
    <t>【哈电汽轮机】凸形垫圈\CH02.301.036\CLN660-24.2/566/566</t>
  </si>
  <si>
    <t>【哈电汽轮机】双头螺栓\CH02.301.035\CLN660-24.2/566/566</t>
  </si>
  <si>
    <t>【哈电汽轮机】罩螺母\CH02.301.034\CLN660-24.2/566/566</t>
  </si>
  <si>
    <t>【哈电汽轮机】套筒\CH02.301.022\CLN660-24.2/566/566</t>
  </si>
  <si>
    <t>【哈电汽轮机】主汽阀杆\141C.301.007\CC300-16.67/1.3/0.4</t>
  </si>
  <si>
    <t>【哈电汽轮机】螺母\CH02.311.013\C350/280-24.2/0.4/566/566</t>
  </si>
  <si>
    <t>【哈电汽轮机】双头螺栓\CH02.311.006\C350/280-24.2/0.4/566/566</t>
  </si>
  <si>
    <t>【哈电汽轮机】套筒\CH02.311.009\NZK600-16.7/538/538</t>
  </si>
  <si>
    <t>【哈电汽轮机】阀碟\CH02.311.011\C350/280-24.2/0.4/566/566</t>
  </si>
  <si>
    <t>【哈电汽轮机】阀杆\141C.311.005\N350-17.5/538/538</t>
  </si>
  <si>
    <t>【哈电汽轮机】弹簧\CH01.137.005-2\CLN600-24.2/566/566</t>
  </si>
  <si>
    <t>【哈电汽轮机】弹簧\CH01.147.005-2\CLN600-24.2/566/566</t>
  </si>
  <si>
    <t>【哈电汽轮机】轴承瓦块\H01.052.3Z\CLN660-24.2/566/566</t>
  </si>
  <si>
    <t>【哈电汽轮机】瓦块装配\73.052.4Z\CC330/264-16.7/537/537</t>
  </si>
  <si>
    <t>【哈电汽轮机】推力瓦块\73.051.027\CC330/264-16.7/537/537</t>
  </si>
  <si>
    <t>【哈电汽轮机】推力瓦块\73.051.026\CC330/264-16.7/537/537</t>
  </si>
  <si>
    <t>【哈电汽轮机】推力瓦块\73.051.025\CC330/264-16.7/537/537</t>
  </si>
  <si>
    <t>【哈电汽轮机】推力瓦块\73.051.024\CC330/264-16.7/537/537</t>
  </si>
  <si>
    <t>【哈电汽轮机】双头螺柱\M33*286\152.306.1.007\/CC154-11.49/0.613/0.276/566/566</t>
  </si>
  <si>
    <t>【哈电汽轮机】凸形垫圈\M33\152.306.1.008\/CC154-11.49/0.613/0.276/566/566</t>
  </si>
  <si>
    <t>【哈电汽轮机】凹形垫圈\M33\152.306.1.009\/CC154-11.49/0.613/0.276/566/566</t>
  </si>
  <si>
    <t>【哈电汽轮机】缠绕垫片\152.306.1.025\/CC154-11.49/0.613/0.276/566/566</t>
  </si>
  <si>
    <t>【哈电汽轮机】摇臂\73D.306.016\CC300-16.67/1.3/0.4</t>
  </si>
  <si>
    <t>【哈电汽轮机】阀碟\CH02.306.007\CLN660-24.2/566/566</t>
  </si>
  <si>
    <t>【哈电汽轮机】螺母\M60*3\CH02.306.008\CLN660-24.2/566/566</t>
  </si>
  <si>
    <t>【哈电汽轮机】销\CH02.306.009\CLN660-24.2/566/566</t>
  </si>
  <si>
    <t>【哈电汽轮机】销\φ10*80\B20.51\C250/N300-16.7/538/538</t>
  </si>
  <si>
    <t>【哈电汽轮机】双头螺柱\M33*273\152.306.1.023\CC300-16.67/1.3/0.4</t>
  </si>
  <si>
    <t>【哈电汽轮机】垫圈\（渗氮）22\CHK01A.314.005\N660-25/600/600</t>
  </si>
  <si>
    <t>【哈电汽轮机】垫圈\（渗氮）22\CHK01A.314.004\N660-25/600/600</t>
  </si>
  <si>
    <t>【哈电汽轮机】内六角螺钉\M22*90\CHK01A.314.003\N660-25/600/600</t>
  </si>
  <si>
    <t>【哈电汽轮机】销\CHK01A.314.002\N660-25/600/600</t>
  </si>
  <si>
    <t>【哈电汽轮机】螺塞\K01B.314.010\NZK600-16.7/538/538-2</t>
  </si>
  <si>
    <t>【哈电汽轮机】内六角螺栓\M27\CH02.017.002\C350/272.9-24.2/0.4/566/566</t>
  </si>
  <si>
    <t>【哈电汽轮机】圆柱头内六角螺钉\M20*70\H01.026.009\C350/272.9-24.2/0.4/566/566</t>
  </si>
  <si>
    <t>【哈电汽轮机】定位锥销\H01.026.001\C350/272.9-24.2/0.4/566/566</t>
  </si>
  <si>
    <t>【哈电汽轮机】垫圈\M30\B22.1\C250/N300-16.7/538/538</t>
  </si>
  <si>
    <t>【哈电汽轮机】双头螺栓\M90*3*885\73D.019.002\C250/N300-16.7/538/538</t>
  </si>
  <si>
    <t>【哈电汽轮机】双头螺栓\M90*3*1260\73D.019.005\C250/N300-16.7/538/538</t>
  </si>
  <si>
    <t>【哈电汽轮机】双头螺栓\M95*3*1275\73D.019.006\C250/N300-16.7/538/538</t>
  </si>
  <si>
    <t>【哈电汽轮机】双头螺栓\M100*3*1295\73D.019.007\C250/N300-16.7/538/538</t>
  </si>
  <si>
    <t>【哈电汽轮机】双头螺栓\M115*3*1325\73D.019.015\C250/N300-16.7/538/538</t>
  </si>
  <si>
    <t>【哈电汽轮机】双头螺栓\M95*3*915\73D.019.016\C250/N300-16.7/538/538</t>
  </si>
  <si>
    <t>【哈电汽轮机】双头螺栓\M95*3*750\73D.019.017\C250/N300-16.7/538/538</t>
  </si>
  <si>
    <t>【哈电汽轮机】罩螺母\M95*3\73D.019.021\C250/N300-16.7/538/538</t>
  </si>
  <si>
    <t>【哈电汽轮机】罩螺母\M100*3\73D.019.022\C250/N300-16.7/538/538</t>
  </si>
  <si>
    <t>【哈电汽轮机】圆柱头内六角螺钉\M20*50\B20.55\C250/N300-16.7/538/538</t>
  </si>
  <si>
    <t>【哈电汽轮机】定位锥销\H01.026.002\C350/272.9-24.2/0.4/566/566</t>
  </si>
  <si>
    <t>【哈电汽轮机】定位锥销\73.026.004\C250/N300-16.7/538/540</t>
  </si>
  <si>
    <t>【哈电汽轮机】圆柱头内六角螺钉\M20*140\H01.026.011\C350/272.9-24.2/0.4/566/566</t>
  </si>
  <si>
    <t>【哈电汽轮机】六角头螺栓\H01.026.004\C350/272.9-24.2/0.4/566/566</t>
  </si>
  <si>
    <t>【哈电汽轮机】六角头螺栓\H01.026.005\C350/272.9-24.2/0.4/566/566</t>
  </si>
  <si>
    <t>【哈电汽轮机】定位圆柱销\H01.026.006\C350/272.9-24.2/0.4/566/566</t>
  </si>
  <si>
    <t>【哈电汽轮机】定位锥销\H01.026.008\C350/272.9-24.2/0.4/566/566</t>
  </si>
  <si>
    <t>【哈电汽轮机】双头螺栓\75B.026.001\C250/N300-16.7/538/538</t>
  </si>
  <si>
    <t>【哈电汽轮机】螺栓\M42*110\CH01.029.059\CLN600-24.2/566/566</t>
  </si>
  <si>
    <t>【哈电汽轮机】六角螺母\M30\B20.2.1B\C250/N300-16.7/538/538</t>
  </si>
  <si>
    <t>【哈电汽轮机】定位双头螺柱\Φ34*170\H01.028.012\C350/272.9-24.2/0.4/566/566</t>
  </si>
  <si>
    <t>【哈电汽轮机】双头螺柱\CCH01A.028.006\CLN600-24.2/566/566</t>
  </si>
  <si>
    <t>【哈电汽轮机】汽封圈总图\K02.028.1Z</t>
  </si>
  <si>
    <t>【哈电汽轮机】凹形垫圈\M90\CH02.037.018\C350/272.9-24.2/0.4/566/566</t>
  </si>
  <si>
    <t>【哈电汽轮机】凸形垫圈\M90\CH02.037.017\C350/272.9-24.2/0.4/566/566</t>
  </si>
  <si>
    <t>【哈电汽轮机】罩螺母\M90*4\CH02.037.016\C350/272.9-24.2/0.4/566/566</t>
  </si>
  <si>
    <t>【哈电汽轮机】凸型垫圈\M115\73D.019.025\C250/N300-16.7/538/538</t>
  </si>
  <si>
    <t>【哈电汽轮机】凹型垫圈\M115\73D.019.026\C250/N300-16.7/538/538</t>
  </si>
  <si>
    <t>【哈电汽轮机】凸型垫圈\M90\73D.019.027\C250/N300-16.7/538/538</t>
  </si>
  <si>
    <t>【哈电汽轮机】凹型垫圈\M90\73D.019.028\C250/N300-16.7/538/538</t>
  </si>
  <si>
    <t>【哈电汽轮机】凸型垫圈\M95\73D.019.029\C250/N300-16.7/538/538</t>
  </si>
  <si>
    <t>【哈电汽轮机】凹型垫圈\M95\73D.019.030\C250/N300-16.7/538/538</t>
  </si>
  <si>
    <t>【哈电汽轮机】凸型垫圈\M100\73D.019.031\C250/N300-16.7/538/538</t>
  </si>
  <si>
    <t>【哈电汽轮机】凹型垫圈\M100\73D.019.032\C250/N300-16.7/538/538</t>
  </si>
  <si>
    <t>【哈电汽轮机】凸型垫圈\M110\73D.019.033\C250/N300-16.7/538/538</t>
  </si>
  <si>
    <t>【哈电汽轮机】凹型垫圈\M110\73D.019.034\C250/N300-16.7/538/538</t>
  </si>
  <si>
    <t>【哈电汽轮机】凹型垫圈\M130\73D.019.036\C250/N300-16.7/538/538</t>
  </si>
  <si>
    <t>【哈电汽轮机】平垫圈\M90\73D.019.037\C250/N300-16.7/538/538</t>
  </si>
  <si>
    <t>【哈电汽轮机】平垫圈\M95\73D.019.038\C250/N300-16.7/538/538</t>
  </si>
  <si>
    <t>【哈电汽轮机】平垫圈\M110\73D.019.040\C250/N300-16.7/538/538</t>
  </si>
  <si>
    <t>【哈电汽轮机】平垫圈\M130\73D.019.041\C250/N300-16.7/538/538</t>
  </si>
  <si>
    <t>【哈电汽轮机】平垫圈\M115\73D.019.042\C250/N300-16.7/538/538</t>
  </si>
  <si>
    <t>【哈电汽轮机】螺钉\M45\00.019.604\C250/N300-16.7/538/538</t>
  </si>
  <si>
    <t>【哈电汽轮机】螺钉\M39\00.019.609\C250/N300-16.7/538/538</t>
  </si>
  <si>
    <t>【哈电汽轮机】双头螺柱\M90*4*562\CH02.037.015\C350/272.9-24.2/0.4/566/566</t>
  </si>
  <si>
    <t>【哈电汽轮机】双头螺柱\M60*3*445\CH02.037.014\C350/272.9-24.2/0.4/566/566</t>
  </si>
  <si>
    <t>【哈电汽轮机】定位双头螺柱\M60*3*503\CH02.037.012\C350/272.9-24.2/0.4/566/566</t>
  </si>
  <si>
    <t>【哈电汽轮机】凹形垫圈\M72\CH02.037.010\C350/272.9-24.2/0.4/566/566</t>
  </si>
  <si>
    <t>【哈电汽轮机】凸形垫圈\M72\CH02.037.009\C350/272.9-24.2/0.4/566/566</t>
  </si>
  <si>
    <t>【哈电汽轮机】双头螺柱\M72*3*470\CH02.037.008\C350/272.9-24.2/0.4/566/566</t>
  </si>
  <si>
    <t>【哈电汽轮机】内六角螺母\M60*3\CH02.037.007\C350/272.9-24.2/0.4/566/566</t>
  </si>
  <si>
    <t>【哈电汽轮机】凹形垫圈\M60\CH02.037.006\C350/272.9-24.2/0.4/566/566</t>
  </si>
  <si>
    <t>【哈电汽轮机】凸形垫圈\M60\CH02.037.005\C350/272.9-24.2/0.4/566/566</t>
  </si>
  <si>
    <t>【哈电汽轮机】汽封圈\CHK02.038.10Z\CLN600-24.2/566/566</t>
  </si>
  <si>
    <t>【哈电汽轮机】汽封圈\CHK02.038.9Z\CCK300/N330-16.67/538/538/1.5/0.8</t>
  </si>
  <si>
    <t>【哈电汽轮机】汽封圈\CHK02.038.8Z\CCK300/N330-16.67/538/538/1.5/0.8</t>
  </si>
  <si>
    <t>【哈电汽轮机】汽封圈\CHK02.038.7Z\CCK300/N330-16.67/538/538/1.5/0.8</t>
  </si>
  <si>
    <t>【哈电汽轮机】汽封圈\CHK02.038.6Z\CCK300/N330-16.67/538/538/1.5/0.8</t>
  </si>
  <si>
    <t>【哈电汽轮机】汽封圈\CHK02.038.5Z\CCK300/N330-16.67/538/538/1.5/0.8</t>
  </si>
  <si>
    <t>【哈电汽轮机】汽封圈\CHK02.038.4Z\CCK300/N330-16.67/538/538/1.5/0.8</t>
  </si>
  <si>
    <t>【哈电汽轮机】螺钉\M16\CH02.038.099\C350/272.9-24.2/0.4/566/566</t>
  </si>
  <si>
    <t>【哈电汽轮机】凹形垫圈\M45\CH02.038.098\C350/272.9-24.2/0.4/566/566</t>
  </si>
  <si>
    <t>【哈电汽轮机】凸形垫圈\M45\CH02.038.097\C350/272.9-24.2/0.4/566/566</t>
  </si>
  <si>
    <t>【哈电汽轮机】螺钉\M36\00.019.603\C250/N300-16.7/538/538</t>
  </si>
  <si>
    <t>【哈电汽轮机】螺钉\M33\00.019.608\C250/N300-16.7/538/538</t>
  </si>
  <si>
    <t>【哈电汽轮机】缠绕垫片\141C.301.011\CC300-16.67/1.3/0.4</t>
  </si>
  <si>
    <t>【哈电汽轮机】螺塞\73D.301.040\CC300-16.67/1.3/0.4</t>
  </si>
  <si>
    <t>【哈电汽轮机】罩螺母\73D.301.041\CC300-16.67/1.3/0.4</t>
  </si>
  <si>
    <t>【哈电汽轮机】双头螺栓\73D.301.042\CC300-16.67/1.3/0.4</t>
  </si>
  <si>
    <t>【哈电汽轮机】凸型垫片\73D.301.043\CC300-16.67/1.3/0.4</t>
  </si>
  <si>
    <t>【哈电汽轮机】凹型垫片\73D.301.044\CC300-16.67/1.3/0.4</t>
  </si>
  <si>
    <t>【哈电汽轮机】螺塞\73D.301.045\CC300-16.67/1.3/0.4</t>
  </si>
  <si>
    <t>【哈电汽轮机】罩螺母\73D.301.046\CC300-16.67/1.3/0.4</t>
  </si>
  <si>
    <t>【哈电汽轮机】凸型垫片\73D.301.047\CC300-16.67/1.3/0.4</t>
  </si>
  <si>
    <t>【哈电汽轮机】凹型垫片\73D.301.048\CC300-16.67/1.3/0.4</t>
  </si>
  <si>
    <t>【哈电汽轮机】双头螺栓\73D.301.049\CC300-16.67/1.3/0.4</t>
  </si>
  <si>
    <t>【哈电汽轮机】双头螺栓\73D.301.055\CC300-16.67/1.3/0.4</t>
  </si>
  <si>
    <t>【哈电汽轮机】罩螺母\73D.301.056\CC300-16.67/1.3/0.4</t>
  </si>
  <si>
    <t>【哈电汽轮机】凸型垫片\73D.301.057\CC300-16.67/1.3/0.4</t>
  </si>
  <si>
    <t>【哈电汽轮机】凹型垫片\73D.301.058\CC300-16.67/1.3/0.4</t>
  </si>
  <si>
    <t>【哈电汽轮机】缠绕垫片\141C.301.013\CC300-16.67/1.3/0.4</t>
  </si>
  <si>
    <t>【哈电汽轮机】双头螺栓\73D.311.009\C250/N300-16.7/537/537</t>
  </si>
  <si>
    <t>【哈电汽轮机】螺母\73D.311.010\C250/N300-16.7/537/537</t>
  </si>
  <si>
    <t>【哈电汽轮机】凸型垫片\73D.311.011\C250/N300-16.7/537/537</t>
  </si>
  <si>
    <t>【哈电汽轮机】凹型垫片\73D.311.012\C250/N300-16.7/537/537</t>
  </si>
  <si>
    <t>【哈电汽轮机】内六角螺母\M45*3*89\CH02.071.025\C350/272.9-24.2/0.4/566/566</t>
  </si>
  <si>
    <t>【哈电汽轮机】双头螺柱\M45*3*355\CH02.038.096\C350/272.9-24.2/0.4/566/566</t>
  </si>
  <si>
    <t>【哈电汽轮机】双头螺栓\M52*3*380\CH02.038.095\C350/272.9-24.2/0.4/566/566</t>
  </si>
  <si>
    <t>【哈电汽轮机】专用螺钉\M20\CH02.071.028\C350/272.9-24.2/0.4/566/566</t>
  </si>
  <si>
    <t>【哈电汽轮机】内六角螺母\M52*3*99\CH02.038.094\C350/272.9-24.2/0.4/566/566</t>
  </si>
  <si>
    <t>【哈电汽轮机】凹形垫圈\M52\CH02.038.093\C350/272.9-24.2/0.4/566/566</t>
  </si>
  <si>
    <t>【哈电汽轮机】凸形垫圈\M52\CH02.038.092\C350/272.9-24.2/0.4/566/566</t>
  </si>
  <si>
    <t>【哈电汽轮机】定位双头螺栓\M52*3*416\CH02.038.091\C350/272.9-24.2/0.4/566/566</t>
  </si>
  <si>
    <t>【哈电汽轮机】双头螺柱\M39*3*410\CH02.038.090\C350/272.9-24.2/0.4/566/566</t>
  </si>
  <si>
    <t>【哈电汽轮机】凹型垫圈\M39\CH02.038.089\C350/272.9-24.2/0.4/566/566</t>
  </si>
  <si>
    <t>【哈电汽轮机】凸型垫圈\M39\CH02.038.088\C350/272.9-24.2/0.4/566/566</t>
  </si>
  <si>
    <t>【哈电汽轮机】内六角螺母\M39*3*77\CH02.038.087\C350/272.9-24.2/0.4/566/566</t>
  </si>
  <si>
    <t>【哈电汽轮机】双头螺柱\M39*3*590\CH02.038.086\C350/272.9-24.2/0.4/566/566</t>
  </si>
  <si>
    <t>【哈汽】汽封圈\CHK02.039.10Z\300MW</t>
  </si>
  <si>
    <t>【哈电汽轮机】汽封圈\CHK02.039.9Z\CCK300/N330-16.67/538/538/1.5/0.8</t>
  </si>
  <si>
    <t>【哈电汽轮机】汽封圈\CHK02.039.8Z\CCK300/N330-16.67/538/538/1.5/0.8</t>
  </si>
  <si>
    <t>【哈电汽轮机】汽封圈\CHK02.039.7Z\CCK300/N330-16.67/538/538/1.5/0.8</t>
  </si>
  <si>
    <t>【哈电汽轮机】汽封圈\CHK02.039.6Z\CCK300/N330-16.67/538/538/1.5/0.8</t>
  </si>
  <si>
    <t>【哈电汽轮机】汽封圈\CHK02.039.5Z\CCK300/N330-16.67/538/538/1.5/0.8</t>
  </si>
  <si>
    <t>【哈电汽轮机】汽封圈\CHK02.039.4Z\CCK300/N330-16.67/538/538/1.5/0.8</t>
  </si>
  <si>
    <t>【哈电汽轮机】汽封圈\CHK02.039.3Z\CCK300/N330-16.67/538/538/1.5/0.8</t>
  </si>
  <si>
    <t>【哈电汽轮机】螺钉\M16\00.019.606\C250/N300-16.7/538/538</t>
  </si>
  <si>
    <t>【哈电汽轮机】双头螺栓\M30*172\73D.306.002\C250/N300-16.7/537/537</t>
  </si>
  <si>
    <t>【哈电汽轮机】内六角螺母\M30\73D.306.003\C250/N300-16.7/537/537</t>
  </si>
  <si>
    <t>【哈电汽轮机】凸型垫圈\M30\73D.306.004\C250/N300-16.7/537/537</t>
  </si>
  <si>
    <t>【哈电汽轮机】凹型垫圈\M30\73D.306.005\C250/N300-16.7/537/537</t>
  </si>
  <si>
    <t>【哈电汽轮机】垫圈\73D.306.013\C250/N300-16.7/537/537</t>
  </si>
  <si>
    <t>【哈电汽轮机】双头螺栓\M30*171\73D.306.014\C250/N300-16.7/537/537</t>
  </si>
  <si>
    <t>【哈电汽轮机】螺母\M30\73D.306.015\C250/N300-16.7/537/537</t>
  </si>
  <si>
    <t>【哈电汽轮机】垫圈\73D.306.009\C250/N300-16.7/537/537</t>
  </si>
  <si>
    <t>【哈电汽轮机】双头螺栓\M33*286\73D.306.010\C250/N300-16.7/537/537</t>
  </si>
  <si>
    <t>【哈电汽轮机】螺母\M33\73D.306.011\C250/N300-16.7/537/537</t>
  </si>
  <si>
    <t>【哈电汽轮机】凸型垫圈\M33\00.039.003\C250/N300-16.7/538/538</t>
  </si>
  <si>
    <t>【哈电汽轮机】凹型垫圈\M33\00.039.004\C250/N300-16.7/538/538</t>
  </si>
  <si>
    <t>【哈电汽轮机】垫圈\73.314.014</t>
  </si>
  <si>
    <t>【哈电汽轮机】内六角螺钉\M22*90\73.314.009\N660-25/600/600</t>
  </si>
  <si>
    <t>【哈电汽轮机】凸形垫圈\M22\73.039.005\C250/N300-16.7/538/538</t>
  </si>
  <si>
    <t>【哈电汽轮机】凹形垫圈\M22\73.039.006\C250/N300-16.7/538/538</t>
  </si>
  <si>
    <t>【哈电汽轮机】推力瓦块坯料图\73.051.4Z\CC330/264-16.7/537/537</t>
  </si>
  <si>
    <t>【哈电汽轮机】汽封圈\73D.037.4Z\C250/N300-16.7/537/537</t>
  </si>
  <si>
    <t>【哈电汽轮机】汽封圈\73D.037.5Z\C250/N300-16.7/537/537</t>
  </si>
  <si>
    <t>【哈电汽轮机】汽封圈\73D.037.6Z\C250/N300-16.7/537/537</t>
  </si>
  <si>
    <t>【哈电汽轮机】汽封圈\73D.037.7Z\C250/N300-16.7/537/537</t>
  </si>
  <si>
    <t>【哈电汽轮机】汽封圈\73D.037.8Z\C250/N300-16.7/537/537</t>
  </si>
  <si>
    <t>【哈电汽轮机】专用螺钉\M20\00.019.601\C250/N300-16.7/538/538</t>
  </si>
  <si>
    <t>【哈电汽轮机】凹形垫圈\M45\00.039.008\C250/N300-16.7/538/538</t>
  </si>
  <si>
    <t>【哈电汽轮机】凸形垫圈\M45\00.039.007\C250/N300-16.7/538/538</t>
  </si>
  <si>
    <t>【哈电汽轮机】定位双头螺栓\φ50*382\73D.039.055\C250/N300-16.7/538/538</t>
  </si>
  <si>
    <t>【哈电汽轮机】双头螺栓\M45*3*355\73D.039.054\C250/N300-16.7/538/538</t>
  </si>
  <si>
    <t>【哈电汽轮机】凹形垫圈\M39\73.039.015\C250/N300-16.7/538/538</t>
  </si>
  <si>
    <t>【哈电汽轮机】凸形垫圈\M39\73.039.014\C250/N300-16.7/538/538</t>
  </si>
  <si>
    <t>【哈电汽轮机】双头螺栓\M39*3*375\73D.039.053\C250/N300-16.7/538/538</t>
  </si>
  <si>
    <t>【哈电汽轮机】双头螺栓\M39*3*575\73D.039.052\C250/N300-16.7/538/538</t>
  </si>
  <si>
    <t>【哈电汽轮机】汽封圈\CH02.039.6Z\CLNZK600-24.2/566/566</t>
  </si>
  <si>
    <t>【哈电汽轮机】汽封圈\CHK02.040.3Z\CCK300/N330-16.67/538/538/1.5/0.8</t>
  </si>
  <si>
    <t>【哈电汽轮机】汽封圈\CHK02.040.4Z\CCK300/N330-16.67/538/538/1.5/0.8</t>
  </si>
  <si>
    <t>【哈电汽轮机】汽封圈\CH02.039.10Z\CLNZK600-24.2/566/566</t>
  </si>
  <si>
    <t>【哈电汽轮机】汽封圈\CHK02.040.5Z\CCK300/N330-16.67/538/538/1.5/0.8</t>
  </si>
  <si>
    <t>【哈电汽轮机】汽封圈\CHK02.040.6Z\CCK300/N330-16.67/538/538/1.5/0.8</t>
  </si>
  <si>
    <t>【哈电汽轮机】双头螺柱\M45*3*351\73D.040.003\C250/N300-16.7/538/538</t>
  </si>
  <si>
    <t>【哈电汽轮机】螺钉\M20\73.019.046\C250/N300-16.7/538/538</t>
  </si>
  <si>
    <t>【哈电汽轮机】螺钉\M16\73.019.045\C250/N300-16.7/538/538</t>
  </si>
  <si>
    <t>【哈电汽轮机】汽封圈\73D.037.9Z\C250/N300-16.7/537/537</t>
  </si>
  <si>
    <t>【哈电汽轮机】汽封圈\73D.037.10Z\C250/N300-16.7/537/537</t>
  </si>
  <si>
    <t>【哈电汽轮机】定位双头螺柱\φ50*379\73D.040.004\C250/N300-16.7/538/538</t>
  </si>
  <si>
    <t>【哈电汽轮机】双头螺柱\M33*219\73D.040.005\C250/N300-16.7/538/538</t>
  </si>
  <si>
    <t>【哈电汽轮机】凸形垫圈\M33\73.039.021\C250/N300-16.7/538/538</t>
  </si>
  <si>
    <t>【哈电汽轮机】凹形垫圈\M33\73.039.022\C250/N300-16.7/538/538</t>
  </si>
  <si>
    <t>【哈电汽轮机】内六角螺母\M33*67\73A.039.012\C250/N300-16.7/538/538</t>
  </si>
  <si>
    <t>【哈电汽轮机】定位双头螺柱\φ40*503\73D.040.006\C250/N300-16.7/538/538</t>
  </si>
  <si>
    <t>【哈电汽轮机】定位双头螺柱\CCH01A.041.2.001\CLN600-24.2/566/566</t>
  </si>
  <si>
    <t>【哈电汽轮机】螺母\H01.043.006\C350/272.9-24.2/0.4/566/566</t>
  </si>
  <si>
    <t>【哈电汽轮机】双头螺柱\CCH01A.041.2.002\CLN600-24.2/566/566</t>
  </si>
  <si>
    <t>【哈电汽轮机】垫圈\H01.043.008\C350/272.9-24.2/0.4/566/566</t>
  </si>
  <si>
    <t>【哈电汽轮机】双头螺柱\M90*3*885\CH02.019.018\C350/272.9-24.2/0.4/566/566</t>
  </si>
  <si>
    <t>【哈电汽轮机】双头螺柱\M110*3*1310\CH02.019.008\C350/272.9-24.2/0.4/566/566</t>
  </si>
  <si>
    <t>【哈电汽轮机】双头螺柱\M100*3*1295\CH02.019.007\C350/272.9-24.2/0.4/566/566</t>
  </si>
  <si>
    <t>【哈电汽轮机】双头螺柱\M95*3*1275\CH02.019.006\C350/272.9-24.2/0.4/566/566</t>
  </si>
  <si>
    <t>【哈电汽轮机】双头螺柱\M90*3*1260\CH02.019.005\C350/272.9-24.2/0.4/566/566</t>
  </si>
  <si>
    <t>【哈电汽轮机】凹形垫圈\M100\CH02.019.032\C350/272.9-24.2/0.4/566/566</t>
  </si>
  <si>
    <t>【哈电汽轮机】凸形垫圈\M100\CH02.019.031\C350/272.9-24.2/0.4/566/566</t>
  </si>
  <si>
    <t>【哈电汽轮机】凹形垫圈\M95\CH02.019.030\C350/272.9-24.2/0.4/566/566</t>
  </si>
  <si>
    <t>【哈电汽轮机】凸形垫圈\M95\CH02.019.029\C350/272.9-24.2/0.4/566/566</t>
  </si>
  <si>
    <t>【哈电汽轮机】凹形垫圈\M90\CH02.019.028\C350/272.9-24.2/0.4/566/566</t>
  </si>
  <si>
    <t>【哈电汽轮机】凸形垫圈\M90\CH02.019.027\C350/272.9-24.2/0.4/566/566</t>
  </si>
  <si>
    <t>【哈电汽轮机】凸形垫圈\M115\CH02.019.025\C350/272.9-24.2/0.4/566/566</t>
  </si>
  <si>
    <t>【哈电汽轮机】凹形垫圈\M115\CH02.019.026\C350/272.9-24.2/0.4/566/566</t>
  </si>
  <si>
    <t>【哈电汽轮机】罩螺母\M110*3\CH02.019.023\C350/272.9-24.2/0.4/566/566</t>
  </si>
  <si>
    <t>【哈电汽轮机】罩螺母\M100*3\CH02.019.022\C350/272.9-24.2/0.4/566/566</t>
  </si>
  <si>
    <t>【哈电汽轮机】罩螺母\M95*3\CH02.019.021\C350/272.9-24.2/0.4/566/566</t>
  </si>
  <si>
    <t>【哈电汽轮机】罩螺母\M90*3\CH02.019.020\C350/272.9-24.2/0.4/566/566</t>
  </si>
  <si>
    <t>【哈电汽轮机】罩螺母\M115*3\CH02.019.019\C350/272.9-24.2/0.4/566/566</t>
  </si>
  <si>
    <t>【哈电汽轮机】罩螺母\M130*4\CH02.019.024\C350/272.9-24.2/0.4/566/566</t>
  </si>
  <si>
    <t>【哈电汽轮机】双头螺柱\M95*3*750\CH02.019.017\C350/272.9-24.2/0.4/566/566</t>
  </si>
  <si>
    <t>【哈电汽轮机】双头螺柱\M95*3*915\CH02.019.016\C350/272.9-24.2/0.4/566/566</t>
  </si>
  <si>
    <t>【哈电汽轮机】汽封圈\73D.037.11Z\C250/N300-16.7/537/537</t>
  </si>
  <si>
    <t>【哈电汽轮机】汽封圈\73D.037.12Z\C250/N300-16.7/537/537</t>
  </si>
  <si>
    <t>【哈电汽轮机】汽封圈\73D.037.13Z\C250/N300-16.7/537/537</t>
  </si>
  <si>
    <t>【哈电汽轮机】汽封圈\73D.037.14Z\C250/N300-16.7/537/537</t>
  </si>
  <si>
    <t>【哈电汽轮机】汽封圈\73D.037.15Z\C250/N300-16.7/537/537</t>
  </si>
  <si>
    <t>【哈电汽轮机】汽封圈\73D.038.4Z\C250/N300-16.7/537/537</t>
  </si>
  <si>
    <t>【哈电汽轮机】汽封圈\73D.038.5Z\C250/N300-16.7/537/537</t>
  </si>
  <si>
    <t>【哈电汽轮机】汽封圈\73D.038.6Z\C250/N300-16.7/537/537</t>
  </si>
  <si>
    <t>【哈电汽轮机】汽封圈\73D.038.7Z\C250/N300-16.7/537/537</t>
  </si>
  <si>
    <t>【哈电汽轮机】汽封圈\73D.038.8Z\C250/N300-16.7/537/537</t>
  </si>
  <si>
    <t>【哈电汽轮机】汽封圈\141A.038.3Z\C300/N350-16.7/538/538</t>
  </si>
  <si>
    <t>【哈电汽轮机】汽封圈\141A.038.4Z\C300/N350-16.7/538/538</t>
  </si>
  <si>
    <t>【哈电汽轮机】汽封圈\141A.038.5Z\C300/N350-16.7/538/538</t>
  </si>
  <si>
    <t>【哈电汽轮机】汽封圈\141A.038.6Z\C300/N350-16.7/538/538</t>
  </si>
  <si>
    <t>【哈电汽轮机】汽封圈\141A.038.7Z\C300/N350-16.7/538/538</t>
  </si>
  <si>
    <t>【哈电汽轮机】汽封圈\141A.039.3Z\C300/N350-16.7/538/538</t>
  </si>
  <si>
    <t>【哈电汽轮机】汽封圈\141A.039.4Z\C300/N350-16.7/538/538</t>
  </si>
  <si>
    <t>【哈电汽轮机】汽封圈\141A.039.5Z\C300/N350-16.7/538/538</t>
  </si>
  <si>
    <t>【哈电汽轮机】汽封圈\141A.039.6Z\C300/N350-16.7/538/538</t>
  </si>
  <si>
    <t>【哈电汽轮机】汽封圈\73D.039.6Z\C250/N300-16.7/537/537</t>
  </si>
  <si>
    <t>【哈电汽轮机】汽封圈\73D.039.7Z\C250/N300-16.7/537/537</t>
  </si>
  <si>
    <t>【哈电汽轮机】短汽封片\73E.108.005-1\C250/N300-16.7/537/537</t>
  </si>
  <si>
    <t>【哈电汽轮机】长汽封片\73E.107.006-1\C250/N300-16.7/537/537</t>
  </si>
  <si>
    <t>【哈电汽轮机】短汽封片\73E.107.005-1\C250/N300-16.7/537/537</t>
  </si>
  <si>
    <t>【哈电汽轮机】长汽封片\73E.106.008-1\C250/N300-16.7/537/537</t>
  </si>
  <si>
    <t>【哈电汽轮机】短汽封片\73E.106.007-1\C250/N300-16.7/537/537</t>
  </si>
  <si>
    <t>【哈电汽轮机】弹簧\H01.136.027\CLN660-24.2/566/566</t>
  </si>
  <si>
    <t>【哈电汽轮机】弹簧\H01.043.041\CLN660-24.2/566/566</t>
  </si>
  <si>
    <t>【哈电汽轮机】弹簧\73.037.037\C250/N300-16.7/538/538</t>
  </si>
  <si>
    <t>【哈电汽轮机】六角螺母\M27\B20.4\C250/N300-16.7/538/538</t>
  </si>
  <si>
    <t>【哈电汽轮机】六角头螺栓\M33*110\B20.23\C250/N300-16.7/538/538</t>
  </si>
  <si>
    <t>【哈电汽轮机】汽封片\73E.115.008\C250/N300-16.7/537/537</t>
  </si>
  <si>
    <t>【哈电汽轮机】长汽封片\73E.115.009\C250/N300-16.7/537/537</t>
  </si>
  <si>
    <t>【哈电汽轮机】垫片\73D.081.005\C250/N300-16.7/538/538</t>
  </si>
  <si>
    <t>【哈电汽轮机】螺母\M27\B20.2.1\C250/N300-16.7/538/538</t>
  </si>
  <si>
    <t>【哈电汽轮机】离心泵叶轮\73B.401.4Z\CC330/264-16.7/537/537</t>
  </si>
  <si>
    <t>【哈电汽轮机】两半密封环(左旋)\73B.401.6Z\CC330/264-16.7/537/537</t>
  </si>
  <si>
    <t>【哈电汽轮机】两半密封环(左旋)\73B.401.5Z\CC330/264-16.7/537/537</t>
  </si>
  <si>
    <t>【哈电汽轮机】两半密封环(右旋)\73B.401.3Z\CC330/264-16.7/537/537</t>
  </si>
  <si>
    <t>【哈电汽轮机】两半密封环(右旋)\73B.401.2Z\CC330/264-16.7/537/537</t>
  </si>
  <si>
    <t>【哈电汽轮机】汽封圈\73D.039.8Z\C250/N300-16.7/537/537</t>
  </si>
  <si>
    <t>【哈电汽轮机】汽封圈\73D.039.9Z\C250/N300-16.7/537/537</t>
  </si>
  <si>
    <t>【哈电汽轮机】汽封圈\K09.040.3Z\ZKC300/N330-16.67/538/538</t>
  </si>
  <si>
    <t>【哈电汽轮机】汽封圈\K09.040.4Z\ZKC300/N330-16.67/538/538</t>
  </si>
  <si>
    <t>【哈电汽轮机】汽封圈\73D.040.7Z\C250/N300-16.7/537/537</t>
  </si>
  <si>
    <t>【哈电汽轮机】汽封圈\73D.040.8Z\C250/N300-16.7/537/537</t>
  </si>
  <si>
    <t>【哈电汽轮机】汽封圈\G08A.042.3Z-1\CCK300/N330-16.67/538/538/1.5/0.8</t>
  </si>
  <si>
    <t>【哈电汽轮机】汽封环\73.042.4Z\C250/N300-16.7/537/537</t>
  </si>
  <si>
    <t>【哈电汽轮机】罩螺母\M115*3\00.019.511\C250/N300-16.7/538/538</t>
  </si>
  <si>
    <t>【哈电汽轮机】罩螺母\M90*3\00.019.508\C250/N300-16.7/538/538</t>
  </si>
  <si>
    <t>【哈电汽轮机】罩螺母\M110*3\00.019.510\C250/N300-16.7/538/538</t>
  </si>
  <si>
    <t>【哈电汽轮机】定位双头螺栓\Φ114*975\73E.011.4.001\C250/N300-16.7/538/538</t>
  </si>
  <si>
    <t>【哈电汽轮机】双头螺栓\M90*3*800\73E.011.4.002\C250/N300-16.7/538/538</t>
  </si>
  <si>
    <t>【哈电汽轮机】双头螺栓\M76*3*715\73E.011.4.003\C250/N300-16.7/538/538</t>
  </si>
  <si>
    <t>【哈电汽轮机】罩螺母\M76*3\00.019.506\CLN600-24.2/566/566</t>
  </si>
  <si>
    <t>【哈电汽轮机】垫圈\M76\H01.019.011\C350/272.9-24.2/0.4/566/566</t>
  </si>
  <si>
    <t>【哈电汽轮机】垫圈\M76\H01.019.012\C350/272.9-24.2/0.4/566/566</t>
  </si>
  <si>
    <t>【哈电汽轮机】螺钉\M30\00.019.602\C250/N300-16.7/538/538</t>
  </si>
  <si>
    <t>【哈电汽轮机】螺钉\M27\00.019.607\C250/N300-16.7/538/538</t>
  </si>
  <si>
    <t>【哈电汽轮机】定位双头螺柱\M100*4-9W\00.019.344\CLN600-24.2/566/566</t>
  </si>
  <si>
    <t>【哈电汽轮机】双头螺柱\M100*4*910\73E.011.4.004\C250/N300-16.7/538/538</t>
  </si>
  <si>
    <t>【哈电汽轮机】双头螺柱\M90*3*720\73E.011.4.005\C250/N300-16.7/538/538</t>
  </si>
  <si>
    <t>【哈电汽轮机】定位双头螺栓\Φ95*770\73E.011.4.006\C250/N300-16.7/538/538</t>
  </si>
  <si>
    <t>【哈电汽轮机】汽封圈\73E.100.1Z\C250/N300-16.7/537/537</t>
  </si>
  <si>
    <t>【哈电汽轮机】汽封圈\73E.100.2Z\C250/N300-16.7/537/537</t>
  </si>
  <si>
    <t>【哈电汽轮机】汽封圈\73E.100.3Z\C250/N300-16.7/537/537</t>
  </si>
  <si>
    <t>【哈电汽轮机】汽封圈\73E.100.4Z\C250/N300-16.7/537/537</t>
  </si>
  <si>
    <t>【哈电汽轮机】汽封圈\73E.100.5Z\C250/N300-16.7/537/537</t>
  </si>
  <si>
    <t>【哈电汽轮机】汽封圈\73E.100.6Z\C250/N300-16.7/537/537</t>
  </si>
  <si>
    <t>【哈电汽轮机】密封环\CH01.041.4Z-28\CLN600-24.2/566/566</t>
  </si>
  <si>
    <t>【哈电汽轮机】汽封圈\73E.066.2Z\C250/N300-16.7/537/537</t>
  </si>
  <si>
    <t>【哈电汽轮机】汽封圈\73E.066.3Z-2\C250/N300-16.7/537/537</t>
  </si>
  <si>
    <t>【哈电汽轮机】汽封圈\73E.067.3Z\C250/N300-16.7/537/537</t>
  </si>
  <si>
    <t>【哈电汽轮机】汽封圈\73E.067.4Z\C250/N300-16.7/537/537</t>
  </si>
  <si>
    <t>【哈电汽轮机】汽封圈\73E.067.5Z\C250/N300-16.7/537/537</t>
  </si>
  <si>
    <t>【哈电汽轮机】汽封圈\73E.067.6Z\C250/N300-16.7/537/537</t>
  </si>
  <si>
    <t>【哈电汽轮机】汽封圈\73E.067.9Z\C250/N300-16.7/537/537</t>
  </si>
  <si>
    <t>【哈电汽轮机】汽封圈\73E.068.3Z\C250/N300-16.7/537/537</t>
  </si>
  <si>
    <t>【哈电汽轮机】汽封圈\73E.068.4Z\C250/N300-16.7/537/537</t>
  </si>
  <si>
    <t>【哈电汽轮机】汽封圈\73E.068.5Z\C250/N300-16.7/537/537</t>
  </si>
  <si>
    <t>【哈电汽轮机】专用螺母\73.276.008\CC330/264-16.7/537/537</t>
  </si>
  <si>
    <t>【哈电汽轮机】套筒\73D.301.012\CC300-16.67/1.3/0.4</t>
  </si>
  <si>
    <t>【哈电汽轮机】支持轴承\φ355.6\73D.050Z\CC330/264-16.7/537/537</t>
  </si>
  <si>
    <t>【哈电汽轮机】油封环\H01.052.6Z\CLN660-24.2/566/566</t>
  </si>
  <si>
    <t>【哈电汽轮机】油封环\73.052.7Z\CC330/264-16.7/537/537</t>
  </si>
  <si>
    <t>【哈电汽轮机】浮动油封环(电机端左旋)\73.051.15Z\CC330/264-16.7/537/537</t>
  </si>
  <si>
    <t>【哈电汽轮机】浮动油封环(调速端右旋)\73.051.12Z\CC330/264-16.7/537/537</t>
  </si>
  <si>
    <t>【哈电汽轮机】定位双头螺柱\φ122*1045\CH02.019.004\C350/272.9-24.2/0.4/566/566</t>
  </si>
  <si>
    <t>【哈电汽轮机】双头螺柱\M90*3*605\CH02.019.003\C350/272.9-24.2/0.4/566/566</t>
  </si>
  <si>
    <t>【哈电汽轮机】双头螺柱\M90*3*1035\CHK02.019.001\C350/272.9-24.2/0.4/566/566</t>
  </si>
  <si>
    <t>【哈电汽轮机】定位双头螺柱\φ114*1350\CH02.019.009\C350/272.9-24.2/0.4/566/566</t>
  </si>
  <si>
    <t>【哈电汽轮机】双头螺柱\M110*3*966\CH02.019.010\C350/272.9-24.2/0.4/566/566</t>
  </si>
  <si>
    <t>【哈电汽轮机】双头螺柱\M130*4*1040\CH02.019.012\C350/272.9-24.2/0.4/566/566</t>
  </si>
  <si>
    <t>【哈电汽轮机】定位双头螺柱\φ135*1405\CH02.019.013\C350/272.9-24.2/0.4/566/566</t>
  </si>
  <si>
    <t>【哈电汽轮机】双头螺柱\M130*4*1360\CH02.019.014\C350/272.9-24.2/0.4/566/566</t>
  </si>
  <si>
    <t>【哈电汽轮机】定位双头螺柱\φ95*970\CHK02.019.002\C350/272.9-24.2/0.4/566/566</t>
  </si>
  <si>
    <t>【哈电汽轮机】双头螺柱\M110*3*966\CH02.019.037\C350/272.9-24.2/0.4/566/566</t>
  </si>
  <si>
    <t>【哈电汽轮机】螺塞\M33\CH02.019.045\C350/272.9-24.2/0.4/566/566</t>
  </si>
  <si>
    <t>【哈电汽轮机】螺塞\M36\CH02.019.044\C350/272.9-24.2/0.4/566/566</t>
  </si>
  <si>
    <t>【哈电汽轮机】螺塞\M39\CH02.019.043\C350/272.9-24.2/0.4/566/566</t>
  </si>
  <si>
    <t>【哈电汽轮机】螺塞\M45\CH02.019.042\C350/272.9-24.2/0.4/566/566</t>
  </si>
  <si>
    <t>【哈电汽轮机】定位双头螺柱\M133*1026\CH02.019.041\C350/272.9-24.2/0.4/566/566</t>
  </si>
  <si>
    <t>【哈电汽轮机】阀碟\K01B.314.003\NZK600-16.7/538/538-2</t>
  </si>
  <si>
    <t>【哈电汽轮机】阀碟\141C.311.008\N350-17.5/538/538</t>
  </si>
  <si>
    <t>【哈电汽轮机】套筒\73D.301.013\CC300-16.67/1.3/0.4</t>
  </si>
  <si>
    <t>【哈电汽轮机】预启阀螺母\73D.301.022\CC300-16.67/1.3/0.4</t>
  </si>
  <si>
    <t>【哈电汽轮机】预启阀\73D.301.021\CC300-16.67/1.3/0.4</t>
  </si>
  <si>
    <t>【哈电汽轮机】套筒\141C.301.008\CC300-16.67/1.3/0.4</t>
  </si>
  <si>
    <t>【哈电汽轮机】锥螺纹内六角螺钉\M12*30\73D.301.015\CC300-16.67/1.3/0.4</t>
  </si>
  <si>
    <t>【哈电汽轮机】弹簧导向杆\73D.301.014\CC300-16.67/1.3/0.4</t>
  </si>
  <si>
    <t>【哈电汽轮机】主阀碟\141C.301.8Z\CC300-16.67/1.3/0.4</t>
  </si>
  <si>
    <t>【哈电汽轮机】阀螺母\141C.311.007\N350-17.5/538/538</t>
  </si>
  <si>
    <t>【哈电汽轮机】套筒\141C.311.006\N350-17.5/538/538</t>
  </si>
  <si>
    <t>【哈电汽轮机】套筒\141C.311.004\N350-17.5/538/538</t>
  </si>
  <si>
    <t>【哈电汽轮机】止动销安装图\141C.311.3Z\N350-17.5/538/538</t>
  </si>
  <si>
    <t>【哈电汽轮机】中压调节阀连接套筒\K01B.314.007\NZK600-16.7/538/538-2</t>
  </si>
  <si>
    <t>【哈电汽轮机】垫片\73.079.004\CC330/264-16.7/537/537</t>
  </si>
  <si>
    <t>【哈电汽轮机】油封弧片\73D.076.004\CC330/264-16.7/537/537</t>
  </si>
  <si>
    <t>【哈电汽轮机】油封片\75.077.004\CLN660-24.2/566/566</t>
  </si>
  <si>
    <t>【哈电汽轮机】长汽封片\73E.105.006-1\C250/N300-16.7/537/537</t>
  </si>
  <si>
    <t>【哈电汽轮机】垫圈\M72\00.019.617\C250/N300-16.7/538/538</t>
  </si>
  <si>
    <t>【哈电汽轮机】螺母\H01.043.007\C350/272.9-24.2/0.4/566/566</t>
  </si>
  <si>
    <t>【哈电汽轮机】垫圈\H01.043.009\C350/272.9-24.2/0.4/566/566</t>
  </si>
  <si>
    <t>【哈汽】汽封环\73A.065.2Z\300MW</t>
  </si>
  <si>
    <t>【哈电汽轮机】汽封环\（八段组成）\73A.065.3Z\C250/N300-16.7/537/537</t>
  </si>
  <si>
    <t>【哈电汽轮机】垫圈\27\73.068.023\CC300-16.67/1.3/0.4</t>
  </si>
  <si>
    <t>【哈电汽轮机】内六角螺钉\M22*75\73.068.025\CC300-16.67/1.3/0.4</t>
  </si>
  <si>
    <t>【哈电汽轮机】汽封圈\73A.066.2Z\CC300-16.67/1.3/0.4</t>
  </si>
  <si>
    <t>【哈电汽轮机】汽封圈\73A.066.3Z\CC300-16.67/1.3/0.4</t>
  </si>
  <si>
    <t>【哈电汽轮机】内六角螺母\M20*48\73A.066.023\CC300-16.67/1.3/0.4</t>
  </si>
  <si>
    <t>【哈电汽轮机】垫圈\（渗氮）M20\73.067.004\CC300-16.67/1.3/0.4</t>
  </si>
  <si>
    <t>【哈电汽轮机】垫圈\（渗氮）M20\73.067.005\CC300-16.67/1.3/0.4</t>
  </si>
  <si>
    <t>【哈电汽轮机】双头螺柱\M20*121\73A.066.024\CC300-16.67/1.3/0.4</t>
  </si>
  <si>
    <t>【哈电汽轮机】定位双头螺栓\M20*195\73A.066.025\CC300-16.67/1.3/0.4</t>
  </si>
  <si>
    <t>【哈电汽轮机】内六角螺母\M20*48\73A.067.003\CC300-16.67/1.3/0.4</t>
  </si>
  <si>
    <t>【哈电汽轮机】定位双头螺栓\M20*190\73A.067.004\CC300-16.67/1.3/0.4</t>
  </si>
  <si>
    <t>【哈电汽轮机】双头螺柱\M20*120\73A.067.005\C250/N300-16.7/538/555</t>
  </si>
  <si>
    <t>【哈电汽轮机】汽封环\（四段组成）\73A.068.2Z\C250/N300-16.7/537/537</t>
  </si>
  <si>
    <t>【哈电汽轮机】短汽封片\73E.105.005-1\C250/N300-16.7/537/537</t>
  </si>
  <si>
    <t>【哈电汽轮机】长汽封片\73E.104.006-1\C250/N300-16.7/537/537</t>
  </si>
  <si>
    <t>【哈电汽轮机】短汽封片\73E.104.005-1\C250/N300-16.7/537/537</t>
  </si>
  <si>
    <t>【哈电汽轮机】短汽封片\73E.103.007-1\C250/N300-16.7/537/537</t>
  </si>
  <si>
    <t>【哈电汽轮机】长汽封片\73E.103.008-1\C250/N300-16.7/537/537</t>
  </si>
  <si>
    <t>【哈电汽轮机】长汽封片\73E.102.009-1\C250/N300-16.7/537/537</t>
  </si>
  <si>
    <t>【哈电汽轮机】短汽封片\73E.102.008-1\C250/N300-16.7/537/537</t>
  </si>
  <si>
    <t>【哈电汽轮机】内六角螺母\M39*3*77\H01.027.059\C350/272.9-24.2/0.4/566/566</t>
  </si>
  <si>
    <t>【哈电汽轮机】内六角螺母\M52*3*100\H01.027.062\C350/272.9-24.2/0.4/566/566</t>
  </si>
  <si>
    <t>【哈电汽轮机】汽封片\73E.114.010\C250/N300-16.7/537/537</t>
  </si>
  <si>
    <t>【哈电汽轮机】长汽封片\73E.114.009\C250/N300-16.7/537/537</t>
  </si>
  <si>
    <t>【哈电汽轮机】汽封片\73E.113.006-1\C250/N300-16.7/537/537</t>
  </si>
  <si>
    <t>【哈电汽轮机】长汽封片\73E.113.005-1\C250/N300-16.7/537/537</t>
  </si>
  <si>
    <t>【哈电汽轮机】汽封片\73E.112.006-1\C250/N300-16.7/537/537</t>
  </si>
  <si>
    <t>【哈电汽轮机】汽封环\（八段组成）\73A.068.3Z\C250/N300-16.7/537/537</t>
  </si>
  <si>
    <t>【哈电汽轮机】汽封环\73.069.3Z</t>
  </si>
  <si>
    <t>【哈电汽轮机】内六角螺钉\M33*100\73.069.037\CC300-16.67/1.3/0.4</t>
  </si>
  <si>
    <t>【哈电汽轮机】汽封环\（8段组成）\CHK02.071.3Z\CCK300/N330-16.67/538/538/1.5/0.8</t>
  </si>
  <si>
    <t>【哈电汽轮机】汽封环\（8段组成）\CHK02.071.5Z\CCK300/N330-16.67/538/538/1.5/0.8</t>
  </si>
  <si>
    <t>【哈电汽轮机】内六角螺母\M72*3*125\CH02.071.041\CLN660-24.2/566/566</t>
  </si>
  <si>
    <t>【哈电汽轮机】垫圈\72\CH02.071.040\CLN660-24.2/566/566</t>
  </si>
  <si>
    <t>【哈电汽轮机】垫圈\72\CH02.071.039\CLN660-24.2/566/566</t>
  </si>
  <si>
    <t>【哈电汽轮机】双头螺栓\M72*3*394\CH02.071.038\CLN660-24.2/566/566</t>
  </si>
  <si>
    <t>【哈电汽轮机】螺钉\M27\CH02.071.037\CLN660-24.2/566/566</t>
  </si>
  <si>
    <t>【哈电汽轮机】螺钉\M30\CH02.071.036\C350/272.9-24.2/0.4/566/566</t>
  </si>
  <si>
    <t>【哈电汽轮机】内六角螺母\M60*3－6H\CH02.071.035\C350/272.9-24.2/0.4/566/566</t>
  </si>
  <si>
    <t>【哈电汽轮机】垫圈\60\CH02.071.034\C350/272.9-24.2/0.4/566/566</t>
  </si>
  <si>
    <t>【哈电汽轮机】垫圈\60\CH02.071.033\C350/272.9-24.2/0.4/566/566</t>
  </si>
  <si>
    <t>【哈电汽轮机】定位双头螺栓\φ65*387\CH02.071.032\C350/272.9-24.2/0.4/566/566</t>
  </si>
  <si>
    <t>【哈电汽轮机】定位双头螺栓\φ65*452\CH02.071.031\C350/272.9-24.2/0.4/566/566</t>
  </si>
  <si>
    <t>【哈电汽轮机】双头螺栓\M60*3*356\CH02.071.030\C350/272.9-24.2/0.4/566/566</t>
  </si>
  <si>
    <t>【哈电汽轮机】螺钉\M16\CH02.071.029\C350/272.9-24.2/0.4/566/566</t>
  </si>
  <si>
    <t>【哈电汽轮机】凹型垫圈\45\CH02.071.027\C350/272.9-24.2/0.4/566/566</t>
  </si>
  <si>
    <t>【哈电汽轮机】凸型垫圈\45\CH02.071.026\C350/272.9-24.2/0.4/566/566</t>
  </si>
  <si>
    <t>【哈电汽轮机】长汽封片\73E.112.005-1\C250/N300-16.7/537/537</t>
  </si>
  <si>
    <t>【哈电汽轮机】汽封片\73E.111.004-5\C250/N300-16.7/537/537</t>
  </si>
  <si>
    <t>【哈电汽轮机】长汽封片\73E.111.003-5\C250/N300-16.7/537/537</t>
  </si>
  <si>
    <t>【哈电汽轮机】汽封片\73E.110.004-5\C250/N300-16.7/537/537</t>
  </si>
  <si>
    <t>【哈电汽轮机】长汽封片\73E.110.003-5\C250/N300-16.7/537/537</t>
  </si>
  <si>
    <t>【哈电汽轮机】汽封片\73E.109.004-5\C250/N300-16.7/537/537</t>
  </si>
  <si>
    <t>【哈电汽轮机】长汽封片\73E.109.003-5\C250/N300-16.7/537/537</t>
  </si>
  <si>
    <t>【哈电汽轮机】长汽封片\73E.108.006-1\C250/N300-16.7/537/537</t>
  </si>
  <si>
    <t>【哈电汽轮机】双头螺柱\M115*3*1325\CH02.019.015\C350/272.9-24.2/0.4/566/566</t>
  </si>
  <si>
    <t>【哈电汽轮机】双头螺柱\M115*3*985\CH02.019.011\C350/272.9-24.2/0.4/566/566</t>
  </si>
  <si>
    <t>【哈电汽轮机】凹形垫圈\CH02.019.036\CLN660-24.2/566/566</t>
  </si>
  <si>
    <t>【哈电汽轮机】凸形垫圈\M130\CH02.019.035\C350/272.9-24.2/0.4/566/566</t>
  </si>
  <si>
    <t>【哈电汽轮机】双头螺柱\M130*4*945\CH02.019.040\C350/272.9-24.2/0.4/566/566</t>
  </si>
  <si>
    <t>【哈电汽轮机】罩螺母\M115*3\CH02.019.039\C350/272.9-24.2/0.4/566/566</t>
  </si>
  <si>
    <t>【哈电汽轮机】罩螺母\M110*3\CH02.019.038\C350/272.9-24.2/0.4/566/566</t>
  </si>
  <si>
    <t>【哈电汽轮机】凹形垫圈\M110\CH02.019.034\C350/272.9-24.2/0.4/566/566</t>
  </si>
  <si>
    <t>【哈电汽轮机】凸形垫圈\M110\CH02.019.033\C350/272.9-24.2/0.4/566/566</t>
  </si>
  <si>
    <t>【哈电汽轮机】主阀碟\CH02.301.10Z\CLN660-24.2/566/566</t>
  </si>
  <si>
    <t>【哈电汽轮机】汽封圈\73D.027.7Z\C250/N300-16.7/537/537</t>
  </si>
  <si>
    <t>【哈电汽轮机】汽封圈\73D.027.5Z\C250/N300-16.7/537/537</t>
  </si>
  <si>
    <t>【哈电汽轮机】汽封圈\73D.027.6Z\C250/N300-16.7/537/537</t>
  </si>
  <si>
    <t>【哈电汽轮机】汽封圈\73D.027.4Z\C250/N300-16.7/537/537</t>
  </si>
  <si>
    <t>【哈电汽轮机】双头螺栓\M45*3*282\CH02.071.024\C350/272.9-24.2/0.4/566/566</t>
  </si>
  <si>
    <t>【哈电汽轮机】定位双头螺栓\φ50*317\CH02.071.023\C350/272.9-24.2/0.4/566/566</t>
  </si>
  <si>
    <t>【哈电汽轮机】汽封环\K09.072.3Z\ZKC300/N330-16.67/538/538</t>
  </si>
  <si>
    <t>【哈电汽轮机】汽封环\K09.072.4Z\ZKC300/N330-16.67/538/538</t>
  </si>
  <si>
    <t>【哈电汽轮机】定位双头螺柱\φ45*280\73D.072.003\C250/N300-16.7/538/538</t>
  </si>
  <si>
    <t>【哈电汽轮机】石墨缠绕垫片\CH02.081.006\C350/272.9-24.2/0.4/566/566</t>
  </si>
  <si>
    <t>【哈电汽轮机】平垫圈\M56\CH02.081.005\C350/272.9-24.2/0.4/566/566</t>
  </si>
  <si>
    <t>【哈电汽轮机】凹形垫圈\M56\CH02.081.004\C350/272.9-24.2/0.4/566/566</t>
  </si>
  <si>
    <t>【哈电汽轮机】凸形垫圈\M56\CH02.081.003\C350/272.9-24.2/0.4/566/566</t>
  </si>
  <si>
    <t>【哈电汽轮机】罩螺母\M56*4\CH02.081.002\C350/272.9-24.2/0.4/566/566</t>
  </si>
  <si>
    <t>【哈电汽轮机】双头螺柱\M56*4*635\CH02.081.001\C350/272.9-24.2/0.4/566/566</t>
  </si>
  <si>
    <t>【哈电汽轮机】球面垫圈\CH02.096.011\C350/272.9-24.2/0.4/566/566</t>
  </si>
  <si>
    <t>【哈电汽轮机】球面垫圈\CH02.096.010\C350/272.9-24.2/0.4/566/566</t>
  </si>
  <si>
    <t>【哈电汽轮机】内六角罩螺母\CH02.096.009\C350/272.9-24.2/0.4/566/566</t>
  </si>
  <si>
    <t>【哈电汽轮机】特制双头螺柱\M52*3\CH02.096.008\C350/272.9-24.2/0.4/566/566</t>
  </si>
  <si>
    <t>【哈电汽轮机】推力支持轴承\73C.051Z\CC330/264-16.7/537/537</t>
  </si>
  <si>
    <t>【哈电汽轮机】支持轴承\73D.052Z\CC330/264-16.7/537/537</t>
  </si>
  <si>
    <t>【哈电汽轮机】支持轴承\Φ482.6\CH01.053Z\CLN660-24.2/566/566</t>
  </si>
  <si>
    <t>【哈电汽轮机】支持轴承\Φ482.6\CH01.054Z\CLN660-24.2/566/566</t>
  </si>
  <si>
    <t>【哈电汽轮机】汽封圈\141.041.4Z\C300/N350-16.7/538/538</t>
  </si>
  <si>
    <t>【哈电汽轮机】汽封圈\141.027.4Z\C300/N350-16.7/538/538</t>
  </si>
  <si>
    <t>【哈电汽轮机】汽封圈\CHK02.038.3Z\CLNZK600-24.2/566/566</t>
  </si>
  <si>
    <t>【哈电汽轮机】弹簧\73A.038.059\CC300-16.67/1.3/0.4</t>
  </si>
  <si>
    <t>【哈电汽轮机】专用销钉\Φ9*50\73D.039.070\CC300-16.67/1.3/0.4</t>
  </si>
  <si>
    <t>【哈电汽轮机】弹簧\73B.039.069\CC300-16.67/1.3/0.4</t>
  </si>
  <si>
    <t>【哈电汽轮机】弹簧片\73A.065.001\CC300-16.67/1.3/0.4</t>
  </si>
  <si>
    <t>【哈电汽轮机】弹簧片\73A.065.005\CC300-16.67/1.3/0.4</t>
  </si>
  <si>
    <t>【哈电汽轮机】弹簧\CH01A.013.006\CLN660-24.2/566/566</t>
  </si>
  <si>
    <t>【哈电汽轮机】弹簧片\73A.068.006\CC300-16.67/1.3/0.4</t>
  </si>
  <si>
    <t>【哈电汽轮机】弹簧片\73A.068.002\CC300-16.67/1.3/0.4</t>
  </si>
  <si>
    <t>【哈电汽轮机】专用销\Φ8.5*70\73.068.001\CC300-16.67/1.3/0.4</t>
  </si>
  <si>
    <t>【哈电汽轮机】专用销\Φ8.5*150\73A.067.010\CC300-16.67/1.3/0.4</t>
  </si>
  <si>
    <t>【哈电汽轮机】弹簧片\73A.067.009\CC300-16.67/1.3/0.4</t>
  </si>
  <si>
    <t>【哈电汽轮机】弹簧片\73A.066.017\CC300-16.67/1.3/0.4</t>
  </si>
  <si>
    <t>【哈电汽轮机】弹簧片\73A.072.014\CC300-16.67/1.3/0.4</t>
  </si>
  <si>
    <t>【哈电汽轮机】弹簧片\73A.071.003\CC300-16.67/1.3/0.4</t>
  </si>
  <si>
    <t>【哈电汽轮机】专用销\Φ8.5*351\CH02.071.004\CLN660-24.2/566/566</t>
  </si>
  <si>
    <t>【哈电汽轮机】专用销\73.069.021\CC300-16.67/1.3/0.4</t>
  </si>
  <si>
    <t>【哈电汽轮机】专用销\73.069.017\CC300-16.67/1.3/0.4</t>
  </si>
  <si>
    <t>【哈电汽轮机】穿孔罩螺母\00.011.005</t>
  </si>
  <si>
    <t>【哈电汽轮机】穿孔罩螺母\00.011.008</t>
  </si>
  <si>
    <t>【哈电汽轮机】罩螺母\00.011.027</t>
  </si>
  <si>
    <t>【哈电汽轮机】汽封压块\00.100.017</t>
  </si>
  <si>
    <t>【哈电汽轮机】齿形垫片\00.301.022</t>
  </si>
  <si>
    <t>【哈电汽轮机】凸型垫圈\00.309.003</t>
  </si>
  <si>
    <t>【哈电汽轮机】凹型垫圈\00.309.004</t>
  </si>
  <si>
    <t>【哈电汽轮机】垫片\73.081.001</t>
  </si>
  <si>
    <t>【哈电汽轮机】垫圈\73.301.011</t>
  </si>
  <si>
    <t>【哈电汽轮机】双头螺栓\73.301.012</t>
  </si>
  <si>
    <t>【哈电汽轮机】双头螺栓\73.301.021</t>
  </si>
  <si>
    <t>【哈电汽轮机】凸形垫圈\73.301.022</t>
  </si>
  <si>
    <t>【哈电汽轮机】凹形垫圈\73.301.023</t>
  </si>
  <si>
    <t>【哈电汽轮机】螺母\73.301.024</t>
  </si>
  <si>
    <t>【哈电汽轮机】双头螺栓\73.306.001</t>
  </si>
  <si>
    <t>【哈电汽轮机】内六角螺母\73.306.002</t>
  </si>
  <si>
    <t>【哈电汽轮机】凸型垫圈\73.306.003</t>
  </si>
  <si>
    <t>【哈电汽轮机】凹形垫圈\73.306.004</t>
  </si>
  <si>
    <t>【哈电汽轮机】球型垫圈\73.306.005</t>
  </si>
  <si>
    <t>【哈电汽轮机】双头螺栓\73.306.008</t>
  </si>
  <si>
    <t>【哈电汽轮机】密封垫\73.306.009</t>
  </si>
  <si>
    <t>【哈电汽轮机】键\73.306.013</t>
  </si>
  <si>
    <t>【哈电汽轮机】阀碟\73.306.015</t>
  </si>
  <si>
    <t>【哈电汽轮机】螺母\73.306.016</t>
  </si>
  <si>
    <t>【哈电汽轮机】垫圈\73.306.021</t>
  </si>
  <si>
    <t>【哈电汽轮机】阀杆\73.314.004</t>
  </si>
  <si>
    <t>【哈电汽轮机】阀碟\73.314.005</t>
  </si>
  <si>
    <t>【哈电汽轮机】圆柱头螺钉\73.314.006</t>
  </si>
  <si>
    <t>【哈电汽轮机】套筒\73.314.008</t>
  </si>
  <si>
    <t>【哈电汽轮机】销\73.314.010</t>
  </si>
  <si>
    <t>【哈电汽轮机】密封环\73.314.011</t>
  </si>
  <si>
    <t>【哈电汽轮机】销\73.314.013</t>
  </si>
  <si>
    <t>【哈电汽轮机】弹簧\73.376.009</t>
  </si>
  <si>
    <t>【哈电汽轮机】扭弹簧\73.378.024</t>
  </si>
  <si>
    <t>【哈电汽轮机】两半密封环\73.401.1Z</t>
  </si>
  <si>
    <t>【哈电汽轮机】两半密封环\73.401.2Z</t>
  </si>
  <si>
    <t>【哈电汽轮机】两半密封环\73.401.3Z</t>
  </si>
  <si>
    <t>【哈电汽轮机】两半密封环\73.401.4Z</t>
  </si>
  <si>
    <t>【哈电汽轮机】齿形垫片\73B.012.109</t>
  </si>
  <si>
    <t>【哈电汽轮机】定位销\73B.017.001</t>
  </si>
  <si>
    <t>【哈电汽轮机】双头螺栓\M52*3*451\73B.027.104</t>
  </si>
  <si>
    <t>【哈电汽轮机】罩螺母\73B.027.105</t>
  </si>
  <si>
    <t>【哈电汽轮机】罩螺母\M52*3\73B.027.106</t>
  </si>
  <si>
    <t>【哈电汽轮机】双头螺栓\M52*3*366\73B.027.107</t>
  </si>
  <si>
    <t>【哈电汽轮机】内六角螺母\73B.027.108</t>
  </si>
  <si>
    <t>【哈电汽轮机】定位双头螺栓\58*575\73B.027.109</t>
  </si>
  <si>
    <t>【哈电汽轮机】汽封环\73B.027.3Z</t>
  </si>
  <si>
    <t>【哈电汽轮机】汽封环\73B.027.4Z</t>
  </si>
  <si>
    <t>【哈电汽轮机】螺栓\73B.033.008</t>
  </si>
  <si>
    <t>【哈电汽轮机】止动销\73B.037.001-1</t>
  </si>
  <si>
    <t>【哈电汽轮机】止动片\73B.037.016</t>
  </si>
  <si>
    <t>【哈电汽轮机】垫圈\73B.037.018</t>
  </si>
  <si>
    <t>【哈电汽轮机】垫圈\73B.037.019</t>
  </si>
  <si>
    <t>【哈电汽轮机】内六角螺母\73B.037.020</t>
  </si>
  <si>
    <t>【哈电汽轮机】止动销\73B.042.010</t>
  </si>
  <si>
    <t>【哈电汽轮机】垫片\73B.042.013</t>
  </si>
  <si>
    <t>【哈电汽轮机】垫片\73B.042.014</t>
  </si>
  <si>
    <t>【哈电汽轮机】汽封环\73B.042.2Z</t>
  </si>
  <si>
    <t>【哈电汽轮机】汽封环\73B.042.3Z</t>
  </si>
  <si>
    <t>【哈电汽轮机】汽封环\73B.042.4Z</t>
  </si>
  <si>
    <t>【哈电汽轮机】汽封环\73B.042.5Z</t>
  </si>
  <si>
    <t>【哈电汽轮机】汽封环\73B.042.6Z</t>
  </si>
  <si>
    <t>【哈电汽轮机】汽封环\73B.042.7Z</t>
  </si>
  <si>
    <t>【哈电汽轮机】汽封环\73B.042.8Z</t>
  </si>
  <si>
    <t>【哈电汽轮机】双头螺栓\73D.012.040</t>
  </si>
  <si>
    <t>【哈电汽轮机】螺母\73D.012.041</t>
  </si>
  <si>
    <t>【哈电汽轮机】接头\73D.013.002</t>
  </si>
  <si>
    <t>【哈电汽轮机】销\73D.013.004</t>
  </si>
  <si>
    <t>【哈电汽轮机】螺钉\73D.013.005</t>
  </si>
  <si>
    <t>【哈电汽轮机】弹簧\73D.013.006</t>
  </si>
  <si>
    <t>【哈电汽轮机】汽封弧段\73D.013.007</t>
  </si>
  <si>
    <t>【哈电汽轮机】垫片\73D.013.020</t>
  </si>
  <si>
    <t>【哈电汽轮机】垫片\73D.013.021</t>
  </si>
  <si>
    <t>【哈电汽轮机】圆柱头内六角螺钉\73D.013.022</t>
  </si>
  <si>
    <t>【哈电汽轮机】内六角螺栓\73D.013.023</t>
  </si>
  <si>
    <t>【哈电汽轮机】双头螺栓\73D.019.043</t>
  </si>
  <si>
    <t>【哈电汽轮机】定位双头螺柱\73D.019.044</t>
  </si>
  <si>
    <t>【哈电汽轮机】双头螺栓\73D.037.008</t>
  </si>
  <si>
    <t>【哈电汽轮机】罩螺母\73D.037.009</t>
  </si>
  <si>
    <t>【哈电汽轮机】键\73D.037.010</t>
  </si>
  <si>
    <t>【哈电汽轮机】键\73D.037.011</t>
  </si>
  <si>
    <t>【哈电汽轮机】双头螺栓\73D.038.003</t>
  </si>
  <si>
    <t>【哈电汽轮机】双头螺栓\73D.038.004</t>
  </si>
  <si>
    <t>【哈电汽轮机】定位双头螺栓\73D.038.005</t>
  </si>
  <si>
    <t>【哈电汽轮机】双头螺栓\73D.038.006</t>
  </si>
  <si>
    <t>【哈电汽轮机】键\73D.039.056</t>
  </si>
  <si>
    <t>【哈电汽轮机】右侧支承键\73D.039.058</t>
  </si>
  <si>
    <t>【哈电汽轮机】左侧支承键\73D.039.059</t>
  </si>
  <si>
    <t>【哈电汽轮机】定位双头螺栓\73D.071.034</t>
  </si>
  <si>
    <t>【哈电汽轮机】垫块\73D.072.005</t>
  </si>
  <si>
    <t>【哈电汽轮机】圆柱头内六角螺钉\73D.072.006</t>
  </si>
  <si>
    <t>【哈电汽轮机】支承键\73D.072.007</t>
  </si>
  <si>
    <t>【哈电汽轮机】圆柱头内六角螺钉\73D.072.008</t>
  </si>
  <si>
    <t>【哈电汽轮机】垫块\73D.072.010</t>
  </si>
  <si>
    <t>【哈电汽轮机】特制双头螺栓\73D.096.009</t>
  </si>
  <si>
    <t>【哈电汽轮机】内六角罩螺母\73D.096.010</t>
  </si>
  <si>
    <t>【哈电汽轮机】球面垫圈\73D.096.011</t>
  </si>
  <si>
    <t>【哈电汽轮机】球面垫圈\73D.096.012</t>
  </si>
  <si>
    <t>【哈电汽轮机】调整垫圈\73D.096.013</t>
  </si>
  <si>
    <t>【哈电汽轮机】调整垫圈\73D.096.014</t>
  </si>
  <si>
    <t>【哈电汽轮机】调整垫圈\73D.096.015</t>
  </si>
  <si>
    <t>【哈电汽轮机】调整垫圈\73D.096.016</t>
  </si>
  <si>
    <t>【哈电汽轮机】调整垫圈\73D.096.017</t>
  </si>
  <si>
    <t>【哈电汽轮机】主汽阀杆\73D.301.016</t>
  </si>
  <si>
    <t>【哈电汽轮机】套筒\73D.301.023</t>
  </si>
  <si>
    <t>【哈电汽轮机】双头螺栓\73D.301.050</t>
  </si>
  <si>
    <t>【哈电汽轮机】螺母\73D.301.051</t>
  </si>
  <si>
    <t>【哈电汽轮机】顶开螺钉\73D.301.052</t>
  </si>
  <si>
    <t>【哈电汽轮机】高压主阀碟\73D.301.10Z</t>
  </si>
  <si>
    <t>【哈电汽轮机】主汽阀阀座\73D.301.9Z</t>
  </si>
  <si>
    <t>【哈电汽轮机】套筒\73D.306.022</t>
  </si>
  <si>
    <t>【哈电汽轮机】销\73D.306.024</t>
  </si>
  <si>
    <t>【哈电汽轮机】套筒\73D.306.026</t>
  </si>
  <si>
    <t>【哈电汽轮机】键\73D.306.027</t>
  </si>
  <si>
    <t>【哈电汽轮机】套筒\73D.306.029</t>
  </si>
  <si>
    <t>【哈电汽轮机】双头螺柱\73D.306.033</t>
  </si>
  <si>
    <t>【哈电汽轮机】止动螺钉\73E.067.003</t>
  </si>
  <si>
    <t>【哈电汽轮机】螺钉\73E.100.001</t>
  </si>
  <si>
    <t>【哈电汽轮机】垫片\73E.100.002</t>
  </si>
  <si>
    <t>【哈电汽轮机】垫片\73E.100.003</t>
  </si>
  <si>
    <t>【哈电汽轮机】销\73E.100.005</t>
  </si>
  <si>
    <t>【哈电汽轮机】销\73E.100.006</t>
  </si>
  <si>
    <t>【哈电汽轮机】定位键\73E.100.008</t>
  </si>
  <si>
    <t>【哈电汽轮机】压板\73E.100.010</t>
  </si>
  <si>
    <t>【哈电汽轮机】压板\73E.100.011</t>
  </si>
  <si>
    <t>【哈电汽轮机】螺钉\73E.100.012</t>
  </si>
  <si>
    <t>【哈电汽轮机】双头螺栓\73E.102.012-1</t>
  </si>
  <si>
    <t>【哈电汽轮机】螺钉\74.271.004</t>
  </si>
  <si>
    <t>【哈电汽轮机】瓦块\75B.055.5Z</t>
  </si>
  <si>
    <t>【哈电汽轮机】特制双头螺柱\CH01.019.027</t>
  </si>
  <si>
    <t>【哈电汽轮机】特制定位双头螺柱\CH01.019.035</t>
  </si>
  <si>
    <t>【哈电汽轮机】特制定位双头螺柱\CH01.019.036</t>
  </si>
  <si>
    <t>【哈电汽轮机】特制双头螺柱\CH01.019.039</t>
  </si>
  <si>
    <t>【哈电汽轮机】特制定位双头螺柱\φ44*280\CH01.019.041</t>
  </si>
  <si>
    <t>【哈电汽轮机】特制双头螺柱\W3*405\CH01.019.043</t>
  </si>
  <si>
    <t>【哈电汽轮机】特制双头螺柱\W3*405\CH01.019.044</t>
  </si>
  <si>
    <t>【哈电汽轮机】双头螺柱\CH01.019.045</t>
  </si>
  <si>
    <t>【哈电汽轮机】罩螺母\W3*145\CH01.019.056</t>
  </si>
  <si>
    <t>【哈电汽轮机】内六角罩螺母\CH01.019.066</t>
  </si>
  <si>
    <t>【哈电汽轮机】球面垫圈\CH01.019.077</t>
  </si>
  <si>
    <t>【哈电汽轮机】球面垫圈\CH01.019.078</t>
  </si>
  <si>
    <t>【哈电汽轮机】球面垫圈\CH01.019.081</t>
  </si>
  <si>
    <t>【哈电汽轮机】密封环\CH01.019.8Z</t>
  </si>
  <si>
    <t>【哈电汽轮机】垫片\CH01.021.026</t>
  </si>
  <si>
    <t>【哈电汽轮机】垫片\CH01.021.113</t>
  </si>
  <si>
    <t>【哈电汽轮机】垫片\CH01.021.114</t>
  </si>
  <si>
    <t>【哈电汽轮机】垫片\CH01.025.008</t>
  </si>
  <si>
    <t>【哈电汽轮机】垫圈\CH01.027.005</t>
  </si>
  <si>
    <t>【哈电汽轮机】定位双头螺柱\CH01.027.006</t>
  </si>
  <si>
    <t>【哈电汽轮机】双头螺柱\CH01.027.007</t>
  </si>
  <si>
    <t>【哈电汽轮机】垫片\CH01.027.009</t>
  </si>
  <si>
    <t>【哈电汽轮机】垫片\CH01.027.010</t>
  </si>
  <si>
    <t>【哈电汽轮机】垫片\CH01.027.011</t>
  </si>
  <si>
    <t>【哈电汽轮机】垫片\CH01.027.012</t>
  </si>
  <si>
    <t>【哈电汽轮机】垫片\CH01.027.013</t>
  </si>
  <si>
    <t>【哈电汽轮机】双头螺栓\CH01.029.036</t>
  </si>
  <si>
    <t>【哈电汽轮机】垫圈\CH01.029.039</t>
  </si>
  <si>
    <t>【哈电汽轮机】內六角螺母\CH01.029.040</t>
  </si>
  <si>
    <t>【哈电汽轮机】内六角螺母\CH01.029.041</t>
  </si>
  <si>
    <t>【哈电汽轮机】內六角螺母\CH01.029.042</t>
  </si>
  <si>
    <t>【哈电汽轮机】垫片\CH01.029.047</t>
  </si>
  <si>
    <t>【哈电汽轮机】垫片\CH01.029.049</t>
  </si>
  <si>
    <t>【哈电汽轮机】塞紧条\CH01.029.050</t>
  </si>
  <si>
    <t>【哈电汽轮机】螺钉\CH01.029.051</t>
  </si>
  <si>
    <t>【哈电汽轮机】偏心定位销\CH01.029.052</t>
  </si>
  <si>
    <t>【哈电汽轮机】对中销\CH01.029.053</t>
  </si>
  <si>
    <t>【哈电汽轮机】偏心套\CH01.029.054</t>
  </si>
  <si>
    <t>【哈电汽轮机】偏心销\CH01.029.055</t>
  </si>
  <si>
    <t>【哈电汽轮机】定位键\CH01.029.057</t>
  </si>
  <si>
    <t>【哈电汽轮机】填片\L=940\CH01.040.028</t>
  </si>
  <si>
    <t>【哈电汽轮机】填片\L=960\CH01.040.029</t>
  </si>
  <si>
    <t>【哈电汽轮机】填片\L=970\CH01.040.030</t>
  </si>
  <si>
    <t>【哈电汽轮机】填片\L=990\CH01.040.031</t>
  </si>
  <si>
    <t>【哈电汽轮机】锁紧螺钉\M24\CH01.040.041</t>
  </si>
  <si>
    <t>【哈电汽轮机】锁紧螺钉\M22\CH01.040.042</t>
  </si>
  <si>
    <t>【哈电汽轮机】锁紧螺母\M16\CH01.040.043</t>
  </si>
  <si>
    <t>【哈电汽轮机】密封平键\CH01.041.006</t>
  </si>
  <si>
    <t>【哈电汽轮机】塞紧条\CH01.041.007</t>
  </si>
  <si>
    <t>【哈电汽轮机】定位双头螺柱\CH01.042.003</t>
  </si>
  <si>
    <t>【哈电汽轮机】双头螺柱\CH01.042.004</t>
  </si>
  <si>
    <t>【哈电汽轮机】内六角螺母\CH01.042.006</t>
  </si>
  <si>
    <t>【哈电汽轮机】密封平键\CH01.042.007</t>
  </si>
  <si>
    <t>【哈电汽轮机】衬套\CH01.051.005</t>
  </si>
  <si>
    <t>【哈电汽轮机】内六角螺钉\CH01.051.008</t>
  </si>
  <si>
    <t>【哈电汽轮机】内六角螺钉\CH01.051.009</t>
  </si>
  <si>
    <t>【哈电汽轮机】圆柱销\CH01.051.010</t>
  </si>
  <si>
    <t>【哈电汽轮机】止动销\CH01.051.011</t>
  </si>
  <si>
    <t>【哈电汽轮机】特殊螺栓\Z1/4"\CH01.051.012</t>
  </si>
  <si>
    <t>【哈电汽轮机】推力轴承体\CH01.051.3Z</t>
  </si>
  <si>
    <t>【哈电汽轮机】调整垫片\CH01.051.4Z</t>
  </si>
  <si>
    <t>【哈电汽轮机】LEC推力轴承\21"\CH01.051.5Z</t>
  </si>
  <si>
    <t>【哈电汽轮机】轴瓦\CH01.052Z</t>
  </si>
  <si>
    <t>【哈电汽轮机】弹簧\CH01.053.032</t>
  </si>
  <si>
    <t>【哈电汽轮机】垫块\CH01.053.037</t>
  </si>
  <si>
    <t>【哈电汽轮机】支持销\CH01.053.038</t>
  </si>
  <si>
    <t>【哈电汽轮机】垫片\CH01.053.040</t>
  </si>
  <si>
    <t>【哈电汽轮机】专用垫圈\CH01.053.041</t>
  </si>
  <si>
    <t>【哈电汽轮机】护环\CH01.053.042</t>
  </si>
  <si>
    <t>【哈电汽轮机】油封\H01.053.043</t>
  </si>
  <si>
    <t>【哈电汽轮机】垫圈\CH01.090.084</t>
  </si>
  <si>
    <t>【哈电汽轮机】垫片\CH01.090.087</t>
  </si>
  <si>
    <t>【哈电汽轮机】法兰垫片\CH01.090.090</t>
  </si>
  <si>
    <t>【哈电汽轮机】法兰垫片\CH01.090.092</t>
  </si>
  <si>
    <t>【哈电汽轮机】法兰垫片\CH01.090.093</t>
  </si>
  <si>
    <t>【哈电汽轮机】法兰垫片\CH01.090.096</t>
  </si>
  <si>
    <t>【哈电汽轮机】垫片\CH01.090.099</t>
  </si>
  <si>
    <t>【哈电汽轮机】垫片\CH01.090.100</t>
  </si>
  <si>
    <t>【哈电汽轮机】垫片\CH01.090.101</t>
  </si>
  <si>
    <t>【哈电汽轮机】垫片\CH01.090.102</t>
  </si>
  <si>
    <t>【哈电汽轮机】特制双头螺栓\CH01.096.001-2</t>
  </si>
  <si>
    <t>【哈电汽轮机】内六角罩螺母\CH01.096.002-2</t>
  </si>
  <si>
    <t>【哈电汽轮机】球面垫片\CH01.096.003</t>
  </si>
  <si>
    <t>【哈电汽轮机】球面垫圈\CH01.096.003-2</t>
  </si>
  <si>
    <t>【哈电汽轮机】球面垫片\CH01.096.004</t>
  </si>
  <si>
    <t>【哈电汽轮机】球面垫圈\CH01.096.004-2</t>
  </si>
  <si>
    <t>【哈电汽轮机】内六角螺栓\CH01.096.011</t>
  </si>
  <si>
    <t>【哈电汽轮机】螺塞\CH01.301.249</t>
  </si>
  <si>
    <t>【哈电汽轮机】预启阀\CH01.301.250</t>
  </si>
  <si>
    <t>【哈电汽轮机】螺母\CH01.301.251</t>
  </si>
  <si>
    <t>【哈电汽轮机】弹簧装置\CH01.301.252</t>
  </si>
  <si>
    <t>【哈电汽轮机】弹簧座\CH01.301.253</t>
  </si>
  <si>
    <t>【哈电汽轮机】套筒\CH01.301.258</t>
  </si>
  <si>
    <t>【哈电汽轮机】衬套\CH01.301.275</t>
  </si>
  <si>
    <t>【哈电汽轮机】直销\CH01.301.276</t>
  </si>
  <si>
    <t>【哈电汽轮机】销\CH01.302.012</t>
  </si>
  <si>
    <t>【哈电汽轮机】操纵座螺母\CH01.302.021</t>
  </si>
  <si>
    <t>【哈电汽轮机】操纵座球面垫片\CH01.302.022</t>
  </si>
  <si>
    <t>【哈电汽轮机】操纵座球面垫片\CH01.302.023</t>
  </si>
  <si>
    <t>【哈电汽轮机】连接螺母\CH01.306.025</t>
  </si>
  <si>
    <t>【哈电汽轮机】销\CH01.306.026</t>
  </si>
  <si>
    <t>【哈电汽轮机】曲柄\CH01.306.029</t>
  </si>
  <si>
    <t>【哈电汽轮机】衬套\CH01.306.030</t>
  </si>
  <si>
    <t>【哈电汽轮机】销\CH01.306.045</t>
  </si>
  <si>
    <t>【哈电汽轮机】球面垫圈\CH01.306.058</t>
  </si>
  <si>
    <t>【哈电汽轮机】球面垫圈\CH01.306.059</t>
  </si>
  <si>
    <t>【哈电汽轮机】销\CH01.306.096</t>
  </si>
  <si>
    <t>【哈电汽轮机】销\CH01.306.103</t>
  </si>
  <si>
    <t>【哈电汽轮机】垫圈\CH01.306.124</t>
  </si>
  <si>
    <t>【哈电汽轮机】销\CH01.306.129</t>
  </si>
  <si>
    <t>【哈电汽轮机】连接件\CH01.306.130</t>
  </si>
  <si>
    <t>【哈电汽轮机】止动器\CH01.306.131</t>
  </si>
  <si>
    <t>【哈电汽轮机】弹簧底座\CH01.306.133</t>
  </si>
  <si>
    <t>【哈电汽轮机】弹簧支撑\CH01.306.134</t>
  </si>
  <si>
    <t>【哈电汽轮机】销\CH01.306.137</t>
  </si>
  <si>
    <t>【哈电汽轮机】套筒\CH01.306.20Z</t>
  </si>
  <si>
    <t>【哈电汽轮机】螺帽\W 1 3/8″\CH01.306.91</t>
  </si>
  <si>
    <t>【哈电汽轮机】导向衬套\K01B.301.007</t>
  </si>
  <si>
    <t>【哈电汽轮机】锥螺纹内六角螺钉\K01B.301.008</t>
  </si>
  <si>
    <t>【哈电汽轮机】螺钉\K01B.301.009</t>
  </si>
  <si>
    <t>【哈电汽轮机】螺钉\K01B.301.015</t>
  </si>
  <si>
    <t>【哈电汽轮机】导向套筒\K01B.301.019</t>
  </si>
  <si>
    <t>【哈电汽轮机】渗氮套筒\K01B.301.020</t>
  </si>
  <si>
    <t>【哈电汽轮机】专用螺钉\K01B.301.022</t>
  </si>
  <si>
    <t>【哈电汽轮机】衬套\K01B.301.023</t>
  </si>
  <si>
    <t>【哈电汽轮机】固定螺钉\K01B.301.024</t>
  </si>
  <si>
    <t>【哈电汽轮机】定位环\K01B.301.025</t>
  </si>
  <si>
    <t>【哈电汽轮机】衬套\K01B.301.026</t>
  </si>
  <si>
    <t>【哈电汽轮机】预启阀\K01B.301.028</t>
  </si>
  <si>
    <t>【哈电汽轮机】弹簧座\K01B.301.030</t>
  </si>
  <si>
    <t>【哈电汽轮机】主汽阀座\K01B.301.042</t>
  </si>
  <si>
    <t>【哈电汽轮机】套筒\K01B.301.055</t>
  </si>
  <si>
    <t>【哈电汽轮机】螺柱\K01B.301.072</t>
  </si>
  <si>
    <t>【哈电汽轮机】螺柱\K01B.301.073</t>
  </si>
  <si>
    <t>【哈电汽轮机】偏心销\K01B.301.076</t>
  </si>
  <si>
    <t>【哈电汽轮机】偏心销\K01B.301.077</t>
  </si>
  <si>
    <t>【哈电汽轮机】螺柱\K01B.301.079</t>
  </si>
  <si>
    <t>【哈电汽轮机】螺柱\K01B.301.081</t>
  </si>
  <si>
    <t>【哈电汽轮机】双头螺柱\K01B.301.082</t>
  </si>
  <si>
    <t>【哈电汽轮机】双头螺柱\K01B.301.083</t>
  </si>
  <si>
    <t>【哈电汽轮机】螺母\K01B.301.084</t>
  </si>
  <si>
    <t>【哈电汽轮机】偏心套筒\K01B.301.085</t>
  </si>
  <si>
    <t>【哈电汽轮机】偏心套筒\K01B.301.086</t>
  </si>
  <si>
    <t>【哈电汽轮机】偏心套筒\K01B.301.087</t>
  </si>
  <si>
    <t>【哈电汽轮机】螺柱\K01B.301.089</t>
  </si>
  <si>
    <t>【哈电汽轮机】螺柱\K01B.301.091</t>
  </si>
  <si>
    <t>【哈电汽轮机】螺柱\K01B.301.092</t>
  </si>
  <si>
    <t>【哈电汽轮机】螺柱\K01B.301.094</t>
  </si>
  <si>
    <t>【哈电汽轮机】螺母\K01B.301.095</t>
  </si>
  <si>
    <t>【哈电汽轮机】垫圈\K01B.304.002</t>
  </si>
  <si>
    <t>【哈电汽轮机】特制槽形螺母\K01B.304.003</t>
  </si>
  <si>
    <t>【哈电汽轮机】特制螺母\K01B.304.004</t>
  </si>
  <si>
    <t>【哈电汽轮机】螺套\K01B.304.006</t>
  </si>
  <si>
    <t>【哈电汽轮机】特制螺母\K01B.304.007</t>
  </si>
  <si>
    <t>【哈电汽轮机】特制螺母\K01B.304.009</t>
  </si>
  <si>
    <t>【哈电汽轮机】调整套\K01B.304.010</t>
  </si>
  <si>
    <t>【哈电汽轮机】特制螺栓\K01B.304.011</t>
  </si>
  <si>
    <t>【哈电汽轮机】导向套\K01B.311.005</t>
  </si>
  <si>
    <t>【哈电汽轮机】圆柱销\K01B.311.006</t>
  </si>
  <si>
    <t>【哈电汽轮机】内六角螺钉\K01B.311.014</t>
  </si>
  <si>
    <t>【哈电汽轮机】衬套\K01B.314.002</t>
  </si>
  <si>
    <t>【哈电汽轮机】导向块\K01B.314.004</t>
  </si>
  <si>
    <t>【哈电汽轮机】销子\K01B.314.013</t>
  </si>
  <si>
    <t>【哈电汽轮机】专用螺母\K01B.318.001</t>
  </si>
  <si>
    <t>【哈电汽轮机】上半密封环\K01B.401.001</t>
  </si>
  <si>
    <t>【哈电汽轮机】下半密封环\K01B.401.002</t>
  </si>
  <si>
    <t>【哈电汽轮机】上半密封环\K01B.401.003</t>
  </si>
  <si>
    <t>【哈电汽轮机】下半密封环\K01B.401.004</t>
  </si>
  <si>
    <t>【哈电汽轮机】上半密封环\K01B.401.005</t>
  </si>
  <si>
    <t>【哈电汽轮机】下半密封环\K01B.401.006</t>
  </si>
  <si>
    <t>【哈电汽轮机】上半密封环\K01B.401.007</t>
  </si>
  <si>
    <t>【哈电汽轮机】下半密封环\K01B.401.008</t>
  </si>
  <si>
    <t>【哈电汽轮机】垫圈\18\00.000.069</t>
  </si>
  <si>
    <t>【哈电汽轮机】穿孔罩螺母\M42\00.011.007</t>
  </si>
  <si>
    <t>【哈电汽轮机】罩螺母\00.011.015</t>
  </si>
  <si>
    <t>【哈电汽轮机】罩螺母\00.011.18</t>
  </si>
  <si>
    <t>【哈电汽轮机】穿孔罩螺母\00.011.026</t>
  </si>
  <si>
    <t>【哈电汽轮机】罩螺母\M42\00.011.028</t>
  </si>
  <si>
    <t>【哈电汽轮机】穿孔罩螺母\00.011.030</t>
  </si>
  <si>
    <t>【哈电汽轮机】罩螺母\00.011.30</t>
  </si>
  <si>
    <t>【哈电汽轮机】罩螺母\00.011.36</t>
  </si>
  <si>
    <t>【哈电汽轮机】罩螺母\00.011.045</t>
  </si>
  <si>
    <t>【哈电汽轮机】罩螺母\M76*4\00.011.057</t>
  </si>
  <si>
    <t>【哈电汽轮机】罩螺母\M100*4\00.011.060</t>
  </si>
  <si>
    <t>【哈电汽轮机】罩螺母\00.011.092</t>
  </si>
  <si>
    <t>【哈电汽轮机】特制双头螺栓\00.011.150</t>
  </si>
  <si>
    <t>【哈电汽轮机】特制双头螺栓\00.011.160</t>
  </si>
  <si>
    <t>【哈电汽轮机】特制双头螺栓\00.011.170</t>
  </si>
  <si>
    <t>【哈电汽轮机】特制双头螺栓\00.011.181</t>
  </si>
  <si>
    <t>【哈电汽轮机】弹簧片\00.071.001</t>
  </si>
  <si>
    <t>【哈电汽轮机】弹簧片\00.071.002</t>
  </si>
  <si>
    <t>【哈电汽轮机】弹簧片\00.071.011</t>
  </si>
  <si>
    <t>【哈电汽轮机】弹簧片\00.071.012</t>
  </si>
  <si>
    <t>【哈电汽轮机】弹簧片\00.071.015</t>
  </si>
  <si>
    <t>【哈电汽轮机】弹簧片\00.100.001</t>
  </si>
  <si>
    <t>【哈电汽轮机】弹簧片\00.100.005</t>
  </si>
  <si>
    <t>【哈电汽轮机】弹簧片\00.100.007</t>
  </si>
  <si>
    <t>【哈电汽轮机】弹簧片\00.100.008</t>
  </si>
  <si>
    <t>【哈电汽轮机】阀杆套筒\05.301.020</t>
  </si>
  <si>
    <t>【哈电汽轮机】压缩弹簧\05.408.006</t>
  </si>
  <si>
    <t>【哈电汽轮机】弹簧片\06.067.107</t>
  </si>
  <si>
    <t>【哈电汽轮机】弹簧片\06.100.112</t>
  </si>
  <si>
    <t>【哈电汽轮机】弹簧片\06.100.113</t>
  </si>
  <si>
    <t>【哈电汽轮机】齿形联轴器\06.405Z-1</t>
  </si>
  <si>
    <t>【哈电汽轮机】汽封圈\150.088.10Z</t>
  </si>
  <si>
    <t>【哈电汽轮机】汽封圈\150.088.11Z</t>
  </si>
  <si>
    <t>【哈电汽轮机】汽封圈\150.088.12Z</t>
  </si>
  <si>
    <t>【哈电汽轮机】汽封圈\150.088.1Z</t>
  </si>
  <si>
    <t>【哈电汽轮机】汽封圈\150.088.2Z</t>
  </si>
  <si>
    <t>【哈电汽轮机】汽封圈\150.088.3Z</t>
  </si>
  <si>
    <t>【哈电汽轮机】汽封圈\150.088.4Z</t>
  </si>
  <si>
    <t>【哈电汽轮机】汽封圈\150.088.5Z</t>
  </si>
  <si>
    <t>【哈电汽轮机】汽封圈\150.088.6Z</t>
  </si>
  <si>
    <t>【哈电汽轮机】汽封圈\150.088.7Z</t>
  </si>
  <si>
    <t>【哈电汽轮机】汽封圈\150.088.8Z</t>
  </si>
  <si>
    <t>【哈电汽轮机】汽封圈\150.088.9Z</t>
  </si>
  <si>
    <t>【哈电汽轮机】特制双头螺栓\43.011.011</t>
  </si>
  <si>
    <t>【哈电汽轮机】特制双头螺栓\43.011.012</t>
  </si>
  <si>
    <t>【哈电汽轮机】特制双头螺栓\43.011.014</t>
  </si>
  <si>
    <t>【哈电汽轮机】阀杆\43.301.003</t>
  </si>
  <si>
    <t>【哈电汽轮机】特制双头螺栓\43.301.008</t>
  </si>
  <si>
    <t>【哈电汽轮机】阀杆套筒\43.311.006</t>
  </si>
  <si>
    <t>【哈电汽轮机】阀杆\43.311.009</t>
  </si>
  <si>
    <t>【哈电汽轮机】弹簧片\72.066.061</t>
  </si>
  <si>
    <t>【哈电汽轮机】特质双头螺栓\M100*460\74.011.020</t>
  </si>
  <si>
    <t>【哈电汽轮机】特质双头螺栓\M76*445\74.011.022</t>
  </si>
  <si>
    <t>【哈电汽轮机】上球面垫圈\74.011.024</t>
  </si>
  <si>
    <t>【哈电汽轮机】特制双头螺栓\M42*130\74.015.011</t>
  </si>
  <si>
    <t>【哈电汽轮机】上球面垫圈\74.015.012</t>
  </si>
  <si>
    <t>【哈电汽轮机】下球面垫圈\74.015.013</t>
  </si>
  <si>
    <t>【哈电汽轮机】特制双头螺栓\74.015.014</t>
  </si>
  <si>
    <t>【哈电汽轮机】下球面垫圈\74.015.015</t>
  </si>
  <si>
    <t>【哈电汽轮机】上球面垫圈\74.015.016</t>
  </si>
  <si>
    <t>【哈电汽轮机】特制双头螺栓\74.015.017</t>
  </si>
  <si>
    <t>【哈电汽轮机】特制双头螺栓\M42*150\74.015.018</t>
  </si>
  <si>
    <t>【哈电汽轮机】特制双头螺栓\74.015.024</t>
  </si>
  <si>
    <t>【哈电汽轮机】特制罩螺母\M42*3\74.015.025</t>
  </si>
  <si>
    <t>【哈电汽轮机】单耳止退垫圈\74.036.002</t>
  </si>
  <si>
    <t>【哈电汽轮机】单耳止退垫圈\74.036.004</t>
  </si>
  <si>
    <t>【哈电汽轮机】调整垫块\74.050.009</t>
  </si>
  <si>
    <t>【哈电汽轮机】调整垫片\74.050.010</t>
  </si>
  <si>
    <t>【哈电汽轮机】带孔调整垫块\74.050.011</t>
  </si>
  <si>
    <t>【哈电汽轮机】节流孔板\74.050.012</t>
  </si>
  <si>
    <t>【哈电汽轮机】带孔调整垫片\74.050.013</t>
  </si>
  <si>
    <t>【哈电汽轮机】制动块\74.050.014</t>
  </si>
  <si>
    <t>【哈电汽轮机】定位螺栓\74.050.015</t>
  </si>
  <si>
    <t>【哈电汽轮机】高压接头\74.050.016</t>
  </si>
  <si>
    <t>【哈电汽轮机】螺母\74.050.017</t>
  </si>
  <si>
    <t>【哈电汽轮机】垫圈\74.050.018</t>
  </si>
  <si>
    <t>【哈电汽轮机】螺栓\74.050.110</t>
  </si>
  <si>
    <t>【哈电汽轮机】弹簧片\74.071.015</t>
  </si>
  <si>
    <t>【哈电汽轮机】弹簧片\74.073.010</t>
  </si>
  <si>
    <t>【哈电汽轮机】弹簧片\74.073.011</t>
  </si>
  <si>
    <t>【哈电汽轮机】弹簧片\74.075.006</t>
  </si>
  <si>
    <t>【哈电汽轮机】活塞环\74.085.008</t>
  </si>
  <si>
    <t>【哈电汽轮机】螺母\74.085.010</t>
  </si>
  <si>
    <t>【哈电汽轮机】特质螺栓\74.085.011</t>
  </si>
  <si>
    <t>【哈电汽轮机】弹簧片\74.144.003</t>
  </si>
  <si>
    <t>【哈电汽轮机】弹簧片\74.146.007</t>
  </si>
  <si>
    <t>【哈电汽轮机】弹簧片\74.146.008</t>
  </si>
  <si>
    <t>【哈电汽轮机】弹簧片\74.146.009</t>
  </si>
  <si>
    <t>【哈电汽轮机】弹簧片\74.118.009</t>
  </si>
  <si>
    <t>【哈电汽轮机】特制罩螺母\74.301.012</t>
  </si>
  <si>
    <t>【哈电汽轮机】汽封套\74.301.017</t>
  </si>
  <si>
    <t>【哈电汽轮机】汽封套\74.301.024</t>
  </si>
  <si>
    <t>【哈电汽轮机】特制双头螺栓\74.306.018</t>
  </si>
  <si>
    <t>【哈电汽轮机】特制罩螺母\74.306.019</t>
  </si>
  <si>
    <t>【哈电汽轮机】压缩弹簧\74.408.010</t>
  </si>
  <si>
    <t>【哈电汽轮机】特质螺栓\74A.085.001</t>
  </si>
  <si>
    <t>【哈电汽轮机】汽封圈\74B.148.1Z</t>
  </si>
  <si>
    <t>【哈电汽轮机】汽封圈\74B.148.2Z</t>
  </si>
  <si>
    <t>【哈电汽轮机】内六角螺母\M60*3\00.019.650</t>
  </si>
  <si>
    <t>【哈电汽轮机】凸型垫圈\00.039.009</t>
  </si>
  <si>
    <t>【哈电汽轮机】凹型垫圈\00.039.010</t>
  </si>
  <si>
    <t>【哈电汽轮机】内六角螺母\M52*3\73B.027.103</t>
  </si>
  <si>
    <t>【哈电汽轮机】定位双头螺栓\φ60*3*368\73D.037.004</t>
  </si>
  <si>
    <t>【哈电汽轮机】双头螺栓\73D.037.005</t>
  </si>
  <si>
    <t>【哈电汽轮机】定位双头螺栓\73D.037.006</t>
  </si>
  <si>
    <t>【哈电汽轮机】双头螺栓\73D.037.007</t>
  </si>
  <si>
    <t>【哈电汽轮机】双头螺柱\73D.071.036</t>
  </si>
  <si>
    <t>【哈电汽轮机】阀杆\CH01.301.109</t>
  </si>
  <si>
    <t>【哈电汽轮机】阀碟\K01B.314.003</t>
  </si>
  <si>
    <t>【哈电汽轮机】中压调节阀连接套筒\K01B.314.007</t>
  </si>
  <si>
    <t>【哈电汽轮机】螺塞\K01B.314.010</t>
  </si>
  <si>
    <t>【哈电汽轮机】罩螺母\M76*4\00.011.036</t>
  </si>
  <si>
    <t>【哈电汽轮机】罩螺母\M85*4\00.011.037</t>
  </si>
  <si>
    <t>【哈电汽轮机】罩螺母\M100*4\00.011.039</t>
  </si>
  <si>
    <t>【哈电汽轮机】罩螺母\M42\00.011.049</t>
  </si>
  <si>
    <t>【哈电汽轮机】罩螺母\M48\00.011.050</t>
  </si>
  <si>
    <t>【哈电汽轮机】罩螺母\M76*4\00.011.089</t>
  </si>
  <si>
    <t>【哈电汽轮机】罩螺母\M90*4\00.011.091</t>
  </si>
  <si>
    <t>【哈电汽轮机】罩螺母\M120*4\00.011.093</t>
  </si>
  <si>
    <t>【哈电汽轮机】圆锥螺销\50*260*500\00.011.537</t>
  </si>
  <si>
    <t>【哈电汽轮机】弹簧片\118\00.071.004</t>
  </si>
  <si>
    <t>【哈电汽轮机】弹簧片\132\00.071.006</t>
  </si>
  <si>
    <t>【哈电汽轮机】弹簧片\118\00.071.014</t>
  </si>
  <si>
    <t>【哈电汽轮机】弹簧片\132\00.071.016</t>
  </si>
  <si>
    <t>【哈电汽轮机】轴瓦体\φ300\136.050.1Z</t>
  </si>
  <si>
    <t>【哈电汽轮机】挡油环\136.050.3Z</t>
  </si>
  <si>
    <t>【哈电汽轮机】挡油环\136.050.4Z</t>
  </si>
  <si>
    <t>【哈电汽轮机】工作推力瓦\136.051.049</t>
  </si>
  <si>
    <t>【哈电汽轮机】定位推力瓦\136.051.050</t>
  </si>
  <si>
    <t>【哈电汽轮机】梳状挡油环\136.051.2Z</t>
  </si>
  <si>
    <t>【哈电汽轮机】油封环\136.051.5Z</t>
  </si>
  <si>
    <t>【哈电汽轮机】挡油环\136.051.7Z</t>
  </si>
  <si>
    <t>【哈电汽轮机】轴瓦体\136.058.1Z</t>
  </si>
  <si>
    <t>【哈电汽轮机】挡油环\136.058.2Z</t>
  </si>
  <si>
    <t>【哈电汽轮机】挡油环\136.058.3Z</t>
  </si>
  <si>
    <t>【哈电汽轮机】支持轴承\φ300\139.050Z</t>
  </si>
  <si>
    <t>【哈电汽轮机】工作瓦测量环\139.051.1Z</t>
  </si>
  <si>
    <t>【哈电汽轮机】支持轴承\φ400\139.058Z</t>
  </si>
  <si>
    <t>【哈电汽轮机】特制双头螺栓\M90*4*470\150.011.001-6</t>
  </si>
  <si>
    <t>【哈电汽轮机】定位推力瓦\150.051.009-4</t>
  </si>
  <si>
    <t>【哈电汽轮机】瓦衬\150.051.1Z</t>
  </si>
  <si>
    <t>【哈电汽轮机】定位瓦测量环\150.051.1Z-4</t>
  </si>
  <si>
    <t>【哈电汽轮机】支持推力轴承\150.051Z-4</t>
  </si>
  <si>
    <t>【哈电汽轮机】支持轴承\φ400\150.057Z</t>
  </si>
  <si>
    <t>【哈电汽轮机】齿形垫片\150.083.011</t>
  </si>
  <si>
    <t>【哈电汽轮机】齿形垫片\150.083.012</t>
  </si>
  <si>
    <t>【哈电汽轮机】弹簧片\110\150.088.013</t>
  </si>
  <si>
    <t>【哈电汽轮机】弹簧片\102\150.088.014</t>
  </si>
  <si>
    <t>【哈电汽轮机】弹簧片\176\150.088.015</t>
  </si>
  <si>
    <t>【哈电汽轮机】齿形垫片\150.306.033</t>
  </si>
  <si>
    <t>【哈电汽轮机】特制螺栓\M42*3-6g\69.288.106</t>
  </si>
  <si>
    <t>【哈电汽轮机】特制螺帽\M42*3-6H\69.288.108</t>
  </si>
  <si>
    <t>【哈电汽轮机】挡油环\69.401.3Z</t>
  </si>
  <si>
    <t>【哈电汽轮机】油封环\70.401.24Z</t>
  </si>
  <si>
    <t>【哈电汽轮机】油封环\70.401.25Z</t>
  </si>
  <si>
    <t>【哈电汽轮机】挡油环\70.401.26Z</t>
  </si>
  <si>
    <t>【哈电汽轮机】顶开螺钉\T44*8\74.011.018</t>
  </si>
  <si>
    <t>【哈电汽轮机】特制双头螺栓\M76*345\74.011.019</t>
  </si>
  <si>
    <t>【哈电汽轮机】特制双头螺栓\M76*445\74.011.021</t>
  </si>
  <si>
    <t>【哈电汽轮机】下球面垫圈\74.011.023</t>
  </si>
  <si>
    <t>【哈电汽轮机】特制螺塞\M30\74.011.025</t>
  </si>
  <si>
    <t>【哈电汽轮机】下球面垫圈\74.011.029</t>
  </si>
  <si>
    <t>【哈电汽轮机】上球面垫圈\74.011.030</t>
  </si>
  <si>
    <t>【哈电汽轮机】特制罩螺母\M42*3\74.015.019</t>
  </si>
  <si>
    <t>【哈电汽轮机】弹簧片\152\74.148.009</t>
  </si>
  <si>
    <t>【哈电汽轮机】特制螺栓\74.287.008</t>
  </si>
  <si>
    <t>【哈电汽轮机】特制螺帽\74.287.010</t>
  </si>
  <si>
    <t>【哈电汽轮机】螺塞\74.301.011</t>
  </si>
  <si>
    <t>【哈电汽轮机】特制双头螺柱\M56*4\74.301.013</t>
  </si>
  <si>
    <t>【哈电汽轮机】齿形垫\74.301.014</t>
  </si>
  <si>
    <t>【哈电汽轮机】阀碟\φ225\74.301.021</t>
  </si>
  <si>
    <t>【哈电汽轮机】调节阀阀杆\74.301.027</t>
  </si>
  <si>
    <t>【哈电汽轮机】压紧螺母\74.301.040</t>
  </si>
  <si>
    <t>【哈电汽轮机】阀碟\φ150\74.301.042</t>
  </si>
  <si>
    <t>【哈电汽轮机】预启阀\74.301.049</t>
  </si>
  <si>
    <t>【哈电汽轮机】预启阀螺母\74.301.050</t>
  </si>
  <si>
    <t>【哈电汽轮机】主汽阀杆\74.301.053</t>
  </si>
  <si>
    <t>【哈电汽轮机】特制罩螺母\M56*4\74A.301.001</t>
  </si>
  <si>
    <t>【哈电汽轮机】球面凸垫\75.306.003</t>
  </si>
  <si>
    <t>【哈电汽轮机】球面凹垫\75.306.004</t>
  </si>
  <si>
    <t>【哈电汽轮机】螺母\M33\75A.306.002</t>
  </si>
  <si>
    <t>【哈电汽轮机】双头螺柱\M33*273\75A.306.004</t>
  </si>
  <si>
    <t>【哈电汽轮机】螺母\M27\B20.2.1</t>
  </si>
  <si>
    <t>【哈电汽轮机】双头螺柱\M48*160\B20.21</t>
  </si>
  <si>
    <t>【哈电汽轮机】螺钉\M10*25\B20.29</t>
  </si>
  <si>
    <t>【哈电汽轮机】双头螺栓\W1 1/4*307\CH01.306.105</t>
  </si>
  <si>
    <t>【哈电汽轮机】六角螺母\W1 1/4\CH01.306.106</t>
  </si>
  <si>
    <t>【哈电汽轮机】球面垫片\W1 1/4\CH01.306.107</t>
  </si>
  <si>
    <t>【哈电汽轮机】球面垫片\W1 1/4\CH01.306.108</t>
  </si>
  <si>
    <t>【哈电汽轮机】双头螺栓\W1 1/8*205\CH01.306.109</t>
  </si>
  <si>
    <t>【哈电汽轮机】六角螺母\W1 1/8\CH01.306.110</t>
  </si>
  <si>
    <t>【哈电汽轮机】罩螺母\W1 1/8\CH01.306.111</t>
  </si>
  <si>
    <t>【哈电汽轮机】球面垫片\W1 1/8\CH01.306.112</t>
  </si>
  <si>
    <t>【哈电汽轮机】球面垫片\W1 1/8\CH01.306.113</t>
  </si>
  <si>
    <t>【哈电汽轮机】缠绕垫片\CH01.306.115</t>
  </si>
  <si>
    <t>【哈电汽轮机】双头螺栓\W1 1/8*206\CH01.306.135</t>
  </si>
  <si>
    <t>【哈电汽轮机】特制双头螺栓\M120*485\G18.011.001</t>
  </si>
  <si>
    <t>【哈电汽轮机】特制双头螺栓\M100*670\G18.011.002</t>
  </si>
  <si>
    <t>【哈电汽轮机】定位螺栓\G18.011.003</t>
  </si>
  <si>
    <t>【哈电汽轮机】特制双头螺栓\M42*3\G18.011.005</t>
  </si>
  <si>
    <t>【哈电汽轮机】上球面垫圈\G18.011.012</t>
  </si>
  <si>
    <t>【哈电汽轮机】上球面垫圈\G18.011.013</t>
  </si>
  <si>
    <t>【哈电汽轮机】下球面垫圈\G18.011.014</t>
  </si>
  <si>
    <t>【哈电汽轮机】特制双头螺柱\M27*85\G18.011.033</t>
  </si>
  <si>
    <t>【哈电汽轮机】弹簧片\118\G18.068.009</t>
  </si>
  <si>
    <t>【哈电汽轮机】齿形垫片\G18.081.006</t>
  </si>
  <si>
    <t>【哈电汽轮机】双头螺柱\M42*220\G18.081.007</t>
  </si>
  <si>
    <t>【哈电汽轮机】螺母\M42\G18.081.008</t>
  </si>
  <si>
    <t>【哈电汽轮机】销\K01B.314.008</t>
  </si>
  <si>
    <t>【哈电汽轮机】阀杆\K01B.314.011</t>
  </si>
  <si>
    <t>【哈电汽轮机】高压外缸端部外汽封垫片\300MW\73.068.024\300MW</t>
  </si>
  <si>
    <t>【哈电汽轮机】开口销子\300MW\A5*50\B20.51\300MW</t>
  </si>
  <si>
    <t>【哈电汽轮机】垫片\300MW\CCH01A.027.057\300MW</t>
  </si>
  <si>
    <t>【哈电汽轮机】垫片\300MW\CCH01A.027.061\300MW</t>
  </si>
  <si>
    <t>【哈电汽轮机】垫片\300MW\CCH01A.027.059\300MW</t>
  </si>
  <si>
    <t>【哈电汽轮机】垫片\300MW\CCH01A.027.065\300MW</t>
  </si>
  <si>
    <t>【哈电汽轮机】内六角螺栓\300MW\CH02.038.109\300MW</t>
  </si>
  <si>
    <t>【哈电汽轮机】垫圈\300MW\H01.027.060\300MW</t>
  </si>
  <si>
    <t>【哈电汽轮机】弹簧片\300MW\73.028.001\300MW</t>
  </si>
  <si>
    <t>【哈电汽轮机】螺钉\300MW\73.028.002\300MW</t>
  </si>
  <si>
    <t>【哈电汽轮机】双头螺栓\CCH02.012.1.003-2\1000MW</t>
  </si>
  <si>
    <t>【哈电汽轮机】双头螺栓\CCH02.012.1.004-2\1000MW</t>
  </si>
  <si>
    <t>【哈电汽轮机】双头螺栓\CCH02.012.1.005-2\1000MW</t>
  </si>
  <si>
    <t>【哈电汽轮机】双头螺栓\CCH02.012.1.006-2\1000MW</t>
  </si>
  <si>
    <t>【哈电汽轮机】罩螺母\CCH02.012.1.027-2\1000MW</t>
  </si>
  <si>
    <t>【哈电汽轮机】罩螺母\CCH02.012.1.028-2\1000MW</t>
  </si>
  <si>
    <t>【哈电汽轮机】双头螺柱\CCH02.013.2.001-2\1000MW</t>
  </si>
  <si>
    <t>【哈电汽轮机】双头螺柱\CCH02.013.2.002-2\1000MW</t>
  </si>
  <si>
    <t>【哈电汽轮机】双头螺柱\CCH02.013.2.003-2\1000MW</t>
  </si>
  <si>
    <t>【哈电汽轮机】双头螺柱\CCH02.013.2.004-2\1000MW</t>
  </si>
  <si>
    <t>【哈电汽轮机】双头螺柱\CCH02.013.2.005-2\1000MW</t>
  </si>
  <si>
    <t>【哈电汽轮机】罩螺母\CCH02.013.2.006-2\1000MW</t>
  </si>
  <si>
    <t>【哈电汽轮机】螺母\CCH02.013.2.007-2\1000MW</t>
  </si>
  <si>
    <t>【哈电汽轮机】罩螺母\CCH02.013.2.008-2\1000MW</t>
  </si>
  <si>
    <t>【哈电汽轮机】螺母\CCH02.013.2.009-2\1000MW</t>
  </si>
  <si>
    <t>【哈电汽轮机】螺母\CCH02.013.2.010-2\1000MW</t>
  </si>
  <si>
    <t>【哈电汽轮机】罩螺母\CCH02.013.2.011-2\1000MW</t>
  </si>
  <si>
    <t>【哈电汽轮机】螺母\CCH02.013.2.012-2\1000MW</t>
  </si>
  <si>
    <t>【哈电汽轮机】罩螺母\CCH02.013.2.013-2\1000MW</t>
  </si>
  <si>
    <t>【哈电汽轮机】螺母\CCH02.013.2.014-2\1000MW</t>
  </si>
  <si>
    <t>【哈电汽轮机】双头螺柱 1-4,69-72\CCH02.016.1.001-2\1000MW</t>
  </si>
  <si>
    <t>【哈电汽轮机】双头螺柱 5-8,65-68\CCH02.016.1.002-2\1000MW</t>
  </si>
  <si>
    <t>【哈电汽轮机】双头螺柱 9-22,61-64\CCH02.016.1.003-2\1000MW</t>
  </si>
  <si>
    <t>【哈电汽轮机】双头螺柱 13-22,51-60\CCH02.016.1.004-2\1000MW</t>
  </si>
  <si>
    <t>【哈电汽轮机】双头螺柱 23-50\CCH02.016.1.005-2\1000MW</t>
  </si>
  <si>
    <t>【哈电汽轮机】罩螺母\CCH02.016.1.006-2\1000MW</t>
  </si>
  <si>
    <t>【哈电汽轮机】双头螺柱\CCH02.016.1.007-2\1000MW</t>
  </si>
  <si>
    <t>【哈电汽轮机】罩螺母\CCH02.016.1.008-2\1000MW</t>
  </si>
  <si>
    <t>【哈电汽轮机】平垫圈\CCH02.016.1.009-2\1000MW</t>
  </si>
  <si>
    <t>【哈电汽轮机】六角头细颈螺栓\CCH02.016.1.020-2\1000MW</t>
  </si>
  <si>
    <t>【哈电汽轮机】垫圈\CCH02.016.1.026-2\1000MW</t>
  </si>
  <si>
    <t>【哈电汽轮机】垫片\CCH02.016.10.001-2\1000MW</t>
  </si>
  <si>
    <t>【哈电汽轮机】垫片\CCH02.016.12Z-2\1000MW</t>
  </si>
  <si>
    <t>【哈电汽轮机】密封环\CCH02.016.13.001-2\1000MW</t>
  </si>
  <si>
    <t>【哈电汽轮机】定位销\CCH02.016.13.017-2\1000MW</t>
  </si>
  <si>
    <t>【哈电汽轮机】内密封环\CCH02.016.18.001-2\1000MW</t>
  </si>
  <si>
    <t>【哈电汽轮机】外密封环\CCH02.016.18.002-2\1000MW</t>
  </si>
  <si>
    <t>【哈电汽轮机】密封环\CCH02.016.18.003-2\1000MW</t>
  </si>
  <si>
    <t>【哈电汽轮机】密封环\CCH02.016.18.004-2\1000MW</t>
  </si>
  <si>
    <t>【哈电汽轮机】密封环\CCH02.016.18.005-2\1000MW</t>
  </si>
  <si>
    <t>【哈电汽轮机】密封环\CCH02.016.18.006-2\1000MW</t>
  </si>
  <si>
    <t>【哈电汽轮机】密封环\CCH02.016.18.007-2\1000MW</t>
  </si>
  <si>
    <t>【哈电汽轮机】密封环\CCH02.016.18.008-2\1000MW</t>
  </si>
  <si>
    <t>【哈电汽轮机】密封环\CCH02.016.18.009-2\1000MW</t>
  </si>
  <si>
    <t>【哈电汽轮机】定位销\CCH02.016.18.010-2\1000MW</t>
  </si>
  <si>
    <t>【哈电汽轮机】六角头螺栓\CCH02.016.6.002-2\1000MW</t>
  </si>
  <si>
    <t>【哈电汽轮机】六角头螺栓\CCH02.016.9.003-2\1000MW</t>
  </si>
  <si>
    <t>【哈电汽轮机】内六角螺栓\CCH02.016.9.006-2\1000MW</t>
  </si>
  <si>
    <t>【哈电汽轮机】内六角螺栓\CCH02.016.9.008-2\1000MW</t>
  </si>
  <si>
    <t>【哈电汽轮机】内六角螺栓\CCH02.016.9.009-2\1000MW</t>
  </si>
  <si>
    <t>【哈电汽轮机】内六角螺栓\CCH02.016.9.012-2\1000MW</t>
  </si>
  <si>
    <t>【哈电汽轮机】双头螺栓\CCH02.017.001-2\1000MW</t>
  </si>
  <si>
    <t>【哈电汽轮机】双头螺栓\CCH02.017.002-2\1000MW</t>
  </si>
  <si>
    <t>【哈电汽轮机】罩螺母\CCH02.017.003 -2\1000MW</t>
  </si>
  <si>
    <t>【哈电汽轮机】罩螺母\CCH02.017.004-2\1000MW</t>
  </si>
  <si>
    <t>【哈电汽轮机】双头螺栓\CCH02.018.001-2\1000MW</t>
  </si>
  <si>
    <t>【哈电汽轮机】螺母\CCH02.018.002-2\1000MW</t>
  </si>
  <si>
    <t>【哈电汽轮机】双头螺栓\CCH02.026.009-1\1000MW</t>
  </si>
  <si>
    <t>【哈电汽轮机】双头螺栓\CCH02.026.010-1\1000MW</t>
  </si>
  <si>
    <t>【哈电汽轮机】螺母\CCH02.026.011-1\1000MW</t>
  </si>
  <si>
    <t>【哈电汽轮机】垫片\CCH02.026.016-1\1000MW</t>
  </si>
  <si>
    <t>【哈电汽轮机】双头螺柱\CCH02.026.020-1\1000MW</t>
  </si>
  <si>
    <t>【哈电汽轮机】垫片\CCH02.035.007-1\1000MW</t>
  </si>
  <si>
    <t>【哈电汽轮机】垫片\CCH02.035.008-1\1000MW</t>
  </si>
  <si>
    <t>【哈电汽轮机】垫片\CCH02.035.009-1\1000MW</t>
  </si>
  <si>
    <t>【哈电汽轮机】内六角螺栓\CCH02.065.5.003-2\1000MW</t>
  </si>
  <si>
    <t>【哈电汽轮机】内六角螺栓\CCH02.065.5.004-2\1000MW</t>
  </si>
  <si>
    <t>【哈电汽轮机】内六角螺栓\CCH02.065.5.005-2\1000MW</t>
  </si>
  <si>
    <t>【哈电汽轮机】螺栓\CCH02.065.5.008-2\1000MW</t>
  </si>
  <si>
    <t>【哈电汽轮机】垫片\CCH02.090.016-1\1000MW</t>
  </si>
  <si>
    <t>【哈电汽轮机】六角头螺栓\CCH02.090.017-1\1000MW</t>
  </si>
  <si>
    <t>【哈电汽轮机】六角头螺栓\CCH02.090.018-1\1000MW</t>
  </si>
  <si>
    <t>【哈电汽轮机】垫片\CCH02.090.019-1\1000MW</t>
  </si>
  <si>
    <t>【哈电汽轮机】垫片\CCH02.090.020-1\1000MW</t>
  </si>
  <si>
    <t>【哈电汽轮机】双头螺栓\CCH02.090.021-1\1000MW</t>
  </si>
  <si>
    <t>【哈电汽轮机】垫片\CCH02.090.023-1\1000MW</t>
  </si>
  <si>
    <t>【哈电汽轮机】键\CCH02.102.1.001-2\1000MW</t>
  </si>
  <si>
    <t>【哈电汽轮机】沉头螺钉\CCH02.102.4.004-2\1000MW</t>
  </si>
  <si>
    <t>【哈电汽轮机】内六角螺栓\CCH02.102.4.005-2\1000MW</t>
  </si>
  <si>
    <t>【哈电汽轮机】内六角螺栓\CCH02.102.4.006-2\1000MW</t>
  </si>
  <si>
    <t>【哈电汽轮机】螺钉\CCH02.102.4.007-2\1000MW</t>
  </si>
  <si>
    <t>【哈电汽轮机】固定键\CCH02.203.221\1000MW</t>
  </si>
  <si>
    <t>【哈电汽轮机】固定螺栓\CCH02.203.222\1000MW</t>
  </si>
  <si>
    <t>【哈电汽轮机】固定键\CCH02.203.241\1000MW</t>
  </si>
  <si>
    <t>【哈电汽轮机】连接销钉\CCH02.203.242\1000MW</t>
  </si>
  <si>
    <t>【哈电汽轮机】连接销钉\CCH02.203.243\1000MW</t>
  </si>
  <si>
    <t>【哈电汽轮机】固定销钉\CCH02.203.247\1000MW</t>
  </si>
  <si>
    <t>【哈电汽轮机】固定销钉\CCH02.203.248\1000MW</t>
  </si>
  <si>
    <t>【哈电汽轮机】平衡块\CCH02.271.004-2\1000MW</t>
  </si>
  <si>
    <t>【哈电汽轮机】平衡螺钉\CCH02.271.006-2\1000MW</t>
  </si>
  <si>
    <t>【哈电汽轮机】双头螺栓\CCH02.271.2.001-2\1000MW</t>
  </si>
  <si>
    <t>【哈电汽轮机】六角螺母\CCH02.271.2.002-2\1000MW</t>
  </si>
  <si>
    <t>【哈电汽轮机】平衡块\CCH02.272.002-2\1000MW</t>
  </si>
  <si>
    <t>【哈电汽轮机】平衡螺钉\CCH02.272.003-2\1000MW</t>
  </si>
  <si>
    <t>【哈电汽轮机】平衡块\CCH02.272.004-2\1000MW</t>
  </si>
  <si>
    <t>【哈电汽轮机】平衡螺钉\CCH02.272.005-2\1000MW</t>
  </si>
  <si>
    <t>【哈电汽轮机】平衡块\CCH02.272.006-2\1000MW</t>
  </si>
  <si>
    <t>【哈电汽轮机】联轴器螺栓\CCH02.272.1.001-2\1000MW</t>
  </si>
  <si>
    <t>【哈电汽轮机】六角螺母\CCH02.272.1.002-2\1000MW</t>
  </si>
  <si>
    <t>【哈电汽轮机】平衡块\CCH02.273.003-2\1000MW</t>
  </si>
  <si>
    <t>【哈电汽轮机】联轴器螺栓\CCH02.273.1.001-2\1000MW</t>
  </si>
  <si>
    <t>【哈电汽轮机】六角螺母\CCH02.273.1.002-2\1000MW</t>
  </si>
  <si>
    <t>【哈电汽轮机】联轴器螺栓\CCH02.274.1.001-2\1000MW</t>
  </si>
  <si>
    <t>【哈电汽轮机】六角螺母\CCH02.274.1.002-2\1000MW</t>
  </si>
  <si>
    <t>【哈电汽轮机】内六角螺栓\CCH02.274.1.005-2\1000MW</t>
  </si>
  <si>
    <t>【哈电汽轮机】支撑轴瓦\CCH02.401.010-2\1000MW</t>
  </si>
  <si>
    <t>【哈电汽轮机】垫片\CCHK02.301.1.001\1000MW</t>
  </si>
  <si>
    <t>【哈电汽轮机】套筒\CCHK02.301.1.002\1000MW</t>
  </si>
  <si>
    <t>【哈电汽轮机】螺栓\CCHK02.301.1.003\1000MW</t>
  </si>
  <si>
    <t>【哈电汽轮机】螺母\CCHK02.301.1.004\1000MW</t>
  </si>
  <si>
    <t>【哈电汽轮机】垫片\CCHK02.301.1.007\1000MW</t>
  </si>
  <si>
    <t>【哈电汽轮机】螺母\CCHK02.301.1.008\1000MW</t>
  </si>
  <si>
    <t>【哈电汽轮机】销\CCHK02.301.1.009\1000MW</t>
  </si>
  <si>
    <t>【哈电汽轮机】阀杆\CCHK02.301.1.011\1000MW</t>
  </si>
  <si>
    <t>【哈电汽轮机】套筒\CCHK02.301.1.012\1000MW</t>
  </si>
  <si>
    <t>【哈电汽轮机】套筒垫片\CCHK02.301.1.013\1000MW</t>
  </si>
  <si>
    <t>【哈电汽轮机】螺栓\CCHK02.301.1.015\1000MW</t>
  </si>
  <si>
    <t>【哈电汽轮机】螺母\CCHK02.301.1.016\1000MW</t>
  </si>
  <si>
    <t>【哈电汽轮机】螺栓\CCHK02.301.1.017\1000MW</t>
  </si>
  <si>
    <t>【哈电汽轮机】垫片\CCHK02.301.1.018\1000MW</t>
  </si>
  <si>
    <t>【哈电汽轮机】螺母\CCHK02.301.1.020\1000MW</t>
  </si>
  <si>
    <t>【哈电汽轮机】密封环\CCHK02.301.1.10Z\1000MW</t>
  </si>
  <si>
    <t>【哈电汽轮机】上套筒\CCHK02.301.1.8Z\1000MW</t>
  </si>
  <si>
    <t>【哈电汽轮机】下套筒\CCHK02.301.1.9Z\1000MW</t>
  </si>
  <si>
    <t>【哈电汽轮机】衬套\CCHK02.301.11Z\1000MW</t>
  </si>
  <si>
    <t>【哈电汽轮机】销\CCHK02.301.12.003\1000MW</t>
  </si>
  <si>
    <t>【哈电汽轮机】套筒\CCHK02.301.17.004\1000MW</t>
  </si>
  <si>
    <t>【哈电汽轮机】套筒\CCHK02.301.17.009\1000MW</t>
  </si>
  <si>
    <t>【哈电汽轮机】垫片\CCHK02.301.17.015\1000MW</t>
  </si>
  <si>
    <t>【哈电汽轮机】垫片\CCHK02.301.17.017\1000MW</t>
  </si>
  <si>
    <t>【哈电汽轮机】垫片\CCHK02.301.17.018\1000MW</t>
  </si>
  <si>
    <t>【哈电汽轮机】螺栓\CCHK02.301.17.019\1000MW</t>
  </si>
  <si>
    <t>【哈电汽轮机】螺母\CCHK02.301.17.020\1000MW</t>
  </si>
  <si>
    <t>【哈电汽轮机】螺栓\CCHK02.301.17.024\1000MW</t>
  </si>
  <si>
    <t>【哈电汽轮机】螺母\CCHK02.301.17.025\1000MW</t>
  </si>
  <si>
    <t>【哈电汽轮机】垫片\CCHK02.301.17.033\1000MW</t>
  </si>
  <si>
    <t>【哈电汽轮机】衬套\CCHK02.301.17.035\1000MW</t>
  </si>
  <si>
    <t>【哈电汽轮机】套筒\CCHK02.301.17.038\1000MW</t>
  </si>
  <si>
    <t>【哈电汽轮机】套筒\CCHK02.301.17.039\1000MW</t>
  </si>
  <si>
    <t>【哈电汽轮机】密封环\CCHK02.301.17.040\1000MW</t>
  </si>
  <si>
    <t>【哈电汽轮机】销\CCHK02.301.17.042\1000MW</t>
  </si>
  <si>
    <t>【哈电汽轮机】销\CCHK02.301.17.043\1000MW</t>
  </si>
  <si>
    <t>【哈电汽轮机】销\CCHK02.301.17.044\1000MW</t>
  </si>
  <si>
    <t>【哈电汽轮机】锁紧片\CCHK02.301.17.050\1000MW</t>
  </si>
  <si>
    <t>【哈电汽轮机】套筒\CCHK02.301.17.054\1000MW</t>
  </si>
  <si>
    <t>【哈电汽轮机】套筒\CCHK02.301.17.055\1000MW</t>
  </si>
  <si>
    <t>【哈电汽轮机】套筒\CCHK02.301.17.056\1000MW</t>
  </si>
  <si>
    <t>【哈电汽轮机】销螺栓\CCHK02.301.17.057\1000MW</t>
  </si>
  <si>
    <t>【哈电汽轮机】套筒\CCHK02.301.17.061\1000MW</t>
  </si>
  <si>
    <t>【哈电汽轮机】销\CCHK02.301.17.063\1000MW</t>
  </si>
  <si>
    <t>【哈电汽轮机】螺栓\CCHK02.301.17.064\1000MW</t>
  </si>
  <si>
    <t>【哈电汽轮机】下套筒\CCHK02.301.21Z\1000MW</t>
  </si>
  <si>
    <t>【哈电汽轮机】上套筒\CCHK02.301.22Z\1000MW</t>
  </si>
  <si>
    <t>【哈电汽轮机】螺栓\CCHK02.306.002\1000MW</t>
  </si>
  <si>
    <t>【哈电汽轮机】罩螺母\CCHK02.306.003\1000MW</t>
  </si>
  <si>
    <t>【哈电汽轮机】垫片\CCHK02.306.004\1000MW</t>
  </si>
  <si>
    <t>【哈电汽轮机】导向套筒\CCHK02.306.010\1000MW</t>
  </si>
  <si>
    <t>【哈电汽轮机】键\CCHK02.306.011\1000MW</t>
  </si>
  <si>
    <t>【哈电汽轮机】垫片\CCHK02.306.012\1000MW</t>
  </si>
  <si>
    <t>【哈电汽轮机】垫片\CCHK02.306.014\1000MW</t>
  </si>
  <si>
    <t>【哈电汽轮机】双头螺栓\CCHK02.306.017\1000MW</t>
  </si>
  <si>
    <t>【哈电汽轮机】锁紧垫片\CCHK02.306.018\1000MW</t>
  </si>
  <si>
    <t>【哈电汽轮机】锁紧垫片\CCHK02.306.022\1000MW</t>
  </si>
  <si>
    <t>【哈电汽轮机】套筒\CCHK02.306.023\1000MW</t>
  </si>
  <si>
    <t>【哈电汽轮机】螺纹销\CCHK02.306.026\1000MW</t>
  </si>
  <si>
    <t>【哈电汽轮机】销\CCHK02.306.027\1000MW</t>
  </si>
  <si>
    <t>【哈电汽轮机】销\CCHK02.306.028\1000MW</t>
  </si>
  <si>
    <t>【哈电汽轮机】垫片\CCHK02.306.029\1000MW</t>
  </si>
  <si>
    <t>【哈电汽轮机】六角螺母\CCHK02.306.031\1000MW</t>
  </si>
  <si>
    <t>【哈电汽轮机】导向套筒\CCHK02.306.033\1000MW</t>
  </si>
  <si>
    <t>【哈电汽轮机】密封环\CCHK02.306.034\1000MW</t>
  </si>
  <si>
    <t>【哈电汽轮机】密封垫片\CCHK02.306.035\1000MW</t>
  </si>
  <si>
    <t>【哈电汽轮机】锁紧垫片\CCHK02.306.040\1000MW</t>
  </si>
  <si>
    <t>【哈电汽轮机】键\CCHK02.306.041\1000MW</t>
  </si>
  <si>
    <t>【哈电汽轮机】销\CCHK02.306.042\1000MW</t>
  </si>
  <si>
    <t>【哈电汽轮机】销\CCHK02.306.043\1000MW</t>
  </si>
  <si>
    <t>【哈电汽轮机】销\CCHK02.306.044\1000MW</t>
  </si>
  <si>
    <t>【哈电汽轮机】键\CCHK02.306.045\1000MW</t>
  </si>
  <si>
    <t>【哈电汽轮机】衬套\CCHK02.306.10Z\1000MW</t>
  </si>
  <si>
    <t>【哈电汽轮机】密封座\CCHK02.306.11Z\1000MW</t>
  </si>
  <si>
    <t>【哈电汽轮机】衬套\CCHK02.306.12Z\1000MW</t>
  </si>
  <si>
    <t>【哈电汽轮机】衬套\CCHK02.306.13Z\1000MW</t>
  </si>
  <si>
    <t>【哈电汽轮机】密封座衬\CCHK02.306.14Z\1000MW</t>
  </si>
  <si>
    <t>【哈电汽轮机】衬套\CCHK02.306.15Z\1000MW</t>
  </si>
  <si>
    <t>【哈电汽轮机】衬套\CCHK02.306.16Z\1000MW</t>
  </si>
  <si>
    <t>【哈电汽轮机】阀碟\CCHK02.306.17Z\1000MW</t>
  </si>
  <si>
    <t>【哈电汽轮机】衬套\CCHK02.306.18Z\1000MW</t>
  </si>
  <si>
    <t>【哈电汽轮机】主汽阀碟衬环\CCHK02.306.19Z\1000MW</t>
  </si>
  <si>
    <t>【哈电汽轮机】轴套浮动环\CCHK02.401.006-2\1000MW</t>
  </si>
  <si>
    <t>【哈电汽轮机】支撑轴瓦\CCHK02.401.010-2\1000MW</t>
  </si>
  <si>
    <t>【哈电汽轮机】螺塞\M27*2\00.000.071\600MW</t>
  </si>
  <si>
    <t>【哈电汽轮机】穿孔罩螺母\M36\00.011.048\600MW</t>
  </si>
  <si>
    <t>【哈电汽轮机】螺母\M12*26\00.027.005\600MW</t>
  </si>
  <si>
    <t>【哈电汽轮机】螺母\M12*36\00.027.006\600MW</t>
  </si>
  <si>
    <t>【哈电汽轮机】螺母\M12*48\00.027.007\600MW</t>
  </si>
  <si>
    <t>【哈电汽轮机】螺母\M12*99\00.027.008\600MW</t>
  </si>
  <si>
    <t>【哈电汽轮机】螺栓\00.027.016\600MW</t>
  </si>
  <si>
    <t>【哈电汽轮机】密封垫片\M27×2\00.301.071\600MW</t>
  </si>
  <si>
    <t>【哈电汽轮机】键\141A.038.005\300MW</t>
  </si>
  <si>
    <t>【哈电汽轮机】双头螺栓\39*3*645\141A.039.003\300MW</t>
  </si>
  <si>
    <t>【哈电汽轮机】双头螺栓\39*3*490\141A.039.004\300MW</t>
  </si>
  <si>
    <t>【哈电汽轮机】紧定螺钉\M6*10\73.012.017\300MW</t>
  </si>
  <si>
    <t>【哈电汽轮机】活塞环挡圈\73.012.021\300MW</t>
  </si>
  <si>
    <t>【哈电汽轮机】支撑键\73.017.003\300MW</t>
  </si>
  <si>
    <t>【哈电汽轮机】锥螺纹内六角螺钉\73.017.004\300MW</t>
  </si>
  <si>
    <t>【哈电汽轮机】垫片\73.017.005\300MW</t>
  </si>
  <si>
    <t>【哈电汽轮机】圆柱头内六角螺钉\73.017.006\300MW</t>
  </si>
  <si>
    <t>【哈电汽轮机】特质螺栓\73.017.016\300MW</t>
  </si>
  <si>
    <t>【哈电汽轮机】定位销\73.017.018\300MW</t>
  </si>
  <si>
    <t>【哈电汽轮机】双头螺栓\M72*3\73.019.001\300MW</t>
  </si>
  <si>
    <t>【哈电汽轮机】双头螺栓\M72*3\73.019.002\300MW</t>
  </si>
  <si>
    <t>【哈电汽轮机】双头螺栓\M72*3\73.019.003\300MW</t>
  </si>
  <si>
    <t>【哈电汽轮机】双头螺栓\M72*3\73.019.004\300MW</t>
  </si>
  <si>
    <t>【哈电汽轮机】双头螺栓\M72*3\73.019.005\300MW</t>
  </si>
  <si>
    <t>【哈电汽轮机】双头螺栓\M72*3\73.019.006\300MW</t>
  </si>
  <si>
    <t>【哈电汽轮机】双头螺栓\M90*3\73.019.007\300MW</t>
  </si>
  <si>
    <t>【哈电汽轮机】双头螺栓\M72*3\73.019.008\300MW</t>
  </si>
  <si>
    <t>【哈电汽轮机】双头螺栓\M90*3\73.019.009\300MW</t>
  </si>
  <si>
    <t>【哈电汽轮机】双头螺栓\M90\73.019.010\300MW</t>
  </si>
  <si>
    <t>【哈电汽轮机】双头螺栓\M110*3\73.019.011\300MW</t>
  </si>
  <si>
    <t>【哈电汽轮机】定位双头螺栓\M72*3\73.019.012\300MW</t>
  </si>
  <si>
    <t>【哈电汽轮机】定位双头螺栓\M110*3\73.019.013\300MW</t>
  </si>
  <si>
    <t>【哈电汽轮机】定位双头螺栓\M90*3\73.019.014\300MW</t>
  </si>
  <si>
    <t>【哈电汽轮机】定位双头螺栓\M90*3\73.019.015\300MW</t>
  </si>
  <si>
    <t>【哈电汽轮机】罩螺母\M72*3\73.019.016\300MW</t>
  </si>
  <si>
    <t>【哈电汽轮机】罩螺母\M90\73.019.017\300MW</t>
  </si>
  <si>
    <t>【哈电汽轮机】罩螺母\M110\73.019.018\300MW</t>
  </si>
  <si>
    <t>【哈电汽轮机】螺钉\M39\73.019.019\300MW</t>
  </si>
  <si>
    <t>【哈电汽轮机】专用螺钉\M33\73.019.021\600MW</t>
  </si>
  <si>
    <t>【哈电汽轮机】螺钉\M36\73.019.022\300MW</t>
  </si>
  <si>
    <t>【哈电汽轮机】螺钉\M27\73.019.023\300MW</t>
  </si>
  <si>
    <t>【哈电汽轮机】螺钉\M30\73.019.024\300MW</t>
  </si>
  <si>
    <t>【哈电汽轮机】垫圈\73.019.025\600MW</t>
  </si>
  <si>
    <t>【哈电汽轮机】垫圈\M90\73.019.026\600MW</t>
  </si>
  <si>
    <t>【哈电汽轮机】垫圈\110\73.019.027\300MW</t>
  </si>
  <si>
    <t>【哈电汽轮机】垫圈\110\73.019.028\300MW</t>
  </si>
  <si>
    <t>【哈电汽轮机】垫圈\110\73.019.029\300MW</t>
  </si>
  <si>
    <t>【哈电汽轮机】双头螺栓\M85*3\73.019.030\300MW</t>
  </si>
  <si>
    <t>【哈电汽轮机】双头螺栓\M85*3\73.019.031\300MW</t>
  </si>
  <si>
    <t>【哈电汽轮机】定位双头螺栓\M110*3\73.019.032\300MW</t>
  </si>
  <si>
    <t>【哈电汽轮机】定位双头螺栓\M100*4\73.019.033\300MW</t>
  </si>
  <si>
    <t>【哈电汽轮机】罩螺母\M85*3\73.019.034\300MW</t>
  </si>
  <si>
    <t>【哈电汽轮机】罩螺母\M100*4\73.019.035\300MW</t>
  </si>
  <si>
    <t>【哈电汽轮机】垫圈\85\73.019.036\300MW</t>
  </si>
  <si>
    <t>【哈电汽轮机】凹垫圈\100\73.019.037\300MW</t>
  </si>
  <si>
    <t>【哈电汽轮机】垫圈\85\73.019.038\300MW</t>
  </si>
  <si>
    <t>【哈电汽轮机】凸垫圈\100\73.019.039\300MW</t>
  </si>
  <si>
    <t>【哈电汽轮机】双头螺栓\M45*3\73.019.040\300MW</t>
  </si>
  <si>
    <t>【哈电汽轮机】定位双头螺栓\M60*3\73.019.041\300MW</t>
  </si>
  <si>
    <t>【哈电汽轮机】定位双头螺栓\M60*3\73.019.042\300MW</t>
  </si>
  <si>
    <t>【哈电汽轮机】罩螺母\M45*3\73.019.043\300MW</t>
  </si>
  <si>
    <t>【哈电汽轮机】内六角螺母\M60*3\73.019.044\300MW</t>
  </si>
  <si>
    <t>【哈电汽轮机】垫圈\47\73.019.047\300MW</t>
  </si>
  <si>
    <t>【哈电汽轮机】凸垫圈\60\73.019.048\300MW</t>
  </si>
  <si>
    <t>【哈电汽轮机】垫圈\45\73.019.049\300MW</t>
  </si>
  <si>
    <t>【哈电汽轮机】垫圈\60\73.019.050\300MW</t>
  </si>
  <si>
    <t>【哈电汽轮机】双头螺栓\M48*3\73.019.052\300MW</t>
  </si>
  <si>
    <t>【哈电汽轮机】罩螺母\M48*3\73.019.053\300MW</t>
  </si>
  <si>
    <t>【哈电汽轮机】凸垫圈\48\73.019.054\300MW</t>
  </si>
  <si>
    <t>【哈电汽轮机】凹垫圈\48\73.019.055\300MW</t>
  </si>
  <si>
    <t>【哈电汽轮机】定位圆柱销\10\73.026.001\600MW</t>
  </si>
  <si>
    <t>【哈电汽轮机】定位螺栓\73.026.008\600MW</t>
  </si>
  <si>
    <t>【哈电汽轮机】偏心垫圈\73.026.009\600MW</t>
  </si>
  <si>
    <t>【哈电汽轮机】偏心衬套\73.026.010\600MW</t>
  </si>
  <si>
    <t>【哈电汽轮机】定位螺栓\73.026.011\600MW</t>
  </si>
  <si>
    <t>【哈电汽轮机】双头螺柱\M72*3*390\73.027.025\600MW</t>
  </si>
  <si>
    <t>【哈电汽轮机】支撑键\73.027.073\600MW</t>
  </si>
  <si>
    <t>【哈电汽轮机】套筒\73.027.085\600MW</t>
  </si>
  <si>
    <t>【哈电汽轮机】内六角螺栓\73.027.088\600MW</t>
  </si>
  <si>
    <t>【哈电汽轮机】垫片\73.027.089\600MW</t>
  </si>
  <si>
    <t>【哈电汽轮机】内六角螺栓\73.027.090\600MW</t>
  </si>
  <si>
    <t>【哈电汽轮机】圆柱头内六角螺栓\73.027.092\600MW</t>
  </si>
  <si>
    <t>【哈电汽轮机】紧定螺钉\73.027.101\600MW</t>
  </si>
  <si>
    <t>【哈电汽轮机】双头螺柱\73.027.109\600MW</t>
  </si>
  <si>
    <t>【哈电汽轮机】专用定位螺栓\73.027.110\300MW</t>
  </si>
  <si>
    <t>【哈电汽轮机】垫圈\73.027.111\600MW</t>
  </si>
  <si>
    <t>【哈电汽轮机】罩螺母\73.027.112\600MW</t>
  </si>
  <si>
    <t>【哈电汽轮机】特殊螺母\73.027.113\600MW</t>
  </si>
  <si>
    <t>【哈电汽轮机】垫片\73.027.114\600MW</t>
  </si>
  <si>
    <t>【哈电汽轮机】固定环\73.027.115\600MW</t>
  </si>
  <si>
    <t>【哈电汽轮机】密封环\73.027.127\600MW</t>
  </si>
  <si>
    <t>【哈电汽轮机】定位销\73.027.128\600MW</t>
  </si>
  <si>
    <t>【哈电汽轮机】圆柱销\73.027.129\600MW</t>
  </si>
  <si>
    <t>【哈电汽轮机】套筒\73.027.131\600MW</t>
  </si>
  <si>
    <t>【哈电汽轮机】紧定螺钉\73.027.134\600MW</t>
  </si>
  <si>
    <t>【哈电汽轮机】双头螺柱\73.028.004\600MW</t>
  </si>
  <si>
    <t>【哈电汽轮机】垫圈\73.028.005\600MW</t>
  </si>
  <si>
    <t>【哈电汽轮机】定位双头螺栓\73.028.006\600MW</t>
  </si>
  <si>
    <t>【哈电汽轮机】锁紧垫片\73.028.007\600MW</t>
  </si>
  <si>
    <t>【哈电汽轮机】螺塞\73.028.008\600MW</t>
  </si>
  <si>
    <t>【哈电汽轮机】专用定位销\73.028.009\600MW</t>
  </si>
  <si>
    <t>【哈电汽轮机】双头螺柱\73.028.011\600MW</t>
  </si>
  <si>
    <t>【哈电汽轮机】销\73.029.044\300MW</t>
  </si>
  <si>
    <t>【哈电汽轮机】螺帽\73.029.047\300MW</t>
  </si>
  <si>
    <t>【哈电汽轮机】双头螺栓\M39\73.029.048\300MW</t>
  </si>
  <si>
    <t>【哈电汽轮机】垫圈\73.029.049\300MW</t>
  </si>
  <si>
    <t>【哈电汽轮机】垫片\73.036.001\600MW</t>
  </si>
  <si>
    <t>【哈电汽轮机】止动垫圈\73.036.002\600MW</t>
  </si>
  <si>
    <t>【哈电汽轮机】垫片\73.036.003\600MW</t>
  </si>
  <si>
    <t>【哈电汽轮机】垫片\73.036.004\600MW</t>
  </si>
  <si>
    <t>【哈电汽轮机】垫片\73.036.005\600MW</t>
  </si>
  <si>
    <t>【哈电汽轮机】止动垫圈\73.036.006\600MW</t>
  </si>
  <si>
    <t>【哈电汽轮机】垫片\73.036.007\600MW</t>
  </si>
  <si>
    <t>【哈电汽轮机】垫片\73.036.008\600MW</t>
  </si>
  <si>
    <t>【哈电汽轮机】双头螺栓\73.036.010\600MW</t>
  </si>
  <si>
    <t>【哈电汽轮机】六角螺母\M60*3\73.036.011\600MW</t>
  </si>
  <si>
    <t>【哈电汽轮机】定位双头螺栓\φ58*378\73.037.004\300MW</t>
  </si>
  <si>
    <t>【哈电汽轮机】双头螺栓\M52*3*320\73.037.012\300MW</t>
  </si>
  <si>
    <t>【哈电汽轮机】凸形垫圈\52\73.037.036\300MW</t>
  </si>
  <si>
    <t>【哈电汽轮机】紧定螺钉\M12\73.037.049\600MW</t>
  </si>
  <si>
    <t>【哈电汽轮机】定位双头螺栓\M40*305\73.037.104\300MW</t>
  </si>
  <si>
    <t>【哈电汽轮机】圆柱销\73.038.013\600MW</t>
  </si>
  <si>
    <t>【哈电汽轮机】弹簧\73.038.024\300MW</t>
  </si>
  <si>
    <t>【哈电汽轮机】专用销钉\73.038.025\300MW</t>
  </si>
  <si>
    <t>【哈电汽轮机】紧定螺钉\M20\73.038.072\300MW</t>
  </si>
  <si>
    <t>【哈电汽轮机】螺钉\73.039.011\300MW</t>
  </si>
  <si>
    <t>【哈电汽轮机】紧定螺钉\M27\73.039.077\300MW</t>
  </si>
  <si>
    <t>【哈电汽轮机】定位双头螺栓\73.041.009\300MW</t>
  </si>
  <si>
    <t>【哈电汽轮机】右侧支撑键\73.041.012\600MW</t>
  </si>
  <si>
    <t>【哈电汽轮机】左侧支撑键\73.041.013\600MW</t>
  </si>
  <si>
    <t>【哈电汽轮机】上部垫片\73.041.014\600MW</t>
  </si>
  <si>
    <t>【哈电汽轮机】下部垫片(左)\73.041.015\600MW</t>
  </si>
  <si>
    <t>【哈电汽轮机】下部垫片(右)\73.041.016\600MW</t>
  </si>
  <si>
    <t>【哈电汽轮机】圆柱头内六角螺钉\73.041.017\600MW</t>
  </si>
  <si>
    <t>【哈电汽轮机】圆柱头内六角螺钉\73.041.018\600MW</t>
  </si>
  <si>
    <t>【哈电汽轮机】锁紧螺钉\M16\73.041.022\600MW</t>
  </si>
  <si>
    <t>【哈电汽轮机】塞紧条\73.041.023\600MW</t>
  </si>
  <si>
    <t>【哈电汽轮机】双头螺柱\M52*3*100\73.042.003\600MW</t>
  </si>
  <si>
    <t>【哈电汽轮机】内六角螺母\M52*3*100\73.042.004\600MW</t>
  </si>
  <si>
    <t>【哈电汽轮机】垫圈\φ85*55*7\73.042.005\600MW</t>
  </si>
  <si>
    <t>【哈电汽轮机】定位双头螺柱\φ45*570\73.042.006\600MW</t>
  </si>
  <si>
    <t>【哈电汽轮机】密封条\73.042.014\600MW</t>
  </si>
  <si>
    <t>【哈电汽轮机】止动销\73.042.015\600MW</t>
  </si>
  <si>
    <t>【哈电汽轮机】调整垫块\73.050.016\300MW</t>
  </si>
  <si>
    <t>【哈电汽轮机】调整垫块\73.050.018\300MW</t>
  </si>
  <si>
    <t>【哈电汽轮机】调整垫块\73.050.020\300MW</t>
  </si>
  <si>
    <t>【哈电汽轮机】轴承瓦块\73.050.2Z\300MW</t>
  </si>
  <si>
    <t>【哈电汽轮机】油封环\73.050.5Z\300MW</t>
  </si>
  <si>
    <t>【哈电汽轮机】调整垫环\73.051.018\300MW</t>
  </si>
  <si>
    <t>【哈电汽轮机】球面支撑\73.051.023\300MW</t>
  </si>
  <si>
    <t>【哈电汽轮机】内六角螺钉\73.066.010\300MW</t>
  </si>
  <si>
    <t>【哈电汽轮机】圆柱内六角螺钉\73.067.008\300MW</t>
  </si>
  <si>
    <t>【哈电汽轮机】内六角螺钉\M20*75\73.068.026\300MW</t>
  </si>
  <si>
    <t>【哈电汽轮机】燕尾结合式垫片\73.069.036\600MW</t>
  </si>
  <si>
    <t>【哈电汽轮机】内六角螺钉\73.069.038\600MW</t>
  </si>
  <si>
    <t>【哈电汽轮机】内六角螺钉\M33*160\73.069.039\600MW</t>
  </si>
  <si>
    <t>【哈电汽轮机】内六角螺钉\73.069.040\600MW</t>
  </si>
  <si>
    <t>【哈电汽轮机】内六角螺钉\73.069.041\600MW</t>
  </si>
  <si>
    <t>【哈电汽轮机】螺钉\73.071.001\300MW</t>
  </si>
  <si>
    <t>【哈电汽轮机】内六角螺钉\M20*40\73.071.017\300MW</t>
  </si>
  <si>
    <t>【哈电汽轮机】垫圈\52\73.071.031\300MW</t>
  </si>
  <si>
    <t>【哈电汽轮机】垫圈\52\73.071.032\300MW</t>
  </si>
  <si>
    <t>【哈电汽轮机】垫圈\45\73.071.033\300MW</t>
  </si>
  <si>
    <t>【哈电汽轮机】垫圈\45\73.071.034\300MW</t>
  </si>
  <si>
    <t>【哈电汽轮机】垫圈\φ72\73.071.035\300MW</t>
  </si>
  <si>
    <t>【哈电汽轮机】垫圈\φ72\73.071.036\300MW</t>
  </si>
  <si>
    <t>【哈电汽轮机】螺钉\M16\73.071.038\300MW</t>
  </si>
  <si>
    <t>【哈电汽轮机】螺钉\M20\73.071.039\300MW</t>
  </si>
  <si>
    <t>【哈电汽轮机】螺钉\M27\73.071.040\300MW</t>
  </si>
  <si>
    <t>【哈电汽轮机】螺钉\73.071.041\600MW</t>
  </si>
  <si>
    <t>【哈电汽轮机】双头螺柱\M39*3*190\73.072.003\300MW</t>
  </si>
  <si>
    <t>【哈电汽轮机】垫片\M39\73.072.004\300MW</t>
  </si>
  <si>
    <t>【哈电汽轮机】双头螺柱\M36*3*215\73.072.006\300MW</t>
  </si>
  <si>
    <t>【哈电汽轮机】定位双头螺栓\73.072.008\300MW</t>
  </si>
  <si>
    <t>【哈电汽轮机】垫片\M33\73.072.009\300MW</t>
  </si>
  <si>
    <t>【哈电汽轮机】圆柱头内六角螺钉\M10*50\73.072.014\300MW</t>
  </si>
  <si>
    <t>【哈电汽轮机】圆柱头内六角螺钉\M27*60\73.072.015\300MW</t>
  </si>
  <si>
    <t>【哈电汽轮机】圆柱头内六角螺钉\M14*45\73.072.018\300MW</t>
  </si>
  <si>
    <t>【哈电汽轮机】内六角螺钉\M16*30\73.073.025\300MW</t>
  </si>
  <si>
    <t>【哈电汽轮机】螺钉\M16\73.073.038\300MW</t>
  </si>
  <si>
    <t>【哈电汽轮机】垫片\73.077.1Z\300MW</t>
  </si>
  <si>
    <t>【哈电汽轮机】后轴承箱内侧挡油环(电)\73.079Z\300MW</t>
  </si>
  <si>
    <t>【哈电汽轮机】双头螺栓\M64*3*565\73.081.002\300MW</t>
  </si>
  <si>
    <t>【哈电汽轮机】螺栓\M64\73.081.002\300MW</t>
  </si>
  <si>
    <t>【哈电汽轮机】罩螺母\M64*3\73.081.003\300MW</t>
  </si>
  <si>
    <t>【哈电汽轮机】垫圈\64\73.081.004\300MW</t>
  </si>
  <si>
    <t>【哈电汽轮机】垫圈\64\73.081.005\300MW</t>
  </si>
  <si>
    <t>【哈电汽轮机】垫圈\64\73.081.006\300MW</t>
  </si>
  <si>
    <t>【哈电汽轮机】螺栓\73.091.003\300MW</t>
  </si>
  <si>
    <t>【哈电汽轮机】罩螺母\73.091.047\300MW</t>
  </si>
  <si>
    <t>【哈电汽轮机】双头螺栓\73.091.048\300MW</t>
  </si>
  <si>
    <t>【哈电汽轮机】内六角螺栓\73.091.049\600MW</t>
  </si>
  <si>
    <t>【哈电汽轮机】垫片\73.091.050\300MW</t>
  </si>
  <si>
    <t>【哈电汽轮机】衬板\73.091.053\600MW</t>
  </si>
  <si>
    <t>【哈电汽轮机】密封片\73.096.004\300MW</t>
  </si>
  <si>
    <t>【哈电汽轮机】密封片\73.096.007\300MW</t>
  </si>
  <si>
    <t>【哈电汽轮机】密封片\73.096.009\300MW</t>
  </si>
  <si>
    <t>【哈电汽轮机】密封片\73.096.010\300MW</t>
  </si>
  <si>
    <t>【哈电汽轮机】密封片\73.096.015\300MW</t>
  </si>
  <si>
    <t>【哈电汽轮机】垫圈\73.109.025\300MW</t>
  </si>
  <si>
    <t>【哈电汽轮机】垫圈\73.109.026\300MW</t>
  </si>
  <si>
    <t>【哈电汽轮机】垫圈\73.109.027\300MW</t>
  </si>
  <si>
    <t>【哈电汽轮机】轴\73.178.144\600MW</t>
  </si>
  <si>
    <t>【哈电汽轮机】销\73.178.146\600MW</t>
  </si>
  <si>
    <t>【哈电汽轮机】销\73.178.148\600MW</t>
  </si>
  <si>
    <t>【哈电汽轮机】垫片\73.178.164\600MW</t>
  </si>
  <si>
    <t>【哈电汽轮机】销\73.178.170\600MW</t>
  </si>
  <si>
    <t>【哈电汽轮机】垫片\73.178.177\600MW</t>
  </si>
  <si>
    <t>【哈电汽轮机】垫片\73.178.178\600MW</t>
  </si>
  <si>
    <t>【哈电汽轮机】垫片\73.178.179\600MW</t>
  </si>
  <si>
    <t>【哈电汽轮机】垫片\73.178.180\600MW</t>
  </si>
  <si>
    <t>【哈电汽轮机】销\73.178.369\600MW</t>
  </si>
  <si>
    <t>【哈电汽轮机】销\73.178.370\600MW</t>
  </si>
  <si>
    <t>【哈电汽轮机】密封环\73.178.60Z\600MW</t>
  </si>
  <si>
    <t>【哈电汽轮机】罩螺母\73.191.047\300MW</t>
  </si>
  <si>
    <t>【哈电汽轮机】第5级拉筋 I\73.205.027\600MW</t>
  </si>
  <si>
    <t>【哈电汽轮机】第5级拉筋 II\73.205.028\600MW</t>
  </si>
  <si>
    <t>【哈电汽轮机】第5级拉筋 III\73.205.029\600MW</t>
  </si>
  <si>
    <t>【哈电汽轮机】轴向定位销\73.205.035\600MW</t>
  </si>
  <si>
    <t>【哈电汽轮机】第5级紧定螺钉\73.205.037\600MW</t>
  </si>
  <si>
    <t>【哈电汽轮机】锁紧螺钉\73.205.038\600MW</t>
  </si>
  <si>
    <t>【哈电汽轮机】第5级轴向定位销\73.205.055\600MW</t>
  </si>
  <si>
    <t>【哈电汽轮机】第5级轴向定位销\73.206.055\600MW</t>
  </si>
  <si>
    <t>【哈电汽轮机】中心孔塞\73.273.002\600MW</t>
  </si>
  <si>
    <t>【哈电汽轮机】内六角紧定螺钉\73.288.026\600MW</t>
  </si>
  <si>
    <t>【哈电汽轮机】垫片\73.301.002\300MW</t>
  </si>
  <si>
    <t>【哈电汽轮机】双头螺栓\M72*3*410\73.301.004\300MW</t>
  </si>
  <si>
    <t>【哈电汽轮机】主汽阀阀座\73.301.008\300MW</t>
  </si>
  <si>
    <t>【哈电汽轮机】罩螺母\M27*166\73.301.009\300MW</t>
  </si>
  <si>
    <t>【哈电汽轮机】垫圈\73.301.010\300MW</t>
  </si>
  <si>
    <t>【哈电汽轮机】阀芯阀杆组件\73.301.5Z\300MW</t>
  </si>
  <si>
    <t>【哈电汽轮机】长螺栓\73.302.001\300MW</t>
  </si>
  <si>
    <t>【哈电汽轮机】球面垫圈\73.302.002\300MW</t>
  </si>
  <si>
    <t>【哈电汽轮机】球面垫圈\73.302.003\300MW</t>
  </si>
  <si>
    <t>【哈电汽轮机】弹簧\73.302.004\300MW</t>
  </si>
  <si>
    <t>【哈电汽轮机】弹簧\73.302.005\300MW</t>
  </si>
  <si>
    <t>【哈电汽轮机】弹簧\73.302.006\300MW</t>
  </si>
  <si>
    <t>【哈电汽轮机】弹簧\73.302.007\300MW</t>
  </si>
  <si>
    <t>【哈电汽轮机】摇臂\73.306.014\300MW</t>
  </si>
  <si>
    <t>【哈电汽轮机】连杆\73.306.022\300MW</t>
  </si>
  <si>
    <t>【哈电汽轮机】销子\73.306.024\300MW</t>
  </si>
  <si>
    <t>【哈电汽轮机】螺栓\M33\73.306.056\300MW</t>
  </si>
  <si>
    <t>【哈电汽轮机】垫圈\73.306.107\300MW</t>
  </si>
  <si>
    <t>【哈电汽轮机】弹簧\73.307.019\600MW</t>
  </si>
  <si>
    <t>【哈电汽轮机】弹簧\φ220\73.307.020\600MW</t>
  </si>
  <si>
    <t>【哈电汽轮机】螺栓\73.307.022\300MW</t>
  </si>
  <si>
    <t>【哈电汽轮机】活塞杆\73.307.023\600MW</t>
  </si>
  <si>
    <t>【哈电汽轮机】螺母\73.307.024\300MW</t>
  </si>
  <si>
    <t>【哈电汽轮机】垫圈\73.307.025\600MW</t>
  </si>
  <si>
    <t>【哈电汽轮机】垫圈\73.307.026\600MW</t>
  </si>
  <si>
    <t>【哈电汽轮机】弹簧\73.318.011\300MW</t>
  </si>
  <si>
    <t>【哈电汽轮机】弹簧\73.318.012\300MW</t>
  </si>
  <si>
    <t>【哈电汽轮机】弹簧\73.318.018\300MW</t>
  </si>
  <si>
    <t>【哈电汽轮机】球型垫圈(凹)\73.319.005\300MW</t>
  </si>
  <si>
    <t>【哈电汽轮机】球型垫圈(凸)\73.319.006\300MW</t>
  </si>
  <si>
    <t>【哈电汽轮机】球形垫圈(凸)\73.319.007\600MW</t>
  </si>
  <si>
    <t>【哈电汽轮机】球形垫圈(凹)\73.319.008\600MW</t>
  </si>
  <si>
    <t>【哈电汽轮机】弹簧\73.319.011\300MW</t>
  </si>
  <si>
    <t>【哈电汽轮机】弹簧\73.319.012\300MW</t>
  </si>
  <si>
    <t>【哈电汽轮机】弹簧\73.319.013\300MW</t>
  </si>
  <si>
    <t>【哈电汽轮机】特制螺母\73.334.002\600MW</t>
  </si>
  <si>
    <t>【哈电汽轮机】调整螺套\73.334.004\600MW</t>
  </si>
  <si>
    <t>【哈电汽轮机】特制螺母(左旋)\73.334.005\600MW</t>
  </si>
  <si>
    <t>【哈电汽轮机】弹簧保持环\73.376.006\600MW</t>
  </si>
  <si>
    <t>【哈电汽轮机】超速挡圈销\73.376.008\600MW</t>
  </si>
  <si>
    <t>【哈电汽轮机】平衡块\73.376.11Z\600MW</t>
  </si>
  <si>
    <t>【哈电汽轮机】撞击子\73.376.1Z\600MW</t>
  </si>
  <si>
    <t>【哈电汽轮机】下半壳体\73.401.016\300MW</t>
  </si>
  <si>
    <t>【哈电汽轮机】汽封环活塞\73A.012.004\300MW</t>
  </si>
  <si>
    <t>【哈电汽轮机】活塞压圈\73A.012.005\300MW</t>
  </si>
  <si>
    <t>【哈电汽轮机】专用销\73A.012.006\300MW</t>
  </si>
  <si>
    <t>【哈电汽轮机】活塞环\73A.012.007\300MW</t>
  </si>
  <si>
    <t>【哈电汽轮机】垫片\73A.012.037\300MW</t>
  </si>
  <si>
    <t>【哈电汽轮机】双头螺栓\M72*3*538\73A.037.003\300MW</t>
  </si>
  <si>
    <t>【哈电汽轮机】双头螺栓\M72*3*384\73A.037.004\300MW</t>
  </si>
  <si>
    <t>【哈电汽轮机】双头螺栓\M72*3*433\73A.037.005\300MW</t>
  </si>
  <si>
    <t>【哈电汽轮机】双头螺栓\M72*3*508\73A.037.007\300MW</t>
  </si>
  <si>
    <t>【哈电汽轮机】右侧压板\73A.037.009\300MW</t>
  </si>
  <si>
    <t>【哈电汽轮机】左侧压板\73A.037.010\300MW</t>
  </si>
  <si>
    <t>【哈电汽轮机】右侧上部垫片\73A.037.011\300MW</t>
  </si>
  <si>
    <t>【哈电汽轮机】左侧上部垫片\73A.037.012\300MW</t>
  </si>
  <si>
    <t>【哈电汽轮机】右侧下部垫片\73A.037.013\300MW</t>
  </si>
  <si>
    <t>【哈电汽轮机】左侧下部垫片\73A.037.014\300MW</t>
  </si>
  <si>
    <t>【哈电汽轮机】锥螺纹内六角螺钉\M39*3*100\73A.037.015\300MW</t>
  </si>
  <si>
    <t>【哈电汽轮机】圆柱头内六角螺钉\M20*45\73A.037.016\300MW</t>
  </si>
  <si>
    <t>【哈电汽轮机】双头螺栓\M72*3*692\73A.037.017\300MW</t>
  </si>
  <si>
    <t>【哈电汽轮机】双头螺柱\M39*3*490\73A.038.003\300MW</t>
  </si>
  <si>
    <t>【哈电汽轮机】定位双头螺柱\φ45*350\73A.038.005\300MW</t>
  </si>
  <si>
    <t>【哈电汽轮机】双头螺柱\M45*3*285\73A.038.006\300MW</t>
  </si>
  <si>
    <t>【哈电汽轮机】双头螺柱\M52*3*325\73A.038.007\300MW</t>
  </si>
  <si>
    <t>【哈电汽轮机】定位双头螺柱\φ45*310\73A.038.008\300MW</t>
  </si>
  <si>
    <t>【哈电汽轮机】双头螺柱\M52*3*545\73A.038.009\300MW</t>
  </si>
  <si>
    <t>【哈电汽轮机】双头螺柱\73A.038.010\300MW</t>
  </si>
  <si>
    <t>【哈电汽轮机】支承键\73A.038.011\300MW</t>
  </si>
  <si>
    <t>【哈电汽轮机】上垫片\73A.038.012\300MW</t>
  </si>
  <si>
    <t>【哈电汽轮机】下垫片(右)\73A.038.013\300MW</t>
  </si>
  <si>
    <t>【哈电汽轮机】下垫片(左)\73A.038.014\300MW</t>
  </si>
  <si>
    <t>【哈电汽轮机】圆柱头内六角螺钉\73A.038.015\300MW</t>
  </si>
  <si>
    <t>【哈电汽轮机】直销\20n6*90\73A.038.016\300MW</t>
  </si>
  <si>
    <t>【哈电汽轮机】锥螺纹内六角螺钉\M33*70\73A.038.017\300MW</t>
  </si>
  <si>
    <t>【哈电汽轮机】弹簧\73A.038.026\300MW</t>
  </si>
  <si>
    <t>【哈电汽轮机】定位双头螺柱\M25*220\73A.039.003\300MW</t>
  </si>
  <si>
    <t>【哈电汽轮机】内六角螺母\M22*54\73A.039.004\300MW</t>
  </si>
  <si>
    <t>【哈电汽轮机】双头螺柱\M45*3*300\73A.039.005\300MW</t>
  </si>
  <si>
    <t>【哈电汽轮机】双头螺柱\M52*3*445\73A.039.007\300MW</t>
  </si>
  <si>
    <t>【哈电汽轮机】双头螺柱\M52*3*299\73A.039.008\300MW</t>
  </si>
  <si>
    <t>【哈电汽轮机】双头螺柱\φ56*448\73A.039.009\300MW</t>
  </si>
  <si>
    <t>【哈电汽轮机】双头螺柱\M56*448\73A.039.010\300MW</t>
  </si>
  <si>
    <t>【哈电汽轮机】双头螺柱\M33*240\73A.039.011\300MW</t>
  </si>
  <si>
    <t>【哈电汽轮机】定位双头螺柱\φ50*320\73A.039.013\300MW</t>
  </si>
  <si>
    <t>【哈电汽轮机】支承键(右)\73A.039.014\300MW</t>
  </si>
  <si>
    <t>【哈电汽轮机】支承键(左)\73A.039.015\300MW</t>
  </si>
  <si>
    <t>【哈电汽轮机】上垫片\73A.039.016\300MW</t>
  </si>
  <si>
    <t>【哈电汽轮机】内六方螺帽\73A.039.017\300MW</t>
  </si>
  <si>
    <t>【哈电汽轮机】下垫片(左)\73A.039.018\300MW</t>
  </si>
  <si>
    <t>【哈电汽轮机】圆柱头内六角螺钉\73A.039.019\300MW</t>
  </si>
  <si>
    <t>【哈电汽轮机】弹簧\73A.039.069\300MW</t>
  </si>
  <si>
    <t>【哈电汽轮机】压板\73A.066.020\300MW</t>
  </si>
  <si>
    <t>【哈电汽轮机】圆柱头内六角螺钉\M14*25\73A.067.006\300MW</t>
  </si>
  <si>
    <t>【哈电汽轮机】圆柱头内六角专用螺钉\M14*25\73A.067.007\300MW</t>
  </si>
  <si>
    <t>【哈电汽轮机】支撑键\73A.067.008\300MW</t>
  </si>
  <si>
    <t>【哈电汽轮机】键\73A.068.001\300MW</t>
  </si>
  <si>
    <t>【哈电汽轮机】键\73A.068.019\300MW</t>
  </si>
  <si>
    <t>【哈电汽轮机】支撑键(右)\73A.071.012\300MW</t>
  </si>
  <si>
    <t>【哈电汽轮机】支撑键(右)\73A.071.013\300MW</t>
  </si>
  <si>
    <t>【哈电汽轮机】圆柱销\73A.071.014\300MW</t>
  </si>
  <si>
    <t>【哈电汽轮机】内六角螺钉\M33*65\73A.071.015\300MW</t>
  </si>
  <si>
    <t>【哈电汽轮机】下垫片(右)\73A.071.016\300MW</t>
  </si>
  <si>
    <t>【哈电汽轮机】下垫片(左)\73A.071.017\300MW</t>
  </si>
  <si>
    <t>【哈电汽轮机】上垫片\73A.071.018\300MW</t>
  </si>
  <si>
    <t>【哈电汽轮机】双头螺柱\M45*3*310\73A.071.021\300MW</t>
  </si>
  <si>
    <t>【哈电汽轮机】双头螺柱\M52*3*262\73A.071.022\300MW</t>
  </si>
  <si>
    <t>【哈电汽轮机】定位双头螺柱\M50*395\73A.071.023\300MW</t>
  </si>
  <si>
    <t>【哈电汽轮机】双头螺柱\M45*3*495\73A.071.024\300MW</t>
  </si>
  <si>
    <t>【哈电汽轮机】定位双头螺栓\M77*420\73A.071.025\300MW</t>
  </si>
  <si>
    <t>【哈电汽轮机】垫圈\45\73A.071.034\300MW</t>
  </si>
  <si>
    <t>【哈电汽轮机】内六角螺母\M39*3*77\73A.072.003\300MW</t>
  </si>
  <si>
    <t>【哈电汽轮机】内六角螺母\73A.072.004\300MW</t>
  </si>
  <si>
    <t>【哈电汽轮机】内六角螺母\M33*67\73A.072.005\300MW</t>
  </si>
  <si>
    <t>【哈电汽轮机】支撑键(左)\73A.072.006\300MW</t>
  </si>
  <si>
    <t>【哈电汽轮机】支撑键(右)\73A.072.007\300MW</t>
  </si>
  <si>
    <t>【哈电汽轮机】销\73A.072.008\300MW</t>
  </si>
  <si>
    <t>【哈电汽轮机】下半垫块(左)\73A.072.009\300MW</t>
  </si>
  <si>
    <t>【哈电汽轮机】下半垫块(右)\73A.072.010\300MW</t>
  </si>
  <si>
    <t>【哈电汽轮机】上半垫块\73A.072.011\300MW</t>
  </si>
  <si>
    <t>【哈电汽轮机】支承键(左)\73A.073.005\300MW</t>
  </si>
  <si>
    <t>【哈电汽轮机】支承键(右)\73A.073.006\300MW</t>
  </si>
  <si>
    <t>【哈电汽轮机】圆柱销\20n6*80\73A.073.007\300MW</t>
  </si>
  <si>
    <t>【哈电汽轮机】内六角螺钉\M27*60\73A.073.008\300MW</t>
  </si>
  <si>
    <t>【哈电汽轮机】下垫片(左)\73A.073.009\300MW</t>
  </si>
  <si>
    <t>【哈电汽轮机】下垫片(右)\73A.073.010\300MW</t>
  </si>
  <si>
    <t>【哈电汽轮机】上垫片\73A.073.011\300MW</t>
  </si>
  <si>
    <t>【哈电汽轮机】螺栓\M45*3*350\73A.073.014\300MW</t>
  </si>
  <si>
    <t>【哈电汽轮机】内六角螺母\M52*3*99\73A.073.017\300MW</t>
  </si>
  <si>
    <t>【哈电汽轮机】内六角螺母\M45*3*89\73A.073.018\300MW</t>
  </si>
  <si>
    <t>【哈电汽轮机】螺母\M36\73A.073.023\300MW</t>
  </si>
  <si>
    <t>【哈电汽轮机】拉筋\73A.205.030\300MW</t>
  </si>
  <si>
    <t>【哈电汽轮机】拉筋\73A.205.031\300MW</t>
  </si>
  <si>
    <t>【哈电汽轮机】销子\73A.301.031\300MW</t>
  </si>
  <si>
    <t>【哈电汽轮机】平头螺钉\73A.301.032\300MW</t>
  </si>
  <si>
    <t>【哈电汽轮机】开口销\73A.301.033\300MW</t>
  </si>
  <si>
    <t>【哈电汽轮机】垫圈\73A.301.040\300MW</t>
  </si>
  <si>
    <t>【哈电汽轮机】螺帽\73A.301.041\300MW</t>
  </si>
  <si>
    <t>【哈电汽轮机】罩螺母\M27*166\73A.301.043\300MW</t>
  </si>
  <si>
    <t>【哈电汽轮机】螺母\73A.301.045\300MW</t>
  </si>
  <si>
    <t>【哈电汽轮机】垫圈\73A.301.048\300MW</t>
  </si>
  <si>
    <t>【哈电汽轮机】双头螺杆\M22*150\73A.301.049\300MW</t>
  </si>
  <si>
    <t>【哈电汽轮机】螺帽\73A.301.050\300MW</t>
  </si>
  <si>
    <t>【哈电汽轮机】双头螺杆\73A.301.053\300MW</t>
  </si>
  <si>
    <t>【哈电汽轮机】螺帽\73A.301.054\300MW</t>
  </si>
  <si>
    <t>【哈电汽轮机】特制螺母\73A.334.001\600MW</t>
  </si>
  <si>
    <t>【哈电汽轮机】罩螺母\73B.019.105\300MW</t>
  </si>
  <si>
    <t>【哈电汽轮机】定位双头螺栓\73B.027.079\300MW</t>
  </si>
  <si>
    <t>【哈电汽轮机】碰焊螺栓\M12\73B.033.006\600MW</t>
  </si>
  <si>
    <t>【哈电汽轮机】瓦块上半\73B.054.101\600MW</t>
  </si>
  <si>
    <t>【哈电汽轮机】瓦块下半\73B.054.102\600MW</t>
  </si>
  <si>
    <t>【哈电汽轮机】瓦块\73B.054.12Z\300MW</t>
  </si>
  <si>
    <t>【哈电汽轮机】油封环体\73B.054.13Z\600MW</t>
  </si>
  <si>
    <t>【哈电汽轮机】挡油环\73B.055.8Z\300MW</t>
  </si>
  <si>
    <t>【哈电汽轮机】内六角螺钉\M33*100\73B.069.027\300MW</t>
  </si>
  <si>
    <t>【哈电汽轮机】内六角螺钉\M33*160\73B.069.029\300MW</t>
  </si>
  <si>
    <t>【哈电汽轮机】内六角螺钉\M33*95\73B.069.030\300MW</t>
  </si>
  <si>
    <t>【哈电汽轮机】内六角螺钉\M33*350\73B.069.031\300MW</t>
  </si>
  <si>
    <t>【哈电汽轮机】垫圈\73B.081.017\300MW</t>
  </si>
  <si>
    <t>【哈电汽轮机】六角螺栓\M36\73B.091.001\300MW</t>
  </si>
  <si>
    <t>【哈电汽轮机】密封片\73B.096.004\300MW</t>
  </si>
  <si>
    <t>【哈电汽轮机】密封片\73B.096.007\300MW</t>
  </si>
  <si>
    <t>【哈电汽轮机】密封片\73B.096.011\300MW</t>
  </si>
  <si>
    <t>【哈电汽轮机】密封片\73B.096.013\300MW</t>
  </si>
  <si>
    <t>【哈电汽轮机】密封片\73B.096.015\300MW</t>
  </si>
  <si>
    <t>【哈电汽轮机】销子\73B.311.010\300MW</t>
  </si>
  <si>
    <t>【哈电汽轮机】阀杆\73B.311.011\300MW</t>
  </si>
  <si>
    <t>【哈电汽轮机】阀碟\73B.311.013\300MW</t>
  </si>
  <si>
    <t>【哈电汽轮机】阀销\73B.311.015\300MW</t>
  </si>
  <si>
    <t>【哈电汽轮机】特制螺母\73B.334.001\600MW</t>
  </si>
  <si>
    <t>【哈电汽轮机】螺杆\73B.334.002\600MW</t>
  </si>
  <si>
    <t>【哈电汽轮机】调整螺套\73B.334.003\600MW</t>
  </si>
  <si>
    <t>【哈电汽轮机】特制螺母(左旋)\73B.334.004\600MW</t>
  </si>
  <si>
    <t>【哈电汽轮机】螺杆(左旋)\73B.334.005\600MW</t>
  </si>
  <si>
    <t>【哈电汽轮机】销子\73B.334.006\600MW</t>
  </si>
  <si>
    <t>【哈电汽轮机】特制销\73B.334.009\600MW</t>
  </si>
  <si>
    <t>【哈电汽轮机】特制螺母\73B.334.011\600MW</t>
  </si>
  <si>
    <t>【哈电汽轮机】调整套\73B.334.012\600MW</t>
  </si>
  <si>
    <t>【哈电汽轮机】特制销\73B.334.013\600MW</t>
  </si>
  <si>
    <t>【哈电汽轮机】特制螺母\73B.337.002\600MW</t>
  </si>
  <si>
    <t>【哈电汽轮机】特制螺母\73B.337.003\600MW</t>
  </si>
  <si>
    <t>【哈电汽轮机】特制销\73B.337.004\600MW</t>
  </si>
  <si>
    <t>【哈电汽轮机】调整螺套\73B.337.008\600MW</t>
  </si>
  <si>
    <t>【哈电汽轮机】特制螺母\73B.337.011\600MW</t>
  </si>
  <si>
    <t>【哈电汽轮机】危急遮断器滑阀\73B.378Z\300MW</t>
  </si>
  <si>
    <t>【哈电汽轮机】润滑油泵及危急油泵2#试验装置\73B.426Z\300MW</t>
  </si>
  <si>
    <t>【哈电汽轮机】可倾瓦轴承瓦块\73D.052.4Z\300MW</t>
  </si>
  <si>
    <t>【哈电汽轮机】特制销\73D.304.003\600MW</t>
  </si>
  <si>
    <t>【哈电汽轮机】调整套\73D.304.004\600MW</t>
  </si>
  <si>
    <t>【哈电汽轮机】销\73D.318.011\600MW</t>
  </si>
  <si>
    <t>【哈电汽轮机】销\73D.318.012\600MW</t>
  </si>
  <si>
    <t>【哈电汽轮机】销\73D.318.013\600MW</t>
  </si>
  <si>
    <t>【哈电汽轮机】销\73D.318.014\600MW</t>
  </si>
  <si>
    <t>【哈电汽轮机】垫圈\73D.318.015\600MW</t>
  </si>
  <si>
    <t>【哈电汽轮机】垫圈\73D.318.016\600MW</t>
  </si>
  <si>
    <t>【哈电汽轮机】弹簧座盖\73D.318.017\600MW</t>
  </si>
  <si>
    <t>【哈电汽轮机】螺栓\73D.318.018\600MW</t>
  </si>
  <si>
    <t>【哈电汽轮机】螺栓\73D.318.019\600MW</t>
  </si>
  <si>
    <t>【哈电汽轮机】球面垫圈\73D.318.020\600MW</t>
  </si>
  <si>
    <t>【哈电汽轮机】球面垫圈\73D.318.021\600MW</t>
  </si>
  <si>
    <t>【哈电汽轮机】双头螺栓\73D.318.022\600MW</t>
  </si>
  <si>
    <t>【哈电汽轮机】螺母\73D.318.023\600MW</t>
  </si>
  <si>
    <t>【哈电汽轮机】联轴器\73D.318.025\600MW</t>
  </si>
  <si>
    <t>【哈电汽轮机】螺栓\73D.318.027\600MW</t>
  </si>
  <si>
    <t>【哈电汽轮机】直销\73D.318.028\600MW</t>
  </si>
  <si>
    <t>【哈电汽轮机】球面垫圈\73D.318.029\600MW</t>
  </si>
  <si>
    <t>【哈电汽轮机】球面垫圈\73D.318.030\600MW</t>
  </si>
  <si>
    <t>【哈电汽轮机】垫圈\73D.318.031\600MW</t>
  </si>
  <si>
    <t>【哈电汽轮机】销\73D.318.032\600MW</t>
  </si>
  <si>
    <t>【哈电汽轮机】套\73D.318.033\600MW</t>
  </si>
  <si>
    <t>【哈电汽轮机】套筒\73D.318.035\600MW</t>
  </si>
  <si>
    <t>【哈电汽轮机】套筒\73D.318.042\600MW</t>
  </si>
  <si>
    <t>【哈电汽轮机】球型垫圈(凹)\73D.319.003\600MW</t>
  </si>
  <si>
    <t>【哈电汽轮机】球型垫圈(凸)\73D.319.004\600MW</t>
  </si>
  <si>
    <t>【哈电汽轮机】弹簧\73D.319.005\600MW</t>
  </si>
  <si>
    <t>【哈电汽轮机】弹簧\73D.319.006\600MW</t>
  </si>
  <si>
    <t>【哈电汽轮机】弹簧\73D.319.007\600MW</t>
  </si>
  <si>
    <t>【哈电汽轮机】螺栓\M36*1400\73D.319.008\600MW</t>
  </si>
  <si>
    <t>【哈电汽轮机】销\73D.319.009\600MW</t>
  </si>
  <si>
    <t>【哈电汽轮机】推力垫圈\73D.319.010\600MW</t>
  </si>
  <si>
    <t>【哈电汽轮机】隔套\73D.319.011\600MW</t>
  </si>
  <si>
    <t>【哈电汽轮机】弹簧室\73D.319.1Z\600MW</t>
  </si>
  <si>
    <t>【哈电汽轮机】螺杆(左旋)\73D.337.002\600MW</t>
  </si>
  <si>
    <t>【哈电汽轮机】螺杆\73D.337.003\600MW</t>
  </si>
  <si>
    <t>【哈电汽轮机】螺母\75.052.025\600MW</t>
  </si>
  <si>
    <t>【哈电汽轮机】挡油环上半\75.078.001\600MW</t>
  </si>
  <si>
    <t>【哈电汽轮机】挡油环下半\75.078.002\600MW</t>
  </si>
  <si>
    <t>【哈电汽轮机】挡油环(两半组成)\75.078.1Z\600MW</t>
  </si>
  <si>
    <t>【哈电汽轮机】油封片\75.079.003\600MW</t>
  </si>
  <si>
    <t>【哈电汽轮机】螺钉\75.081.001\600MW</t>
  </si>
  <si>
    <t>【哈电汽轮机】螺钉\M33\75.081.003\600MW</t>
  </si>
  <si>
    <t>【哈电汽轮机】螺钉\M36\75.081.010\600MW</t>
  </si>
  <si>
    <t>【哈电汽轮机】六角螺母\75.090.003\600MW</t>
  </si>
  <si>
    <t>【哈电汽轮机】双头螺栓\75.090.084\600MW</t>
  </si>
  <si>
    <t>【哈电汽轮机】垫圈\75.090.085\600MW</t>
  </si>
  <si>
    <t>【哈电汽轮机】DV 衬套\75.178.190\600MW</t>
  </si>
  <si>
    <t>【哈电汽轮机】凸形垫圈\75.301.005\600MW</t>
  </si>
  <si>
    <t>【哈电汽轮机】凹形垫圈\33\75.301.006\600MW</t>
  </si>
  <si>
    <t>【哈电汽轮机】凹形垫圈\72\75.301.022\300MW</t>
  </si>
  <si>
    <t>【哈电汽轮机】凸型垫圈\72\75.301.023\300MW</t>
  </si>
  <si>
    <t>【哈电汽轮机】带螺纹销\75.306.031\600MW</t>
  </si>
  <si>
    <t>【哈电汽轮机】带螺纹销\75.306.035\600MW</t>
  </si>
  <si>
    <t>【哈电汽轮机】带螺纹销\75.306.036\600MW</t>
  </si>
  <si>
    <t>【哈电汽轮机】螺母\M60×3\75.306.071\600MW</t>
  </si>
  <si>
    <t>【哈电汽轮机】罩螺母\M33×83\75A.301.030\600MW</t>
  </si>
  <si>
    <t>【哈电汽轮机】双头螺栓\M33×170\75A.301.031\600MW</t>
  </si>
  <si>
    <t>【哈电汽轮机】双头螺柱\M33×184\75A.306.005\600MW</t>
  </si>
  <si>
    <t>【哈电汽轮机】轴套\75A.306.007\600MW</t>
  </si>
  <si>
    <t>【哈电汽轮机】轴(左)\75A.306.008\600MW</t>
  </si>
  <si>
    <t>【哈电汽轮机】键\75A.306.009\600MW</t>
  </si>
  <si>
    <t>【哈电汽轮机】内六角螺母\M33\75A.306.010\600MW</t>
  </si>
  <si>
    <t>【哈电汽轮机】键\75A.306.011\600MW</t>
  </si>
  <si>
    <t>【哈电汽轮机】垫圈\75A.306.012\600MW</t>
  </si>
  <si>
    <t>【哈电汽轮机】套筒\75A.306.013\600MW</t>
  </si>
  <si>
    <t>【哈电汽轮机】轴套\75A.306.014\600MW</t>
  </si>
  <si>
    <t>【哈电汽轮机】键\75A.306.016\600MW</t>
  </si>
  <si>
    <t>【哈电汽轮机】轴套\75A.306.017\600MW</t>
  </si>
  <si>
    <t>【哈电汽轮机】销\75A.306.018\600MW</t>
  </si>
  <si>
    <t>【哈电汽轮机】套筒\75A.306.019\600MW</t>
  </si>
  <si>
    <t>【哈电汽轮机】阀碟\75A.306.021\600MW</t>
  </si>
  <si>
    <t>【哈电汽轮机】螺母\M72×3\75A.306.022\600MW</t>
  </si>
  <si>
    <t>【哈电汽轮机】销\75A.306.023\600MW</t>
  </si>
  <si>
    <t>【哈电汽轮机】轴(右)\75A.306.028\600MW</t>
  </si>
  <si>
    <t>【哈电汽轮机】销\75A.306.039\600MW</t>
  </si>
  <si>
    <t>【哈电汽轮机】阀座\75A.306.040\600MW</t>
  </si>
  <si>
    <t>【哈电汽轮机】瓦块上半\75B.055.008\600MW</t>
  </si>
  <si>
    <t>【哈电汽轮机】瓦块下半\75B.055.009\600MW</t>
  </si>
  <si>
    <t>【哈电汽轮机】螺销\75B.055.019\600MW</t>
  </si>
  <si>
    <t>【哈电汽轮机】油封环体\75B.055.6Z\600MW</t>
  </si>
  <si>
    <t>【哈电汽轮机】油封环体\75B.055.7Z\600MW</t>
  </si>
  <si>
    <t>【哈电汽轮机】平衡螺塞\M22\B20.221-95\300MW</t>
  </si>
  <si>
    <t>【哈电汽轮机】平衡螺塞\M45\B20.261-95\600MW</t>
  </si>
  <si>
    <t>【哈电汽轮机】顶起螺栓\M24*60\B20.26-98\600MW</t>
  </si>
  <si>
    <t>【哈电汽轮机】紧定螺钉\M8*30\B20.31\300MW</t>
  </si>
  <si>
    <t>【哈电汽轮机】吊环螺钉\M30\B20.38\600MW</t>
  </si>
  <si>
    <t>【哈电汽轮机】圆柱销\A16*18\B20.40\300MW</t>
  </si>
  <si>
    <t>【哈电汽轮机】螺销\25*60*100\B20.46-72\600MW</t>
  </si>
  <si>
    <t>【哈电汽轮机】圆柱螺销\13*40*65\B20.46-98\600MW</t>
  </si>
  <si>
    <t>【哈电汽轮机】内六角螺栓\M16*65\B20.5\300MW</t>
  </si>
  <si>
    <t>【哈电汽轮机】内六角圆柱头螺钉\M10*30\B20.55B\300MW</t>
  </si>
  <si>
    <t>【哈电汽轮机】内六角螺旋管塞\Z1/2"\B62.90-86\600MW</t>
  </si>
  <si>
    <t>【哈电汽轮机】内六角螺旋管塞\B62.90-95\600MW</t>
  </si>
  <si>
    <t>【哈电汽轮机】螺旋管塞\B62.91-86\600MW</t>
  </si>
  <si>
    <t>【哈电汽轮机】螺旋管塞\23/4"\B62.91-95\600MW</t>
  </si>
  <si>
    <t>【哈电汽轮机】密封环\CCH01.012.18.001-1\600MW</t>
  </si>
  <si>
    <t>【哈电汽轮机】密封环\CCH01.012.18.002-1\600MW</t>
  </si>
  <si>
    <t>【哈电汽轮机】密封环\CCH01.012.18.003-1\600MW</t>
  </si>
  <si>
    <t>【哈电汽轮机】密封环\CCH01.012.18.004-1\600MW</t>
  </si>
  <si>
    <t>【哈电汽轮机】螺钉\CCH01.012.18.007-1\600MW</t>
  </si>
  <si>
    <t>【哈电汽轮机】螺钉\CCH01.012.18.008-1\600MW</t>
  </si>
  <si>
    <t>【哈电汽轮机】内六角螺栓\CCH01.017.1.003-1\600MW</t>
  </si>
  <si>
    <t>【哈电汽轮机】直销\CCH01.017.1.004-1\600MW</t>
  </si>
  <si>
    <t>【哈电汽轮机】套筒止动环\CCH01.017.4.001-1\600MW</t>
  </si>
  <si>
    <t>【哈电汽轮机】密封环\CCH01.017.4.002-1\600MW</t>
  </si>
  <si>
    <t>【哈电汽轮机】密封环\CCH01.017.4.003-1\600MW</t>
  </si>
  <si>
    <t>【哈电汽轮机】定位螺钉\CCH01.017.4.004-1\600MW</t>
  </si>
  <si>
    <t>【哈电汽轮机】调整垫片\CCH01.017.4.005-1\600MW</t>
  </si>
  <si>
    <t>【哈电汽轮机】调整垫片\CCH01.017.4.006-1\600MW</t>
  </si>
  <si>
    <t>【哈电汽轮机】调整垫片\CCH01.017.4.007-1\600MW</t>
  </si>
  <si>
    <t>【哈电汽轮机】调整垫片\CCH01.017.4.008-1\600MW</t>
  </si>
  <si>
    <t>【哈电汽轮机】内六角圆柱头螺钉\CCH01.017.4.009-1\600MW</t>
  </si>
  <si>
    <t>【哈电汽轮机】内六角圆柱头螺栓\(W)1*70(Φ18)\CCH01.017.5.003-1\600MW</t>
  </si>
  <si>
    <t>【哈电汽轮机】板弹簧\CCH01.017.6.001-1\600MW</t>
  </si>
  <si>
    <t>【哈电汽轮机】开槽螺钉\CCH01.017.6.002-1\600MW</t>
  </si>
  <si>
    <t>【哈电汽轮机】定位双头螺柱\φ122*1073\CCH01.019.1.001-1\600MW</t>
  </si>
  <si>
    <t>【哈电汽轮机】双头螺柱\4*943\CCH01.019.1.002-1\600MW</t>
  </si>
  <si>
    <t>【哈电汽轮机】双头螺柱\3.3/4*936\CCH01.019.1.003-1\600MW</t>
  </si>
  <si>
    <t>【哈电汽轮机】双头螺柱\4*1339\CCH01.019.1.004-1\600MW</t>
  </si>
  <si>
    <t>【哈电汽轮机】双头螺柱\4.1/2*1355\CCH01.019.1.005-1\600MW</t>
  </si>
  <si>
    <t>【哈电汽轮机】定位双头螺柱\φ144*1393\CCH01.019.1.006-1\600MW</t>
  </si>
  <si>
    <t>【哈电汽轮机】双头螺柱\3.3/4*1321\CCH01.019.1.011-1\600MW</t>
  </si>
  <si>
    <t>【哈电汽轮机】双头螺柱\3.3/4*746\CCH01.019.1.012-1\600MW</t>
  </si>
  <si>
    <t>【哈电汽轮机】双头螺柱\3.1/2*605\CCH01.019.1.013-1\600MW</t>
  </si>
  <si>
    <t>【哈电汽轮机】双头螺柱\3.1/2*1035\CCH01.019.1.014-1\600MW</t>
  </si>
  <si>
    <t>【哈电汽轮机】定位双头螺柱\φ95*967\CCH01.019.1.015-1\600MW</t>
  </si>
  <si>
    <t>【哈电汽轮机】试验件\Φ20*40\CCH01.019.5.014-1\600MW</t>
  </si>
  <si>
    <t>【哈电汽轮机】凸型球面垫圈\(W)4\CCH01.019.5.025-1\600MW</t>
  </si>
  <si>
    <t>【哈电汽轮机】凹型球面垫圈\(W)4\CCH01.019.5.026-1\600MW</t>
  </si>
  <si>
    <t>【哈电汽轮机】内六角头螺栓\M30*130\CCH01.021.9.001-1\600MW</t>
  </si>
  <si>
    <t>【哈电汽轮机】定位双头螺柱\Φ95*478\CCH01.027.4.001-1\600MW</t>
  </si>
  <si>
    <t>【哈电汽轮机】定位双头螺柱\Φ70*414\CCH01.027.4.002-1\600MW</t>
  </si>
  <si>
    <t>【哈电汽轮机】定位双头螺柱\Φ65*399\CCH01.027.4.003-1\600MW</t>
  </si>
  <si>
    <t>【哈电汽轮机】定位双头螺柱\Φ57*379\CCH01.027.4.004-1\600MW</t>
  </si>
  <si>
    <t>【哈电汽轮机】双头螺柱\(W)3.1/2*418\CCH01.027.4.005-1\600MW</t>
  </si>
  <si>
    <t>【哈电汽轮机】双头螺柱\(W)3*388\CCH01.027.4.006-1\600MW</t>
  </si>
  <si>
    <t>【哈电汽轮机】双头螺柱\(W)2.1/2*366\CCH01.027.4.007-1\600MW</t>
  </si>
  <si>
    <t>【哈电汽轮机】双头螺柱\(W)2*338\CCH01.027.4.008-1\600MW</t>
  </si>
  <si>
    <t>【哈电汽轮机】双头螺柱\(W)2*533\CCH01.027.4.009-1\600MW</t>
  </si>
  <si>
    <t>【哈电汽轮机】双头螺柱\(W)1.3/4*320\CCH01.027.4.010-1\600MW</t>
  </si>
  <si>
    <t>【哈电汽轮机】双头螺柱\(W)1.1/4*296\CCH01.027.4.011-1\600MW</t>
  </si>
  <si>
    <t>【哈电汽轮机】内六角头螺栓\M36*3*110\CCH01.027.4.012-1\600MW</t>
  </si>
  <si>
    <t>【哈电汽轮机】外六角罩螺母\(W)3.1/2*160\CCH01.027.4.013-1\600MW</t>
  </si>
  <si>
    <t>【哈电汽轮机】外六角罩螺母\(W)3*143\CCH01.027.4.014-1\600MW</t>
  </si>
  <si>
    <t>【哈电汽轮机】外六角罩螺母\(W)2.1/2*300\CCH01.027.4.015-1\600MW</t>
  </si>
  <si>
    <t>【哈电汽轮机】外六角罩螺母\(W)2.1/2*130\CCH01.027.4.016-1\600MW</t>
  </si>
  <si>
    <t>【哈电汽轮机】外六角罩螺母\(W)2.1/4*124\CCH01.027.4.017-1\600MW</t>
  </si>
  <si>
    <t>【哈电汽轮机】外六角罩螺母\(W)2*112\CCH01.027.4.018-1\600MW</t>
  </si>
  <si>
    <t>【哈电汽轮机】外六角罩螺母\(W)2*300\CCH01.027.4.019-1\600MW</t>
  </si>
  <si>
    <t>【哈电汽轮机】内六角罩螺母\(W)1.3/4*300\CCH01.027.4.020-1\600MW</t>
  </si>
  <si>
    <t>【哈电汽轮机】内六角罩螺母\(W)1.1/4*83\CCH01.027.4.021-1\600MW</t>
  </si>
  <si>
    <t>【哈电汽轮机】内六角罩螺母\(W)2*220\CCH01.027.4.022-1\600MW</t>
  </si>
  <si>
    <t>【哈电汽轮机】内六角罩螺母\(W)1.3/4*90\CCH01.027.4.023-1\600MW</t>
  </si>
  <si>
    <t>【哈电汽轮机】平垫片\(W)3.1/2\CCH01.027.4.024-1\600MW</t>
  </si>
  <si>
    <t>【哈电汽轮机】平垫片\(W)3\CCH01.027.4.025-1\600MW</t>
  </si>
  <si>
    <t>【哈电汽轮机】平垫片\(W)2*1/2\CCH01.027.4.026-1\600MW</t>
  </si>
  <si>
    <t>【哈电汽轮机】平垫片\(W)2*1/4\CCH01.027.4.027-1\600MW</t>
  </si>
  <si>
    <t>【哈电汽轮机】平垫片\(W)2\CCH01.027.4.028-1\600MW</t>
  </si>
  <si>
    <t>【哈电汽轮机】平垫片\(W)1*3/4\CCH01.027.4.029-1\600MW</t>
  </si>
  <si>
    <t>【哈电汽轮机】平垫片\(W)1*1/4\CCH01.027.4.030-1\600MW</t>
  </si>
  <si>
    <t>【哈电汽轮机】汽封圈弧段\CCH01.028.4.001-1\600MW</t>
  </si>
  <si>
    <t>【哈电汽轮机】止动螺钉\M20*32\CCH01.028.4.002-1\600MW</t>
  </si>
  <si>
    <t>【哈电汽轮机】板簧\CCH01.028.4.003-1\600MW</t>
  </si>
  <si>
    <t>【哈电汽轮机】止动螺钉\M20*32\CCH01.028.4.022-1\600MW</t>
  </si>
  <si>
    <t>【哈电汽轮机】定位双头螺栓\Φ82*423\CCH01.028.5.001-1\600MW</t>
  </si>
  <si>
    <t>【哈电汽轮机】定位双头螺栓\Φ57*319\CCH01.028.5.003-1\600MW</t>
  </si>
  <si>
    <t>【哈电汽轮机】罩螺母\(W)3*43\CCH01.028.5.008-1\600MW</t>
  </si>
  <si>
    <t>【哈电汽轮机】罩螺母\(W)2*98\CCH01.028.5.010-1\600MW</t>
  </si>
  <si>
    <t>【哈电汽轮机】键\CCH01.028.6.003-1\600MW</t>
  </si>
  <si>
    <t>【哈电汽轮机】螺塞\(W)2.1/2\CCH01.028.6.004-1\600MW</t>
  </si>
  <si>
    <t>【哈电汽轮机】专用锁紧垫片\CCH01.028.6.005-1\600MW</t>
  </si>
  <si>
    <t>【哈电汽轮机】螺栓\M16*68\CCH01.028.6.006-1\600MW</t>
  </si>
  <si>
    <t>【哈电汽轮机】特殊止动垫圈\CCH01.028.6.007-1\600MW</t>
  </si>
  <si>
    <t>【哈电汽轮机】径向键\CCH01.028.6.008-1\600MW</t>
  </si>
  <si>
    <t>【哈电汽轮机】径向键\CCH01.028.6.009-1\600MW</t>
  </si>
  <si>
    <t>【哈电汽轮机】双头螺栓\M20*190\CCH01.028.6.010-1\600MW</t>
  </si>
  <si>
    <t>【哈电汽轮机】双头螺栓\M20*190\CCH01.028.6.011-1\600MW</t>
  </si>
  <si>
    <t>【哈电汽轮机】罩螺母\M20*44\CCH01.028.6.012-1\600MW</t>
  </si>
  <si>
    <t>【哈电汽轮机】罩螺母\M20*44\CCH01.028.6.013-1\600MW</t>
  </si>
  <si>
    <t>【哈电汽轮机】销子\CCH01.028.6.014-1\600MW</t>
  </si>
  <si>
    <t>【哈电汽轮机】销子\CCH01.028.6.015-1\600MW</t>
  </si>
  <si>
    <t>【哈电汽轮机】支撑键\CCH01.028.7.001-1\600MW</t>
  </si>
  <si>
    <t>【哈电汽轮机】上部垫片\CCH01.028.7.002-1\600MW</t>
  </si>
  <si>
    <t>【哈电汽轮机】下部垫片\CCH01.028.7.003-1\600MW</t>
  </si>
  <si>
    <t>【哈电汽轮机】内六角头螺栓\M16*45\CCH01.028.7.004-1\600MW</t>
  </si>
  <si>
    <t>【哈电汽轮机】内六角头螺栓\M16*35\CCH01.028.7.005-1\600MW</t>
  </si>
  <si>
    <t>【哈电汽轮机】内六角头螺栓\M12*30\CCH01.028.7.006-1\600MW</t>
  </si>
  <si>
    <t>【哈电汽轮机】螺栓\CCH01.032.001-1\600MW</t>
  </si>
  <si>
    <t>【哈电汽轮机】偏心销\CCH01.032.002-1\600MW</t>
  </si>
  <si>
    <t>【哈电汽轮机】偏心套\CCH01.032.003-1\600MW</t>
  </si>
  <si>
    <t>【哈电汽轮机】调整销\CCH01.032.004-1\600MW</t>
  </si>
  <si>
    <t>【哈电汽轮机】网板\CCH01.035.001-1\600MW</t>
  </si>
  <si>
    <t>【哈电汽轮机】上部垫片\CCH01.038.3.001-1\600MW</t>
  </si>
  <si>
    <t>【哈电汽轮机】下部垫片\CCH01.038.3.002-1\600MW</t>
  </si>
  <si>
    <t>【哈电汽轮机】内六角头螺栓\M12*25\CCH01.038.3.003-1\600MW</t>
  </si>
  <si>
    <t>【哈电汽轮机】内六角头螺栓\(W)1.1/2*180\CCH01.038.3.004-1\600MW</t>
  </si>
  <si>
    <t>【哈电汽轮机】支撑键\CCH01.038.4.001-1\600MW</t>
  </si>
  <si>
    <t>【哈电汽轮机】上部垫片\CCH01.038.4.002-1\600MW</t>
  </si>
  <si>
    <t>【哈电汽轮机】下部垫片\CCH01.038.4.003-1\600MW</t>
  </si>
  <si>
    <t>【哈电汽轮机】内六角头螺栓\M16*40\CCH01.038.4.004-1\600MW</t>
  </si>
  <si>
    <t>【哈电汽轮机】内六角头螺栓\M16*35\CCH01.038.4.005-1\600MW</t>
  </si>
  <si>
    <t>【哈电汽轮机】内六角头螺栓\M10*20\CCH01.038.4.006-1\600MW</t>
  </si>
  <si>
    <t>【哈电汽轮机】支撑键\CCH01.038.5.001-1\600MW</t>
  </si>
  <si>
    <t>【哈电汽轮机】上部垫片\CCH01.038.5.002-1\600MW</t>
  </si>
  <si>
    <t>【哈电汽轮机】下部垫片\CCH01.038.5.003-1\600MW</t>
  </si>
  <si>
    <t>【哈电汽轮机】内六角头螺栓\M16*40\CCH01.038.5.004-1\600MW</t>
  </si>
  <si>
    <t>【哈电汽轮机】内六角头螺栓\M16*35\CCH01.038.5.005-1\600MW</t>
  </si>
  <si>
    <t>【哈电汽轮机】内六角头螺栓\M10*20\CCH01.038.5.006-1\600MW</t>
  </si>
  <si>
    <t>【哈电汽轮机】内六角头螺栓\M24*85\CCH01.065.11.001-1\600MW</t>
  </si>
  <si>
    <t>【哈电汽轮机】内六角头螺栓\M20*75\CCH01.065.11.002-1\600MW</t>
  </si>
  <si>
    <t>【哈电汽轮机】内六角头螺栓\M30*80\CCH01.065.11.003-1\600MW</t>
  </si>
  <si>
    <t>【哈电汽轮机】内六角头螺栓\M30*80\CCH01.065.11.004-1\600MW</t>
  </si>
  <si>
    <t>【哈电汽轮机】平垫片\(W)1.1/8\CCH01.065.11.005-1\600MW</t>
  </si>
  <si>
    <t>【哈电汽轮机】圆柱销\Φ13*90\CCH01.065.11.006-1\600MW</t>
  </si>
  <si>
    <t>【哈电汽轮机】偏心套筒\CCH01.065.11.010-1\600MW</t>
  </si>
  <si>
    <t>【哈电汽轮机】偏心销\CCH01.065.11.011-1\600MW</t>
  </si>
  <si>
    <t>【哈电汽轮机】止动螺钉\M6*21\CCH01.065.6.012-1\600MW</t>
  </si>
  <si>
    <t>【哈电汽轮机】内六角头螺栓\M22*80\CCH01.065.9.001-1\600MW</t>
  </si>
  <si>
    <t>【哈电汽轮机】止动螺钉\M6*21\CCH01.066.5.012-1\600MW</t>
  </si>
  <si>
    <t>【哈电汽轮机】销\Φ9.5*68\CCH01.066.6.011-1\600MW</t>
  </si>
  <si>
    <t>【哈电汽轮机】销\Φ9.5*68\CCH01.066.7.011-1\600MW</t>
  </si>
  <si>
    <t>【哈电汽轮机】内六角头螺栓\M22*80\CCH01.066.9.001-1\600MW</t>
  </si>
  <si>
    <t>【哈电汽轮机】内六角头螺栓\M24*75\CCH01.066.9.002-1\600MW</t>
  </si>
  <si>
    <t>【哈电汽轮机】平垫片\(W)1\CCH01.066.9.003-1\600MW</t>
  </si>
  <si>
    <t>【哈电汽轮机】内六角圆柱头螺栓\M24*75\CCH01.070.001-1\600MW</t>
  </si>
  <si>
    <t>【哈电汽轮机】圆柱销\CCH01.070.002-1\600MW</t>
  </si>
  <si>
    <t>【哈电汽轮机】键\CCH01.071.001-1\600MW</t>
  </si>
  <si>
    <t>【哈电汽轮机】板簧\CCH01.071.002-1\600MW</t>
  </si>
  <si>
    <t>【哈电汽轮机】止动螺钉\M6*21\CCH01.071.003-1\600MW</t>
  </si>
  <si>
    <t>【哈电汽轮机】销子\Φ9.5*64\CCH01.071.004-1\600MW</t>
  </si>
  <si>
    <t>【哈电汽轮机】销子\Φ9.5*136\CCH01.071.005-1\600MW</t>
  </si>
  <si>
    <t>【哈电汽轮机】板簧\CCH01.071.006-1\600MW</t>
  </si>
  <si>
    <t>【哈电汽轮机】板簧\CCH01.071.007-1\600MW</t>
  </si>
  <si>
    <t>【哈电汽轮机】销子\Φ9.5*63\CCH01.071.008-1\600MW</t>
  </si>
  <si>
    <t>【哈电汽轮机】定位双头螺柱\Φ65*392.5\CCH01.071.10.001-1\600MW</t>
  </si>
  <si>
    <t>【哈电汽轮机】定位双头螺柱\Φ65*547.5\CCH01.071.10.002-1\600MW</t>
  </si>
  <si>
    <t>【哈电汽轮机】定位双头螺柱\Φ42*289.5\CCH01.071.10.003-1\600MW</t>
  </si>
  <si>
    <t>【哈电汽轮机】双头螺柱\(W)3*422.5\CCH01.071.10.004-1\600MW</t>
  </si>
  <si>
    <t>【哈电汽轮机】双头螺柱\(W)1.3/8*284.5\CCH01.071.10.005-1\600MW</t>
  </si>
  <si>
    <t>【哈电汽轮机】外六角罩螺母\(W)3*143\CCH01.071.10.006-1\600MW</t>
  </si>
  <si>
    <t>【哈电汽轮机】内六角螺母\(W)2.1/4*108\CCH01.071.10.007-1\600MW</t>
  </si>
  <si>
    <t>【哈电汽轮机】内六角螺母\(W)1.3/8*73\CCH01.071.10.008-1\600MW</t>
  </si>
  <si>
    <t>【哈电汽轮机】凸型球面垫圈\(W)3\CCH01.071.10.009-1\600MW</t>
  </si>
  <si>
    <t>【哈电汽轮机】凹型球面垫圈\(W)3\CCH01.071.10.010-1\600MW</t>
  </si>
  <si>
    <t>【哈电汽轮机】凸型球面垫圈\(W)2.1/4\CCH01.071.10.011-1\600MW</t>
  </si>
  <si>
    <t>【哈电汽轮机】凹型球面垫圈\(W)2.1/4\CCH01.071.10.012-1\600MW</t>
  </si>
  <si>
    <t>【哈电汽轮机】凸型球面垫圈\(W)1.3/8\CCH01.071.10.013-1\600MW</t>
  </si>
  <si>
    <t>【哈电汽轮机】凹型球面垫圈\(W)1.3/8\CCH01.071.10.014-1\600MW</t>
  </si>
  <si>
    <t>【哈电汽轮机】碟形弹簧\Φ56\CCH01.071.4.003-1\600MW</t>
  </si>
  <si>
    <t>【哈电汽轮机】碟形弹簧\Φ23\CCH01.071.4.004-1\600MW</t>
  </si>
  <si>
    <t>【哈电汽轮机】板簧\CCH01.071.4.005-1\600MW</t>
  </si>
  <si>
    <t>【哈电汽轮机】开槽大头螺钉\M8\CCH01.071.8.015-1\600MW</t>
  </si>
  <si>
    <t>【哈电汽轮机】凸型球面垫圈\(W)1.1/2\CCH01.072.1.004-1\600MW</t>
  </si>
  <si>
    <t>【哈电汽轮机】凹型球面垫圈\(W)1.1/2\CCH01.072.1.005-1\600MW</t>
  </si>
  <si>
    <t>【哈电汽轮机】定位螺钉\M16*25\CCH01.072.3.015-1\600MW</t>
  </si>
  <si>
    <t>【哈电汽轮机】碟形弹簧\Φ56\CCH01.072.5.008-1\600MW</t>
  </si>
  <si>
    <t>【哈电汽轮机】碟形弹簧\Φ23\CCH01.072.5.009-1\600MW</t>
  </si>
  <si>
    <t>【哈电汽轮机】板簧\CCH01.072.5.010-1\600MW</t>
  </si>
  <si>
    <t>【哈电汽轮机】内六角头螺栓\M8*20\CCH01.072.5.011-1\600MW</t>
  </si>
  <si>
    <t>【哈电汽轮机】内六角头螺栓\M6*12\CCH01.072.5.012-1\600MW</t>
  </si>
  <si>
    <t>【哈电汽轮机】定位双头螺栓\Φ44*337\CCH01.072.7.001-1\600MW</t>
  </si>
  <si>
    <t>【哈电汽轮机】双头螺栓\(W)1.1/2*302\CCH01.072.7.002-1\600MW</t>
  </si>
  <si>
    <t>【哈电汽轮机】罩螺母\(W)1.1/2*76\CCH01.072.7.003-1\600MW</t>
  </si>
  <si>
    <t>【哈电汽轮机】双头螺栓\(W)2.1/2*646\CCH01.081.001-1\600MW</t>
  </si>
  <si>
    <t>【哈电汽轮机】罩螺母\(W)2.1/2*130\CCH01.081.002-1\600MW</t>
  </si>
  <si>
    <t>【哈电汽轮机】凸型球面垫圈\(W)2.1/2\CCH01.081.003-1\600MW</t>
  </si>
  <si>
    <t>【哈电汽轮机】凹型球面垫圈\(W)2.1/2\CCH01.081.004-1\600MW</t>
  </si>
  <si>
    <t>【哈电汽轮机】平垫圈\(W)2.1/2\CCH01.081.005-1\600MW</t>
  </si>
  <si>
    <t>【哈电汽轮机】金属缠绕垫片\Φ296.5*240.5*4.5\CCH01.081.006-1\600MW</t>
  </si>
  <si>
    <t>【哈电汽轮机】螺钉\M30\CCH01.081.007-1\600MW</t>
  </si>
  <si>
    <t>【哈电汽轮机】双头螺柱\(W)1.3/4*365\CCH01.083.001-1\600MW</t>
  </si>
  <si>
    <t>【哈电汽轮机】罩螺母\(W)1.3/4*105\CCH01.083.002-1\600MW</t>
  </si>
  <si>
    <t>【哈电汽轮机】凸型球面垫圈\(W)1.3/4\CCH01.083.003-1\600MW</t>
  </si>
  <si>
    <t>【哈电汽轮机】凹型球面垫圈\(W)1.3/4\CCH01.083.004-1\600MW</t>
  </si>
  <si>
    <t>【哈电汽轮机】平垫圈\(W)1.3/4\CCH01.083.005-1\600MW</t>
  </si>
  <si>
    <t>【哈电汽轮机】金属缠绕垫片\Φ486*435*4.5\CCH01.083.006-1\600MW</t>
  </si>
  <si>
    <t>【哈电汽轮机】螺钉\M20\CCH01.083.007-1\600MW</t>
  </si>
  <si>
    <t>【哈电汽轮机】特制螺栓\(W)2*314\CCH01.090.001-1\600MW</t>
  </si>
  <si>
    <t>【哈电汽轮机】罩螺母\(W)2/8*132\CCH01.090.002-1\600MW</t>
  </si>
  <si>
    <t>【哈电汽轮机】罩螺母\(W)1.5/8*122\CCH01.090.003-1\600MW</t>
  </si>
  <si>
    <t>【哈电汽轮机】平垫圈\(W)2\CCH01.090.004-1\600MW</t>
  </si>
  <si>
    <t>【哈电汽轮机】平垫圈\(W)1.5/8\CCH01.090.005-1\600MW</t>
  </si>
  <si>
    <t>【哈电汽轮机】特制螺栓\(W)1.5/8*238\CCH01.090.006-1\600MW</t>
  </si>
  <si>
    <t>【哈电汽轮机】顶起螺钉\M12*75*50\CCH01.090.007-1\600MW</t>
  </si>
  <si>
    <t>【哈电汽轮机】特制双头螺栓\(W)2*367\CCH01.096.001-1\600MW</t>
  </si>
  <si>
    <t>【哈电汽轮机】内六角罩螺母\(W)2*98\CCH01.096.002-1\600MW</t>
  </si>
  <si>
    <t>【哈电汽轮机】凸型球面垫圈\(W)2\CCH01.096.003-1\600MW</t>
  </si>
  <si>
    <t>【哈电汽轮机】凹型球面垫圈\(W)2\CCH01.096.004-1\600MW</t>
  </si>
  <si>
    <t>【哈电汽轮机】销\Φ25*60\CCH01.096.005-1\600MW</t>
  </si>
  <si>
    <t>【哈电汽轮机】调整垫片\CCH01.096.006-1\600MW</t>
  </si>
  <si>
    <t>【哈电汽轮机】调整垫片\CCH01.096.007-1\600MW</t>
  </si>
  <si>
    <t>【哈电汽轮机】调整垫片\CCH01.096.008-1\600MW</t>
  </si>
  <si>
    <t>【哈电汽轮机】内六角螺栓\M20*60\CCH01.096.009-1\600MW</t>
  </si>
  <si>
    <t>【哈电汽轮机】内六角螺栓\(W)1*45\CCH01.096.010-1\600MW</t>
  </si>
  <si>
    <t>【哈电汽轮机】内六角螺母\M20*44\CCH01.101.003-4\600MW</t>
  </si>
  <si>
    <t>【哈电汽轮机】六角头螺栓\M16*35\CCH01.105.2.005-4\600MW</t>
  </si>
  <si>
    <t>【哈电汽轮机】再热调节阀压力密封环\CCH01.306.1.006\600MW</t>
  </si>
  <si>
    <t>【哈电汽轮机】平头螺栓\CCH01.306.1.007\600MW</t>
  </si>
  <si>
    <t>【哈电汽轮机】内六角头螺栓\(W)7/8*82\CCH01.306.1.008\600MW</t>
  </si>
  <si>
    <t>【哈电汽轮机】凸型球面垫圈\(W)7/8\CCH01.306.1.009\600MW</t>
  </si>
  <si>
    <t>【哈电汽轮机】凹型球面垫圈\(W)7/8\CCH01.306.1.010\600MW</t>
  </si>
  <si>
    <t>【哈电汽轮机】内六角头螺栓\(W)1/2*32\CCH01.306.1.013\600MW</t>
  </si>
  <si>
    <t>【哈电汽轮机】螺钉\M20\CCH01.306.1.015\600MW</t>
  </si>
  <si>
    <t>【哈电汽轮机】衬套\CCH01.306.25.006\600MW</t>
  </si>
  <si>
    <t>【哈电汽轮机】专用螺母\CCH01.306.25.009\600MW</t>
  </si>
  <si>
    <t>【哈电汽轮机】开口销\8*80\CCH01.306.25.012\600MW</t>
  </si>
  <si>
    <t>【哈电汽轮机】止动器\CCH01.306.25.018\600MW</t>
  </si>
  <si>
    <t>【哈电汽轮机】内六角头螺栓\(W)5/8*72\CCH01.306.25.019\600MW</t>
  </si>
  <si>
    <t>【哈电汽轮机】再热主汽阀阀碟\CCH01.306.33Z\600MW</t>
  </si>
  <si>
    <t>【哈电汽轮机】键\CCH01.306.38Z\600MW</t>
  </si>
  <si>
    <t>【哈电汽轮机】键\CCH01.306.39Z\600MW</t>
  </si>
  <si>
    <t>【哈电汽轮机】缠绕垫圈\CCH01.306.52.008-1\600MW</t>
  </si>
  <si>
    <t>【哈电汽轮机】轴瓦顶轴油连接管\CCH01.554.2Z-1\600MW</t>
  </si>
  <si>
    <t>【哈电汽轮机】轴瓦顶轴油连接管\CCH01.554.3Z-1\600MW</t>
  </si>
  <si>
    <t>【哈电汽轮机】顶开螺钉\M24*280*210\CCH01A.301.1.001\600MW</t>
  </si>
  <si>
    <t>【哈电汽轮机】螺塞\M30\CCH01A.301.1.006\600MW</t>
  </si>
  <si>
    <t>【哈电汽轮机】螺塞\M30\CCH01A.301.1.007\600MW</t>
  </si>
  <si>
    <t>【哈电汽轮机】双头螺栓\(W)1*194\CCH01A.301.1.008\600MW</t>
  </si>
  <si>
    <t>【哈电汽轮机】螺母\(W)1\CCH01A.301.1.009\600MW</t>
  </si>
  <si>
    <t>【哈电汽轮机】内六角头螺栓\(W)1*60\CCH01A.301.1.010\600MW</t>
  </si>
  <si>
    <t>【哈电汽轮机】阀螺母\CCH01A.301.1.012\600MW</t>
  </si>
  <si>
    <t>【哈电汽轮机】缠绕垫片\Φ398*354×4.5\CCH01A.301.1.014\600MW</t>
  </si>
  <si>
    <t>【哈电汽轮机】弹簧\CCH01A.301.7.005\600MW</t>
  </si>
  <si>
    <t>【哈电汽轮机】阀螺母\CCH01A.301.7.006\600MW</t>
  </si>
  <si>
    <t>【哈电汽轮机】弹簧座\CCH01A.301.7.007\600MW</t>
  </si>
  <si>
    <t>【哈电汽轮机】主阀碟\CCH01A.301.7.008\600MW</t>
  </si>
  <si>
    <t>【哈电汽轮机】螺塞\M36\CCH01A.301.7.015\600MW</t>
  </si>
  <si>
    <t>【哈电汽轮机】螺塞\M36\CCH01A.301.7.016\600MW</t>
  </si>
  <si>
    <t>【哈电汽轮机】双头螺栓\(W)1*175\CCH01A.301.7.017\600MW</t>
  </si>
  <si>
    <t>【哈电汽轮机】罩螺母\(W)1*155\CCH01A.301.7.018\600MW</t>
  </si>
  <si>
    <t>【哈电汽轮机】凸型球面垫圈\(W)1\CCH01A.301.7.019\600MW</t>
  </si>
  <si>
    <t>【哈电汽轮机】凹型球面垫圈\(W)1\CCH01A.301.7.020\600MW</t>
  </si>
  <si>
    <t>【哈电汽轮机】内六角头螺栓\(W)5/8*65\CCH01A.301.7.022\600MW</t>
  </si>
  <si>
    <t>【哈电汽轮机】螺塞\CCH01A.301.7.023\600MW</t>
  </si>
  <si>
    <t>【哈电汽轮机】调整衬垫\CCH01A.301.7.024\600MW</t>
  </si>
  <si>
    <t>【哈电汽轮机】顶开螺钉\M30*380*120\CCH01A.301.7.028\600MW</t>
  </si>
  <si>
    <t>【哈电汽轮机】低－发对轮销子\CCHO1.273.004-2\600MW</t>
  </si>
  <si>
    <t>【哈电汽轮机】低－发对轮销子螺母\CCHO1.273.005-2\600MW</t>
  </si>
  <si>
    <t>【哈电汽轮机】活塞环\CH01.012.024\300MW</t>
  </si>
  <si>
    <t>【哈电汽轮机】密封环\CH01.012.029\600MW</t>
  </si>
  <si>
    <t>【哈电汽轮机】密封环\CH01.012.030\300MW</t>
  </si>
  <si>
    <t>【哈电汽轮机】密封环\CH01.012.031\600MW</t>
  </si>
  <si>
    <t>【哈电汽轮机】密封环\CH01.012.032\600MW</t>
  </si>
  <si>
    <t>【哈电汽轮机】压环\CH01.012.033\600MW</t>
  </si>
  <si>
    <t>【哈电汽轮机】压环\CH01.012.034\600MW</t>
  </si>
  <si>
    <t>【哈电汽轮机】内六角螺栓\M30*60\CH01.012.035\600MW</t>
  </si>
  <si>
    <t>【哈电汽轮机】内六角螺栓\M20*40\CH01.012.036\600MW</t>
  </si>
  <si>
    <t>【哈电汽轮机】上垫片\CH01.012.039\600MW</t>
  </si>
  <si>
    <t>【哈电汽轮机】下垫片\CH01.012.040\600MW</t>
  </si>
  <si>
    <t>【哈电汽轮机】内六角螺栓\M12*25\CH01.012.041\600MW</t>
  </si>
  <si>
    <t>【哈电汽轮机】内六角螺栓\W11/2"\CH01.012.042\600MW</t>
  </si>
  <si>
    <t>【哈电汽轮机】径向销\CH01.012.046\600MW</t>
  </si>
  <si>
    <t>【哈电汽轮机】支撑键\CH01.012.047\600MW</t>
  </si>
  <si>
    <t>【哈电汽轮机】垫片\CH01.012.048\600MW</t>
  </si>
  <si>
    <t>【哈电汽轮机】垫片\CH01.012.049\600MW</t>
  </si>
  <si>
    <t>【哈电汽轮机】内六角螺栓\M20*55\CH01.012.050\600MW</t>
  </si>
  <si>
    <t>【哈电汽轮机】内六角螺栓\M16*30\CH01.012.051\600MW</t>
  </si>
  <si>
    <t>【哈电汽轮机】径向销\CH01.012.060\600MW</t>
  </si>
  <si>
    <t>【哈电汽轮机】内六角螺栓\M20*45\CH01.012.064\600MW</t>
  </si>
  <si>
    <t>【哈电汽轮机】内六角螺栓\M12*30\CH01.012.070\600MW</t>
  </si>
  <si>
    <t>【哈电汽轮机】支撑键\CH01.012.073\600MW</t>
  </si>
  <si>
    <t>【哈电汽轮机】垫片\CH01.012.074\600MW</t>
  </si>
  <si>
    <t>【哈电汽轮机】垫片\CH01.012.075\600MW</t>
  </si>
  <si>
    <t>【哈电汽轮机】内六角螺钉\M16*65\CH01.012.076\600MW</t>
  </si>
  <si>
    <t>【哈电汽轮机】内六角螺钉\M12*25\CH01.012.077\600MW</t>
  </si>
  <si>
    <t>【哈电汽轮机】径向销\CH01.012.086\600MW</t>
  </si>
  <si>
    <t>【哈电汽轮机】径向销\CH01.013.024\600MW</t>
  </si>
  <si>
    <t>【哈电汽轮机】支撑键\CH01.013.025\600MW</t>
  </si>
  <si>
    <t>【哈电汽轮机】垫片\CH01.013.026\600MW</t>
  </si>
  <si>
    <t>【哈电汽轮机】垫片\CH01.013.027\600MW</t>
  </si>
  <si>
    <t>【哈电汽轮机】径向销\CH01.013.033\600MW</t>
  </si>
  <si>
    <t>【哈电汽轮机】支撑键\CH01.013.034\600MW</t>
  </si>
  <si>
    <t>【哈电汽轮机】垫片\CH01.013.035\600MW</t>
  </si>
  <si>
    <t>【哈电汽轮机】垫片\CH01.013.036\600MW</t>
  </si>
  <si>
    <t>【哈电汽轮机】内六角螺栓\CH01.013.050\600MW</t>
  </si>
  <si>
    <t>【哈电汽轮机】内六角螺栓\CH01.013.051\600MW</t>
  </si>
  <si>
    <t>【哈电汽轮机】内六角螺栓\W1*70\CH01.017.038\600MW</t>
  </si>
  <si>
    <t>【哈电汽轮机】销\CH01.017.039\600MW</t>
  </si>
  <si>
    <t>【哈电汽轮机】密封环\CH01.017.044\600MW</t>
  </si>
  <si>
    <t>【哈电汽轮机】密封环\CH01.017.045\600MW</t>
  </si>
  <si>
    <t>【哈电汽轮机】内六角螺栓\M12*25\CH01.017.051\600MW</t>
  </si>
  <si>
    <t>【哈电汽轮机】螺塞\M42\CH01.019.0102\600MW</t>
  </si>
  <si>
    <t>【哈电汽轮机】球面垫圈\W 2 1／2″\CH01.019.082\600MW</t>
  </si>
  <si>
    <t>【哈电汽轮机】球面垫圈\CH01.019.083\600MW</t>
  </si>
  <si>
    <t>【哈电汽轮机】球面垫圈\W 2″\CH01.019.084\600MW</t>
  </si>
  <si>
    <t>【哈电汽轮机】球面垫圈\W 2 1／4″\CH01.019.085\600MW</t>
  </si>
  <si>
    <t>【哈电汽轮机】球面垫圈\W 2 1／4″\CH01.019.086\600MW</t>
  </si>
  <si>
    <t>【哈电汽轮机】球面垫圈\W 2 3／4″\CH01.019.087\600MW</t>
  </si>
  <si>
    <t>【哈电汽轮机】球面垫圈\W 2 3／4″\CH01.019.088\600MW</t>
  </si>
  <si>
    <t>【哈电汽轮机】球面垫圈\W 1 1／2″\CH01.019.089\600MW</t>
  </si>
  <si>
    <t>【哈电汽轮机】球面垫圈\W 1 1／2″\CH01.019.090\600MW</t>
  </si>
  <si>
    <t>【哈电汽轮机】球面垫圈\W 1 3／8″\CH01.019.091\600MW</t>
  </si>
  <si>
    <t>【哈电汽轮机】球面垫圈\W 1 3／8″\CH01.019.092\600MW</t>
  </si>
  <si>
    <t>【哈电汽轮机】球面垫圈\W 3″\CH01.019.093\600MW</t>
  </si>
  <si>
    <t>【哈电汽轮机】球面垫圈\W 3″\CH01.019.094\600MW</t>
  </si>
  <si>
    <t>【哈电汽轮机】平垫圈\W5"\CH01.019.100\600MW</t>
  </si>
  <si>
    <t>【哈电汽轮机】螺塞\M36\CH01.019.101\600MW</t>
  </si>
  <si>
    <t>【哈电汽轮机】螺塞\M42\CH01.019.102\600MW</t>
  </si>
  <si>
    <t>【哈电汽轮机】螺塞\M56\CH01.019.103\600MW</t>
  </si>
  <si>
    <t>【哈电汽轮机】螺栓\M30\CH01.019.104\600MW</t>
  </si>
  <si>
    <t>【哈电汽轮机】螺塞\M30\CH01.019.105\600MW</t>
  </si>
  <si>
    <t>【哈电汽轮机】螺塞\M36\CH01.019.106\600MW</t>
  </si>
  <si>
    <t>【哈电汽轮机】键\CH01.019.107\600MW</t>
  </si>
  <si>
    <t>【哈电汽轮机】键\CH01.019.108\600MW</t>
  </si>
  <si>
    <t>【哈电汽轮机】键\CH01.019.111\600MW</t>
  </si>
  <si>
    <t>【哈电汽轮机】汽封片\CH01.040.049\600MW</t>
  </si>
  <si>
    <t>【哈电汽轮机】汽封片\CH01.040.074\600MW</t>
  </si>
  <si>
    <t>【哈电汽轮机】汽封片\CH01.040.075\600MW</t>
  </si>
  <si>
    <t>【哈电汽轮机】汽封片\CH01.040.076\600MW</t>
  </si>
  <si>
    <t>【哈电汽轮机】汽封片\CH01.040.077\600MW</t>
  </si>
  <si>
    <t>【哈电汽轮机】汽封片\CH01.040.078\600MW</t>
  </si>
  <si>
    <t>【哈电汽轮机】汽封片\CH01.040.079\600MW</t>
  </si>
  <si>
    <t>【哈电汽轮机】密封条\CH01.041.001-28\300MW</t>
  </si>
  <si>
    <t>【哈电汽轮机】双头螺栓\CH01.041.2Z-28\300MW</t>
  </si>
  <si>
    <t>【哈电汽轮机】瓦块\CH01.050.003\600MW</t>
  </si>
  <si>
    <t>【哈电汽轮机】瓦块\CH01.050.005\600MW</t>
  </si>
  <si>
    <t>【哈电汽轮机】瓦块\CH01.050.011\600MW</t>
  </si>
  <si>
    <t>【哈电汽轮机】瓦块\CH01.050.013\600MW</t>
  </si>
  <si>
    <t>【哈电汽轮机】套筒\CH01.050.015\600MW</t>
  </si>
  <si>
    <t>【哈电汽轮机】上半油封环体\CH01.050.017\600MW</t>
  </si>
  <si>
    <t>【哈电汽轮机】下半油封环体\CH01.050.018\600MW</t>
  </si>
  <si>
    <t>【哈电汽轮机】连接螺母\CH01.050.022\600MW</t>
  </si>
  <si>
    <t>【哈电汽轮机】球面垫铁\CH01.050.024\600MW</t>
  </si>
  <si>
    <t>【哈电汽轮机】止动销\CH01.050.025\600MW</t>
  </si>
  <si>
    <t>【哈电汽轮机】圆柱销\CH01.050.026\600MW</t>
  </si>
  <si>
    <t>【哈电汽轮机】垫片\CH01.050.027\600MW</t>
  </si>
  <si>
    <t>【哈电汽轮机】垫块\CH01.050.032\600MW</t>
  </si>
  <si>
    <t>【哈电汽轮机】支持销\CH01.050.033\600MW</t>
  </si>
  <si>
    <t>【哈电汽轮机】支持销\CH01.050.034\600MW</t>
  </si>
  <si>
    <t>【哈电汽轮机】圆柱销\CH01.050.035\600MW</t>
  </si>
  <si>
    <t>【哈电汽轮机】弹簧\CH01.050.036\600MW</t>
  </si>
  <si>
    <t>【哈电汽轮机】油封环体\CH01.050.4Z\600MW</t>
  </si>
  <si>
    <t>【哈电汽轮机】支持轴承\CH01.050Z\600MW</t>
  </si>
  <si>
    <t>【哈电汽轮机】瓦块\CH01.052.003\600MW</t>
  </si>
  <si>
    <t>【哈电汽轮机】瓦块\CH01.052.005\600MW</t>
  </si>
  <si>
    <t>【哈电汽轮机】上半环体\CH01.052.007\600MW</t>
  </si>
  <si>
    <t>【哈电汽轮机】瓦块\CH01.052.013\600MW</t>
  </si>
  <si>
    <t>【哈电汽轮机】套筒\CH01.052.015\600MW</t>
  </si>
  <si>
    <t>【哈电汽轮机】上半油封环体\CH01.052.017\600MW</t>
  </si>
  <si>
    <t>【哈电汽轮机】下半油封环体\CH01.052.018\600MW</t>
  </si>
  <si>
    <t>【哈电汽轮机】止动销\CH01.052.022\600MW</t>
  </si>
  <si>
    <t>【哈电汽轮机】圆柱销\CH01.052.023\600MW</t>
  </si>
  <si>
    <t>【哈电汽轮机】支持销\CH01.052.025\600MW</t>
  </si>
  <si>
    <t>【哈电汽轮机】支持销\CH01.052.026\600MW</t>
  </si>
  <si>
    <t>【哈电汽轮机】圆柱销\CH01.052.027\600MW</t>
  </si>
  <si>
    <t>【哈电汽轮机】油封环体\CH01.052.4Z\600MW</t>
  </si>
  <si>
    <t>【哈电汽轮机】油封\CH01.053.043\600MW</t>
  </si>
  <si>
    <t>【哈电汽轮机】特制螺钉\CH01.061.130\600MW</t>
  </si>
  <si>
    <t>【哈电汽轮机】六角螺母\(W)1 1/4"\CH01.061.135\600MW</t>
  </si>
  <si>
    <t>【哈电汽轮机】六角带孔螺钉\M24*120\CH01.061.136\600MW</t>
  </si>
  <si>
    <t>【哈电汽轮机】内六角螺栓\M6*16\CH01.061.137\600MW</t>
  </si>
  <si>
    <t>【哈电汽轮机】螺栓\M36*3*450\CH01.061.144\600MW</t>
  </si>
  <si>
    <t>【哈电汽轮机】螺栓\M36*3*300\CH01.061.145\600MW</t>
  </si>
  <si>
    <t>【哈电汽轮机】止动螺钉\M30\CH01.061.146\600MW</t>
  </si>
  <si>
    <t>【哈电汽轮机】法兰\CH01.061.181\600MW</t>
  </si>
  <si>
    <t>【哈电汽轮机】螺栓\M36*140\CH01.061.183\600MW</t>
  </si>
  <si>
    <t>【哈电汽轮机】内六角螺栓\M5*10\CH01.061.184\600MW</t>
  </si>
  <si>
    <t>【哈电汽轮机】止动螺钉\M6*16\CH01.061.186\600MW</t>
  </si>
  <si>
    <t>【哈电汽轮机】六角螺母\(W)2.1/2\CH01.061.196\600MW</t>
  </si>
  <si>
    <t>【哈电汽轮机】管接头\NPT1/4\CH01.061.198\600MW</t>
  </si>
  <si>
    <t>【哈电汽轮机】异径管接头\NPT1/4\CH01.061.200\600MW</t>
  </si>
  <si>
    <t>【哈电汽轮机】内六角螺栓\M12*35\CH01.061.204\600MW</t>
  </si>
  <si>
    <t>【哈电汽轮机】螺栓\M10*16\CH01.061.205\600MW</t>
  </si>
  <si>
    <t>【哈电汽轮机】销\25*50\CH01.061.206\600MW</t>
  </si>
  <si>
    <t>【哈电汽轮机】螺栓\M24*120\CH01.061.207\600MW</t>
  </si>
  <si>
    <t>【哈电汽轮机】管\L=665\CH01.061.227\600MW</t>
  </si>
  <si>
    <t>【哈电汽轮机】金属软管\CH01.061.25Z\600MW</t>
  </si>
  <si>
    <t>【哈电汽轮机】支撑键\CH01.065.057\600MW</t>
  </si>
  <si>
    <t>【哈电汽轮机】定位销\Φ13*90\CH01.065.064\600MW</t>
  </si>
  <si>
    <t>【哈电汽轮机】内六角螺钉\M24*14\CH01.065.065\600MW</t>
  </si>
  <si>
    <t>【哈电汽轮机】垫片\t=0.8\CH01.065.067\600MW</t>
  </si>
  <si>
    <t>【哈电汽轮机】偏心套\CH01.065.068\600MW</t>
  </si>
  <si>
    <t>【哈电汽轮机】偏心销\CH01.065.069\600MW</t>
  </si>
  <si>
    <t>【哈电汽轮机】球面垫圈\1″\CH01.065.073\600MW</t>
  </si>
  <si>
    <t>【哈电汽轮机】球面垫圈\1″\CH01.065.074\600MW</t>
  </si>
  <si>
    <t>【哈电汽轮机】顶起螺钉\CH01.065.075\600MW</t>
  </si>
  <si>
    <t>【哈电汽轮机】销\CH01.065.080\600MW</t>
  </si>
  <si>
    <t>【哈电汽轮机】销\CH01.065.081\600MW</t>
  </si>
  <si>
    <t>【哈电汽轮机】销\CH01.065.082\600MW</t>
  </si>
  <si>
    <t>【哈电汽轮机】垫片\CH01.065.083\600MW</t>
  </si>
  <si>
    <t>【哈电汽轮机】内六角螺栓\CH01.066.038\600MW</t>
  </si>
  <si>
    <t>【哈电汽轮机】后端部汽封垫片\0.8MM\CH01.066.050\600MW</t>
  </si>
  <si>
    <t>【哈电汽轮机】球面垫圈\3／4″\CH01.066.054\600MW</t>
  </si>
  <si>
    <t>【哈电汽轮机】球面垫圈\3／4″\CH01.066.055\600MW</t>
  </si>
  <si>
    <t>【哈电汽轮机】顶起螺钉\CH01.066.056\600MW</t>
  </si>
  <si>
    <t>【哈电汽轮机】止动螺钉\M6*25\CH01.066.058\600MW</t>
  </si>
  <si>
    <t>【哈电汽轮机】销\L=73\CH01.066.059\600MW</t>
  </si>
  <si>
    <t>【哈电汽轮机】销\L=180\CH01.066.060\600MW</t>
  </si>
  <si>
    <t>【哈电汽轮机】垫片\CH01.066.061\600MW</t>
  </si>
  <si>
    <t>【哈电汽轮机】内六角螺栓\CH01.066.062\600MW</t>
  </si>
  <si>
    <t>【哈电汽轮机】汽封圈\CH01.071.023\600MW</t>
  </si>
  <si>
    <t>【哈电汽轮机】汽封圈\CH01.071.024\600MW</t>
  </si>
  <si>
    <t>【哈电汽轮机】螺钉\CH01.071.029\600MW</t>
  </si>
  <si>
    <t>【哈电汽轮机】止动销\CH01.071.030\600MW</t>
  </si>
  <si>
    <t>【哈电汽轮机】板弹簧\CH01.071.031\600MW</t>
  </si>
  <si>
    <t>【哈电汽轮机】板弹簧\CH01.071.032\600MW</t>
  </si>
  <si>
    <t>【哈电汽轮机】销\CH01.071.033\600MW</t>
  </si>
  <si>
    <t>【哈电汽轮机】汽封圈\CH01.072.021\600MW</t>
  </si>
  <si>
    <t>【哈电汽轮机】销\CH01.072.022\600MW</t>
  </si>
  <si>
    <t>【哈电汽轮机】油封片\CH01.077.004\600MW</t>
  </si>
  <si>
    <t>【哈电汽轮机】球面垫圈\W2 1／2″\CH01.081.018\600MW</t>
  </si>
  <si>
    <t>【哈电汽轮机】球面垫圈\W2 1／2″\CH01.081.019\600MW</t>
  </si>
  <si>
    <t>【哈电汽轮机】垫圈\W2 1／2″\CH01.081.020\600MW</t>
  </si>
  <si>
    <t>【哈电汽轮机】球面垫圈\W 1 3／4″\CH01.083.022\600MW</t>
  </si>
  <si>
    <t>【哈电汽轮机】球面垫圈\W 1 3／4″\CH01.083.023\600MW</t>
  </si>
  <si>
    <t>【哈电汽轮机】垫圈\W 1 3／4″\CH01.083.024\600MW</t>
  </si>
  <si>
    <t>【哈电汽轮机】止动销\CH01.101.008-2\600MW</t>
  </si>
  <si>
    <t>【哈电汽轮机】止动销\CH01.102.007-2\600MW</t>
  </si>
  <si>
    <t>【哈电汽轮机】止动销\CH01.104.007-2\600MW</t>
  </si>
  <si>
    <t>【哈电汽轮机】止动销\CH01.121.011-2\600MW</t>
  </si>
  <si>
    <t>【哈电汽轮机】弹簧\CH01.136.015\300MW</t>
  </si>
  <si>
    <t>【哈电汽轮机】减速齿轮\CH01.178.003\600MW</t>
  </si>
  <si>
    <t>【哈电汽轮机】锁紧件\CH01.207.001\600MW</t>
  </si>
  <si>
    <t>【哈电汽轮机】锁紧件\CH01.207.002\600MW</t>
  </si>
  <si>
    <t>【哈电汽轮机】固定垫片\CH01.207.003\600MW</t>
  </si>
  <si>
    <t>【哈电汽轮机】固定垫片\CH01.207.004\600MW</t>
  </si>
  <si>
    <t>【哈电汽轮机】平衡塞\CH01.271.002\600MW</t>
  </si>
  <si>
    <t>【哈电汽轮机】平衡塞\CH01.271.003\600MW</t>
  </si>
  <si>
    <t>【哈电汽轮机】螺母\CH01.271.006\600MW</t>
  </si>
  <si>
    <t>【哈电汽轮机】顶起螺钉\CH01.271.007\600MW</t>
  </si>
  <si>
    <t>【哈电汽轮机】临时螺栓\CH01.271.008\600MW</t>
  </si>
  <si>
    <t>【哈电汽轮机】垫片\CH01.271.009\600MW</t>
  </si>
  <si>
    <t>【哈电汽轮机】盘车大齿轮\CH01.274.102\600MW</t>
  </si>
  <si>
    <t>【哈电汽轮机】垫圈\CH01.277.006\600MW</t>
  </si>
  <si>
    <t>【哈电汽轮机】支架\CH01.289.008\600MW</t>
  </si>
  <si>
    <t>【哈电汽轮机】支架\CH01.289.009\600MW</t>
  </si>
  <si>
    <t>【哈电汽轮机】阀杆\CH01.301.0109\600MW</t>
  </si>
  <si>
    <t>【哈电汽轮机】摇臂\CH01.306.3Z\600MW</t>
  </si>
  <si>
    <t>【哈电汽轮机】弹簧\内\CH01.307.008\600MW</t>
  </si>
  <si>
    <t>【哈电汽轮机】弹簧\外\CH01.307.009\600MW</t>
  </si>
  <si>
    <t>【哈电汽轮机】法兰\CH01.307.010\600MW</t>
  </si>
  <si>
    <t>【哈电汽轮机】弹簧调定螺母\CH01.307.012\600MW</t>
  </si>
  <si>
    <t>【哈电汽轮机】调整垫\CH01.307.013\600MW</t>
  </si>
  <si>
    <t>【哈电汽轮机】弹簧座\CH01.307.014\600MW</t>
  </si>
  <si>
    <t>【哈电汽轮机】特制螺栓\M16*155\CH01.307.015\600MW</t>
  </si>
  <si>
    <t>【哈电汽轮机】球面垫圈\CH01.307.016\600MW</t>
  </si>
  <si>
    <t>【哈电汽轮机】球面垫圈\CH01.307.017\600MW</t>
  </si>
  <si>
    <t>【哈电汽轮机】套筒\CH01.307.018\600MW</t>
  </si>
  <si>
    <t>【哈电汽轮机】销\CH01.318.011\600MW</t>
  </si>
  <si>
    <t>【哈电汽轮机】销\CH01.318.012\600MW</t>
  </si>
  <si>
    <t>【哈电汽轮机】销\CH01.318.013\600MW</t>
  </si>
  <si>
    <t>【哈电汽轮机】销\CH01.318.014\600MW</t>
  </si>
  <si>
    <t>【哈电汽轮机】垫圈\CH01.318.015\600MW</t>
  </si>
  <si>
    <t>【哈电汽轮机】垫圈\CH01.318.016\600MW</t>
  </si>
  <si>
    <t>【哈电汽轮机】弹簧座盖\CH01.318.017\600MW</t>
  </si>
  <si>
    <t>【哈电汽轮机】螺栓\CH01.318.018\600MW</t>
  </si>
  <si>
    <t>【哈电汽轮机】螺栓\CH01.318.019\600MW</t>
  </si>
  <si>
    <t>【哈电汽轮机】球面垫圈\CH01.318.020\600MW</t>
  </si>
  <si>
    <t>【哈电汽轮机】球面垫圈\CH01.318.021\600MW</t>
  </si>
  <si>
    <t>【哈电汽轮机】双头螺栓\CH01.318.022\600MW</t>
  </si>
  <si>
    <t>【哈电汽轮机】螺母\CH01.318.023\600MW</t>
  </si>
  <si>
    <t>【哈电汽轮机】双头螺栓\CH01.318.024\600MW</t>
  </si>
  <si>
    <t>【哈电汽轮机】螺母\CH01.318.025\600MW</t>
  </si>
  <si>
    <t>【哈电汽轮机】球面垫片\CH01.318.026\600MW</t>
  </si>
  <si>
    <t>【哈电汽轮机】球面垫片\CH01.318.027\600MW</t>
  </si>
  <si>
    <t>【哈电汽轮机】联轴器\CH01.318.029\600MW</t>
  </si>
  <si>
    <t>【哈电汽轮机】专用螺母\CH01.318.030\600MW</t>
  </si>
  <si>
    <t>【哈电汽轮机】螺栓\CH01.318.031\600MW</t>
  </si>
  <si>
    <t>【哈电汽轮机】直销\CH01.318.032\600MW</t>
  </si>
  <si>
    <t>【哈电汽轮机】球面垫圈\CH01.318.033\600MW</t>
  </si>
  <si>
    <t>【哈电汽轮机】球面垫圈\CH01.318.034\600MW</t>
  </si>
  <si>
    <t>【哈电汽轮机】垫圈\CH01.318.035\600MW</t>
  </si>
  <si>
    <t>【哈电汽轮机】销\CH01.318.036\600MW</t>
  </si>
  <si>
    <t>【哈电汽轮机】套\CH01.318.037\600MW</t>
  </si>
  <si>
    <t>【哈电汽轮机】弹簧座盖\CH01.318.038\600MW</t>
  </si>
  <si>
    <t>【哈电汽轮机】弹簧座(下部)\CH01.318.039\600MW</t>
  </si>
  <si>
    <t>【哈电汽轮机】套筒\CH01.318.040\600MW</t>
  </si>
  <si>
    <t>【哈电汽轮机】弹簧\CH01.318.041\600MW</t>
  </si>
  <si>
    <t>【哈电汽轮机】弹簧\CH01.318.042\600MW</t>
  </si>
  <si>
    <t>【哈电汽轮机】弹簧\CH01.318.043\600MW</t>
  </si>
  <si>
    <t>【哈电汽轮机】衬套\CH01.318.046\600MW</t>
  </si>
  <si>
    <t>【哈电汽轮机】接头\CH01.318.049\600MW</t>
  </si>
  <si>
    <t>【哈电汽轮机】套筒\CH01.318.051\600MW</t>
  </si>
  <si>
    <t>【哈电汽轮机】衬套\CH01.318.052\600MW</t>
  </si>
  <si>
    <t>【哈电汽轮机】衬套\CH01.318.053\600MW</t>
  </si>
  <si>
    <t>【哈电汽轮机】双头螺栓\CH01.318.056\600MW</t>
  </si>
  <si>
    <t>【哈电汽轮机】螺母\M39\CH01.318.057\600MW</t>
  </si>
  <si>
    <t>【哈电汽轮机】弹簧垫圈\CH01.318.058\600MW</t>
  </si>
  <si>
    <t>【哈电汽轮机】弹簧座\CH01.319.004\600MW</t>
  </si>
  <si>
    <t>【哈电汽轮机】专用螺母\CH01.319.020\600MW</t>
  </si>
  <si>
    <t>【哈电汽轮机】球面垫圈\CH01.319.021\600MW</t>
  </si>
  <si>
    <t>【哈电汽轮机】球面垫圈\CH01.319.022\600MW</t>
  </si>
  <si>
    <t>【哈电汽轮机】连接器\CH01.319.023\600MW</t>
  </si>
  <si>
    <t>【哈电汽轮机】隔套\CH01.319.025\600MW</t>
  </si>
  <si>
    <t>【哈电汽轮机】销\6*95\CH01.319.026\600MW</t>
  </si>
  <si>
    <t>【哈电汽轮机】销\6*98\CH01.319.027\600MW</t>
  </si>
  <si>
    <t>【哈电汽轮机】垫圈\CH01.319.028\600MW</t>
  </si>
  <si>
    <t>【哈电汽轮机】推力垫圈\CH01.319.029\600MW</t>
  </si>
  <si>
    <t>【哈电汽轮机】推力垫圈\CH01.319.034\600MW</t>
  </si>
  <si>
    <t>【哈电汽轮机】螺钉\M24*70\CH01.319.035\600MW</t>
  </si>
  <si>
    <t>【哈电汽轮机】内六角螺栓\M12*25\CH02.013.018\300MW</t>
  </si>
  <si>
    <t>【哈电汽轮机】弹簧\CH02.017.023\300MW</t>
  </si>
  <si>
    <t>【哈电汽轮机】双头螺柱\M90*3*720\CH02.019.001\300MW</t>
  </si>
  <si>
    <t>【哈电汽轮机】定位双头螺栓\Φ95*1010\CH02.019.002\300MW</t>
  </si>
  <si>
    <t>【哈电汽轮机】内六角螺栓\CH02.037.023\300MW</t>
  </si>
  <si>
    <t>【哈电汽轮机】内六角螺栓\CH02.038.107\300MW</t>
  </si>
  <si>
    <t>【哈电汽轮机】内六角螺栓\M20*45\CH02.038.108\300MW</t>
  </si>
  <si>
    <t>【哈电汽轮机】键\CH02.039.003\300MW</t>
  </si>
  <si>
    <t>【哈电汽轮机】内六角螺钉\CH02.096.018\300MW</t>
  </si>
  <si>
    <t>【哈电汽轮机】螺钉\CH02.102.4.007-2\600MW</t>
  </si>
  <si>
    <t>【哈电汽轮机】组合垫片\CH02.113.4.004-2\600MW</t>
  </si>
  <si>
    <t>【哈电汽轮机】套筒\CH02.301.019\300MW</t>
  </si>
  <si>
    <t>【哈电汽轮机】套筒\CH02.301.021\300MW</t>
  </si>
  <si>
    <t>【哈电汽轮机】双头螺栓\CH02.301.043\300MW</t>
  </si>
  <si>
    <t>【哈电汽轮机】螺母\CH02.301.044\300MW</t>
  </si>
  <si>
    <t>【哈电汽轮机】锥螺纹内六角螺钉\CH02.301.045\300MW</t>
  </si>
  <si>
    <t>【哈电汽轮机】双头螺栓\CH02.301.046\300MW</t>
  </si>
  <si>
    <t>【哈电汽轮机】销\CH02.301.10\300MW</t>
  </si>
  <si>
    <t>【哈电汽轮机】主汽阀阀座\CH02.301.11Z\300MW</t>
  </si>
  <si>
    <t>【哈电汽轮机】阀芯(右)\CH02.301.14Z\300MW</t>
  </si>
  <si>
    <t>【哈电汽轮机】阀芯(左)\CH02.301.6Z\300MW</t>
  </si>
  <si>
    <t>【哈电汽轮机】键\CH02.306.004\300MW</t>
  </si>
  <si>
    <t>【哈电汽轮机】键\CH02.306.005\300MW</t>
  </si>
  <si>
    <t>【哈电汽轮机】套筒\CH02.306.010\300MW</t>
  </si>
  <si>
    <t>【哈电汽轮机】轴\CH02.306.011\300MW</t>
  </si>
  <si>
    <t>【哈电汽轮机】轴\CH02.306.012\300MW</t>
  </si>
  <si>
    <t>【哈电汽轮机】止动销\CH02.311.012\300MW</t>
  </si>
  <si>
    <t>【哈电汽轮机】阀芯(右)\CH02.311.1Z\300MW</t>
  </si>
  <si>
    <t>【哈电汽轮机】阀芯(左)\CH02.311.2Z\300MW</t>
  </si>
  <si>
    <t>【哈电汽轮机】六角螺栓\M16*80\CH02.501.013\300MW</t>
  </si>
  <si>
    <t>【哈电汽轮机】EH油压低试验装置\600MW\CH02.755.1Z</t>
  </si>
  <si>
    <t>【哈电汽轮机】轴承油压低试验装置\CH02.755.2Z\600MW</t>
  </si>
  <si>
    <t>【哈电汽轮机】冷油器低真空试验装置\CH02.755.3Z\600MW</t>
  </si>
  <si>
    <t>【哈电汽轮机】双头螺柱\M36*90\GB/T898-88\300MW</t>
  </si>
  <si>
    <t>【哈电汽轮机】六角头螺栓\M8*16\GB5783-86\300MW</t>
  </si>
  <si>
    <t>【哈电汽轮机】双头螺柱\M24*60\GB898-88\300MW</t>
  </si>
  <si>
    <t>【哈电汽轮机】垫圈\H01.027.056\300MW</t>
  </si>
  <si>
    <t>【哈电汽轮机】垫圈\H01.027.063\300MW</t>
  </si>
  <si>
    <t>【哈电汽轮机】垫圈\H01.027.070\300MW</t>
  </si>
  <si>
    <t>【哈电汽轮机】圆柱销\12\H01.053.002\600MW</t>
  </si>
  <si>
    <t>【哈电汽轮机】止动销\H01.053.004\600MW</t>
  </si>
  <si>
    <t>【哈电汽轮机】调整垫片\δ＝0.08\H01.053.006\600MW</t>
  </si>
  <si>
    <t>【哈电汽轮机】弹簧\H01.053.032\600MW</t>
  </si>
  <si>
    <t>【哈电汽轮机】调整垫块\H01.053.036\600MW</t>
  </si>
  <si>
    <t>【哈电汽轮机】垫块\H01.053.037\600MW</t>
  </si>
  <si>
    <t>【哈电汽轮机】支持销\H01.053.038\600MW</t>
  </si>
  <si>
    <t>【哈电汽轮机】带孔垫片\H01.053.039\600MW</t>
  </si>
  <si>
    <t>【哈电汽轮机】止动销\H01.136.028\600MW</t>
  </si>
  <si>
    <t>【哈电汽轮机】蜗杆\H01.178.007\600MW</t>
  </si>
  <si>
    <t>【哈电汽轮机】涡轮轴\H01.178.008\600MW</t>
  </si>
  <si>
    <t>【哈电汽轮机】惰轮\H01.178.009\600MW</t>
  </si>
  <si>
    <t>【哈电汽轮机】齿轮\H01.178.010\600MW</t>
  </si>
  <si>
    <t>【哈电汽轮机】链轮\H01.178.013\600MW</t>
  </si>
  <si>
    <t>【哈电汽轮机】主动链轮\H01.178.014\600MW</t>
  </si>
  <si>
    <t>【哈电汽轮机】键\H01.178.019\600MW</t>
  </si>
  <si>
    <t>【哈电汽轮机】键\H01.178.020\600MW</t>
  </si>
  <si>
    <t>【哈电汽轮机】键\H01.178.021\600MW</t>
  </si>
  <si>
    <t>【哈电汽轮机】齿轮与轴\H01.178.4Z\600MW</t>
  </si>
  <si>
    <t>【哈电汽轮机】蜗轮\H01.178.5Z\600MW</t>
  </si>
  <si>
    <t>【哈电汽轮机】销\K01B.012.10.001\600MW</t>
  </si>
  <si>
    <t>【哈电汽轮机】内六角螺栓\M24*55\K01B.012.5.007\600MW</t>
  </si>
  <si>
    <t>【哈电汽轮机】活塞环\φ210\K01B.012.7.002\600MW</t>
  </si>
  <si>
    <t>【哈电汽轮机】衬套\K01B.012.8.002\600MW</t>
  </si>
  <si>
    <t>【哈电汽轮机】销\φ6*25\K01B.012.8.003\600MW</t>
  </si>
  <si>
    <t>【哈电汽轮机】螺柱\M42*345\K01B.301.097\600MW</t>
  </si>
  <si>
    <t>【哈电汽轮机】螺柱\M72*420\K01B.301.104\600MW</t>
  </si>
  <si>
    <t>【哈电汽轮机】偏心套筒\K01B.301.105\600MW</t>
  </si>
  <si>
    <t>【哈电汽轮机】偏心套筒\K01B.301.106\600MW</t>
  </si>
  <si>
    <t>【哈电汽轮机】偏心套筒\K01B.301.107\600MW</t>
  </si>
  <si>
    <t>【哈电汽轮机】套筒\K01B.301.108\600MW</t>
  </si>
  <si>
    <t>【哈电汽轮机】螺柱\M48*135\K01B.301.110\600MW</t>
  </si>
  <si>
    <t>【哈电汽轮机】罩螺母\M72*3\K01B.301.111\600MW</t>
  </si>
  <si>
    <t>【哈电汽轮机】罩螺母\M72*3\K01B.301.112\600MW</t>
  </si>
  <si>
    <t>【哈电汽轮机】螺母\M60*3\K01B.301.113\600MW</t>
  </si>
  <si>
    <t>【哈电汽轮机】螺柱\M48*108\K01B.301.114\600MW</t>
  </si>
  <si>
    <t>【哈电汽轮机】套筒\K01B.301.115\600MW</t>
  </si>
  <si>
    <t>【哈电汽轮机】套筒\K01B.301.116\600MW</t>
  </si>
  <si>
    <t>【哈电汽轮机】套筒\K01B.301.117\600MW</t>
  </si>
  <si>
    <t>【哈电汽轮机】套筒\K01B.301.118\600MW</t>
  </si>
  <si>
    <t>【哈电汽轮机】销\K01B.301.119\600MW</t>
  </si>
  <si>
    <t>【哈电汽轮机】螺塞\M24\K01B.301.120\600MW</t>
  </si>
  <si>
    <t>【哈电汽轮机】六角螺母\M20\K01B.301.149\600MW</t>
  </si>
  <si>
    <t>【哈电汽轮机】双头螺柱\M20*160\K01B.301.150\600MW</t>
  </si>
  <si>
    <t>【哈电汽轮机】六角螺母\M27\K01B.301.153\600MW</t>
  </si>
  <si>
    <t>【哈电汽轮机】双头螺柱\M27*160\K01B.301.154\600MW</t>
  </si>
  <si>
    <t>【哈电汽轮机】螺柱\M30*400\K01B.301.155\600MW</t>
  </si>
  <si>
    <t>【哈电汽轮机】定位螺柱\M33\K01B.302.004\600MW</t>
  </si>
  <si>
    <t>【哈电汽轮机】套筒\K01B.302.005\600MW</t>
  </si>
  <si>
    <t>【哈电汽轮机】连接轴\K01B.302.006\600MW</t>
  </si>
  <si>
    <t>【哈电汽轮机】特制螺栓\K01B.302.007\600MW</t>
  </si>
  <si>
    <t>【哈电汽轮机】特制垫圈\K01B.302.008\600MW</t>
  </si>
  <si>
    <t>【哈电汽轮机】止推垫圈\K01B.302.009\600MW</t>
  </si>
  <si>
    <t>【哈电汽轮机】套筒\K01B.302.016\600MW</t>
  </si>
  <si>
    <t>【哈电汽轮机】套筒\K01B.302.017\600MW</t>
  </si>
  <si>
    <t>【哈电汽轮机】螺栓\K01B.302.019\600MW</t>
  </si>
  <si>
    <t>【哈电汽轮机】轴套\K01B.302.022\600MW</t>
  </si>
  <si>
    <t>【哈电汽轮机】连接销\K01B.302.023\600MW</t>
  </si>
  <si>
    <t>【哈电汽轮机】螺柱\M33*110\K01B.302.024\600MW</t>
  </si>
  <si>
    <t>【哈电汽轮机】螺母\M33\K01B.302.025\600MW</t>
  </si>
  <si>
    <t>【哈电汽轮机】定位销\K01B.302.028\600MW</t>
  </si>
  <si>
    <t>【哈电汽轮机】弹簧片\K01B.302.031\600MW</t>
  </si>
  <si>
    <t>【哈电汽轮机】套筒\K01B.302.033\600MW</t>
  </si>
  <si>
    <t>【哈电汽轮机】垫片\K02.091.006\300MW</t>
  </si>
  <si>
    <t>【哈电汽轮机】销\K02.135.004\300MW</t>
  </si>
  <si>
    <t>【哈电汽轮机】定位双头螺柱\CH02.037.004\300MW</t>
  </si>
  <si>
    <t>【哈电汽轮机】罩螺母\CH02.037.011\300MW</t>
  </si>
  <si>
    <t>【哈电汽轮机】罩螺母\CH02.037.013\300MW</t>
  </si>
  <si>
    <t>【哈电汽轮机】汽封片\CH02.039.037\300MW</t>
  </si>
  <si>
    <t>【哈电汽轮机】汽封片\CH02.039.038\300MW</t>
  </si>
  <si>
    <t>【哈电汽轮机】锁紧片\CH02.096.005\300MW</t>
  </si>
  <si>
    <t>【哈电汽轮机】填片\CH02.096.006\300MW</t>
  </si>
  <si>
    <t>【哈电汽轮机】汽封片弧段\CHK02.037.007\300MW</t>
  </si>
  <si>
    <t>【哈电汽轮机】汽封片弧段\CHK02.037.010\300MW</t>
  </si>
  <si>
    <t>【哈电汽轮机】塞紧条\CHK02.037.011\300MW</t>
  </si>
  <si>
    <t>【哈电汽轮机】汽封片弧段\CHK02.037.033\300MW</t>
  </si>
  <si>
    <t>【哈电汽轮机】汽封片弧段\CHK02.037.034\300MW</t>
  </si>
  <si>
    <t>【哈电汽轮机】塞紧条\CHK02.037.035\300MW</t>
  </si>
  <si>
    <t>【哈电汽轮机】汽封片弧段\CHK02.037.036\300MW</t>
  </si>
  <si>
    <t>【哈电汽轮机】汽封片弧段\CHK02.037.037\300MW</t>
  </si>
  <si>
    <t>【哈电汽轮机】塞紧条\CHK02.037.038\300MW</t>
  </si>
  <si>
    <t>【哈电汽轮机】汽封圈弧段\CHK02.039.039\300MW</t>
  </si>
  <si>
    <t>【哈电汽轮机】汽封片\CHK02.040.039\300MW</t>
  </si>
  <si>
    <t>【哈电汽轮机】锁紧片\CHK02.096.002\300MW</t>
  </si>
  <si>
    <t>【哈电汽轮机】填片\CHK02.096.003\300MW</t>
  </si>
  <si>
    <t>【哈电汽轮机】锁紧片\CHK02.096.008\300MW</t>
  </si>
  <si>
    <t>【哈电汽轮机】填片\CHK02.096.009\300MW</t>
  </si>
  <si>
    <t>【哈电汽轮机】销子\141C.311.003\300MW</t>
  </si>
  <si>
    <t>【哈电汽轮机】挡油环I\306.061.2Z\600MW</t>
  </si>
  <si>
    <t>【哈电汽轮机】挡油环II\306.061.4Z\600MW</t>
  </si>
  <si>
    <t>【哈电汽轮机】挡油环\306.062.2Z\600MW</t>
  </si>
  <si>
    <t>【哈电汽轮机】挡油环\306.062.4Z\600MW</t>
  </si>
  <si>
    <t>【哈电汽轮机】活塞环\307.306.006\300MW</t>
  </si>
  <si>
    <t>【哈电汽轮机】齿形垫片\307.306.007\300MW</t>
  </si>
  <si>
    <t>【哈电汽轮机】压力密封圈\73.012.022\300MW</t>
  </si>
  <si>
    <t>【哈电汽轮机】汽封圈\73.027.15Z\600MW</t>
  </si>
  <si>
    <t>【哈电汽轮机】汽封圈\73.027.16Z\600MW</t>
  </si>
  <si>
    <t>【哈电汽轮机】汽封圈\73.027.17Z\600MW</t>
  </si>
  <si>
    <t>【哈电汽轮机】汽封环\73.027.18Z\600MW</t>
  </si>
  <si>
    <t>【哈电汽轮机】汽封圈\73.027.19z\600MW</t>
  </si>
  <si>
    <t>【哈电汽轮机】汽封圈\73.029.4Z\600MW</t>
  </si>
  <si>
    <t>【哈电汽轮机】喷嘴连接管\73.032.005\300MW</t>
  </si>
  <si>
    <t>【哈电汽轮机】喷嘴\73.032.4Z\300MW</t>
  </si>
  <si>
    <t>【哈电汽轮机】内六角螺母\M45*3*89\73.041.010\600MW</t>
  </si>
  <si>
    <t>【哈电汽轮机】垫圈\73.041.011\600MW</t>
  </si>
  <si>
    <t>【哈电汽轮机】汽封圈\73.041.4Z\600MW</t>
  </si>
  <si>
    <t>【哈电汽轮机】汽封环\73.041.5Z\600MW</t>
  </si>
  <si>
    <t>【哈电汽轮机】汽封环\73.041.6Z\600MW</t>
  </si>
  <si>
    <t>【哈电汽轮机】汽封环\73.042.10Z\600MW</t>
  </si>
  <si>
    <t>【哈电汽轮机】汽封圈\73.042.5Z\600MW</t>
  </si>
  <si>
    <t>【哈电汽轮机】汽封圈\73.042.6Z\600MW</t>
  </si>
  <si>
    <t>【哈电汽轮机】汽封环\73.042.7Z\600MW</t>
  </si>
  <si>
    <t>【哈电汽轮机】汽封环\73.042.8Z\600MW</t>
  </si>
  <si>
    <t>【哈电汽轮机】汽封环\73.042.9Z\600MW</t>
  </si>
  <si>
    <t>【哈电汽轮机】销\73.301.042\300MW</t>
  </si>
  <si>
    <t>【哈电汽轮机】弹簧导向杆\73.301.044\300MW</t>
  </si>
  <si>
    <t>【哈电汽轮机】阀杆\73.301.046\300MW</t>
  </si>
  <si>
    <t>【哈电汽轮机】定位螺钉\73.301.048\300MW</t>
  </si>
  <si>
    <t>【哈电汽轮机】环\73.301.049\300MW</t>
  </si>
  <si>
    <t>【哈电汽轮机】阀碟\73.301.050\300MW</t>
  </si>
  <si>
    <t>【哈电汽轮机】预启阀\73.301.051\300MW</t>
  </si>
  <si>
    <t>【哈电汽轮机】螺母\73.301.052\300MW</t>
  </si>
  <si>
    <t>【哈电汽轮机】套筒\73.301.054\300MW</t>
  </si>
  <si>
    <t>【哈电汽轮机】弹簧座\73.301.059\300MW</t>
  </si>
  <si>
    <t>【哈电汽轮机】弹簧座\73.301.060\300MW</t>
  </si>
  <si>
    <t>【哈电汽轮机】螺旋管塞\73.301.065\300MW</t>
  </si>
  <si>
    <t>【哈电汽轮机】主汽门连杆支臂\73.302.013\300MW</t>
  </si>
  <si>
    <t>【哈电汽轮机】套筒\73.302.016\300MW</t>
  </si>
  <si>
    <t>【哈电汽轮机】键\73.306.006\300MW</t>
  </si>
  <si>
    <t>【哈电汽轮机】双头螺柱\73.306.010\300MW</t>
  </si>
  <si>
    <t>【哈电汽轮机】螺母\73.306.011\300MW</t>
  </si>
  <si>
    <t>【哈电汽轮机】套筒\73.306.012\300MW</t>
  </si>
  <si>
    <t>【哈电汽轮机】套筒\73.306.027\300MW</t>
  </si>
  <si>
    <t>【哈电汽轮机】键\73.306.028\300MW</t>
  </si>
  <si>
    <t>【哈电汽轮机】套筒\73.306.029\300MW</t>
  </si>
  <si>
    <t>【哈电汽轮机】套筒\73.311.014\300MW</t>
  </si>
  <si>
    <t>【哈电汽轮机】法兰\73.314.007\300MW</t>
  </si>
  <si>
    <t>【哈电汽轮机】销子\73.314.015\300MW</t>
  </si>
  <si>
    <t>【哈电汽轮机】汽封片\73A.065.002\300MW</t>
  </si>
  <si>
    <t>【哈电汽轮机】汽封片\73A.065.003\300MW</t>
  </si>
  <si>
    <t>【哈电汽轮机】汽封片\73A.065.004\300MW</t>
  </si>
  <si>
    <t>【哈电汽轮机】汽封片\73A.065.006\300MW</t>
  </si>
  <si>
    <t>【哈电汽轮机】汽封环\73A.065.1Z\300MW</t>
  </si>
  <si>
    <t>【哈电汽轮机】汽封片\73A.066.018\300MW</t>
  </si>
  <si>
    <t>【哈电汽轮机】汽封片\73A.066.019\300MW</t>
  </si>
  <si>
    <t>【哈电汽轮机】汽封圈\73A.066.1Z\300MW</t>
  </si>
  <si>
    <t>【哈电汽轮机】汽封齿\73A.067.011\300MW</t>
  </si>
  <si>
    <t>【哈电汽轮机】汽封齿\73A.067.012\300MW</t>
  </si>
  <si>
    <t>【哈电汽轮机】汽封环\73A.067.4Z\300MW</t>
  </si>
  <si>
    <t>【哈电汽轮机】汽封片\73A.068.003\300MW</t>
  </si>
  <si>
    <t>【哈电汽轮机】汽封片\73A.068.004\300MW</t>
  </si>
  <si>
    <t>【哈电汽轮机】汽封片\73A.068.005\300MW</t>
  </si>
  <si>
    <t>【哈电汽轮机】汽封片\73A.068.007\300MW</t>
  </si>
  <si>
    <t>【哈电汽轮机】汽封环\73A.068.1Z\300MW</t>
  </si>
  <si>
    <t>【哈电汽轮机】套筒\73A.301.021\300MW</t>
  </si>
  <si>
    <t>【哈电汽轮机】销\73A.301.022\300MW</t>
  </si>
  <si>
    <t>【哈电汽轮机】主汽阀杆\73A.301.024\300MW</t>
  </si>
  <si>
    <t>【哈电汽轮机】套筒\73A.301.025\300MW</t>
  </si>
  <si>
    <t>【哈电汽轮机】环\73A.301.026\300MW</t>
  </si>
  <si>
    <t>【哈电汽轮机】阀\73A.301.027\300MW</t>
  </si>
  <si>
    <t>【哈电汽轮机】预启阀\73A.301.028\300MW</t>
  </si>
  <si>
    <t>【哈电汽轮机】螺母\73A.301.029\300MW</t>
  </si>
  <si>
    <t>【哈电汽轮机】弹簧座\73A.301.034\300MW</t>
  </si>
  <si>
    <t>【哈电汽轮机】弹簧座\73A.301.035\300MW</t>
  </si>
  <si>
    <t>【哈电汽轮机】汽封片\73B.069.018\300MW</t>
  </si>
  <si>
    <t>【哈电汽轮机】汽封片\73B.069.019\300MW</t>
  </si>
  <si>
    <t>【哈电汽轮机】弹簧片\73B.069.020\300MW</t>
  </si>
  <si>
    <t>【哈电汽轮机】汽封环\73B.069.1Z\300MW</t>
  </si>
  <si>
    <t>【哈电汽轮机】导向套筒\73B.311.006\300MW</t>
  </si>
  <si>
    <t>【哈电汽轮机】销\73B.311.007\300MW</t>
  </si>
  <si>
    <t>【哈电汽轮机】连接杆\73B.311.008\300MW</t>
  </si>
  <si>
    <t>【哈电汽轮机】销子\73B.311.009\300MW</t>
  </si>
  <si>
    <t>【哈电汽轮机】锁紧螺帽\73B.311.012\300MW</t>
  </si>
  <si>
    <t>【哈电汽轮机】直销\73B.311.014\300MW</t>
  </si>
  <si>
    <t>【哈电汽轮机】汽封环\73D.013.3Z\300MW</t>
  </si>
  <si>
    <t>【哈电汽轮机】密封环\73D.017.5Z\300MW</t>
  </si>
  <si>
    <t>【哈电汽轮机】密封环\73D.017.7Z\300MW</t>
  </si>
  <si>
    <t>【哈电汽轮机】密封环\73D.017.9Z\300MW</t>
  </si>
  <si>
    <t>【哈电汽轮机】汽封圈\73D.136.2Z\300MW</t>
  </si>
  <si>
    <t>【哈电汽轮机】垫片\73D.301.027\300MW</t>
  </si>
  <si>
    <t>【哈电汽轮机】垫片\73D.301.028\300MW</t>
  </si>
  <si>
    <t>【哈电汽轮机】垫片\73D.301.029\300MW</t>
  </si>
  <si>
    <t>【哈电汽轮机】垫片\73D.306.056\300MW</t>
  </si>
  <si>
    <t>【哈电汽轮机】滤网\75.306.002\600MW</t>
  </si>
  <si>
    <t>【哈电汽轮机】定位双头螺柱\75A.038.003\600MW</t>
  </si>
  <si>
    <t>【哈电汽轮机】双头螺柱\75A.038.004\600MW</t>
  </si>
  <si>
    <t>【哈电汽轮机】双头螺柱\75A.038.005\600MW</t>
  </si>
  <si>
    <t>【哈电汽轮机】双头螺柱\75A.038.006\600MW</t>
  </si>
  <si>
    <t>【哈电汽轮机】定位双头螺柱\75A.040.003\600MW</t>
  </si>
  <si>
    <t>【哈电汽轮机】双头螺柱\75A.040.004\600MW</t>
  </si>
  <si>
    <t>【哈电汽轮机】双头螺柱\75A.040.005\600MW</t>
  </si>
  <si>
    <t>【哈电汽轮机】双头螺柱\75A.040.006\600MW</t>
  </si>
  <si>
    <t>【哈电汽轮机】#1轴承上半瓦块\CCH01.050.2Z-1\600MW</t>
  </si>
  <si>
    <t>【哈电汽轮机】#2轴承上半瓦块\CCH01.052.2Z-1\600MW</t>
  </si>
  <si>
    <t>【哈电汽轮机】双头螺柱\CH01.027.004\600MW</t>
  </si>
  <si>
    <t>【哈电汽轮机】油封片\CH01.076.006\600MW</t>
  </si>
  <si>
    <t>【哈电汽轮机】汽封片\CH02.039.070\300MW</t>
  </si>
  <si>
    <t>【哈电汽轮机】汽封片\CH02.039.071\300MW</t>
  </si>
  <si>
    <t>【哈电汽轮机】汽封片\CH02.040.040\300MW</t>
  </si>
  <si>
    <t>【哈电汽轮机】销\CH02.301.020\300MW</t>
  </si>
  <si>
    <t>【哈电汽轮机】销子\CH02.301.029\300MW</t>
  </si>
  <si>
    <t>【哈电汽轮机】销\CH02.301.052\300MW</t>
  </si>
  <si>
    <t>【哈电汽轮机】套筒\CH02.301.053\300MW</t>
  </si>
  <si>
    <t>【哈电汽轮机】球型垫圈\CH02.306.003\300MW</t>
  </si>
  <si>
    <t>【哈电汽轮机】套筒\CH02.306.006\300MW</t>
  </si>
  <si>
    <t>【哈电汽轮机】汽封片弧段\CHK02.037.003\300MW</t>
  </si>
  <si>
    <t>【哈电汽轮机】汽封片弧段\CHK02.037.004\300MW</t>
  </si>
  <si>
    <t>【哈电汽轮机】塞紧条\CHK02.037.005\300MW</t>
  </si>
  <si>
    <t>【哈电汽轮机】汔封片弧段\CHK02.037.006\300MW</t>
  </si>
  <si>
    <t>【哈电汽轮机】塞紧条\CHK02.037.008\300MW</t>
  </si>
  <si>
    <t>【哈电汽轮机】汽封片弧段\CHK02.037.009\300MW</t>
  </si>
  <si>
    <t>【哈电汽轮机】汽封片弧段\CHK02.037.012\300MW</t>
  </si>
  <si>
    <t>【哈电汽轮机】汽封片弧段\CHK02.037.031\300MW</t>
  </si>
  <si>
    <t>【哈电汽轮机】塞紧条\CHK02.037.032\300MW</t>
  </si>
  <si>
    <t>【哈电汽轮机】汽封片\CHK02.038.017\300MW</t>
  </si>
  <si>
    <t>【哈电汽轮机】汽封片\CHK02.038.018\300MW</t>
  </si>
  <si>
    <t>【哈电汽轮机】汽封片\CHK02.038.025\300MW</t>
  </si>
  <si>
    <t>【哈电汽轮机】汽封片\CHK02.038.026\300MW</t>
  </si>
  <si>
    <t>【哈电汽轮机】汽封片\CHK02.038.033\300MW</t>
  </si>
  <si>
    <t>【哈电汽轮机】汽封片\CHK02.038.034\300MW</t>
  </si>
  <si>
    <t>【哈电汽轮机】汽封片\CHK02.038.041\300MW</t>
  </si>
  <si>
    <t>【哈电汽轮机】汽封片\CHK02.038.042\300MW</t>
  </si>
  <si>
    <t>【哈电汽轮机】汽封片\CHK02.038.043\300MW</t>
  </si>
  <si>
    <t>【哈电汽轮机】汽封片\CHK02.038.050\300MW</t>
  </si>
  <si>
    <t>【哈电汽轮机】汽封片\CHK02.038.051\300MW</t>
  </si>
  <si>
    <t>【哈电汽轮机】汽封片\CHK02.038.052\300MW</t>
  </si>
  <si>
    <t>【哈电汽轮机】汽封片\CHK02.038.059\300MW</t>
  </si>
  <si>
    <t>【哈电汽轮机】汽封片\CHK02.038.060\300MW</t>
  </si>
  <si>
    <t>【哈电汽轮机】汽封片\CHK02.038.061\300MW</t>
  </si>
  <si>
    <t>【哈电汽轮机】汽封片\CHK02.038.068\300MW</t>
  </si>
  <si>
    <t>【哈电汽轮机】汽封片\CHK02.038.069\300MW</t>
  </si>
  <si>
    <t>【哈电汽轮机】汽封片\CHK02.038.070\300MW</t>
  </si>
  <si>
    <t>【哈电汽轮机】汽封片\CHK02.039.018\300MW</t>
  </si>
  <si>
    <t>【哈电汽轮机】汽封片\CHK02.039.019\300MW</t>
  </si>
  <si>
    <t>【哈电汽轮机】汽封片\CHK02.039.020\300MW</t>
  </si>
  <si>
    <t>【哈电汽轮机】汽封片\CHK02.039.027\300MW</t>
  </si>
  <si>
    <t>【哈电汽轮机】汽封片\CHK02.039.028\300MW</t>
  </si>
  <si>
    <t>【哈电汽轮机】汽封片\CHK02.039.029\300MW</t>
  </si>
  <si>
    <t>【哈电汽轮机】汽封片\CHK02.039.036\300MW</t>
  </si>
  <si>
    <t>【哈电汽轮机】汽封片\CHK02.039.037\300MW</t>
  </si>
  <si>
    <t>【哈电汽轮机】汽封片\CHK02.039.038\300MW</t>
  </si>
  <si>
    <t>【哈电汽轮机】汽封片\CHK02.039.045\300MW</t>
  </si>
  <si>
    <t>【哈电汽轮机】汽封片\CHK02.039.046\300MW</t>
  </si>
  <si>
    <t>【哈电汽轮机】汽封片\CHK02.039.053\300MW</t>
  </si>
  <si>
    <t>【哈电汽轮机】汽封片\CHK02.039.054\300MW</t>
  </si>
  <si>
    <t>【哈电汽轮机】汽封片\CHK02.039.061\300MW</t>
  </si>
  <si>
    <t>【哈电汽轮机】汽封片\CHK02.039.062\300MW</t>
  </si>
  <si>
    <t>【哈电汽轮机】汽封片\CHK02.039.069\300MW</t>
  </si>
  <si>
    <t>【哈电汽轮机】汽封片\CHK02.039.070\300MW</t>
  </si>
  <si>
    <t>【哈电汽轮机】汽封片\CHK02.040.011\300MW</t>
  </si>
  <si>
    <t>【哈电汽轮机】汽封片\CHK02.040.012\300MW</t>
  </si>
  <si>
    <t>【哈电汽轮机】汽封片\CHK02.040.013\300MW</t>
  </si>
  <si>
    <t>【哈电汽轮机】汽封片\CHK02.040.022\300MW</t>
  </si>
  <si>
    <t>【哈电汽轮机】汽封片\CHK02.040.023\300MW</t>
  </si>
  <si>
    <t>【哈电汽轮机】汽封片\CHK02.040.024\300MW</t>
  </si>
  <si>
    <t>【哈电汽轮机】汽封片\CHK02.040.03１\300MW</t>
  </si>
  <si>
    <t>【哈电汽轮机】汽封片\CHK02.040.032\300MW</t>
  </si>
  <si>
    <t>【哈电汽轮机】汽封片\CHK02.071.2.001\300MW</t>
  </si>
  <si>
    <t>【哈电汽轮机】汽封片\CHK02.071.2.002\300MW</t>
  </si>
  <si>
    <t>【哈电汽轮机】汽封片\CHK02.096.001\300MW</t>
  </si>
  <si>
    <t>【哈电汽轮机】弹簧\CHO1A.013.006\300MW</t>
  </si>
  <si>
    <t>【哈电汽轮机】罩螺母\H10.027.057\300MW</t>
  </si>
  <si>
    <t>【哈电汽轮机】阀碟\K01B.301.6Z\600MW</t>
  </si>
  <si>
    <t>【哈电汽轮机】中压调节阀主阀\K01B.314.2Z\600MW</t>
  </si>
  <si>
    <t>【哈电汽轮机】汽封圈\K09.027.5Z\300MW</t>
  </si>
  <si>
    <t>【哈电汽轮机】汽封圈\K09.027.6Z\300MW</t>
  </si>
  <si>
    <t>【哈电汽轮机】汽封圈\K09.027.7Z\300MW</t>
  </si>
  <si>
    <t>【哈电汽轮机】双头螺柱\K09.041.2.001-5\300MW</t>
  </si>
  <si>
    <t>【哈电汽轮机】内六角罩螺母\K09.041.2.002-5\300MW</t>
  </si>
  <si>
    <t>【哈电汽轮机】双头螺柱\K09.041.2.003-5\300MW</t>
  </si>
  <si>
    <t>【哈电汽轮机】汽封片\K09.071.013\300MW</t>
  </si>
  <si>
    <t>【哈电汽轮机】汽封片\K09.071.014\300MW</t>
  </si>
  <si>
    <t>【哈电汽轮机】汽封环\K09.071.2Z\300MW</t>
  </si>
  <si>
    <t>【哈电汽轮机】汽封环\K09.071.4Z\300MW</t>
  </si>
  <si>
    <t>【哈电汽轮机】汽封片弧段\K09.072.003\300MW</t>
  </si>
  <si>
    <t>【哈电汽轮机】汽封片弧段\K09.072.004\300MW</t>
  </si>
  <si>
    <t>【哈电汽轮机】汽封环\K09.072.2Z\300MW</t>
  </si>
  <si>
    <t>【哈电汽轮机】螺栓\2Cr12NiMo1W1V\73D.306.010\300MW</t>
  </si>
  <si>
    <t>【哈电汽轮机】螺栓\2Cr12NiMo1W1V\73D.306.033\300MW</t>
  </si>
  <si>
    <t>【哈电汽轮机】高压缸第2级隔板汽封圈用销 东芝\CCH02.102.1.010-2\1000MW</t>
  </si>
  <si>
    <t>【哈电汽轮机】高压缸轴封垂直螺栓\HHM24*65\1000MW</t>
  </si>
  <si>
    <t>【哈电汽轮机】内六角螺栓\3KS123820P036\1000MW</t>
  </si>
  <si>
    <t>【哈电汽轮机】高压缸第二级隔板挂耳垫块螺栓\2KS122596G003\1000MW</t>
  </si>
  <si>
    <t>【哈电汽轮机】导汽管螺栓\CCH02.081.014-1\1000MW</t>
  </si>
  <si>
    <t>【哈电汽轮机】高中压缸调整片\CCH02.102.4.003-2\1000MW</t>
  </si>
  <si>
    <t>【哈电汽轮机】高压缸#2、4级隔板螺栓 1 1/4*8*130\CCH02.102.1.003-2\1000MW</t>
  </si>
  <si>
    <t>【哈电汽轮机】中压转子冷却插管内六角螺钉\CCH02.016.13.018-2\1000MW</t>
  </si>
  <si>
    <t>【哈电汽轮机】主机高中压缸螺栓锁紧钢丝\CCH02.016.9.013-2\1000MW</t>
  </si>
  <si>
    <t>【哈电汽轮机】主机高中压缸螺栓销紧用钢丝\CCH02.012.27.004-2\1000MW</t>
  </si>
  <si>
    <t>【哈电汽轮机】内六角螺栓\CCH02.026.001-1\1000MW</t>
  </si>
  <si>
    <t>【哈电汽轮机】高压内缸支撑垫片\CCH02.012.27.002-2\1000MW</t>
  </si>
  <si>
    <t>【哈电汽轮机】中压2#内缸下半定位键\CCH02.016.9.011-2\1000MW</t>
  </si>
  <si>
    <t>【哈电汽轮机】高压内缸下半定位键\CCH02.012.30Z-2\1000MW</t>
  </si>
  <si>
    <t>【哈电汽轮机】高压进汽插管密封定位环\CCH02.012.14.008-2\1000MW</t>
  </si>
  <si>
    <t>【哈电汽轮机】高压缸第四级隔板螺栓\CCH02.103.1.004-2\1000MW</t>
  </si>
  <si>
    <t>【哈电汽轮机】高压缸第六级隔板螺栓\CCH02.107.1.004-2\1000MW</t>
  </si>
  <si>
    <t>【哈电汽轮机】高压缸第七级隔板螺栓\CCH02.108.1.002-2\1000MW</t>
  </si>
  <si>
    <t>【哈电汽轮机】低压内缸垫片\CCH02.026.018-1\1000MW</t>
  </si>
  <si>
    <t>【哈电汽轮机】螺母\CCHK02.301.17.027\1000MW</t>
  </si>
  <si>
    <t>【哈电汽轮机】双栓\CCHK02.301.17.028\1000MW</t>
  </si>
  <si>
    <t>【哈电汽轮机】双栓\CCHK02.301.17.026\1000MW</t>
  </si>
  <si>
    <t>【哈电汽轮机】中调阀螺栓\CCHK02.306.015\1000MW</t>
  </si>
  <si>
    <t>【哈电汽轮机】螺母\CCHK02.306.025\1000MW</t>
  </si>
  <si>
    <t>【哈电汽轮机】高压阀键\CCHK02.301.1.014\1000MW</t>
  </si>
  <si>
    <t>【哈电汽轮机】中调阀螺母\CCHK02.306.016\1000MW</t>
  </si>
  <si>
    <t>【哈电汽轮机】高压阀销子\CCHK02.301.17.008\1000MW</t>
  </si>
  <si>
    <t>【哈电汽轮机】销子\CH02.017.003\300MW</t>
  </si>
  <si>
    <t>【哈电汽轮机】内六角螺钉\73.068.026\300MW</t>
  </si>
  <si>
    <t>【哈电汽轮机】磁翻板液位计\200MW\BUCC-2.5/PN1.6/DN25/L=500</t>
  </si>
  <si>
    <t>【哈电汽轮机】电动对夹式蝶阀\200MW\DN=,PN=,,</t>
  </si>
  <si>
    <t>【哈电汽轮机】波纹管\200MW\HMC200/0.6-90</t>
  </si>
  <si>
    <t>【哈电汽轮机】微启式安全阀\200MW\A47H-16/DN25/整定压力0.8～1.0MPa</t>
  </si>
  <si>
    <t>【哈电汽轮机】管式双色水位计\200MW\B49-2.5G/PN1.6/DN25/L=1200</t>
  </si>
  <si>
    <t>【哈电汽轮机】磁浮液位计\200MW\BUCC-2.5A/PN1.6/DN25/L=1400</t>
  </si>
  <si>
    <t>【哈电汽轮机】安全阀\200MW\A41H-25/DN25/整定压力-2.0～2.5MPa</t>
  </si>
  <si>
    <t>【哈电汽轮机】安全阀\200MW\A47H-16C/DN100/整定压力-0.4～0.6MPa</t>
  </si>
  <si>
    <t>【哈电汽轮机】六通阀\200MW\6QHF-200/DN200/PN16</t>
  </si>
  <si>
    <t>【哈电汽轮机】安全阀\300MW\A41H-64/DN25/开启压力4.37MPa/凹面</t>
  </si>
  <si>
    <t>【哈电汽轮机】安全阀\300MW\A41H-64/DN25/起跳压力4.4MPa/入口法兰凹面</t>
  </si>
  <si>
    <t>【哈电汽轮机】安全阀\300MW\A48Y-16C/DN100/起跳压力0.58MPa</t>
  </si>
  <si>
    <t>【哈电汽轮机】对夹式手动碟阀\300MW\D371H-16C/DN200/PN16</t>
  </si>
  <si>
    <t>【哈电汽轮机】磁翻板液位计\300MW\DN25/PN16/L=1600</t>
  </si>
  <si>
    <t>【哈电汽轮机】磁翻板液位计\300MW\PN1.6MPa/DN25/L=1100(HG/T20592)</t>
  </si>
  <si>
    <t>【哈电汽轮机】磁浮液位计\300MW\PN1.6/DN25/L=600</t>
  </si>
  <si>
    <t>【哈电汽轮机】磁浮液位计\300MW\PN16/DN25/L=850</t>
  </si>
  <si>
    <t>【哈电汽轮机】六通阀\300MW\DN200/PN1.6MPa/SS304</t>
  </si>
  <si>
    <t>【哈电汽轮机】安全阀\600MW\A41H-64/DN25/起跳压力3.88MPa</t>
  </si>
  <si>
    <t>【哈电汽轮机】安全阀\600MW\A41H-64/DN25/起跳压力3.88MPa/凹面</t>
  </si>
  <si>
    <t>【哈电汽轮机】安全阀\600MW\A48Y-16C/DN150/起跳压力0.29MPa</t>
  </si>
  <si>
    <t>【哈电汽轮机】安全阀\600MW\A48Y-16C/DN150/起跳压力0.58MPa/RF</t>
  </si>
  <si>
    <t>【哈电汽轮机】安全阀\600MW\A48Y-16C/DN150/起跳压力0.58MPa/凹面</t>
  </si>
  <si>
    <t>【哈电汽轮机】安全阀\600MW\A41H-64/DN25/PN63/起跳压力3.88MPa/凹面</t>
  </si>
  <si>
    <t>【哈电汽轮机】对夹式手动碟阀\600MW\D371H-16C/PN1.6/DN200</t>
  </si>
  <si>
    <t>【哈电汽轮机】截止阀\600MW\J41H-25P/DN20/PN25/06Cr19Ni10</t>
  </si>
  <si>
    <t>【哈电汽轮机】磁翻板液位计\600MW\PN16/DN50/L=1000</t>
  </si>
  <si>
    <t>【哈电汽轮机】磁翻板液位计\600MW\PN16/DN50/L=1150</t>
  </si>
  <si>
    <t>【哈电汽轮机】磁翻板液位计进口\600MW\PN16/DN50/L=800</t>
  </si>
  <si>
    <t>【哈电汽轮机】磁翻板液位计\600MW\PN16/DN50/L=850</t>
  </si>
  <si>
    <t>【哈电汽轮机】磁浮液位计\600MW\PN16/DN25/L=800(法兰标准HG/T20592-2009)</t>
  </si>
  <si>
    <t>【哈电汽轮机】六通切换阀\600MW\DN300/PN16/不锈钢06Cr19Ni10</t>
  </si>
  <si>
    <t>【哈电汽轮机】安全阀\1000MW\A41H-64/DN25/PN63/入口法兰凹面/起跳压力4.0MPa</t>
  </si>
  <si>
    <t>【哈电汽轮机】安全阀\1000MW\A48Y-16C/DN150/入口法兰突面/起跳压力0.58MPa</t>
  </si>
  <si>
    <t>【哈电汽轮机】安全阀\1000MW\A41H-64/DN25/入口法兰凹面/起跳压力4.0MPa</t>
  </si>
  <si>
    <t>【哈电汽轮机】截止阀\1000MW\J41H-25P/DN20-PN2.5MPa/06Cr19Ni10</t>
  </si>
  <si>
    <t>【哈电汽轮机】磁翻板液位计\1000MW\PL50(B)-16/RF/L=1100(法兰标准HG/T20592-2009)</t>
  </si>
  <si>
    <t>【哈电汽轮机】磁翻板液位计\1000MW\PN16/DN50/L=1100</t>
  </si>
  <si>
    <t>【哈电汽轮机】磁翻板液位计\1000MW\PN16/DN50/L=500</t>
  </si>
  <si>
    <t>【哈电汽轮机】磁翻板液位计\1000MW\PN50(B)-16/RF/L=1100(法兰标准HG/T20592-2009)</t>
  </si>
  <si>
    <t>【哈电汽轮机】磁翻板液位计\1000MW\WN50(B)-16/RF/L=1100(法兰标准HG/T20592-2009)</t>
  </si>
  <si>
    <t>【哈电汽轮机】导波雷达液位计\1000MW\PL50(B)-16/RF/L=1100(法兰标准HG/T20592-2009)</t>
  </si>
  <si>
    <t>【哈电汽轮机】导波雷达液位计\1000MW\PN16/DN50/L=1100</t>
  </si>
  <si>
    <t>【哈电汽轮机】导波雷达液位计\1000MW\PN50(B)-16/RF/L=1100(法兰标准HG/T20592-2009)</t>
  </si>
  <si>
    <t>【哈电汽轮机】导波雷达液位计\1000MW\WN50(B)-16/RF/L=1100(法兰标准HG/T20592-2009)</t>
  </si>
  <si>
    <t>【哈电汽轮机】六通切换阀\1000MW\DN300/PN1.0MPa</t>
  </si>
  <si>
    <t>【哈电汽轮机】真空网笼探头</t>
  </si>
  <si>
    <t>【哈电汽轮机】伺服阀\G761-3969B\CH02A.320Z-25</t>
  </si>
  <si>
    <t>【哈电汽轮机】伺服阀\-072-2623\CH02A.321Z-25</t>
  </si>
  <si>
    <t>【哈电汽轮机】伺服阀\G761-3028B\CH02E.320Z</t>
  </si>
  <si>
    <t>【哈电汽轮机】伺服阀\-072-1202-10\CH02E.321Z</t>
  </si>
  <si>
    <t>【哈电汽轮机】伺服阀\-072-2624\183LD.321Z</t>
  </si>
  <si>
    <t>【哈电汽轮机】伺服阀\650-0207HE\CH02A.320Z-19</t>
  </si>
  <si>
    <t>【哈电汽轮机】伺服阀\890-0117HE\CH02A.321Z-19</t>
  </si>
  <si>
    <t>【哈电汽轮机】伺服阀\890-0119HE</t>
  </si>
  <si>
    <t>【哈电汽轮机】伺服阀\SM4-20\K09.320Z-3</t>
  </si>
  <si>
    <t>【哈电汽轮机】伺服阀\SM4-40\K09.321Z-3</t>
  </si>
  <si>
    <t>【哈电汽轮机】常闭电磁阀\GS020600V\110VDC\HQ16.06Z-1</t>
  </si>
  <si>
    <t>【哈电汽轮机】常闭电磁阀\GS020600V\220VAC\HQ16.06Z-2</t>
  </si>
  <si>
    <t>【哈电汽轮机】常闭电磁阀\GS020600V\220VDC\HQ16.06Z-3</t>
  </si>
  <si>
    <t>【哈电汽轮机】常闭电磁阀\GS020600V\230VAC\HQ16.06Z-4</t>
  </si>
  <si>
    <t>【哈电汽轮机】常开电磁阀\GS021600V\110VDC\HQ16.07Z-1</t>
  </si>
  <si>
    <t>【哈电汽轮机】常开电磁阀\GS021600V\220VAC\HQ16.07Z-2</t>
  </si>
  <si>
    <t>【哈电汽轮机】常开电磁阀\GS021600V\220VDC\HQ16.07Z-3</t>
  </si>
  <si>
    <t>【哈电汽轮机】常开电磁阀\GS021600V\230VAC\HQ16.07Z-4</t>
  </si>
  <si>
    <t>【哈电汽轮机】常闭电磁阀\SV13-12(V)-C-0-240A-G-H\HQ16.14Z-2</t>
  </si>
  <si>
    <t>【哈电汽轮机】常开电磁阀\SV13-12(V)-O-0-240A-G-H\HQ16.15Z-2</t>
  </si>
  <si>
    <t>【哈电汽轮机】常闭电磁阀\SV4-10(V)-C-O-240A-G\HQ16.16Z</t>
  </si>
  <si>
    <t>【哈电汽轮机】常闭电磁阀\SV4-10(V)-C-O-230A-G\HQ16.16Z-1</t>
  </si>
  <si>
    <t>【哈电汽轮机】常闭电磁阀\SV4-10(V)-C-O-110D-G\HQ16.16Z-2</t>
  </si>
  <si>
    <t>【哈电汽轮机】常闭电磁阀\SV4-10(V)-C-O-24D-G\HQ16.16Z-3</t>
  </si>
  <si>
    <t>【哈电汽轮机】电磁阀\502549G\HQ16.24Z</t>
  </si>
  <si>
    <t>【哈电汽轮机】电磁阀\DG4V-3-2A-VM-U-D6-60\HQ16.32Z</t>
  </si>
  <si>
    <t>【哈电汽轮机】电磁阀\DG4V-3-2A-M-U-ED6-60\HQ16.41Z</t>
  </si>
  <si>
    <t>【哈电汽轮机】电磁阀\4WE10Y3X/CW230N9K4\HQ16.R.01Z</t>
  </si>
  <si>
    <t>【哈电汽轮机】电磁阀\M-3SED10CK1X/350CG205N9K4/V\HQ16.R.03Z</t>
  </si>
  <si>
    <t>【哈电汽轮机】电磁阀\M-3SED10UK1X/350CG205N9K4/V\HQ16.R.03Z-1</t>
  </si>
  <si>
    <t>【哈电汽轮机】电磁阀\4WE6D6X/EW230N9K4/V\HQ16.R.04Z</t>
  </si>
  <si>
    <t>【哈电汽轮机】电磁阀\4WE6D6X/EG110N9K4/V\HQ16.R.04Z-1</t>
  </si>
  <si>
    <t>【哈电汽轮机】电磁阀\4WE6D6X/OFEW230N9K4/V\HQ16.R.05Z</t>
  </si>
  <si>
    <t>【哈电汽轮机】EH油泵\PVH074\HQ37.11Z</t>
  </si>
  <si>
    <t>【哈电汽轮机】EH油泵\PVH098\HQ37.01Z-1</t>
  </si>
  <si>
    <t>【哈电汽轮机】行程开关\D4A-4501N-D4A-A00</t>
  </si>
  <si>
    <t>【哈电汽轮机】行程开关\D4A-4510N</t>
  </si>
  <si>
    <t>【哈电汽轮机】行程开关\D4A-3110N</t>
  </si>
  <si>
    <t>【哈电汽轮机】滤芯\HQ25.01Z</t>
  </si>
  <si>
    <t>【哈电汽轮机】滤芯\HQ25.02Z</t>
  </si>
  <si>
    <t>【哈电汽轮机】滤芯\HQ25.03Z</t>
  </si>
  <si>
    <t>【哈电汽轮机】滤芯\HQ25.04Z</t>
  </si>
  <si>
    <t>【哈电汽轮机】滤芯\HQ25.09Z</t>
  </si>
  <si>
    <t>【哈电汽轮机】滤芯\HQ25.10Z</t>
  </si>
  <si>
    <t>【哈电汽轮机】滤芯\HQ25.10Z-1</t>
  </si>
  <si>
    <t>【哈电汽轮机】滤芯\HQ25.11Z</t>
  </si>
  <si>
    <t>【哈电汽轮机】滤芯\HQ25.12Z</t>
  </si>
  <si>
    <t>【哈电汽轮机】滤芯\HQ25.13Z</t>
  </si>
  <si>
    <t>【哈电汽轮机】滤芯\HQ25.300.11Z</t>
  </si>
  <si>
    <t>【哈电汽轮机】滤芯\HQ25.300.12Z</t>
  </si>
  <si>
    <t>【哈电汽轮机】滤芯\HQ25.300.13Z</t>
  </si>
  <si>
    <t>【哈电汽轮机】滤芯\HQ25.300.14Z</t>
  </si>
  <si>
    <t>【哈电汽轮机】滤芯\HQ25.300.15Z</t>
  </si>
  <si>
    <t>【哈电汽轮机】滤芯\HQ25.300.16Z</t>
  </si>
  <si>
    <t>【哈电汽轮机】滤芯\HQ25.300.17Z</t>
  </si>
  <si>
    <t>【哈电汽轮机】滤芯\HQ25.300.18Z</t>
  </si>
  <si>
    <t>【哈电汽轮机】滤芯\HQ25.300.20Z</t>
  </si>
  <si>
    <t>【哈电汽轮机】滤芯\HQ25.600.11Z</t>
  </si>
  <si>
    <t>【哈电汽轮机】滤芯\HQ25.600.12Z</t>
  </si>
  <si>
    <t>【哈电汽轮机】滤芯\HQ25.600.14Z</t>
  </si>
  <si>
    <t>【哈电汽轮机】滤芯\HQ25.600.15Z</t>
  </si>
  <si>
    <t>【哈电汽轮机】滤芯\HQ25.200.11Z</t>
  </si>
  <si>
    <t>【哈电汽轮机】滤芯\HQ25.200.12Z</t>
  </si>
  <si>
    <t>【哈电汽轮机】滤芯\HQ25.200.15Z</t>
  </si>
  <si>
    <t>【哈电汽轮机】滤芯\HQ25.200.16Z</t>
  </si>
  <si>
    <t>【哈电汽轮机】滤芯\HQ25.650.11Z</t>
  </si>
  <si>
    <t>【哈电汽轮机】滤芯\HQ25.650.12Z</t>
  </si>
  <si>
    <t>【哈电汽轮机】滤芯\HQ25.650.14Z</t>
  </si>
  <si>
    <t>【哈电汽轮机】滤芯\HQ25.650.15Z</t>
  </si>
  <si>
    <t>【哈电汽轮机】滤芯\HQ25.650.16Z</t>
  </si>
  <si>
    <t>【哈电汽轮机】薄膜阀膜片\1F725902402\K09.790Z</t>
  </si>
  <si>
    <t>【哈电汽轮机】薄膜阀膜片\1F702202112\77.790Z-1/307.790Z</t>
  </si>
  <si>
    <t>【哈电汽轮机】六线制位移传感器\50mm</t>
  </si>
  <si>
    <t>【哈电汽轮机】六线制位移传感器\100mm</t>
  </si>
  <si>
    <t>【哈电汽轮机】六线制位移传感器\150mm</t>
  </si>
  <si>
    <t>【哈电汽轮机】六线制位移传感器\200mm</t>
  </si>
  <si>
    <t>【哈电汽轮机】六线制位移传感器\250mm</t>
  </si>
  <si>
    <t>【哈电汽轮机】六线制位移传感器\300mm</t>
  </si>
  <si>
    <t>【哈电汽轮机】六线制位移传感器\350mm</t>
  </si>
  <si>
    <t>【哈电汽轮机】三线制位移传感器\50mm</t>
  </si>
  <si>
    <t>【哈电汽轮机】三线制位移传感器\100mm</t>
  </si>
  <si>
    <t>【哈电汽轮机】三线制位移传感器\150mm</t>
  </si>
  <si>
    <t>【哈电汽轮机】三线制位移传感器\200mm</t>
  </si>
  <si>
    <t>【哈电汽轮机】三线制位移传感器\250mm</t>
  </si>
  <si>
    <t>【哈电汽轮机】三线制位移传感器\300mm</t>
  </si>
  <si>
    <t>【哈电汽轮机】三线制位移传感器\350mm</t>
  </si>
  <si>
    <t>【哈电汽轮机】插装阀\TJ016-015-20HQ</t>
  </si>
  <si>
    <t>【哈电汽轮机】插装阀\TJ025-015-20HQ</t>
  </si>
  <si>
    <t>【哈电汽轮机】插装阀\TJ032-015-20HQ</t>
  </si>
  <si>
    <t>【哈电汽轮机】插装阀\TJ040-015-20HQ</t>
  </si>
  <si>
    <t>【哈电汽轮机】插装阀\TJ050-015-20HQ</t>
  </si>
  <si>
    <t>【哈电汽轮机】插装阀\TJ063-015-20HQ</t>
  </si>
  <si>
    <t>【哈电汽轮机】插装阀\TJ080-015-20HQ</t>
  </si>
  <si>
    <t>【哈电汽轮机】插装阀\TJ0100-015-20HQ</t>
  </si>
  <si>
    <t>【哈电汽轮机】空气滤清器\HQ46.01Z</t>
  </si>
  <si>
    <t>【哈电汽轮机】空气滤清器\HQ46.02Z</t>
  </si>
  <si>
    <t>【哈电汽轮机】皮囊式蓄能器\NXQ A- 40/31.5-EH</t>
  </si>
  <si>
    <t>【哈电汽轮机】皮囊式蓄能器\NXQ A-25/31.5-L-EH</t>
  </si>
  <si>
    <t>【哈电汽轮机】皮囊式蓄能器\NXQB-25/31.5-L-E</t>
  </si>
  <si>
    <t>【哈电汽轮机】皮囊式蓄能器\NXQ A- 25/31.5-L</t>
  </si>
  <si>
    <t>【哈电汽轮机】皮囊式蓄能器\NXQ A-10/31.5-L</t>
  </si>
  <si>
    <t>【哈电汽轮机】皮囊式蓄能器\NXQB-10/31.5-L-A</t>
  </si>
  <si>
    <t>【哈电汽轮机】蓄能器皮囊\40L\HTACC-BAG40</t>
  </si>
  <si>
    <t>【哈电汽轮机】蓄能器皮囊\25L\HTACC-BAG25</t>
  </si>
  <si>
    <t>【哈电汽轮机】蓄能器皮囊\10L\HTACC-BAG10</t>
  </si>
  <si>
    <t>【哈电汽轮机】活塞式蓄能器\2.5L</t>
  </si>
  <si>
    <t>【哈电汽轮机】活塞式蓄能器\1G</t>
  </si>
  <si>
    <t>【哈电汽轮机】活塞式蓄能器\4L</t>
  </si>
  <si>
    <t>【哈电汽轮机】活塞式蓄能器\1.5L</t>
  </si>
  <si>
    <t>【哈电汽轮机】高压主汽阀油动机\K02A.331Z</t>
  </si>
  <si>
    <t>【哈电汽轮机】高压主汽阀油动机\K02A.331Z-1</t>
  </si>
  <si>
    <t>【哈电汽轮机】中压主汽阀油动机\K02A.332Z</t>
  </si>
  <si>
    <t>【哈电汽轮机】中压主汽阀油动机\K02A.332Z-1</t>
  </si>
  <si>
    <t>【哈电汽轮机】高压调节阀油动机\K02A.357Z</t>
  </si>
  <si>
    <t>【哈电汽轮机】高压调节阀油动机\K02A.357Z-1</t>
  </si>
  <si>
    <t>【哈电汽轮机】中压调节阀油动机\K02A.358Z</t>
  </si>
  <si>
    <t>【哈电汽轮机】中压调节阀油动机\K02A.358Z-1</t>
  </si>
  <si>
    <t>【哈电汽轮机】高压主汽阀油动机\K02.331Z-2</t>
  </si>
  <si>
    <t>【哈电汽轮机】高压主汽阀油动机\K02.331Z-3</t>
  </si>
  <si>
    <t>【哈电汽轮机】高压调节阀油动机\K02.357Z-2</t>
  </si>
  <si>
    <t>【哈电汽轮机】高压调节阀油动机\K02.357Z-3</t>
  </si>
  <si>
    <t>【哈电汽轮机】中压调节阀油动机\K02.358Z-2</t>
  </si>
  <si>
    <t>【哈电汽轮机】中压调节阀油动机\K02.358Z-3</t>
  </si>
  <si>
    <t>【哈电汽轮机】高压主汽阀油动机\K02.331Z</t>
  </si>
  <si>
    <t>【哈电汽轮机】高压主汽阀油动机\K02.331Z-1</t>
  </si>
  <si>
    <t>【哈电汽轮机】高压调节阀油动机\K02.357Z</t>
  </si>
  <si>
    <t>【哈电汽轮机】高压调节阀油动机\K02.357Z-1</t>
  </si>
  <si>
    <t>【哈电汽轮机】中压调节阀油动机\K02.358Z</t>
  </si>
  <si>
    <t>【哈电汽轮机】中压调节阀油动机\K02.358Z-1</t>
  </si>
  <si>
    <t>【哈电汽轮机】高压主汽阀油动机\K09.331Z</t>
  </si>
  <si>
    <t>【哈电汽轮机】高压主汽阀油动机\K09.331Z-1</t>
  </si>
  <si>
    <t>【哈电汽轮机】高压调节阀油动机\K09.357Z</t>
  </si>
  <si>
    <t>【哈电汽轮机】高压调节阀油动机\K09.357Z-1</t>
  </si>
  <si>
    <t>【哈电汽轮机】中压调节阀油动机\K09.358Z</t>
  </si>
  <si>
    <t>【哈电汽轮机】中压调节阀油动机\K09.358Z-1</t>
  </si>
  <si>
    <t>【哈电汽轮机】高压主汽阀油动机\K09.331Z-2</t>
  </si>
  <si>
    <t>【哈电汽轮机】高压主汽阀油动机\K09.331Z-3</t>
  </si>
  <si>
    <t>【哈电汽轮机】高压调节阀油动机\K09.357Z-2</t>
  </si>
  <si>
    <t>【哈电汽轮机】高压调节阀油动机\K09.357Z-3</t>
  </si>
  <si>
    <t>【哈电汽轮机】中压调节阀油动机\K09.358Z-2</t>
  </si>
  <si>
    <t>【哈电汽轮机】中压调节阀油动机\K09.358Z-3</t>
  </si>
  <si>
    <t>【哈电汽轮机】高压主汽阀油动机\K09.331Z-4</t>
  </si>
  <si>
    <t>【哈电汽轮机】高压主汽阀油动机\K09.331Z-5</t>
  </si>
  <si>
    <t>【哈电汽轮机】高压调节阀油动机\K09.357Z-4</t>
  </si>
  <si>
    <t>【哈电汽轮机】高压调节阀油动机\K09.357Z-5</t>
  </si>
  <si>
    <t>【哈电汽轮机】中压调节阀油动机\K09.358Z-4</t>
  </si>
  <si>
    <t>【哈电汽轮机】中压调节阀油动机\K09.358Z-5</t>
  </si>
  <si>
    <t>【哈电汽轮机】中压主汽阀油动机\73B.332Z-33</t>
  </si>
  <si>
    <t>【哈电汽轮机】中压主汽阀油动机\73B.332Z-34</t>
  </si>
  <si>
    <t>【哈电汽轮机】高压主汽阀油动机\CHK03.331Z</t>
  </si>
  <si>
    <t>【哈电汽轮机】高压主汽阀油动机\CHK03.331Z-1</t>
  </si>
  <si>
    <t>【哈电汽轮机】中压主汽阀油动机\CHK03.332Z</t>
  </si>
  <si>
    <t>【哈电汽轮机】中压主汽阀油动机\CHK03.332Z-1</t>
  </si>
  <si>
    <t>【哈电汽轮机】高压调节阀油动机\CHK03.357Z</t>
  </si>
  <si>
    <t>【哈电汽轮机】高压调节阀油动机\CHK03.357Z-1</t>
  </si>
  <si>
    <t>【哈电汽轮机】中压调节阀油动机\CHK03.358Z</t>
  </si>
  <si>
    <t>【哈电汽轮机】中压调节阀油动机\CHK03.358Z-1</t>
  </si>
  <si>
    <t>【哈电汽轮机】中压主汽阀油动机\CH01B.332Z</t>
  </si>
  <si>
    <t>【哈电汽轮机】中压主汽阀油动机\CH01B.332Z-1</t>
  </si>
  <si>
    <t>【哈电汽轮机】中压调节阀油动机\CH01.358Z-22</t>
  </si>
  <si>
    <t>【哈电汽轮机】中压调节阀油动机\CH01.358Z-23</t>
  </si>
  <si>
    <t>【哈电汽轮机】中压主汽阀油动机\CHK03.332Z-5</t>
  </si>
  <si>
    <t>【哈电汽轮机】中压主汽阀油动机\CHK03.332Z-6</t>
  </si>
  <si>
    <t>【哈电汽轮机】中压调节阀油动机\CHK03.358Z-5</t>
  </si>
  <si>
    <t>【哈电汽轮机】中压调节阀油动机\CHK03.358Z-6</t>
  </si>
  <si>
    <t>【哈电汽轮机】中压主汽阀油动机\CH01B.332Z-12</t>
  </si>
  <si>
    <t>【哈电汽轮机】中压主汽阀油动机\CH01B.332Z-13</t>
  </si>
  <si>
    <t>【哈电汽轮机】高压调节阀油动机\141A.357Z</t>
  </si>
  <si>
    <t>【哈电汽轮机】高压调节阀油动机\141A.357Z-1</t>
  </si>
  <si>
    <t>【哈电汽轮机】高压主汽阀油动机\75F.331Z</t>
  </si>
  <si>
    <t>【哈电汽轮机】高压主汽阀油动机\75F.331Z-1</t>
  </si>
  <si>
    <t>【哈电汽轮机】中压主汽阀油动机\75D.332Z-14</t>
  </si>
  <si>
    <t>【哈电汽轮机】中压主汽阀油动机\75D.332Z-15</t>
  </si>
  <si>
    <t>【哈电汽轮机】中压调节阀油动机\75D.358Z-14</t>
  </si>
  <si>
    <t>【哈电汽轮机】中压调节阀油动机\75D.358Z-15</t>
  </si>
  <si>
    <t>【哈电汽轮机】高压调节阀油动机\CH01.357Z-32</t>
  </si>
  <si>
    <t>【哈电汽轮机】高压调节阀油动机\CH01.357Z-33</t>
  </si>
  <si>
    <t>【哈电汽轮机】高压主汽阀油动机\139B.331Z</t>
  </si>
  <si>
    <t>【哈电汽轮机】高压主汽阀油动机\139B.331Z-1</t>
  </si>
  <si>
    <t>【哈电汽轮机】中压主汽阀油动机\139B.332Z</t>
  </si>
  <si>
    <t>【哈电汽轮机】中压主汽阀油动机\139B.332Z-1</t>
  </si>
  <si>
    <t>【哈电汽轮机】高压调节阀油动机\139B.357Z</t>
  </si>
  <si>
    <t>【哈电汽轮机】高压调节阀油动机\139B.357Z-1</t>
  </si>
  <si>
    <t>【哈电汽轮机】中压调节阀油动机\139B.358Z</t>
  </si>
  <si>
    <t>【哈电汽轮机】中压调节阀油动机\139B.358Z-1</t>
  </si>
  <si>
    <t>【哈电汽轮机】低压油动机\139B.359Z-1</t>
  </si>
  <si>
    <t>【哈电汽轮机】高压主汽阀油动机\139T.331Z</t>
  </si>
  <si>
    <t>【哈电汽轮机】高压主汽阀油动机\139T.331Z-1</t>
  </si>
  <si>
    <t>【哈电汽轮机】中压主汽阀油动机\139T.332Z</t>
  </si>
  <si>
    <t>【哈电汽轮机】中压主汽阀油动机\139T.332Z-1</t>
  </si>
  <si>
    <t>【哈电汽轮机】中压调节阀油动机\139T.358Z</t>
  </si>
  <si>
    <t>【哈电汽轮机】中压调节阀油动机\139T.358Z-1</t>
  </si>
  <si>
    <t>【哈电汽轮机】高压主汽阀油动机\139T.331Z-2</t>
  </si>
  <si>
    <t>【哈电汽轮机】高压主汽阀油动机\139T.331Z-3</t>
  </si>
  <si>
    <t>【哈电汽轮机】中压主汽阀油动机\139T.332Z-2</t>
  </si>
  <si>
    <t>【哈电汽轮机】中压主汽阀油动机\139T.332Z-3</t>
  </si>
  <si>
    <t>【哈电汽轮机】高压调节阀油动机\139T.357Z-2</t>
  </si>
  <si>
    <t>【哈电汽轮机】高压调节阀油动机\139T.357Z-3</t>
  </si>
  <si>
    <t>【哈电汽轮机】中压调节阀油动机\139T.358Z-2</t>
  </si>
  <si>
    <t>【哈电汽轮机】中压调节阀油动机\139T.358Z-3</t>
  </si>
  <si>
    <t>【哈电汽轮机】高压主汽阀油动机\K07A.331Z</t>
  </si>
  <si>
    <t>【哈电汽轮机】高压主汽阀油动机\K07A.331Z-1</t>
  </si>
  <si>
    <t>【哈电汽轮机】中压主汽阀油动机\K07A.332Z</t>
  </si>
  <si>
    <t>【哈电汽轮机】中压主汽阀油动机\K07A.332Z-1</t>
  </si>
  <si>
    <t>【哈电汽轮机】高压调节阀油动机\K07A.357Z</t>
  </si>
  <si>
    <t>【哈电汽轮机】高压调节阀油动机\K07A.357Z-1</t>
  </si>
  <si>
    <t>【哈电汽轮机】中压调节阀油动机\K07A.358Z</t>
  </si>
  <si>
    <t>【哈电汽轮机】中压调节阀油动机\K07A.358Z-1</t>
  </si>
  <si>
    <t>【哈电汽轮机】高压主汽阀油动机\K07A.331Z-4</t>
  </si>
  <si>
    <t>【哈电汽轮机】高压主汽阀油动机\K07A.331Z-5</t>
  </si>
  <si>
    <t>【哈电汽轮机】中压主汽阀油动机\K07A.332Z-4</t>
  </si>
  <si>
    <t>【哈电汽轮机】中压主汽阀油动机\K07A.332Z-5</t>
  </si>
  <si>
    <t>【哈电汽轮机】高压调节阀油动机\K07A.357Z-4</t>
  </si>
  <si>
    <t>【哈电汽轮机】高压调节阀油动机\K07A.357Z-5</t>
  </si>
  <si>
    <t>【哈电汽轮机】中压调节阀油动机\K07A.358Z-4</t>
  </si>
  <si>
    <t>【哈电汽轮机】中压调节阀油动机\K07A.358Z-5</t>
  </si>
  <si>
    <t>【哈电汽轮机】高压主汽阀油动机\150.331Z-9</t>
  </si>
  <si>
    <t>【哈电汽轮机】高压主汽阀油动机\150.331Z-10</t>
  </si>
  <si>
    <t>【哈电汽轮机】中压主汽阀油动机\150.332Z-9</t>
  </si>
  <si>
    <t>【哈电汽轮机】中压主汽阀油动机\150.332Z-10</t>
  </si>
  <si>
    <t>【哈电汽轮机】高压调节阀油动机\150.357Z-9</t>
  </si>
  <si>
    <t>【哈电汽轮机】高压调节阀油动机\150.357Z-10</t>
  </si>
  <si>
    <t>【哈电汽轮机】中压调节阀油动机\150.358Z-9</t>
  </si>
  <si>
    <t>【哈电汽轮机】中压调节阀油动机\150.358Z-10</t>
  </si>
  <si>
    <t>【哈电汽轮机】高压主汽阀油动机\153.331Z-5</t>
  </si>
  <si>
    <t>【哈电汽轮机】高压主汽阀油动机\153.331Z-6</t>
  </si>
  <si>
    <t>【哈电汽轮机】高压调节阀油动机\153.357Z-5</t>
  </si>
  <si>
    <t>【哈电汽轮机】高压调节阀油动机\153.357Z-6</t>
  </si>
  <si>
    <t>【哈电汽轮机】中压调节阀油动机\153.358Z-5</t>
  </si>
  <si>
    <t>【哈电汽轮机】低压油动机\153.359Z-5</t>
  </si>
  <si>
    <t>【哈电汽轮机】高压主汽阀油动机\CCHK01.331Z</t>
  </si>
  <si>
    <t>【哈电汽轮机】高压主汽阀油动机\CCHK01.331Z-1</t>
  </si>
  <si>
    <t>【哈电汽轮机】中压主汽阀油动机\CCH01B.332Z</t>
  </si>
  <si>
    <t>【哈电汽轮机】中压主汽阀油动机\CCH01B.332Z-1</t>
  </si>
  <si>
    <t>【哈电汽轮机】高压调节阀油动机\CCHK01.357Z</t>
  </si>
  <si>
    <t>【哈电汽轮机】高压调节阀油动机\CCHK01.357Z-1</t>
  </si>
  <si>
    <t>【哈电汽轮机】中压调节阀油动机\CCH01B.358Z</t>
  </si>
  <si>
    <t>【哈电汽轮机】中压调节阀油动机\CCH01B.358Z-1</t>
  </si>
  <si>
    <t>【哈电汽轮机】低压自动关闭器\307.307Z-15</t>
  </si>
  <si>
    <t>【哈电汽轮机】低压油动机及其支架\307.359Z-15</t>
  </si>
  <si>
    <t>【哈电汽轮机】管道节流阀油动机\311.357Z-14</t>
  </si>
  <si>
    <t>【哈电汽轮机】低压自动关闭器\311.307Z-20</t>
  </si>
  <si>
    <t>【哈电汽轮机】高压调节阀油动机\311.357Z-20</t>
  </si>
  <si>
    <t>【哈电汽轮机】低压自动关闭器\306.307Z-5</t>
  </si>
  <si>
    <t>【哈电汽轮机】低压自动关闭器\306.307Z-13</t>
  </si>
  <si>
    <t>【哈电汽轮机】低压自动关闭器\311.307Z-44</t>
  </si>
  <si>
    <t>【哈电汽轮机】管道节流阀油动机\311.357Z-44</t>
  </si>
  <si>
    <t>【哈电汽轮机】低压油动机及其支架\311.359Z-44</t>
  </si>
  <si>
    <t>【哈电汽轮机】低压油动机及其支架\311.359Z-20</t>
  </si>
  <si>
    <t>【哈电汽轮机】管道节流阀油动机\306.357Z-9</t>
  </si>
  <si>
    <t>【哈电汽轮机】低压油动机及其支架\306.359Z-9</t>
  </si>
  <si>
    <t>【哈电汽轮机】管道节流阀油动机\306.357Z-15</t>
  </si>
  <si>
    <t>【哈电汽轮机】低压油动机及其支架\306.359Z-15</t>
  </si>
  <si>
    <t>【哈电汽轮机】低压油动机\73E.359Z</t>
  </si>
  <si>
    <t>【哈电汽轮机】低压油动机\73E.359Z-3</t>
  </si>
  <si>
    <t>【哈电汽轮机】低压油动机\K12.359Z</t>
  </si>
  <si>
    <t>【哈电汽轮机】高压主汽阀油动机\CCH02.331Z-2</t>
  </si>
  <si>
    <t>【哈电汽轮机】高压主汽阀油动机\CCH02.331Z-3</t>
  </si>
  <si>
    <t>【哈电汽轮机】中压主汽阀油动机\CCH02.332Z-2</t>
  </si>
  <si>
    <t>【哈电汽轮机】中压主汽阀油动机\CCH02.332Z-3</t>
  </si>
  <si>
    <t>【哈电汽轮机】高压调节阀油动机\CCH02.357Z-2</t>
  </si>
  <si>
    <t>【哈电汽轮机】高压调节阀油动机\CCH02.357Z-3</t>
  </si>
  <si>
    <t>【哈电汽轮机】中压调节阀油动机\CCH02.358Z-2</t>
  </si>
  <si>
    <t>【哈电汽轮机】中压调节阀油动机\CCH02.358Z-3</t>
  </si>
  <si>
    <t>【哈电汽轮机】高压主汽阀油动机\CCH02.331Z-4</t>
  </si>
  <si>
    <t>【哈电汽轮机】中压主汽阀油动机\CCH02.332Z-4</t>
  </si>
  <si>
    <t>【哈电汽轮机】中压主汽阀油动机\CCH02.332Z-5</t>
  </si>
  <si>
    <t>【哈电汽轮机】高压调节阀油动机\CCH02.357Z-4</t>
  </si>
  <si>
    <t>【哈电汽轮机】高压调节阀油动机\CCH02.357Z-5</t>
  </si>
  <si>
    <t>【哈电汽轮机】中压调节阀油动机\CCH02.358Z-4</t>
  </si>
  <si>
    <t>【哈电汽轮机】中压调节阀油动机\CCH02.358Z-5</t>
  </si>
  <si>
    <t>【哈电汽轮机】中压调节阀油动机\CH01B.358Z-4</t>
  </si>
  <si>
    <t>【哈电汽轮机】中压调节阀油动机\CH01B.358Z-5</t>
  </si>
  <si>
    <t>【哈电汽轮机】高压主汽阀油动机\136.331Z-6</t>
  </si>
  <si>
    <t>【哈电汽轮机】高压主汽阀油动机\136.331Z-7</t>
  </si>
  <si>
    <t>【哈电汽轮机】中压主汽阀油动机\136.332Z-6</t>
  </si>
  <si>
    <t>【哈电汽轮机】中压主汽阀油动机\136.332Z-7</t>
  </si>
  <si>
    <t>【哈电汽轮机】高压调节阀油动机\136.357Z-6</t>
  </si>
  <si>
    <t>【哈电汽轮机】高压调节阀油动机\136.357Z-7</t>
  </si>
  <si>
    <t>【哈电汽轮机】中压调节阀油动机\136.358Z-6</t>
  </si>
  <si>
    <t>【哈电汽轮机】中压调节阀油动机\136.358Z-7</t>
  </si>
  <si>
    <t>【哈电汽轮机】低压油动机\136.359Z-6</t>
  </si>
  <si>
    <t>【哈电汽轮机】高压主汽阀油动机\150.331Z-7</t>
  </si>
  <si>
    <t>【哈电汽轮机】高压主汽阀油动机\150.331Z-8</t>
  </si>
  <si>
    <t>【哈电汽轮机】中压主汽阀油动机\150.332Z-7</t>
  </si>
  <si>
    <t>【哈电汽轮机】中压主汽阀油动机\150.332Z-8</t>
  </si>
  <si>
    <t>【哈电汽轮机】高压调节阀油动机\150.357Z-7</t>
  </si>
  <si>
    <t>【哈电汽轮机】高压调节阀油动机\150.357Z-8</t>
  </si>
  <si>
    <t>【哈电汽轮机】中压调节阀油动机\150.358Z-7</t>
  </si>
  <si>
    <t>【哈电汽轮机】中压调节阀油动机\150.358Z-8</t>
  </si>
  <si>
    <t>【哈电汽轮机】低压油动机\150.359Z-7</t>
  </si>
  <si>
    <t>【哈电汽轮机】高压调节阀油动机\139.357Z-21</t>
  </si>
  <si>
    <t>【哈电汽轮机】高压调节阀油动机\139.357Z-22</t>
  </si>
  <si>
    <t>【哈电汽轮机】中压调节阀油动机\139.358Z-21</t>
  </si>
  <si>
    <t>【哈电汽轮机】中压调节阀油动机\139.358Z-22</t>
  </si>
  <si>
    <t>【哈电汽轮机】低压自动关闭器\311.307Z-50</t>
  </si>
  <si>
    <t>【哈电汽轮机】管道节流阀油动机\311.357Z-50</t>
  </si>
  <si>
    <t>【哈电汽轮机】低压油动机及其支架\311.359Z-50</t>
  </si>
  <si>
    <t>【哈电汽轮机】低压自动关闭器\311.307Z-42</t>
  </si>
  <si>
    <t>【哈电汽轮机】管道节流阀油动机\311.357Z-32</t>
  </si>
  <si>
    <t>【哈电汽轮机】低压油动机及其支架\311.359Z-32</t>
  </si>
  <si>
    <t>【哈电汽轮机】高压主汽阀油动机\163.331Z</t>
  </si>
  <si>
    <t>【哈电汽轮机】高压主汽阀油动机\163.331Z-1</t>
  </si>
  <si>
    <t>【哈电汽轮机】中压主汽阀油动机\163.332Z</t>
  </si>
  <si>
    <t>【哈电汽轮机】中压主汽阀油动机\163.332Z-1</t>
  </si>
  <si>
    <t>【哈电汽轮机】高压调节阀油动机\163.357Z</t>
  </si>
  <si>
    <t>【哈电汽轮机】高压调节阀油动机\163.357Z-1</t>
  </si>
  <si>
    <t>【哈电汽轮机】中压调节阀油动机\163.358Z</t>
  </si>
  <si>
    <t>【哈电汽轮机】中压调节阀油动机\163.358Z-1</t>
  </si>
  <si>
    <t>【哈电汽轮机】高压主汽阀油动机\K13.331Z</t>
  </si>
  <si>
    <t>【哈电汽轮机】高压主汽阀油动机\K13.331Z-1</t>
  </si>
  <si>
    <t>【哈电汽轮机】中压主汽阀油动机\K13.332Z</t>
  </si>
  <si>
    <t>【哈电汽轮机】中压主汽阀油动机\K13.332Z-1</t>
  </si>
  <si>
    <t>【哈电汽轮机】高压调节阀油动机\K13.357Z</t>
  </si>
  <si>
    <t>【哈电汽轮机】高压调节阀油动机\K13.357Z-1</t>
  </si>
  <si>
    <t>【哈电汽轮机】中压调节阀油动机\K13.358Z</t>
  </si>
  <si>
    <t>【哈电汽轮机】中压调节阀油动机\K13.358Z-1</t>
  </si>
  <si>
    <t>【哈电汽轮机】高压主汽阀油动机\169.331Z</t>
  </si>
  <si>
    <t>【哈电汽轮机】高压主汽阀油动机\169.331Z-1</t>
  </si>
  <si>
    <t>【哈电汽轮机】高压调节阀油动机\169.357Z</t>
  </si>
  <si>
    <t>【哈电汽轮机】高压调节阀油动机\169.357Z-1</t>
  </si>
  <si>
    <t>【哈电汽轮机】高压主汽阀油动机\151.331Z</t>
  </si>
  <si>
    <t>【哈电汽轮机】高压调节阀油动机\151.357Z</t>
  </si>
  <si>
    <t>【哈电汽轮机】高压调节阀油动机\151.357Z-1</t>
  </si>
  <si>
    <t>【哈电汽轮机】高压主汽阀油动机\151A.331Z</t>
  </si>
  <si>
    <t>【哈电汽轮机】高压调节阀油动机\151A.357Z</t>
  </si>
  <si>
    <t>【哈电汽轮机】高压调节阀油动机\151A.357Z-1</t>
  </si>
  <si>
    <t>【哈电汽轮机】高压主汽阀油动机\113.331Z-1</t>
  </si>
  <si>
    <t>【哈电汽轮机】高压调节阀油动机\113.357Z-1</t>
  </si>
  <si>
    <t>【哈电汽轮机】高压调节阀油动机\113.357Z-2</t>
  </si>
  <si>
    <t>【哈电汽轮机】高压主汽阀油动机\77.331Z-2</t>
  </si>
  <si>
    <t>【哈电汽轮机】高压调节阀油动机\77.357Z-2</t>
  </si>
  <si>
    <t>【哈电汽轮机】高压调节阀油动机\77.357Z-3</t>
  </si>
  <si>
    <t>【哈电汽轮机】高压主汽阀油动机\K03.331Z-7</t>
  </si>
  <si>
    <t>【哈电汽轮机】高压主汽阀油动机\K03.331Z-8</t>
  </si>
  <si>
    <t>【哈电汽轮机】中压主汽阀油动机\K03.332Z-7</t>
  </si>
  <si>
    <t>【哈电汽轮机】中压主汽阀油动机\K03.332Z-8</t>
  </si>
  <si>
    <t>【哈电汽轮机】高压调节阀油动机\K03.357Z-7</t>
  </si>
  <si>
    <t>【哈电汽轮机】高压调节阀油动机\K03.357Z-8</t>
  </si>
  <si>
    <t>【哈电汽轮机】中压调节阀油动机\K03.358Z-7</t>
  </si>
  <si>
    <t>【哈电汽轮机】中压调节阀油动机\K03.358Z-8</t>
  </si>
  <si>
    <t>【哈电汽轮机】高压主汽阀油动机\K07A.331Z-2</t>
  </si>
  <si>
    <t>【哈电汽轮机】高压主汽阀油动机\K07A.331Z-3</t>
  </si>
  <si>
    <t>【哈电汽轮机】中压主汽阀油动机\K07A.332Z-2</t>
  </si>
  <si>
    <t>【哈电汽轮机】中压主汽阀油动机\K07A.332Z-3</t>
  </si>
  <si>
    <t>【哈电汽轮机】高压调节阀油动机\K07A.357Z-2</t>
  </si>
  <si>
    <t>【哈电汽轮机】高压调节阀油动机\K07A.357Z-3</t>
  </si>
  <si>
    <t>【哈电汽轮机】中压调节阀油动机\K07A.358Z-2</t>
  </si>
  <si>
    <t>【哈电汽轮机】中压调节阀油动机\K07A.358Z-3</t>
  </si>
  <si>
    <t>【哈电汽轮机】抽汽调节阀油动机\CH02C.359Z-1</t>
  </si>
  <si>
    <t>【哈电汽轮机】中压调节阀油动机\CH02.358Z</t>
  </si>
  <si>
    <t>【哈电汽轮机】中压调节阀油动机\CH02.358Z-1</t>
  </si>
  <si>
    <t>【哈电汽轮机】高压主汽阀油动机\154.331Z-2</t>
  </si>
  <si>
    <t>【哈电汽轮机】高压调节阀油动机\154.357Z-2</t>
  </si>
  <si>
    <t>【哈电汽轮机】高压调节阀油动机\154.357Z-3</t>
  </si>
  <si>
    <t>【哈电汽轮机】高压主汽阀油动机\CHK01B.331.1Z</t>
  </si>
  <si>
    <t>【哈电汽轮机】高压主汽阀油动机\CHK01B.331.2Z</t>
  </si>
  <si>
    <t>【哈电汽轮机】高压调节阀油动机\CHK01B.357.1Z</t>
  </si>
  <si>
    <t>【哈电汽轮机】高压调节阀油动机\CHK01B.357.2Z</t>
  </si>
  <si>
    <t>【哈电汽轮机】中压调节阀油动机\CHK01B.358.1Z</t>
  </si>
  <si>
    <t>【哈电汽轮机】中压调节阀油动机\CHK01B.358.2Z</t>
  </si>
  <si>
    <t>【哈电汽轮机】低压自动关闭器\306.307Z-17</t>
  </si>
  <si>
    <t>【哈电汽轮机】低压油动机及其支架\306.359Z-17</t>
  </si>
  <si>
    <t>【哈电汽轮机】管道节流阀油动机\306.357Z-17</t>
  </si>
  <si>
    <t>【哈电汽轮机】高压主汽阀油动机\167.331Z</t>
  </si>
  <si>
    <t>【哈电汽轮机】高压主汽阀油动机\158A.331Z</t>
  </si>
  <si>
    <t>【哈电汽轮机】中压主汽阀油动机\158A.332Z</t>
  </si>
  <si>
    <t>【哈电汽轮机】高压调节阀油动机\167.357Z</t>
  </si>
  <si>
    <t>【哈电汽轮机】中压调节阀油动机\167.358Z</t>
  </si>
  <si>
    <t>【哈电汽轮机】低压油动机\167.359Z</t>
  </si>
  <si>
    <t>【哈电汽轮机】低压启动主汽阀油动机\155.325Z</t>
  </si>
  <si>
    <t>【哈电汽轮机】低压启动主汽阀油动机\155.325Z-1</t>
  </si>
  <si>
    <t>【哈电汽轮机】高压主汽阀油动机\CCH02A.331Z</t>
  </si>
  <si>
    <t>【哈电汽轮机】高压主汽阀油动机\CCH02A.331Z-1</t>
  </si>
  <si>
    <t>【哈电汽轮机】中压主汽阀油动机\CCH02A.332Z</t>
  </si>
  <si>
    <t>【哈电汽轮机】中压主汽阀油动机\CCH02A.332Z-1</t>
  </si>
  <si>
    <t>【哈电汽轮机】高压调节阀油动机\CCH02A.357Z</t>
  </si>
  <si>
    <t>【哈电汽轮机】高压调节阀油动机\CCH02A.357Z-1</t>
  </si>
  <si>
    <t>【哈电汽轮机】中压调节阀油动机\CCH02A.358Z</t>
  </si>
  <si>
    <t>【哈电汽轮机】中压调节阀油动机\CCH02A.358Z-1</t>
  </si>
  <si>
    <t>【哈电汽轮机】高压主汽阀油动机\173.331Z</t>
  </si>
  <si>
    <t>【哈电汽轮机】中压主汽阀油动机\173.332Z</t>
  </si>
  <si>
    <t>【哈电汽轮机】高压调节阀油动机\173.357Z</t>
  </si>
  <si>
    <t>【哈电汽轮机】中压调节阀油动机\173.358Z</t>
  </si>
  <si>
    <t>【哈电汽轮机】高压补汽阀油动机\CCH01E.359Z</t>
  </si>
  <si>
    <t>【哈电汽轮机】高压补汽阀油动机\CCH01E.359Z-1</t>
  </si>
  <si>
    <t>【哈电汽轮机】高压主汽阀油动机\CCH03.332.1Z</t>
  </si>
  <si>
    <t>【哈电汽轮机】高压主汽阀油动机\CCH03.332.2Z</t>
  </si>
  <si>
    <t>【哈电汽轮机】中压主汽阀油动机\CCH03.339.1Z</t>
  </si>
  <si>
    <t>【哈电汽轮机】中压主汽阀油动机\CCH03.339.2Z</t>
  </si>
  <si>
    <t>【哈电汽轮机】高压调节阀油动机\CCH03.358.1Z</t>
  </si>
  <si>
    <t>【哈电汽轮机】高压调节阀油动机\CCH03.358.2Z</t>
  </si>
  <si>
    <t>【哈电汽轮机】中压调节阀油动机\CCH03.359.1Z</t>
  </si>
  <si>
    <t>【哈电汽轮机】中压调节阀油动机\CCH03.359.2Z</t>
  </si>
  <si>
    <t>【哈电汽轮机】超高压主汽阀油动机\CCH03.331.1Z</t>
  </si>
  <si>
    <t>【哈电汽轮机】超高压主汽阀油动机\CCH03.331.2Z</t>
  </si>
  <si>
    <t>【哈电汽轮机】超高压调节阀油动机\CCH03.357.1Z</t>
  </si>
  <si>
    <t>【哈电汽轮机】超高压调节阀油动机\CCH03.357.2Z</t>
  </si>
  <si>
    <t>【哈电汽轮机】蝶阀抽汽油动机\150.329Z-8</t>
  </si>
  <si>
    <t>【哈电汽轮机】蝶阀抽汽油动机\150.329Z-9</t>
  </si>
  <si>
    <t>【哈电汽轮机】高压主汽阀油动机\CH02A.331Z-25</t>
  </si>
  <si>
    <t>【哈电汽轮机】中压主汽阀油动机\CH02A.332Z-24</t>
  </si>
  <si>
    <t>【哈电汽轮机】中压主汽阀油动机\CH02A.332Z-25</t>
  </si>
  <si>
    <t>【哈电汽轮机】高压调节阀油动机\CH02A.357Z-24</t>
  </si>
  <si>
    <t>【哈电汽轮机】高压调节阀油动机\CH02A.357Z-25</t>
  </si>
  <si>
    <t>【哈电汽轮机】中压调节阀油动机\CH02A.358Z-24</t>
  </si>
  <si>
    <t>【哈电汽轮机】中压调节阀油动机\CH02A.358Z-25</t>
  </si>
  <si>
    <t>【哈电汽轮机】中压主汽阀油动机\CHK03.332.1Z-8</t>
  </si>
  <si>
    <t>【哈电汽轮机】中压主汽阀油动机\CHK03.332.2Z-8</t>
  </si>
  <si>
    <t>【哈电汽轮机】高压调节阀油动机\CHK03.357.1Z-8</t>
  </si>
  <si>
    <t>【哈电汽轮机】高压调节阀油动机\CHK03.357.2Z-8</t>
  </si>
  <si>
    <t>【哈电汽轮机】中压调节阀油动机\CHK03.358.1Z-8</t>
  </si>
  <si>
    <t>【哈电汽轮机】中压调节阀油动机\CHK03.358.2Z-8</t>
  </si>
  <si>
    <t>【哈电汽轮机】高压主汽阀油动机\CCHK01A.331Z-5</t>
  </si>
  <si>
    <t>【哈电汽轮机】高压主汽阀油动机\CCHK01A.331Z-6</t>
  </si>
  <si>
    <t>【哈电汽轮机】中压主汽阀油动机\CCHK01A.332Z-5</t>
  </si>
  <si>
    <t>【哈电汽轮机】中压主汽阀油动机\CCHK01A.332Z-6</t>
  </si>
  <si>
    <t>【哈电汽轮机】高压调节阀油动机\CCHK01A.357Z-5</t>
  </si>
  <si>
    <t>【哈电汽轮机】高压调节阀油动机\CCHK01A.357Z-6</t>
  </si>
  <si>
    <t>【哈电汽轮机】中压调节阀油动机\CCHK01A.358Z-5</t>
  </si>
  <si>
    <t>【哈电汽轮机】中压调节阀油动机\CCHK01A.358Z-6</t>
  </si>
  <si>
    <t>【哈电汽轮机】高压补汽阀油动机\CCHK01A.359Z-5</t>
  </si>
  <si>
    <t>【哈电汽轮机】高压补汽阀油动机\CCHK01A.359Z-6</t>
  </si>
  <si>
    <t>【哈电汽轮机】高压主汽阀油动机\43A.331Z-4</t>
  </si>
  <si>
    <t>【哈电汽轮机】高压调节阀油动机\43A.357Z-4</t>
  </si>
  <si>
    <t>【哈电汽轮机】高压调节阀油动机\43A.357Z-5</t>
  </si>
  <si>
    <t>【哈电汽轮机】高压主汽阀油动机\43A.331Z-5</t>
  </si>
  <si>
    <t>【哈电汽轮机】高压调节阀油动机\43A.357.1Z-5</t>
  </si>
  <si>
    <t>【哈电汽轮机】高压调节阀油动机\43A.357.2Z-5</t>
  </si>
  <si>
    <t>【哈电汽轮机】高压主汽阀油动机\149.331.1Z-6</t>
  </si>
  <si>
    <t>【哈电汽轮机】高压主汽阀油动机\149.331.2Z-6</t>
  </si>
  <si>
    <t>【哈电汽轮机】高压调节阀油动机\149.357.1Z-6</t>
  </si>
  <si>
    <t>【哈电汽轮机】高压调节阀油动机\149.357.2Z-6</t>
  </si>
  <si>
    <t>【哈电汽轮机】中压调节阀油动机\149.358.1Z-6</t>
  </si>
  <si>
    <t>【哈电汽轮机】中压调节阀油动机\149.358.2Z-6</t>
  </si>
  <si>
    <t>【哈电汽轮机】回转隔板抽汽油动机\149.359Z-6</t>
  </si>
  <si>
    <t>【哈电汽轮机】高压主汽阀油动机\113A.331Z</t>
  </si>
  <si>
    <t>【哈电汽轮机】高压调节阀油动机\113A.357Z</t>
  </si>
  <si>
    <t>【哈电汽轮机】高压调节阀油动机\113A.357Z-1</t>
  </si>
  <si>
    <t>【哈电汽轮机】中压调节阀油动机\113A.358Z</t>
  </si>
  <si>
    <t>【哈电汽轮机】中压调节阀油动机\113A.358Z-1</t>
  </si>
  <si>
    <t>【哈电汽轮机】高压主汽阀油动机\176.331Z</t>
  </si>
  <si>
    <t>【哈电汽轮机】高压调节阀油动机\176.357Z</t>
  </si>
  <si>
    <t>【哈电汽轮机】中压主汽阀油动机\176.332Z</t>
  </si>
  <si>
    <t>【哈电汽轮机】中压调节阀油动机\176.358Z</t>
  </si>
  <si>
    <t>【哈电汽轮机】高压主汽阀油动机\K16.331Z</t>
  </si>
  <si>
    <t>【哈电汽轮机】高压调节阀油动机\K16.357Z</t>
  </si>
  <si>
    <t>【哈电汽轮机】高压主汽阀油动机\179.331Z</t>
  </si>
  <si>
    <t>【哈电汽轮机】高压调节阀油动机\179.357Z</t>
  </si>
  <si>
    <t>【哈电汽轮机】中压主汽阀油动机\179.332Z</t>
  </si>
  <si>
    <t>【哈电汽轮机】中压调节阀油动机\179.358Z</t>
  </si>
  <si>
    <t>【哈电汽轮机】油缸\φ40/φ16\HQ-YG40.03Z</t>
  </si>
  <si>
    <t>【哈电汽轮机】油缸\φ40/φ16\HQ-YG40.04Z</t>
  </si>
  <si>
    <t>【哈电汽轮机】油缸\φ50/φ25\HQ-YG50.01Z</t>
  </si>
  <si>
    <t>【哈电汽轮机】油缸\φ51/φ30\HQ-YG51.01Z</t>
  </si>
  <si>
    <t>【哈电汽轮机】油缸\φ51/φ35\HQ-YG51.02Z-1</t>
  </si>
  <si>
    <t>【哈电汽轮机】油缸\φ51/φ35\HQ-YG51.03Z-1</t>
  </si>
  <si>
    <t>【哈电汽轮机】油缸\φ64/φ35\HQ-YG64.01Z</t>
  </si>
  <si>
    <t>【哈电汽轮机】油缸\φ64/φ35\HQ-YG64.01Z-1</t>
  </si>
  <si>
    <t>【哈电汽轮机】油缸\φ64/φ35\HQ-YG64.02Z</t>
  </si>
  <si>
    <t>【哈电汽轮机】油缸\φ64/φ35\HQ-YG64.03Z</t>
  </si>
  <si>
    <t>【哈电汽轮机】油缸\φ83/φ50\HQ-YG83.01Z</t>
  </si>
  <si>
    <t>【哈电汽轮机】油缸\φ83/φ50\HQ-YG83.02Z</t>
  </si>
  <si>
    <t>【哈电汽轮机】油缸\φ85/φ50\HQ-YG83.02Z-1</t>
  </si>
  <si>
    <t>【哈电汽轮机】油缸\φ85/φ50\HQ-YG83.02Z-2</t>
  </si>
  <si>
    <t>【哈电汽轮机】油缸\φ85/φ50\HQ-YG83.02Z-3</t>
  </si>
  <si>
    <t>【哈电汽轮机】油缸\φ83/φ50\HQ-YG83.03Z</t>
  </si>
  <si>
    <t>【哈电汽轮机】油缸\φ85/φ50\HQ-YG83.04Z</t>
  </si>
  <si>
    <t>【哈电汽轮机】油缸\φ85/φ50\HQ-YG85.05Z</t>
  </si>
  <si>
    <t>【哈电汽轮机】油缸\φ85/φ50\HQ-YG83.06Z</t>
  </si>
  <si>
    <t>【哈电汽轮机】油缸\φ85/φ50\HQ-YG83.07Z</t>
  </si>
  <si>
    <t>【哈电汽轮机】油缸\φ85/φ50\HQ-YG83.08Z</t>
  </si>
  <si>
    <t>【哈电汽轮机】油缸\φ85/φ50\HQ-YG83.09Z</t>
  </si>
  <si>
    <t>【哈电汽轮机】油缸\φ85/φ50\HQ-YG85.010Z</t>
  </si>
  <si>
    <t>【哈电汽轮机】油缸\φ85/φ50\HQ-YG85.11Z</t>
  </si>
  <si>
    <t>【哈电汽轮机】油缸\φ83/φ50\HQ-YG83.12Z</t>
  </si>
  <si>
    <t>【哈电汽轮机】油缸\φ83/φ50\HQ-YG83.13Z</t>
  </si>
  <si>
    <t>【哈电汽轮机】油缸\φ85/φ50\HQ-YG83.14Z</t>
  </si>
  <si>
    <t>【哈电汽轮机】油缸\φ83/φ50\HQ-YG83.15Z</t>
  </si>
  <si>
    <t>【哈电汽轮机】油缸\φ102/φ63\HQ-YG102.01Z</t>
  </si>
  <si>
    <t>【哈电汽轮机】油缸\φ102/φ63\HQ-YG102.01Z-1</t>
  </si>
  <si>
    <t>【哈电汽轮机】油缸\φ102/φ63\HQ-YG102.02Z</t>
  </si>
  <si>
    <t>【哈电汽轮机】油缸\φ102/φ50\HQ-YG102.03Z</t>
  </si>
  <si>
    <t>【哈电汽轮机】油缸\φ102/φ50\HQ-YG102.04Z</t>
  </si>
  <si>
    <t>【哈电汽轮机】油缸\φ102/φ50\HQ-YG102.05Z</t>
  </si>
  <si>
    <t>【哈电汽轮机】油缸\φ102/φ63\HQ-YG102.06Z</t>
  </si>
  <si>
    <t>【哈电汽轮机】油缸\φ102/φ63\HQ-YG102.07Z</t>
  </si>
  <si>
    <t>【哈电汽轮机】油缸\φ102/φ63\HQ-YG102.07Z-1</t>
  </si>
  <si>
    <t>【哈电汽轮机】油缸\φ102/φ63\HQ-YG102.08Z</t>
  </si>
  <si>
    <t>【哈电汽轮机】油缸\φ102/φ63\HQ-YG102.08Z-1</t>
  </si>
  <si>
    <t>【哈电汽轮机】油缸\φ102/φ63\HQ-YG102.09Z</t>
  </si>
  <si>
    <t>【哈电汽轮机】油缸\φ100/φ50\HQ-YG102.10Z</t>
  </si>
  <si>
    <t>【哈电汽轮机】油缸\φ100/φ50\HQ-YG102.10Z-1</t>
  </si>
  <si>
    <t>【哈电汽轮机】油缸\φ100/φ63\HQ-YG102.11Z</t>
  </si>
  <si>
    <t>【哈电汽轮机】油缸\φ100/φ63\HQ-YG102.11Z-1</t>
  </si>
  <si>
    <t>【哈电汽轮机】油缸\φ100/φ63\HQ-YG102.11Z-2</t>
  </si>
  <si>
    <t>【哈电汽轮机】油缸\φ100/φ63\HQ-YG102.11Z-3</t>
  </si>
  <si>
    <t>【哈电汽轮机】油缸\φ100/φ50\HQ-YG102.12Z</t>
  </si>
  <si>
    <t>【哈电汽轮机】油缸\φ100/φ50\HQ-YG102.12Z-1</t>
  </si>
  <si>
    <t>【哈电汽轮机】油缸\φ100/φ50\HQ-YG102.13Z</t>
  </si>
  <si>
    <t>【哈电汽轮机】油缸\φ100/φ50\HQ-YG102.13Z-1</t>
  </si>
  <si>
    <t>【哈电汽轮机】油缸\φ100/φ50\HQ-YG102.13Z-2</t>
  </si>
  <si>
    <t>【哈电汽轮机】油缸\φ100/φ50\HQ-YG102.13Z-3</t>
  </si>
  <si>
    <t>【哈电汽轮机】油缸\φ100/φ50\HQ-YG102.14Z</t>
  </si>
  <si>
    <t>【哈电汽轮机】油缸\φ100/φ50\HQ-YG102.14Z-1</t>
  </si>
  <si>
    <t>【哈电汽轮机】油缸\φ100/φ50\HQ-YG102.15Z</t>
  </si>
  <si>
    <t>【哈电汽轮机】油缸\φ100/φ50\HQ-YG102.15Z-1</t>
  </si>
  <si>
    <t>【哈电汽轮机】油缸\φ100/φ50\HQ-YG102.15Z-2</t>
  </si>
  <si>
    <t>【哈电汽轮机】油缸\φ100/φ63\HQ-YG102.16Z</t>
  </si>
  <si>
    <t>【哈电汽轮机】油缸\φ100/φ63\HQ-YG102.16Z-1</t>
  </si>
  <si>
    <t>【哈电汽轮机】油缸\φ102/φ63\HQ-YG102.17Z</t>
  </si>
  <si>
    <t>【哈电汽轮机】油缸\φ102/φ50\HQ-YG102.18Z</t>
  </si>
  <si>
    <t>【哈电汽轮机】油缸\φ102/φ63\HQ-YG102.19Z</t>
  </si>
  <si>
    <t>【哈电汽轮机】油缸\φ102/φ63\HQ-YG102.20Z</t>
  </si>
  <si>
    <t>【哈电汽轮机】油缸\φ102/φ50\HQ-YG102.21Z</t>
  </si>
  <si>
    <t>【哈电汽轮机】油缸\φ102/φ63\HQ-YG102.22Z</t>
  </si>
  <si>
    <t>【哈电汽轮机】油缸\φ100/φ50\HQ-YG102.23Z</t>
  </si>
  <si>
    <t>【哈电汽轮机】油缸\φ102/φ63\HQ-YG102.24Z</t>
  </si>
  <si>
    <t>【哈电汽轮机】油缸\φ102/φ50\HQ-YG102.25Z</t>
  </si>
  <si>
    <t>【哈电汽轮机】油缸\φ100/φ50\HQ-YG102.26Z</t>
  </si>
  <si>
    <t>【哈电汽轮机】油缸\φ100/φ50\HQ-YG102.27Z</t>
  </si>
  <si>
    <t>【哈电汽轮机】油缸\φ100/φ50\HQ-YG102.28Z</t>
  </si>
  <si>
    <t>【哈电汽轮机】油缸\φ100/φ50\HQ-YG102.29Z</t>
  </si>
  <si>
    <t>【哈电汽轮机】油缸\φ102/φ50\HQ-YG102.30Z</t>
  </si>
  <si>
    <t>【哈电汽轮机】油缸\φ102/φ63\HQ-YG102.31Z</t>
  </si>
  <si>
    <t>【哈电汽轮机】油缸\φ100/φ50\HQ-YG102.32Z</t>
  </si>
  <si>
    <t>【哈电汽轮机】油缸\φ100/φ50\HQ-YG102.33Z</t>
  </si>
  <si>
    <t>【哈电汽轮机】油缸\φ100/φ50\HQ-YG102.34Z</t>
  </si>
  <si>
    <t>【哈电汽轮机】油缸\φ100/φ63\HQ-YG102.35Z</t>
  </si>
  <si>
    <t>【哈电汽轮机】油缸\φ100/φ50\HQ-YG102.36Z</t>
  </si>
  <si>
    <t>【哈电汽轮机】油缸\φ100/φ50\HQ-YG102.36Z-1</t>
  </si>
  <si>
    <t>【哈电汽轮机】油缸\φ100/φ50\HQ-YG102.37Z</t>
  </si>
  <si>
    <t>【哈电汽轮机】油缸\φ100/φ50\HQ-YG102.37Z-1</t>
  </si>
  <si>
    <t>【哈电汽轮机】油缸\φ100/φ50\HQ-YG102.37Z-2</t>
  </si>
  <si>
    <t>【哈电汽轮机】油缸\φ100/φ50\HQ-YG102.38Z</t>
  </si>
  <si>
    <t>【哈电汽轮机】油缸\φ100/φ50\HQ-YG102.39Z</t>
  </si>
  <si>
    <t>【哈电汽轮机】油缸\φ100/φ50\HQ-YG102.40Z</t>
  </si>
  <si>
    <t>【哈电汽轮机】油缸\φ100/φ50\HQ-YG102.40Z-1</t>
  </si>
  <si>
    <t>【哈电汽轮机】油缸\φ100/φ50\HQ-YG102.40Z-2</t>
  </si>
  <si>
    <t>【哈电汽轮机】油缸\φ100/φ50\HQ-YG102.40Z-3</t>
  </si>
  <si>
    <t>【哈电汽轮机】油缸\φ100/φ50\HQ-YG102.40Z-4</t>
  </si>
  <si>
    <t>【哈电汽轮机】油缸\φ100/φ50\HQ-YG102.40Z-5</t>
  </si>
  <si>
    <t>【哈电汽轮机】油缸\φ100/φ50\HQ-YG102.40Z-6</t>
  </si>
  <si>
    <t>【哈电汽轮机】油缸\φ100/φ50\HQ-YG102.40Z-7</t>
  </si>
  <si>
    <t>【哈电汽轮机】油缸\φ100/φ50\HQ-YG102.41Z</t>
  </si>
  <si>
    <t>【哈电汽轮机】油缸\φ102/φ63\HQ-YG102.42Z</t>
  </si>
  <si>
    <t>【哈电汽轮机】油缸\φ100/φ63\HQ-YG102.43Z</t>
  </si>
  <si>
    <t>【哈电汽轮机】油缸\φ100/φ50\HQ-YG102.44Z</t>
  </si>
  <si>
    <t>【哈电汽轮机】油缸\φ102/φ50\HQ-YG102.44Z-1</t>
  </si>
  <si>
    <t>【哈电汽轮机】油缸\φ100/φ50\HQ-YG102.45Z</t>
  </si>
  <si>
    <t>【哈电汽轮机】油缸\φ100/φ50\HQ-YG102.45Z-1</t>
  </si>
  <si>
    <t>【哈电汽轮机】油缸\φ100/φ50\HQ-YG102.46Z</t>
  </si>
  <si>
    <t>【哈电汽轮机】油缸\φ100/φ50\HQ-YG102.46Z-1</t>
  </si>
  <si>
    <t>【哈电汽轮机】油缸\φ100/φ50\HQ-YG102.47Z</t>
  </si>
  <si>
    <t>【哈电汽轮机】油缸\φ100/φ50\HQ-YG102.47Z-1</t>
  </si>
  <si>
    <t>【哈电汽轮机】油缸\φ100/φ50\HQ-YG102.47Z-2</t>
  </si>
  <si>
    <t>【哈电汽轮机】油缸\φ100/φ50\HQ-YG102.47Z-3</t>
  </si>
  <si>
    <t>【哈电汽轮机】油缸\φ100/φ50\HQ-YG102.48Z</t>
  </si>
  <si>
    <t>【哈电汽轮机】油缸\φ100/φ50\HQ-YG102.48Z-1</t>
  </si>
  <si>
    <t>【哈电汽轮机】油缸\φ100/φ50\HQ-YG102.48Z-2</t>
  </si>
  <si>
    <t>【哈电汽轮机】油缸\φ100/φ50\HQ-YG102.48Z-3</t>
  </si>
  <si>
    <t>【哈电汽轮机】油缸\φ100/φ50\HQ-YG102.48Z-4</t>
  </si>
  <si>
    <t>【哈电汽轮机】油缸\φ100/φ50\HQ-YG102.48Z-5</t>
  </si>
  <si>
    <t>【哈电汽轮机】油缸\φ100/φ50\HQ-YG102.49Z</t>
  </si>
  <si>
    <t>【哈电汽轮机】油缸\φ100/φ50\HQ-YG102.50Z</t>
  </si>
  <si>
    <t>【哈电汽轮机】油缸\φ102/φ60\HQ-YG102.51Z</t>
  </si>
  <si>
    <t>【哈电汽轮机】油缸\φ100/φ50\HQ-YG102.52Z</t>
  </si>
  <si>
    <t>【哈电汽轮机】油缸\φ100/φ50\HQ-YG102.53Z</t>
  </si>
  <si>
    <t>【哈电汽轮机】油缸\φ100/φ50\HQ-YG102.54Z-1</t>
  </si>
  <si>
    <t>【哈电汽轮机】油缸\φ121/φ50\HQ-YG121.01Z</t>
  </si>
  <si>
    <t>【哈电汽轮机】油缸\φ121/φ50\HQ-YG121.02Z</t>
  </si>
  <si>
    <t>【哈电汽轮机】油缸\φ121/φ50\HQ-YG121.03Z</t>
  </si>
  <si>
    <t>【哈电汽轮机】油缸\φ121/φ50\HQ-YG121.04Z</t>
  </si>
  <si>
    <t>【哈电汽轮机】油缸\φ121/φ50\HQ-YG121.05Z</t>
  </si>
  <si>
    <t>【哈电汽轮机】油缸\φ121/φ50\HQ-YG121.06Z</t>
  </si>
  <si>
    <t>【哈电汽轮机】油缸\φ125/φ50\HQ-YG125.01Z</t>
  </si>
  <si>
    <t>【哈电汽轮机】油缸\φ125/φ50\HQ-YG125.01Z-1</t>
  </si>
  <si>
    <t>【哈电汽轮机】油缸\φ125/φ63\HQ-YG125.02Z</t>
  </si>
  <si>
    <t>【哈电汽轮机】油缸\φ125/φ63\HQ-YG125.02Z-1</t>
  </si>
  <si>
    <t>【哈电汽轮机】油缸\φ125/φ63\HQ-YG125.02Z-2</t>
  </si>
  <si>
    <t>【哈电汽轮机】油缸\φ125/φ63\HQ-YG125.02Z-3</t>
  </si>
  <si>
    <t>【哈电汽轮机】油缸\φ125/φ50\HQ-YG125.03Z</t>
  </si>
  <si>
    <t>【哈电汽轮机】油缸\φ125/φ50\HQ-YG125.04Z</t>
  </si>
  <si>
    <t>【哈电汽轮机】油缸\φ125/φ63\HQ-YG125.05Z</t>
  </si>
  <si>
    <t>【哈电汽轮机】油缸\φ125/φ63\HQ-YG125.06Z</t>
  </si>
  <si>
    <t>【哈电汽轮机】油缸\φ125/φ63\HQ-YG125.07Z</t>
  </si>
  <si>
    <t>【哈电汽轮机】油缸\φ125/φ63\HQ-YG125.08Z</t>
  </si>
  <si>
    <t>【哈电汽轮机】油缸\φ125/φ63\HQ-YG125.08Z-1</t>
  </si>
  <si>
    <t>【哈电汽轮机】油缸\φ125/φ63\HQ-YG125.09Z</t>
  </si>
  <si>
    <t>【哈电汽轮机】油缸\φ125/φ63\HQ-YG125.10Z</t>
  </si>
  <si>
    <t>【哈电汽轮机】油缸\φ125/φ50\HQ-YG125.11Z</t>
  </si>
  <si>
    <t>【哈电汽轮机】油缸\φ125/φ50\HQ-YG125.12Z</t>
  </si>
  <si>
    <t>【哈电汽轮机】油缸\φ125/φ50\HQ-YG125.12Z-1</t>
  </si>
  <si>
    <t>【哈电汽轮机】油缸\φ125/φ50\HQ-YG125.13Z</t>
  </si>
  <si>
    <t>【哈电汽轮机】油缸\φ125/φ60\HQ-YG125.18Z</t>
  </si>
  <si>
    <t>【哈电汽轮机】油缸\φ152/φ63\HQ-YG152.01Z</t>
  </si>
  <si>
    <t>【哈电汽轮机】油缸\φ152/φ50\HQ-YG152.02Z</t>
  </si>
  <si>
    <t>【哈电汽轮机】油缸\φ152/φ90\HQ-YG152.03Z</t>
  </si>
  <si>
    <t>【哈电汽轮机】油缸\φ152/φ63\HQ-YG152.04Z</t>
  </si>
  <si>
    <t>【哈电汽轮机】油缸\φ152/φ90\HQ-YG152.05Z</t>
  </si>
  <si>
    <t>【哈电汽轮机】油缸\φ152/φ90\HQ-YG152.05Z-1</t>
  </si>
  <si>
    <t>【哈电汽轮机】油缸\φ152/φ90\HQ-YG152.05Z-2</t>
  </si>
  <si>
    <t>【哈电汽轮机】油缸\φ152/φ90\HQ-YG152.06Z</t>
  </si>
  <si>
    <t>【哈电汽轮机】油缸\φ152/φ90\HQ-YG152.07Z</t>
  </si>
  <si>
    <t>【哈电汽轮机】油缸\φ152/φ90\HQ-YG152.08Z</t>
  </si>
  <si>
    <t>【哈电汽轮机】油缸\φ152/φ63\HQ-YG152.09Z</t>
  </si>
  <si>
    <t>【哈电汽轮机】油缸\φ152/φ50\HQ-YG152.010Z</t>
  </si>
  <si>
    <t>【哈电汽轮机】油缸\φ152/φ50\HQ-YG152.011Z</t>
  </si>
  <si>
    <t>【哈电汽轮机】油缸\φ152/φ63\HQ-YG152.012Z</t>
  </si>
  <si>
    <t>【哈电汽轮机】油缸\φ152/φ63\HQ-YG152.013Z</t>
  </si>
  <si>
    <t>【哈电汽轮机】油缸\φ152/φ63\HQ-YG152.014Z</t>
  </si>
  <si>
    <t>【哈电汽轮机】油缸\φ152/φ63\HQ-YG152.015Z</t>
  </si>
  <si>
    <t>【哈电汽轮机】油缸\φ152/φ90\HQ-YG152.16Z</t>
  </si>
  <si>
    <t>【哈电汽轮机】油缸\φ152/φ90\HQ-YG152.17Z</t>
  </si>
  <si>
    <t>【哈电汽轮机】油缸\φ152/φ90\HQ-YG152.018Z</t>
  </si>
  <si>
    <t>【哈电汽轮机】油缸\φ152/φ50\HQ-YG152.019Z</t>
  </si>
  <si>
    <t>【哈电汽轮机】油缸\φ152/φ80\HQ-YG152.020Z</t>
  </si>
  <si>
    <t>【哈电汽轮机】油缸\φ150/φ90\HQ-YG152.021Z</t>
  </si>
  <si>
    <t>【哈电汽轮机】油缸\φ150/φ90\HQ-YG152.022Z</t>
  </si>
  <si>
    <t>【哈电汽轮机】油缸\φ150/φ90\HQ-YG152.023Z</t>
  </si>
  <si>
    <t>【哈电汽轮机】油缸\φ150/φ90\HQ-YG152.024Z</t>
  </si>
  <si>
    <t>【哈电汽轮机】油缸\φ150/φ90\HQ-YG152.025Z</t>
  </si>
  <si>
    <t>【哈电汽轮机】油缸\φ150/φ90\HQ-YG152.029Z</t>
  </si>
  <si>
    <t>【哈电汽轮机】油缸\φ150/φ90\HQ-YG152.030Z</t>
  </si>
  <si>
    <t>【哈电汽轮机】油缸\φ150/φ90\HQ-YG152.031Z</t>
  </si>
  <si>
    <t>【哈电汽轮机】油缸\φ150/φ90\HQ-YG152.032Z</t>
  </si>
  <si>
    <t>【哈电汽轮机】油缸\φ178/φ75\HQ-YG178.01Z</t>
  </si>
  <si>
    <t>【哈电汽轮机】油缸\φ178/φ75\HQ-YG178.02Z</t>
  </si>
  <si>
    <t>【哈电汽轮机】油缸\φ178/φ75\HQ-YG178.03Z</t>
  </si>
  <si>
    <t>【哈电汽轮机】油缸\φ178/φ63\HQ-YG178.10Z</t>
  </si>
  <si>
    <t>【哈电汽轮机】油缸\φ178/φ63\HQ-YG178.11Z</t>
  </si>
  <si>
    <t>【哈电汽轮机】油缸\φ178/φ63\HQ-YG178.12Z</t>
  </si>
  <si>
    <t>【哈电汽轮机】油缸\φ178/φ100\HQ-YG178.13Z</t>
  </si>
  <si>
    <t>【哈电汽轮机】油缸\φ180/φ120\HQ-YG180.01Z</t>
  </si>
  <si>
    <t>【哈电汽轮机】油缸\φ203/φ90\HQ-YG203.02Z</t>
  </si>
  <si>
    <t>【哈电汽轮机】油缸\φ203/φ90\HQ-YG203.03Z</t>
  </si>
  <si>
    <t>【哈电汽轮机】油缸\φ203/φ90\HQ-YG203.04Z</t>
  </si>
  <si>
    <t>【哈电汽轮机】油缸\φ203/φ90\HQ-YG203.05Z</t>
  </si>
  <si>
    <t>【哈电汽轮机】油缸\φ203/φ90\HQ-YG203.06Z</t>
  </si>
  <si>
    <t>【哈电汽轮机】油缸\φ216/φ90\HQ-YG216.01Z</t>
  </si>
  <si>
    <t>【哈电汽轮机】油缸\φ216/φ90\HQ-YG216.02Z</t>
  </si>
  <si>
    <t>【哈电汽轮机】油缸\φ216/φ90\HQ-YG216.12Z</t>
  </si>
  <si>
    <t>【哈电汽轮机】油缸\φ216/φ90\HQ-YG216.22Z-1</t>
  </si>
  <si>
    <t>【哈电汽轮机】油缸\φ230/φ90\HQ-YG230.01Z</t>
  </si>
  <si>
    <t>【哈电汽轮机】油缸\φ230/φ90\HQ-YG230.02Z</t>
  </si>
  <si>
    <t>【哈电汽轮机】油缸\φ230/φ90\HQ-YG230.03Z</t>
  </si>
  <si>
    <t>【哈电汽轮机】油缸\φ230/φ90\HQ-YG230.11Z</t>
  </si>
  <si>
    <t>【哈电汽轮机】油缸\φ240/φ85\HQ-YG240.01Z</t>
  </si>
  <si>
    <t>【哈电汽轮机】油缸\φ240/φ90\HQ-YG240.02Z</t>
  </si>
  <si>
    <t>【哈电汽轮机】油缸\φ240/φ90\HQ-YG240.03Z</t>
  </si>
  <si>
    <t>【哈电汽轮机】油缸\φ330/φ150\HQ-YG330.01Z</t>
  </si>
  <si>
    <t>【哈电汽轮机】EH系统密封件\(350MW等级)</t>
  </si>
  <si>
    <t>【哈电汽轮机】EH系统密封件\(660MW等级)</t>
  </si>
  <si>
    <t>【哈电汽轮机】EH系统密封件\(1000MW等级)</t>
  </si>
  <si>
    <t>【哈电汽轮机】EH系统密封件\(150MW等级)</t>
  </si>
  <si>
    <t>【哈电汽轮机】框架\3500/05-01-01-00-00-00</t>
  </si>
  <si>
    <t>【哈电汽轮机】电源\3500/15-02-02-00</t>
  </si>
  <si>
    <t>【哈电汽轮机】通讯模块\3500/92-04-01-00</t>
  </si>
  <si>
    <t>【哈电汽轮机】框架接口模块\3500/22-01-01-00</t>
  </si>
  <si>
    <t>【哈电汽轮机】零转速模块\3500/50-01-00</t>
  </si>
  <si>
    <t>【哈电汽轮机】测量模块\3500/42-01-00</t>
  </si>
  <si>
    <t>【哈电汽轮机】测量模块\3500/45-01-00</t>
  </si>
  <si>
    <t>【哈电汽轮机】超速模块\3500/54-01-00</t>
  </si>
  <si>
    <t>【哈电汽轮机】胀差测量模块\3500/45-Mod</t>
  </si>
  <si>
    <t>【哈电汽轮机】键相测量模块\3500/25-01-01-00</t>
  </si>
  <si>
    <t>【哈电汽轮机】继电器模块\3500/33-01-00</t>
  </si>
  <si>
    <t>【哈电汽轮机】继电器模块\3500/32-01-00</t>
  </si>
  <si>
    <t>【哈电汽轮机】涡流传感器\330103-00-05-10-02-00</t>
  </si>
  <si>
    <t>【哈电汽轮机】涡流前置器\330180-90-00</t>
  </si>
  <si>
    <t>【哈电汽轮机】涡流延长电缆\330130-080-00-00</t>
  </si>
  <si>
    <t>【哈电汽轮机】涡流传感器铠装\330104-00-05-10-02-00</t>
  </si>
  <si>
    <t>【哈电汽轮机】涡流延长电缆铠装\330130-080-01-00</t>
  </si>
  <si>
    <t>【哈电汽轮机】涡流传感器\330703-000-050-10-02-00</t>
  </si>
  <si>
    <t>【哈电汽轮机】涡流前置器\330780-90-00</t>
  </si>
  <si>
    <t>【哈电汽轮机】涡流延长电缆\330730-080-00-00</t>
  </si>
  <si>
    <t>【哈电汽轮机】涡流传感器铠装\330704-000-050-10-02-00</t>
  </si>
  <si>
    <t>【哈电汽轮机】涡流延长电缆铠装\330730-080-01-00</t>
  </si>
  <si>
    <t>【哈电汽轮机】前置器\330850－90－05</t>
  </si>
  <si>
    <t>【哈电汽轮机】延长电缆\330854－080－24－05</t>
  </si>
  <si>
    <t>【哈电汽轮机】延长电缆铠装\330854－080－25－05</t>
  </si>
  <si>
    <t>【哈电汽轮机】胀差传感器\19047-02</t>
  </si>
  <si>
    <t>【哈电汽轮机】热膨胀传感器\LVDT24765-02-01</t>
  </si>
  <si>
    <t>【哈电汽轮机】盖振传感器\9200-06-05-10-00</t>
  </si>
  <si>
    <t>【哈电汽轮机】软件\209-500-100-024/01/00/00</t>
  </si>
  <si>
    <t>【哈电汽轮机】主处理器单元\XCU-net2.3\XCU</t>
  </si>
  <si>
    <t>【哈电汽轮机】模拟量输入模块\xAI-81-24\8通道</t>
  </si>
  <si>
    <t>【哈电汽轮机】热电阻输入模块\xAI-81-25\8通道</t>
  </si>
  <si>
    <t>【哈电汽轮机】热电偶输入模块\xAI-81-28\8通道</t>
  </si>
  <si>
    <t>【哈电汽轮机】模拟量输出模块\xAO-82-22\8通道</t>
  </si>
  <si>
    <t>【哈电汽轮机】开关量输入模块\xDI-83-24\16通道</t>
  </si>
  <si>
    <t>【哈电汽轮机】开关量输出模块\xDO-84-21\16通道</t>
  </si>
  <si>
    <t>【哈电汽轮机】阀门控制模块\xSV-813-22</t>
  </si>
  <si>
    <t>【哈电汽轮机】测速模块\xSD-812-21</t>
  </si>
  <si>
    <t>【哈电汽轮机】主控模块\369B1860G0016</t>
  </si>
  <si>
    <t>【哈电汽轮机】汽机转速测量模块\369B1851G0009</t>
  </si>
  <si>
    <t>【哈电汽轮机】DEH伺服模块\369B1848G0001</t>
  </si>
  <si>
    <t>【哈电汽轮机】模拟量输入模块\369B1841G0130\16通道</t>
  </si>
  <si>
    <t>【哈电汽轮机】模拟量输入模块\369B1841G0131\16通道</t>
  </si>
  <si>
    <t>【哈电汽轮机】模拟量输出模块\369B1871G0007</t>
  </si>
  <si>
    <t>【哈电汽轮机】开关量输入模块\369B1843G0017\16通道</t>
  </si>
  <si>
    <t>【哈电汽轮机】开关量输出模块\369B1844G0019\16通道</t>
  </si>
  <si>
    <t>【哈电汽轮机】主控制器\K-CU02</t>
  </si>
  <si>
    <t>【哈电汽轮机】汽轮机测速模块\K-FC01</t>
  </si>
  <si>
    <t>【哈电汽轮机】汽轮机伺服模块\K-SV01</t>
  </si>
  <si>
    <t>【哈电汽轮机】模拟量输入模块\K-AIH01</t>
  </si>
  <si>
    <t>【哈电汽轮机】TC信号输入模块\K-TC01</t>
  </si>
  <si>
    <t>【哈电汽轮机】RTD信号输入模块\K-RTD01</t>
  </si>
  <si>
    <t>【哈电汽轮机】模拟量输出模块\K-AOH01</t>
  </si>
  <si>
    <t>【哈电汽轮机】开关量输入模块\K-DI11</t>
  </si>
  <si>
    <t>【哈电汽轮机】开关量输出模块\K-DO01-P\FFX/16通道</t>
  </si>
  <si>
    <t>【哈电汽轮机】控制器组件\5X00589G01</t>
  </si>
  <si>
    <t>【哈电汽轮机】电源模块\1X00781H01L\24VDC</t>
  </si>
  <si>
    <t>【哈电汽轮机】转速测量模块\1C31189G01/1C31192G01</t>
  </si>
  <si>
    <t>【哈电汽轮机】模拟量输入模块\5X00070G01/1C31227G01\8通道</t>
  </si>
  <si>
    <t>【哈电汽轮机】模拟量输出模块\1C31129G03/1C31132G01\4通道</t>
  </si>
  <si>
    <t>【哈电汽轮机】热电偶输入模块\5X00070G04/1C31116G04\8通道</t>
  </si>
  <si>
    <t>【哈电汽轮机】热电阻输入模块\5X00119G01/5X00121G01\8通道</t>
  </si>
  <si>
    <t>【哈电汽轮机】开关量输入模块\5X00357G04/1C31238H01\16通道</t>
  </si>
  <si>
    <t>【哈电汽轮机】开关量输出模块\1C31122G01/1C31125G02\16通道</t>
  </si>
  <si>
    <t>【哈电汽轮机】控制器组件\414PG</t>
  </si>
  <si>
    <t>【哈电汽轮机】电源模块\SITOP-24VDC-40A\24VDC</t>
  </si>
  <si>
    <t>【哈电汽轮机】开关量输入模块\SM321\16通道</t>
  </si>
  <si>
    <t>【哈电汽轮机】开关量输出模块\SM322\16通道</t>
  </si>
  <si>
    <t>【哈电汽轮机】模拟量输入模块\SM331\8通道</t>
  </si>
  <si>
    <t>【哈电汽轮机】热电偶输入模块\SM331\8通道</t>
  </si>
  <si>
    <t>【哈电汽轮机】热电阻输入模块\SM331\8通道</t>
  </si>
  <si>
    <t>【哈电汽轮机】模拟量输出模块\SM332\4通道</t>
  </si>
  <si>
    <t>【哈电汽轮机】高速采样模块\ADDFEM</t>
  </si>
  <si>
    <t>【哈电汽轮机】转速信号前置器\BRAUN-D521</t>
  </si>
  <si>
    <t>【哈电汽轮机】容错控制处理器\FCP270</t>
  </si>
  <si>
    <t>【哈电汽轮机】模拟量输出模块\FBM205\4-20mA</t>
  </si>
  <si>
    <t>【哈电汽轮机】模拟量输入模块\FBM201\4-20mA</t>
  </si>
  <si>
    <t>【哈电汽轮机】热电偶输入卡件\FBM202</t>
  </si>
  <si>
    <t>【哈电汽轮机】热电阻输入卡件\FBM203</t>
  </si>
  <si>
    <t>【哈电汽轮机】输入输出卡件\FBM204\4-20mA</t>
  </si>
  <si>
    <t>【哈电汽轮机】脉冲输入卡件\FBM206</t>
  </si>
  <si>
    <t>【哈电汽轮机】数字量输入卡件\FBM207\16通道</t>
  </si>
  <si>
    <t>【哈电汽轮机】数字量输入输出卡件\FBM219</t>
  </si>
  <si>
    <t>【哈电汽轮机】数字量输出卡件\FBM242\16通道</t>
  </si>
  <si>
    <t>【哈电汽轮机】转速报警卡\D421.51U</t>
  </si>
  <si>
    <t>【哈电汽轮机】液伺服卡\FBMSVH/FBMSSW</t>
  </si>
  <si>
    <t>【哈电汽轮机】直流电源\SPS01-24V/10A\24VDC</t>
  </si>
  <si>
    <t>【哈电汽轮机】直流电源\SPS02-48V/5A\48VDC</t>
  </si>
  <si>
    <t>【哈电汽轮机】冗余控制器模块\HPC800K02</t>
  </si>
  <si>
    <t>【哈电汽轮机】模拟量输入模块\SD-I/O-AI01-8C\8通道</t>
  </si>
  <si>
    <t>【哈电汽轮机】RTD输入模块\SD-I/O-AI03\2-3-4/wire_RTD/8通道</t>
  </si>
  <si>
    <t>【哈电汽轮机】TC模拟输入模块\SD-I/O-AI04-8C\TC/mV/8通道</t>
  </si>
  <si>
    <t>【哈电汽轮机】模拟量输出模块\SD-I/O-AO01-8C\8通道</t>
  </si>
  <si>
    <t>【哈电汽轮机】数字量输入模块\SD-I/O-DI04\48VDC/16通道</t>
  </si>
  <si>
    <t>【哈电汽轮机】数字量输出模块\SD-I/O-DO01\24/48VDC/16通道</t>
  </si>
  <si>
    <t>【哈电汽轮机】数字量输入模块\SD-I/O-DI01\24/48VDC/16通道</t>
  </si>
  <si>
    <t>【哈电汽轮机】阀门定位模块\VP810\S800</t>
  </si>
  <si>
    <t>【哈电汽轮机】控制器组件\140-CPU-113-02</t>
  </si>
  <si>
    <t>【哈电汽轮机】编程电缆\990-NAA-263-20</t>
  </si>
  <si>
    <t>【哈电汽轮机】电源模块\6ES7307-1EA00-0AA0</t>
  </si>
  <si>
    <t>【哈电汽轮机】控制器组件\6ES7314-1AG14-0AB0</t>
  </si>
  <si>
    <t>【哈电汽轮机】底板\6ES7390-1AF30-0AA0-530</t>
  </si>
  <si>
    <t>【哈电汽轮机】控制器组件\1756-L61</t>
  </si>
  <si>
    <t>【哈电汽轮机】数字量输入卡\1756-IB32\32通道</t>
  </si>
  <si>
    <t>【哈电汽轮机】数字量输出卡\1756-OB32\32通道</t>
  </si>
  <si>
    <t>【哈电汽轮机】模块框架\1756-A10\10槽位</t>
  </si>
  <si>
    <t>【哈电汽轮机】编程电缆\1756-CP3</t>
  </si>
  <si>
    <t>【哈电汽轮机】磁阻探头\ZS-04-75-3000</t>
  </si>
  <si>
    <t>【哈电汽轮机】磁阻探头\ZS-04-150-3000</t>
  </si>
  <si>
    <t>【哈电汽轮机】就地转速表\HZQS-02</t>
  </si>
  <si>
    <t>【哈电汽轮机】就地转速表\HZQW-02A</t>
  </si>
  <si>
    <t>【哈电汽轮机】就地转速表\HZQW-03A</t>
  </si>
  <si>
    <t>【哈电汽轮机】就地转速表\HZQW-03</t>
  </si>
  <si>
    <t>【哈电汽轮机】就地转速表\HTC-RSI02</t>
  </si>
  <si>
    <t>【哈电汽轮机】盘车控制器\S7-200-SMART-CPU-SR40</t>
  </si>
  <si>
    <t>【哈电汽轮机】框架\204-040-100-011</t>
  </si>
  <si>
    <t>【哈电汽轮机】网关IO模块\200-566-000-1Hh</t>
  </si>
  <si>
    <t>【哈电汽轮机】加速度传感器延伸电缆\922-318-000-041</t>
  </si>
  <si>
    <t>【哈电汽轮机】采集模块\200-530-SSS-HHh</t>
  </si>
  <si>
    <t>【哈电汽轮机】采集IO模块\200-565-000-HHh</t>
  </si>
  <si>
    <t>【哈电汽轮机】螺栓\CH02.318.027\300MW</t>
  </si>
  <si>
    <t>【哈电汽轮机】直销\CH02.318.028\300MW</t>
  </si>
  <si>
    <t>【哈电汽轮机】紧定螺钉\73.307.028\300MW</t>
  </si>
  <si>
    <t>【哈电汽轮机】螺栓\CH02.302.027\300MW</t>
  </si>
  <si>
    <t>【哈电汽轮机】螺栓\CH02.318.018\301MW</t>
  </si>
  <si>
    <t>【哈电汽轮机】螺钉\73.307.004\300MW</t>
  </si>
  <si>
    <t>【哈电汽轮机】双头螺栓\CH02.302.003\300MW</t>
  </si>
  <si>
    <t>【哈电汽轮机】螺母\B20.2.1B\300MW</t>
  </si>
  <si>
    <t>【哈电汽轮机】节流孔\HQ12.019\300MW</t>
  </si>
  <si>
    <t>【哈电汽轮机】节流孔\HQ12.026\300MW</t>
  </si>
  <si>
    <t>【哈电汽轮机】节流孔\HQ12.027\300MW</t>
  </si>
  <si>
    <t>【哈电汽轮机】节流孔\73B.755.1.003-31\300MW</t>
  </si>
  <si>
    <t>【哈电汽轮机】节流孔\HQ12.018\300MW</t>
  </si>
  <si>
    <t>【哈电汽轮机】过渡板\HQ32.015Z\300MW</t>
  </si>
  <si>
    <t>【哈电汽轮机】过渡板\HQ32.017Z\300MW</t>
  </si>
  <si>
    <t>【哈电汽轮机】垫片\73A.301.037\300MW</t>
  </si>
  <si>
    <t>【哈电汽轮机】垫片\73A.301.039\300MW</t>
  </si>
  <si>
    <t>【哈电汽轮机】螺母\73B.301.004\300MW</t>
  </si>
  <si>
    <t>【哈电汽轮机】垫片\73A.301.036\300MW</t>
  </si>
  <si>
    <t>【哈电汽轮机】垫片\73A.301.038\300MW</t>
  </si>
  <si>
    <t>【哈电汽轮机】阀碟\73B.301.002\300MW</t>
  </si>
  <si>
    <t>【哈电汽轮机】预启阀\73B.301.003\300MW</t>
  </si>
  <si>
    <t>【哈电汽轮机】弹簧导向杆\73B.301.001\300MW</t>
  </si>
  <si>
    <t>【哈电汽轮机】直通管接头组\DG25\00.000.10Z\1000MW</t>
  </si>
  <si>
    <t>【哈电汽轮机】EH油泵\HQ39.01Z-1\1000MW</t>
  </si>
  <si>
    <t>【哈电汽轮机】直通管接头组\DG20\00.000.10Z\1000MW</t>
  </si>
  <si>
    <t>【哈电汽轮机】推力轴承调整垫片(调端)\CCH02.051.8Z-2\1000MW</t>
  </si>
  <si>
    <t>【哈电汽轮机】推力轴承调整垫片(电端)\CCH02.051.9Z-2\1000MW</t>
  </si>
  <si>
    <t>【哈电汽轮机】EH油系统(AST电磁阀)\HQ16.09Z\1000MW</t>
  </si>
  <si>
    <t>【哈电汽轮机】EH油系统(opc电磁阀)\HQ16.08Z\1000MW</t>
  </si>
  <si>
    <t>【哈电汽轮机】高调油动机快关电磁阀\HQ16.14Z\1000MW</t>
  </si>
  <si>
    <t>【哈电汽轮机】电液转换器\73D.320Z\1000MW</t>
  </si>
  <si>
    <t>【哈电汽轮机】主机交流润滑油泵密封圈\CCH02A.451Z-2\1000MW</t>
  </si>
  <si>
    <t>【哈电汽轮机】主机交流润滑油泵机械密封\CCH02A.451Z-2\1000MW</t>
  </si>
  <si>
    <t>【哈电汽轮机】主机直流润滑油泵密封圈\CCH02A.452Z-2\1000MW</t>
  </si>
  <si>
    <t>【哈电汽轮机】主机直流润滑油泵机械密封\CCH02A.452Z-2\1000MW</t>
  </si>
  <si>
    <t>【哈电汽轮机】高压调节阀阀杆\CCH02A.301.9Z-2\1000MW</t>
  </si>
  <si>
    <t>【哈电汽轮机】高压主汽阀阀杆\CCH02A.301.10Z-2\1000MW</t>
  </si>
  <si>
    <t>【哈电汽轮机】高压主汽阀阀碟\CCH02A.301.13Z-2\1000MW</t>
  </si>
  <si>
    <t>【哈电汽轮机】高压预启阀阀座\CCH02A.301.7Z-2\1000MW</t>
  </si>
  <si>
    <t>【哈电汽轮机】高压预启阀螺纹环\CCH02A.301.6Z-2\1000MW</t>
  </si>
  <si>
    <t>【哈电汽轮机】止转块\CCH02A.301.1.012-2\1000MW</t>
  </si>
  <si>
    <t>【哈电汽轮机】主汽阀阀杆衬套\CCH02A.301.1.015-2\1000MW</t>
  </si>
  <si>
    <t>【哈电汽轮机】阀杆衬套\CCH02A.301.1.020-2\1000MW</t>
  </si>
  <si>
    <t>【哈电汽轮机】阀杆衬套\CCH02A.301.1.021-2\1000MW</t>
  </si>
  <si>
    <t>【哈电汽轮机】阀杆衬套\CCH02A.301.1.022-2\1000MW</t>
  </si>
  <si>
    <t>【哈电汽轮机】阀杆衬套\CCH02A.301.1.023-2\1000MW</t>
  </si>
  <si>
    <t>【哈电汽轮机】调阀阀杆衬套\CCH02A.301.1.036-2\1000MW</t>
  </si>
  <si>
    <t>【哈电汽轮机】阀杆衬套\CCH02A.301.1.037-2\1000MW</t>
  </si>
  <si>
    <t>【哈电汽轮机】调阀阀杆衬套\CCH02A.301.1.042-2\1000MW</t>
  </si>
  <si>
    <t>【哈电汽轮机】衬套\CCH02A.301.1.045-2\1000MW</t>
  </si>
  <si>
    <t>【哈电汽轮机】调阀阀杆衬套\CCH02A.301.1.047-2\1000MW</t>
  </si>
  <si>
    <t>【哈电汽轮机】阀杆衬套\CCH02A.301.1.053-2\1000MW</t>
  </si>
  <si>
    <t>【哈电汽轮机】密封环\CCH02A.301.1.009-2\1000MW</t>
  </si>
  <si>
    <t>【哈电汽轮机】密封环\CCH02A.301.1.048-2\1000MW</t>
  </si>
  <si>
    <t>【哈电汽轮机】#1轴承瓦块上半\φ355/35\CHK02.050.1.001-7\350MW</t>
  </si>
  <si>
    <t>【哈电汽轮机】#1轴承瓦块下半\φ355/Qr0.5-0.1\CHK02.050.1.002-7\350MW</t>
  </si>
  <si>
    <t>【哈电汽轮机】#2轴承瓦块上半\φ381/35\CHK02.052.3.001-7\350MW</t>
  </si>
  <si>
    <t>【哈电汽轮机】#2轴承瓦块下半\φ381/Qr0.5-0.1\CHK02.052.3.002-7\350MW</t>
  </si>
  <si>
    <t>【哈电汽轮机】高压缸前汽封总成\供货范围为：所有汽封圈及汽封圈背部弹簧片及止动螺钉\CH02E.067Z\350MW</t>
  </si>
  <si>
    <t>【哈电汽轮机】高压缸后汽封总成\供货范围为：所有汽封圈及汽封圈背部弹簧片及止动螺钉\73E.068Z\350MW</t>
  </si>
  <si>
    <t>【哈电汽轮机】双头螺栓\M42\CCH02A.301.1.004-2\1000MW</t>
  </si>
  <si>
    <t>【哈电汽轮机】罩螺母\M42\CCH02A.301.1.005-2\1000MW</t>
  </si>
  <si>
    <t>【哈电汽轮机】双头螺栓\M36\CCH02A.301.1.034-2\1000MW</t>
  </si>
  <si>
    <t>【哈电汽轮机】罩螺母\M36\CCH02A.301.1.035-2\1000MW</t>
  </si>
  <si>
    <t>【哈电汽轮机】密封衬套\CCH02A.301.1.044-2\1000MW</t>
  </si>
  <si>
    <t>【哈电汽轮机】双头螺栓\M12\CCH02A.301.1.016-2\1000MW</t>
  </si>
  <si>
    <t>【哈电汽轮机】锁紧垫片\CCH02A.301.1.017-2\1000MW</t>
  </si>
  <si>
    <t>【哈电汽轮机】六角螺母\M12\CCH02A.301.1.018-2\1000MW</t>
  </si>
  <si>
    <t>【哈电汽轮机】双头螺栓\M80X6\CCH02A.301.1.063-2\1000MW</t>
  </si>
  <si>
    <t>【哈电汽轮机】套筒\CCH02A.301.1.064-2\1000MW</t>
  </si>
  <si>
    <t>【哈电汽轮机】罩螺母\M80x6\CCH02A.301.1.065-2\1000MW</t>
  </si>
  <si>
    <t>【哈电汽轮机】双头螺栓\M72X6\CCH02A.301.1.066-2\1000MW</t>
  </si>
  <si>
    <t>【哈电汽轮机】套筒\CCH02A.301.1.067-2\1000MW</t>
  </si>
  <si>
    <t>【哈电汽轮机】罩螺母\M72x6\CCH02A.301.1.068-2\1000MW</t>
  </si>
  <si>
    <t>【哈电汽轮机】石墨缠绕垫圈\CCH02A.301.1.060-2\1000MW</t>
  </si>
  <si>
    <t>【哈电汽轮机】石墨缠绕垫圈\CCH02A.301.1.062-2\1000MW</t>
  </si>
  <si>
    <t>【哈电汽轮机】双头螺栓\M24\CCH02A.301.1.027-2\1000MW</t>
  </si>
  <si>
    <t>【哈电汽轮机】六角螺母\M24\CCH02A.301.1.028-2\1000MW</t>
  </si>
  <si>
    <t>【哈电汽轮机】垫圈\M24\B22.4K\1000MW</t>
  </si>
  <si>
    <t>【哈电汽轮机】直通管接头组\DG10\00.000.10Z\1000MW</t>
  </si>
  <si>
    <t>【哈电汽轮机】密封填料\B70X90\CCH02A.301.1.002-2\1000MW</t>
  </si>
  <si>
    <t>【哈电汽轮机】密封填料\A70X90\CCH02A.301.1.003-2\1000MW</t>
  </si>
  <si>
    <t>【哈电汽轮机】密封填料\10X2500\CCH02A.301.1.019-2\1000MW</t>
  </si>
  <si>
    <t>【哈电汽轮机】密封填料\B80X100\CCH02A.301.1.039-2\1000MW</t>
  </si>
  <si>
    <t>【哈电汽轮机】密封填料\A80X100\CCH02A.301.1.040-2\1000MW</t>
  </si>
  <si>
    <t>【哈电汽轮机】密封座\CCH02A.306.11Z-2\1000MW</t>
  </si>
  <si>
    <t>【哈电汽轮机】衬套\CCH02A.306.10Z-2\1000MW</t>
  </si>
  <si>
    <t>【哈电汽轮机】衬套\CCH02A.306.9Z-2\1000MW</t>
  </si>
  <si>
    <t>【哈电汽轮机】衬套\CCH02A.306.15Z-2\1000MW</t>
  </si>
  <si>
    <t>【哈电汽轮机】密封座\CCH02A.306.8Z-2\1000MW</t>
  </si>
  <si>
    <t>【哈电汽轮机】衬套\CCH02A.306.13Z-2\1000MW</t>
  </si>
  <si>
    <t>【哈电汽轮机】衬套\CCH02A.306.7Z-2\1000MW</t>
  </si>
  <si>
    <t>【哈电汽轮机】六角头螺栓\CCHK02.306.024\1000MW</t>
  </si>
  <si>
    <t>【哈电汽轮机】锁紧垫片\CCH02A.306.007-2\1000MW</t>
  </si>
  <si>
    <t>【哈电汽轮机】六角头螺栓\CCH02A.306.014-2\1000MW</t>
  </si>
  <si>
    <t>【哈电汽轮机】内六角螺栓\CCH02A.306.013-2\1000MW</t>
  </si>
  <si>
    <t>【哈电汽轮机】内六角螺栓\CCH02A.306.012-2\1000MW</t>
  </si>
  <si>
    <t>【哈电汽轮机】锁紧垫片\CCH02A.306.006-2\1000MW</t>
  </si>
  <si>
    <t>【哈电汽轮机】调节阀杆\CCHK02.306.005\1000MW</t>
  </si>
  <si>
    <t>【哈电汽轮机】主汽阀杆\CCHK02.306.006\1000MW</t>
  </si>
  <si>
    <t>【哈电汽轮机】锁紧垫片\CCH02A.306.011-2\1000MW</t>
  </si>
  <si>
    <t>【哈电汽轮机】六角头螺栓\CCH02A.306.016-2\1000MW</t>
  </si>
  <si>
    <t>【哈电汽轮机】内六角螺栓\CCH02A.306.015-2\1000MW</t>
  </si>
  <si>
    <t>【哈电汽轮机】垫片\CCH02A.306.002-2\1000MW</t>
  </si>
  <si>
    <t>【哈电汽轮机】垫片\CCH02A.306.005-2\1000MW</t>
  </si>
  <si>
    <t>【哈电汽轮机】垫片\CCH02A.306.008-2\1000MW</t>
  </si>
  <si>
    <t>【哈电汽轮机】垫片\CCH02A.306.004-2\1000MW</t>
  </si>
  <si>
    <t>【哈电汽轮机】金属软管\DN10\CHK03.554.2Z-1\1000MW</t>
  </si>
  <si>
    <t>【哈电汽轮机】金属软管\DN10\75D.554.1Z-11\1000MW</t>
  </si>
  <si>
    <t>【哈电汽轮机】金属软管\DN10\75D.554.2Z-11\1000MW</t>
  </si>
  <si>
    <t>【哈电汽轮机】金属软管\DN10\73B.554.1Z-31\1000MW</t>
  </si>
  <si>
    <t>【哈电汽轮机】特制管接头组\DN10\CHK03.554.1Z-1\1000MW</t>
  </si>
  <si>
    <t>【哈电汽轮机】特制管接头组\DN10\CHK03.554.4Z-1\1000MW</t>
  </si>
  <si>
    <t>【哈电汽轮机】特制管接头组\DN10\CCH02A.554.1Z-2\1000MW</t>
  </si>
  <si>
    <t>【哈电汽轮机】金属软管\DN10\CCH02A.554.2Z-2\1000MW</t>
  </si>
  <si>
    <t>【哈电汽轮机】金属软管\DN10\CCH02A.554.3Z-2\1000MW</t>
  </si>
  <si>
    <t>【哈电汽轮机】O形圈\11.8×1.8\GB3452.1-92\1000MW</t>
  </si>
  <si>
    <t>【哈电汽轮机】密封垫\CHK03.554.002-1\1000MW</t>
  </si>
  <si>
    <t>【哈电汽轮机】油封片\CCH02A.077.001-2\1000MW</t>
  </si>
  <si>
    <t>【哈电汽轮机】油封片\CCH02A.076.002-2\1000MW</t>
  </si>
  <si>
    <t>【哈电汽轮机】油封片\CCH02A.075.002-2\1000MW</t>
  </si>
  <si>
    <t>【哈电汽轮机】油封弧片\CCH02A.074.001-2\1000MW</t>
  </si>
  <si>
    <t>【哈电汽轮机】油封弧片\CCH02A.073.001-2\1000MW</t>
  </si>
  <si>
    <t>【哈电汽轮机】油封弧片\CCH02A.072.001-2\1000MW</t>
  </si>
  <si>
    <t>【哈电汽轮机】油封弧片\CCH02A.071.002-2\1000MW</t>
  </si>
  <si>
    <t>【哈电汽轮机】调整垫片\δ=0.2\141C.050.008\1000MW</t>
  </si>
  <si>
    <t>【哈电汽轮机】调整垫片\δ=0.1\141C.050.007\1000MW</t>
  </si>
  <si>
    <t>【哈电汽轮机】调整垫片\δ=0.05\141C.050.006\1000MW</t>
  </si>
  <si>
    <t>【哈电汽轮机】油封环\CCH02A.054.4Z-2\1000MW</t>
  </si>
  <si>
    <t>【哈电汽轮机】轴承瓦块\CCH02A.054.2Z-2\1000MW</t>
  </si>
  <si>
    <t>【哈电汽轮机】轴承瓦块\CCH02A.053.1Z-2\1000MW</t>
  </si>
  <si>
    <t>【哈电汽轮机】油封环\CCH02A.052.4Z-2\1000MW</t>
  </si>
  <si>
    <t>【哈电汽轮机】轴承瓦块\CCH02A.052.2Z-2\1000MW</t>
  </si>
  <si>
    <t>【哈电汽轮机】挡油环\CCH02A.051.4Z-2\1000MW</t>
  </si>
  <si>
    <t>【哈电汽轮机】止推板(电端)\CCH02A.051.3Z-2\1000MW</t>
  </si>
  <si>
    <t>【哈电汽轮机】止推板(调端)\CCH02A.051.2Z-2\1000MW</t>
  </si>
  <si>
    <t>【哈电汽轮机】油封环\CCH02A.050.5Z-2\1000MW</t>
  </si>
  <si>
    <t>【哈电汽轮机】调整垫片\δ=0.1\75C.054.005\1000MW</t>
  </si>
  <si>
    <t>【哈电汽轮机】调整垫片\δ=0.05\75C.054.004\1000MW</t>
  </si>
  <si>
    <t>【哈电汽轮机】带孔调整垫片\δ＝0.2\H01.053.011\1000MW</t>
  </si>
  <si>
    <t>【哈电汽轮机】带孔调整垫片\δ=0.1\75C.054.003\1000MW</t>
  </si>
  <si>
    <t>【哈电汽轮机】带孔调整垫片\δ=0.05\75C.054.002\1000MW</t>
  </si>
  <si>
    <t>【哈电汽轮机】带孔调整垫片\141C.053.009\1000MW</t>
  </si>
  <si>
    <t>【哈电汽轮机】带孔调整垫片\141C.053.008\1000MW</t>
  </si>
  <si>
    <t>【哈电汽轮机】带孔调整垫片\141C.053.007\1000MW</t>
  </si>
  <si>
    <t>【哈电汽轮机】调整垫片\141C.053.006\1000MW</t>
  </si>
  <si>
    <t>【哈电汽轮机】调整垫片\141C.053.005\1000MW</t>
  </si>
  <si>
    <t>【哈电汽轮机】调整垫片\141C.053.004\1000MW</t>
  </si>
  <si>
    <t>【哈电汽轮机】油封\155.052.009\1000MW</t>
  </si>
  <si>
    <t>【哈电汽轮机】专用垫圈\H01.053.041\1000MW</t>
  </si>
  <si>
    <t>【哈电汽轮机】调整垫片\δ=0.2\141C.050.011\1000MW</t>
  </si>
  <si>
    <t>【哈电汽轮机】调整垫片\δ=0.1\141C.050.010\1000MW</t>
  </si>
  <si>
    <t>【哈电汽轮机】调整垫片\δ=0.05\141C.050.009\1000MW</t>
  </si>
  <si>
    <t>【哈电汽轮机】C型垫圈\H04.178.034\1000MW</t>
  </si>
  <si>
    <t>【哈电汽轮机】C型垫圈\H04.178.007\1000MW</t>
  </si>
  <si>
    <t>【哈电汽轮机】调整垫片\δ=0.2\H01.053.007\1000MW</t>
  </si>
  <si>
    <t>【哈电汽轮机】联轴器螺栓\CCH02A.271.1.001-2\1000MW</t>
  </si>
  <si>
    <t>【哈电汽轮机】垫片\CCH02.271.2.003-2\1000MW</t>
  </si>
  <si>
    <t>【哈电汽轮机】联轴器螺栓\CCH02A.272.003-2\1000MW</t>
  </si>
  <si>
    <t>【哈电汽轮机】垫片\CCH02.272.1.003-2\1000MW</t>
  </si>
  <si>
    <t>【哈电汽轮机】垫片\CCH02.273.1.003-2\1000MW</t>
  </si>
  <si>
    <t>【哈电汽轮机】联轴器螺栓\CCH02A.273.003-2\1000MW</t>
  </si>
  <si>
    <t>【哈电汽轮机】平衡螺塞\M39\B20.261\1000MW</t>
  </si>
  <si>
    <t>【哈电汽轮机】垫片\CCH02.274.1.003-1\1000MW</t>
  </si>
  <si>
    <t>【哈电汽轮机】联轴器螺栓\CCH02A.274.002-2\1000MW</t>
  </si>
  <si>
    <t>【哈电汽轮机】缠绕垫圈\CCH02A.090.004-2\1000MW</t>
  </si>
  <si>
    <t>【哈电汽轮机】缠绕垫圈\CCH02A.090.005-2\1000MW</t>
  </si>
  <si>
    <t>【哈电汽轮机】缠绕垫圈\CCH02A.090.006-2\1000MW</t>
  </si>
  <si>
    <t>【哈电汽轮机】缠绕垫圈\CCH02A.090.007-2\1000MW</t>
  </si>
  <si>
    <t>【哈电汽轮机】缠绕垫圈\CCH02A.090.009-2\1000MW</t>
  </si>
  <si>
    <t>【哈电汽轮机】缠绕垫圈\CCH02A.090.010-2\1000MW</t>
  </si>
  <si>
    <t>【哈电汽轮机】缠绕垫圈\CCH02A.090.012-2\1000MW</t>
  </si>
  <si>
    <t>【哈电汽轮机】穿孔罩螺母\M56×4\00.011.031\1000MW</t>
  </si>
  <si>
    <t>【哈电汽轮机】双头螺栓\CCH02A.090.008-2\1000MW</t>
  </si>
  <si>
    <t>【哈电汽轮机】直通管接头组\DG40\00.000.15Z\1000MW</t>
  </si>
  <si>
    <t>【哈电汽轮机】六角头螺钉\M30X3X120\CCH01.090.022-1\1000MW</t>
  </si>
  <si>
    <t>【哈电汽轮机】双头螺柱\CCH02A.019.1.001-2\1000MW</t>
  </si>
  <si>
    <t>【哈电汽轮机】双头螺柱\CCH02A.019.1.002-2\1000MW</t>
  </si>
  <si>
    <t>【哈电汽轮机】双头螺柱\CCH02A.019.1.003-2\1000MW</t>
  </si>
  <si>
    <t>【哈电汽轮机】垫片\CCH02A.012.21.007-2\1000MW</t>
  </si>
  <si>
    <t>【哈电汽轮机】六角头螺栓\M16×60\B20.23C\1000MW</t>
  </si>
  <si>
    <t>【哈电汽轮机】直通管接头组\DG25\00.000.15Z\1000MW</t>
  </si>
  <si>
    <t>【哈电汽轮机】缠绕垫片\CCH02A.012.10.003-2\1000MW</t>
  </si>
  <si>
    <t>【哈电汽轮机】齿形垫圈\CCH02A.012.9.006-2\1000MW</t>
  </si>
  <si>
    <t>【哈电汽轮机】齿形垫圈\CCH02A.012.9.007-2\1000MW</t>
  </si>
  <si>
    <t>【哈电汽轮机】齿形垫圈\CCH02A.012.9.008-2\1000MW</t>
  </si>
  <si>
    <t>【哈电汽轮机】齿形垫圈\CCH02A.012.9.009-2\1000MW</t>
  </si>
  <si>
    <t>【哈电汽轮机】内六角螺钉\M16×50\CCH02A.012.9.005-2\1000MW</t>
  </si>
  <si>
    <t>【哈电汽轮机】垫圈\B22.8\1000MW</t>
  </si>
  <si>
    <t>【哈电汽轮机】缠绕垫片\CCH02A.012.7.007-2\1000MW</t>
  </si>
  <si>
    <t>【哈电汽轮机】垫片\CCH02A.012.6.009-2\1000MW</t>
  </si>
  <si>
    <t>【哈电汽轮机】缠绕垫片\CCH02A.012.4.033-2\1000MW</t>
  </si>
  <si>
    <t>【哈电汽轮机】垫片\CCH02.016.7.001-2\1000MW</t>
  </si>
  <si>
    <t>【哈电汽轮机】垫片\CCH02.016.8.001-2\1000MW</t>
  </si>
  <si>
    <t>【哈电汽轮机】垫片\CCH02.016.16.001-2\1000MW</t>
  </si>
  <si>
    <t>【哈电汽轮机】垫片\CCH02.016.15.001-2\1000MW</t>
  </si>
  <si>
    <t>【哈电汽轮机】垫片\CCH02A.016.1.004-2\1000MW</t>
  </si>
  <si>
    <t>【哈电汽轮机】垫片\CCH02A.016.002-2\1000MW</t>
  </si>
  <si>
    <t>【哈电汽轮机】垫片\CCH02A.016.001-2\1000MW</t>
  </si>
  <si>
    <t>【哈电汽轮机】套筒\CCH02A.019.2.017-2\1000MW</t>
  </si>
  <si>
    <t>【哈电汽轮机】套筒\CCH02A.019.2.016-2\1000MW</t>
  </si>
  <si>
    <t>【哈电汽轮机】套筒\CCH02A.019.2.015-2\1000MW</t>
  </si>
  <si>
    <t>【哈电汽轮机】双头螺柱\CCH02A.019.2.001-2\1000MW</t>
  </si>
  <si>
    <t>【哈电汽轮机】双头螺柱\CCH02A.019.2.002-2\1000MW</t>
  </si>
  <si>
    <t>【哈电汽轮机】双头螺柱\CCH02A.019.2.003-2\1000MW</t>
  </si>
  <si>
    <t>【哈电汽轮机】双头螺柱\CCH02A.019.2.004-2\1000MW</t>
  </si>
  <si>
    <t>【哈电汽轮机】双头螺柱\CCH02A.019.2.005-2\1000MW</t>
  </si>
  <si>
    <t>【哈电汽轮机】双头螺柱\CCH02A.019.2.006-2\1000MW</t>
  </si>
  <si>
    <t>【哈电汽轮机】双头螺柱\CCH02A.019.2.007-2\1000MW</t>
  </si>
  <si>
    <t>【哈电汽轮机】定位双头螺柱\CCH02A.019.2.008-2\1000MW</t>
  </si>
  <si>
    <t>【哈电汽轮机】双头螺柱\CCH02A.019.2.009-2\1000MW</t>
  </si>
  <si>
    <t>【哈电汽轮机】双头螺柱\CCH02A.019.2.010-2\1000MW</t>
  </si>
  <si>
    <t>【哈电汽轮机】定位双头螺柱\CCH02A.019.2.011-2\1000MW</t>
  </si>
  <si>
    <t>【哈电汽轮机】罩螺母\CCH02A.019.2.012-2\1000MW</t>
  </si>
  <si>
    <t>【哈电汽轮机】罩螺母\CCH02A.019.2.013-2\1000MW</t>
  </si>
  <si>
    <t>【哈电汽轮机】罩螺母\CCH02A.019.2.014-2\1000MW</t>
  </si>
  <si>
    <t>【哈电汽轮机】动叶叶顶汽封片\CCH02A.017.3Z-2\1000MW</t>
  </si>
  <si>
    <t>【哈电汽轮机】隔板汽封片\CCH02A.017.2Z-2\1000MW</t>
  </si>
  <si>
    <t>【哈电汽轮机】汽封片\CCH02A.038.001-2\1000MW</t>
  </si>
  <si>
    <t>【哈电汽轮机】汽封片\CCH02A.038.002-2\1000MW</t>
  </si>
  <si>
    <t>【哈电汽轮机】汽封片\CCH02A.038.003-2\1000MW</t>
  </si>
  <si>
    <t>【哈电汽轮机】汽封片\CCH02A.038.004-2\1000MW</t>
  </si>
  <si>
    <t>【哈电汽轮机】汽封片\CCH02A.038.005-2\1000MW</t>
  </si>
  <si>
    <t>【哈电汽轮机】汽封片\CCH02A.038.006-2\1000MW</t>
  </si>
  <si>
    <t>【哈电汽轮机】汽封片\CCH02A.038.007-2\1000MW</t>
  </si>
  <si>
    <t>【哈电汽轮机】汽封片\CCH02A.038.008-2\1000MW</t>
  </si>
  <si>
    <t>【哈电汽轮机】汽封片\CCH02A.038.009-2\1000MW</t>
  </si>
  <si>
    <t>【哈电汽轮机】汽封片\CCH02A.038.010-2\1000MW</t>
  </si>
  <si>
    <t>【哈电汽轮机】汽封片\CCH02A.038.011-2\1000MW</t>
  </si>
  <si>
    <t>【哈电汽轮机】汽封片\CCH02A.038.012-2\1000MW</t>
  </si>
  <si>
    <t>【哈电汽轮机】汽封片\CCH02A.038.013-2\1000MW</t>
  </si>
  <si>
    <t>【哈电汽轮机】汽封片\CCH02A.038.014-2\1000MW</t>
  </si>
  <si>
    <t>【哈电汽轮机】汽封片\CCH02A.038.015-2\1000MW</t>
  </si>
  <si>
    <t>【哈电汽轮机】汽封片\CCH02A.038.016-2\1000MW</t>
  </si>
  <si>
    <t>【哈电汽轮机】汽封片\CCH02A.038.017-2\1000MW</t>
  </si>
  <si>
    <t>【哈电汽轮机】汽封片\CCH02A.038.018-2\1000MW</t>
  </si>
  <si>
    <t>【哈电汽轮机】汽封片\CCH02A.038.019-2\1000MW</t>
  </si>
  <si>
    <t>【哈电汽轮机】汽封片\CCH02A.038.020-2\1000MW</t>
  </si>
  <si>
    <t>【哈电汽轮机】汽封片\CCH02A.038.021-2\1000MW</t>
  </si>
  <si>
    <t>【哈电汽轮机】汽封片\CCH02A.038.022-2\1000MW</t>
  </si>
  <si>
    <t>【哈电汽轮机】汽封片\CCH02A.038.023-2\1000MW</t>
  </si>
  <si>
    <t>【哈电汽轮机】汽封片\CCH02A.038.024-2\1000MW</t>
  </si>
  <si>
    <t>【哈电汽轮机】汽封片\CCH02A.038.025-2\1000MW</t>
  </si>
  <si>
    <t>【哈电汽轮机】汽封片\CCH02A.038.026-2\1000MW</t>
  </si>
  <si>
    <t>【哈电汽轮机】汽封片\CCH02A.038.027-2\1000MW</t>
  </si>
  <si>
    <t>【哈电汽轮机】汽封片\CCH02A.038.028-2\1000MW</t>
  </si>
  <si>
    <t>【哈电汽轮机】汽封片\CCH02A.038.029-2\1000MW</t>
  </si>
  <si>
    <t>【哈电汽轮机】汽封片\CCH02A.038.030-2\1000MW</t>
  </si>
  <si>
    <t>【哈电汽轮机】隔板式卡套接头\00.301.35Z\1000MW</t>
  </si>
  <si>
    <t>【哈电汽轮机】定位双头螺栓\Φ50×200\CCH01.021.1.001-1\1000MW</t>
  </si>
  <si>
    <t>【哈电汽轮机】六角头螺栓\M42×3×120\CCH01.021.1.002-1\1000MW</t>
  </si>
  <si>
    <t>【哈电汽轮机】定位双头螺栓\CCH01.021.1.003-1\1000MW</t>
  </si>
  <si>
    <t>【哈电汽轮机】定位双头螺栓\CCH01.021.1.004-1\1000MW</t>
  </si>
  <si>
    <t>【哈电汽轮机】六角头螺栓\M36×120\CCH01.021.1.005-1\1000MW</t>
  </si>
  <si>
    <t>【哈电汽轮机】六角头螺栓\M30×100\CCH01.021.1.006-1\1000MW</t>
  </si>
  <si>
    <t>【哈电汽轮机】螺母\M48×3\CCH01.021.1.007-1\1000MW</t>
  </si>
  <si>
    <t>【哈电汽轮机】螺母\M42×3\CCH01.021.1.008-1\1000MW</t>
  </si>
  <si>
    <t>【哈电汽轮机】螺母\M36\CCH01.021.1.014-1\1000MW</t>
  </si>
  <si>
    <t>【哈电汽轮机】垫片\CCH02A.021.4.002-2\1000MW</t>
  </si>
  <si>
    <t>【哈电汽轮机】汽封圈\CCH01.032.2Z-4\1000MW</t>
  </si>
  <si>
    <t>【哈电汽轮机】弹簧\CCH01.032.1.001-4\1000MW</t>
  </si>
  <si>
    <t>【哈电汽轮机】低压正向第4级叶顶汽封圈\CCH01.027.18Z-6\1000MW</t>
  </si>
  <si>
    <t>【哈电汽轮机】低压反向第4级叶顶汽封圈\CCH01.027.19Z-6\1000MW</t>
  </si>
  <si>
    <t>【哈电汽轮机】低压正向第4级隔板汽封圈\CCH01.027.14Z-6\1000MW</t>
  </si>
  <si>
    <t>【哈电汽轮机】低压反向第4级隔板汽封圈\CCH01.027.15Z-6\1000MW</t>
  </si>
  <si>
    <t>【哈电汽轮机】低压正向第5级隔板汽封圈\CCH01.027.10Z-6\1000MW</t>
  </si>
  <si>
    <t>【哈电汽轮机】低压反向第5级隔板汽封圈\CCH01.027.11Z-6\1000MW</t>
  </si>
  <si>
    <t>【哈电汽轮机】低压第2级隔板汽封圈\CCH02A.028.1Z-2\1000MW</t>
  </si>
  <si>
    <t>【哈电汽轮机】低压第3级隔板汽封圈\CCH02A.028.2Z-2\1000MW</t>
  </si>
  <si>
    <t>【哈电汽轮机】叶顶汽封圈\CCH02A.028.3Z-2\1000MW</t>
  </si>
  <si>
    <t>【哈电汽轮机】汽封片\CCH02A.028.001-2\1000MW</t>
  </si>
  <si>
    <t>【哈电汽轮机】汽封片\CCH02A.028.002-2\1000MW</t>
  </si>
  <si>
    <t>【哈电汽轮机】定位双头螺柱\CCH01.028.5.002-1\1000MW</t>
  </si>
  <si>
    <t>【哈电汽轮机】双头螺柱\(W)2×373\CCH02A.028.5.001-2\1000MW</t>
  </si>
  <si>
    <t>【哈电汽轮机】双头螺柱\(W)2×318\CCH01.028.5.005-1\1000MW</t>
  </si>
  <si>
    <t>【哈电汽轮机】双头螺柱\(W)1 3/4×300\CCH01.028.5.006-1\1000MW</t>
  </si>
  <si>
    <t>【哈电汽轮机】双头螺柱\(W)1 1/4×236\CCH01.028.5.007-1\1000MW</t>
  </si>
  <si>
    <t>【哈电汽轮机】罩螺母\(W)2×112\CCH01.028.5.009-1\1000MW</t>
  </si>
  <si>
    <t>【哈电汽轮机】内六角头螺母\(W)1 3/4×90\CCH01.028.5.011-1\1000MW</t>
  </si>
  <si>
    <t>【哈电汽轮机】内六角头螺母\(W)1 1/4×67\CCH01.028.5.012-1\1000MW</t>
  </si>
  <si>
    <t>【哈电汽轮机】垫圈\(W)3\CCH01.028.5.013-1\1000MW</t>
  </si>
  <si>
    <t>【哈电汽轮机】垫圈\(W)2\CCH01.028.5.014-1\1000MW</t>
  </si>
  <si>
    <t>【哈电汽轮机】垫圈\(W)1 3/4\CCH01.028.5.015-1\1000MW</t>
  </si>
  <si>
    <t>【哈电汽轮机】垫圈\(W)1 1/4\CCH01.028.5.016-1\1000MW</t>
  </si>
  <si>
    <t>【哈电汽轮机】止动螺钉\M22\CCH01.132.003\1000MW</t>
  </si>
  <si>
    <t>【哈电汽轮机】定位双头螺栓\CCH01.027.1.003-6\1000MW</t>
  </si>
  <si>
    <t>【哈电汽轮机】双头螺栓\(W)1 7/8×335\CCH01.027.1.004-6\1000MW</t>
  </si>
  <si>
    <t>【哈电汽轮机】双头螺栓\(W)1 7/8×575\CCH01.027.1.005-6\1000MW</t>
  </si>
  <si>
    <t>【哈电汽轮机】内六角罩螺母\(W)1 7/8×95\CCH01.027.1.006-6\1000MW</t>
  </si>
  <si>
    <t>【哈电汽轮机】平垫片\(W)1 7/8\CCH01.027.1.007-6\1000MW</t>
  </si>
  <si>
    <t>【哈电汽轮机】定位双头螺柱\CCH01.027.3.001-6\1000MW</t>
  </si>
  <si>
    <t>【哈电汽轮机】双头螺柱\(W)1 1/4×219\CCH01.027.3.002-6\1000MW</t>
  </si>
  <si>
    <t>【哈电汽轮机】双头螺柱\(W)1 1/4×349\CCH01.027.3.003-6\1000MW</t>
  </si>
  <si>
    <t>【哈电汽轮机】内六角罩螺母\(W)1 1/4×67\CCH01.027.3.004-6\1000MW</t>
  </si>
  <si>
    <t>【哈电汽轮机】平垫片\(W)1 1/4\CCH01.027.3.005-6\1000MW</t>
  </si>
  <si>
    <t>【哈电汽轮机】双头螺栓\M20×190\CCH01.131.002\1000MW</t>
  </si>
  <si>
    <t>【哈电汽轮机】内六角螺母\M20×44\CCH01.131.003\1000MW</t>
  </si>
  <si>
    <t>【哈电汽轮机】汽封片弧段\CCH02A.1401.001-2\1000MW</t>
  </si>
  <si>
    <t>【哈电汽轮机】锁紧片\CCH02A.1401.002-2\1000MW</t>
  </si>
  <si>
    <t>【哈电汽轮机】内六角螺钉\CCHK02.111.008\1000MW</t>
  </si>
  <si>
    <t>【哈电汽轮机】内六角螺钉\CCHK02.111.009\1000MW</t>
  </si>
  <si>
    <t>【哈电汽轮机】汽封圈\CCH02A.1201.6Z-2\1000MW</t>
  </si>
  <si>
    <t>【哈电汽轮机】短齿汽封\CCH02A.1201.007-2\1000MW</t>
  </si>
  <si>
    <t>【哈电汽轮机】长齿汽封\CCH02A.1201.008-2\1000MW</t>
  </si>
  <si>
    <t>【哈电汽轮机】板弹簧\152.013.021\1000MW</t>
  </si>
  <si>
    <t>【哈电汽轮机】止动螺钉\M6×19\CCH02A.1201.009-2\1000MW</t>
  </si>
  <si>
    <t>【哈电汽轮机】动叶叶顶汽封片\CCH02A.013.3Z-2\1000MW</t>
  </si>
  <si>
    <t>【哈电汽轮机】隔板汽封片\CCH02A.013.4Z-2\1000MW</t>
  </si>
  <si>
    <t>【哈电汽轮机】高压内缸套环\CCH02A.013.1Z-2\1000MW</t>
  </si>
  <si>
    <t>【哈电汽轮机】汽封圈\CCH02A.013.9Z-2\1000MW</t>
  </si>
  <si>
    <t>【哈电汽轮机】汽封圈\CCH02A.013.8Z-2\1000MW</t>
  </si>
  <si>
    <t>【哈电汽轮机】汽封圈\CCH02A.013.7Z-2\1000MW</t>
  </si>
  <si>
    <t>【哈电汽轮机】双头螺柱\(W)3.1/4×653\CCH02A.013.001-2\1000MW</t>
  </si>
  <si>
    <t>【哈电汽轮机】罩螺母\(W)3 1/4\CCH02A.013.002-2\1000MW</t>
  </si>
  <si>
    <t>【哈电汽轮机】平垫片\CCH02A.013.003-2\1000MW</t>
  </si>
  <si>
    <t>【哈电汽轮机】板簧\CCH01.071.001\1000MW</t>
  </si>
  <si>
    <t>【哈电汽轮机】止动螺钉\M6×21\CCH01.071.002\1000MW</t>
  </si>
  <si>
    <t>【哈电汽轮机】汽封圈\CCH02A.065.1Z-2\1000MW</t>
  </si>
  <si>
    <t>【哈电汽轮机】汽封圈\CCH02A.065.2Z-2\1000MW</t>
  </si>
  <si>
    <t>【哈电汽轮机】密封环\CCH02A.066.1Z-2\1000MW</t>
  </si>
  <si>
    <t>【哈电汽轮机】弹簧片\CCH02A.066.010-2\1000MW</t>
  </si>
  <si>
    <t>【哈电汽轮机】板弹簧\CH01A.066.008\1000MW</t>
  </si>
  <si>
    <t>【哈电汽轮机】止动螺钉\M6×21\CH01A.065.016\1000MW</t>
  </si>
  <si>
    <t>【哈电汽轮机】汽封圈\CCH02A.066.4Z-2\1000MW</t>
  </si>
  <si>
    <t>【哈电汽轮机】汽封圈\CCH02A.066.3Z-2\1000MW</t>
  </si>
  <si>
    <t>【哈电汽轮机】汽封圈\CCH02A.067.4Z-2\1000MW</t>
  </si>
  <si>
    <t>【哈电汽轮机】汽封圈\CCH02A.067.3Z-2\1000MW</t>
  </si>
  <si>
    <t>【哈电汽轮机】止动螺钉\M6×21\K01B.066.014\1000MW</t>
  </si>
  <si>
    <t>【哈电汽轮机】汽封圈\CCH02A.068.3Z-2\1000MW</t>
  </si>
  <si>
    <t>【哈电汽轮机】汽封圈\CCH02A.068.2Z-2\1000MW</t>
  </si>
  <si>
    <t>【哈电汽轮机】DU衬套\H04.178.7Z\1000MW</t>
  </si>
  <si>
    <t>【哈电汽轮机】定位环\H04.178.014\1000MW</t>
  </si>
  <si>
    <t>【哈电汽轮机】定位环\H04.178.015\1000MW</t>
  </si>
  <si>
    <t>【哈电汽轮机】定位环\H04.178.016\1000MW</t>
  </si>
  <si>
    <t>【哈电汽轮机】定位环\H04.178.017\1000MW</t>
  </si>
  <si>
    <t>【哈电汽轮机】定位环\H04.178.018\1000MW</t>
  </si>
  <si>
    <t>【哈电汽轮机】滚动轴承\N315E(0级)\GB/T283\1000MW</t>
  </si>
  <si>
    <t>【哈电汽轮机】双列圆锥滚子轴承\GB/T299\1000MW</t>
  </si>
  <si>
    <t>【哈电汽轮机】外露骨架旋转轴唇形密封圈\GB9877.2\1000MW</t>
  </si>
  <si>
    <t>【哈电汽轮机】压缩弹簧\H04.178.030\1000MW</t>
  </si>
  <si>
    <t>【哈电汽轮机】#2涡轮和#1涡轮杆\H04.178.2Z\1000MW</t>
  </si>
  <si>
    <t>【哈电汽轮机】#5齿轮轴组\H04.178.3Z\1000MW</t>
  </si>
  <si>
    <t>【哈电汽轮机】挡油环\H04.178.4Z\1000MW</t>
  </si>
  <si>
    <t>【哈电汽轮机】#3齿轮轴\H04.178.001\1000MW</t>
  </si>
  <si>
    <t>【哈电汽轮机】#4齿轮\H04.178.002\1000MW</t>
  </si>
  <si>
    <t>【哈电汽轮机】#6齿轮\CCH02A.178.001-2\1000MW</t>
  </si>
  <si>
    <t>【哈电汽轮机】#6齿轮轴\H04.178.004\1000MW</t>
  </si>
  <si>
    <t>【哈汽】止动垫片\G18.066.004\200MW</t>
  </si>
  <si>
    <t>【哈汽】穿孔罩螺母\M40×66\00.011.003\300MW以下</t>
  </si>
  <si>
    <t>【哈汽】穿孔罩螺母\M32×52\00.011.022\300MW以下</t>
  </si>
  <si>
    <t>【哈汽】齿型联轴器\110.405Z\300MW以下</t>
  </si>
  <si>
    <t>【哈汽】汽封圈\136.066.2Z\300MW以下</t>
  </si>
  <si>
    <t>【哈汽】齿形联轴器\70.405Z-3\300MW以下</t>
  </si>
  <si>
    <t>【哈汽】内六角螺栓\CCH02.067.4.001-2\1000MW</t>
  </si>
  <si>
    <t>【哈汽】内六角螺栓\CCH02.067.4.002-2\1000MW</t>
  </si>
  <si>
    <t>【哈汽】内六角螺栓\CCH02.067.4.003-2\1000MW</t>
  </si>
  <si>
    <t>【哈汽】罩螺母\CCH02.090.022-1\1000MW</t>
  </si>
  <si>
    <t>【哈汽】汽封圈\CCH02.103.5Z-2\1000MW</t>
  </si>
  <si>
    <t>【哈汽】螺栓\CCH02.107.4.004-2\1000MW</t>
  </si>
  <si>
    <t>【哈汽】螺栓\CCH02.112.1.003-2\1000MW</t>
  </si>
  <si>
    <t>【哈汽】垫片\CCH02.112.1.010-2\1000MW</t>
  </si>
  <si>
    <t>【哈汽】垫片\CCH02.113.1.009-2\1000MW</t>
  </si>
  <si>
    <t>【哈汽】阻汽片\CCH02.114.1.001-2\1000MW</t>
  </si>
  <si>
    <t>【哈汽】垫片\CCH02.114.1.007-2\1000MW</t>
  </si>
  <si>
    <t>【哈汽】汽封圈\CCH02.114.4Z-2\1000MW</t>
  </si>
  <si>
    <t>【哈汽】定位销\#161381-2\600MW</t>
  </si>
  <si>
    <t>【哈汽】定位螺钉\#164929-1\600MW</t>
  </si>
  <si>
    <t>【哈汽】进油管\#266449-2\600MW</t>
  </si>
  <si>
    <t>【哈汽】环键\#361715-2\600MW</t>
  </si>
  <si>
    <t>【哈汽】平衡桥块\#465835-1\600MW</t>
  </si>
  <si>
    <t>【哈汽】平衡桥块\#465835-4\600MW</t>
  </si>
  <si>
    <t>【哈汽】垫圈\00.000.070\300MW</t>
  </si>
  <si>
    <t>【哈汽】直接管接头组\DG10\00.000.12Z\300MW以下</t>
  </si>
  <si>
    <t>【哈汽】螺母\M42\00.000.15Z/2\300MW以下</t>
  </si>
  <si>
    <t>【哈汽】罩螺母\M20\00.011.001\300MW以下</t>
  </si>
  <si>
    <t>【哈汽】穿孔罩螺母\M90×4\00.011.017\300MW以下</t>
  </si>
  <si>
    <t>【哈汽】穿孔螺母\φ150×215M100×4\00.011.018\300MW以下</t>
  </si>
  <si>
    <t>【哈汽】穿孔螺母\φ32×52M20×2.5×52\00.011.043\300MW以下</t>
  </si>
  <si>
    <t>【哈汽】罩螺母\M27\00.011.046\300MW以下</t>
  </si>
  <si>
    <t>【哈汽】双头螺栓\M16×2×62\00.011.123\300MW以下</t>
  </si>
  <si>
    <t>【哈汽】双头螺栓\M20×70\00.011.131\300MW以下</t>
  </si>
  <si>
    <t>【哈汽】双头螺栓\M20×2.5×85\00.011.132\300MW以下</t>
  </si>
  <si>
    <t>【哈汽】双头螺栓\M24×3×120\00.011.140\300MW以下</t>
  </si>
  <si>
    <t>【哈汽】双头螺栓\M24×3×130\00.011.141\300MW以下</t>
  </si>
  <si>
    <t>【哈汽】双头螺栓\M36×170\00.011.355\300MW以下</t>
  </si>
  <si>
    <t>【哈汽】接头\DN10\00.012.005\300MW以下</t>
  </si>
  <si>
    <t>【哈汽】罩螺母\M52×3\00.015.025\300MW以下</t>
  </si>
  <si>
    <t>【哈汽】凸形垫圈\00.039.011\300MW</t>
  </si>
  <si>
    <t>【哈汽】凹形垫圈\00.039.012\300MW</t>
  </si>
  <si>
    <t>【哈汽】定位螺栓\M24\00.066.007\300MW以下</t>
  </si>
  <si>
    <t>【哈汽】定位螺栓\M20\00.066.008\300MW以下</t>
  </si>
  <si>
    <t>【哈汽】弹簧片\00.071.005\300MW以下</t>
  </si>
  <si>
    <t>【哈汽】焊接搭子\40\00.102.004\300MW以下</t>
  </si>
  <si>
    <t>【哈汽】焊接搭子\40\00.102.007\300MW以下</t>
  </si>
  <si>
    <t>【哈汽】焊接搭子\50\00.102.009\300MW以下</t>
  </si>
  <si>
    <t>【哈汽】焊接搭子\60\00.102.010\300MW以下</t>
  </si>
  <si>
    <t>【哈汽】键\00.102.201\300MW以下</t>
  </si>
  <si>
    <t>【哈汽】键\00.102.205\300MW以下</t>
  </si>
  <si>
    <t>【哈汽】键\00.102.221\300MW以下</t>
  </si>
  <si>
    <t>【哈汽】齿形垫片\00.301.023\300MW以下</t>
  </si>
  <si>
    <t>【哈汽】齿形垫片\φ244/φ195×4\00.301.024\300MW以下</t>
  </si>
  <si>
    <t>【哈汽】齿形垫圈\00.301.027\300MW以下</t>
  </si>
  <si>
    <t>【哈汽】保护锥套\L=200\00.301.042\300MW</t>
  </si>
  <si>
    <t>【哈汽】螺栓\00.301.066\300MW</t>
  </si>
  <si>
    <t>【哈汽】双头螺栓\M20×105\00.301.092\300MW</t>
  </si>
  <si>
    <t>【哈汽】双头螺栓\M20×85\00.301.094\300MW</t>
  </si>
  <si>
    <t>【哈汽】测单点壁温装置\00.301.26Z\300MW</t>
  </si>
  <si>
    <t>【哈汽】测管道壁温装置\00.301.29Z\300MW</t>
  </si>
  <si>
    <t>【哈汽】测螺栓壁温装置\00.301.30Z\300MW以下</t>
  </si>
  <si>
    <t>【哈汽】测轴瓦温度装置\00.301.36Z\300MW</t>
  </si>
  <si>
    <t>【哈汽】螺母\M24\00.401.004\300MW以下</t>
  </si>
  <si>
    <t>【哈汽】压缩弹簧\φ50×d5×162.5\06.178.160\300MW以下</t>
  </si>
  <si>
    <t>【哈汽】特制螺母\M36\136.011.002\300MW以下</t>
  </si>
  <si>
    <t>【哈汽】双头螺栓\136.011.003\300MW以下</t>
  </si>
  <si>
    <t>【哈汽】特制螺栓\M90×365\136.011.006\300MW以下</t>
  </si>
  <si>
    <t>【哈汽】密封环\136.011.010\300MW以下</t>
  </si>
  <si>
    <t>【哈汽】特制双头螺栓\136.011.011\300MW以下</t>
  </si>
  <si>
    <t>【哈汽】罩螺母\136.011.012\300MW以下</t>
  </si>
  <si>
    <t>【哈汽】定位环\136.051.6Z\300MW以下</t>
  </si>
  <si>
    <t>【哈汽】推力支持轴承瓦衬\φ360\136.051.8Z\300MW以下</t>
  </si>
  <si>
    <t>【哈汽】汽封体\136.068.1Z\300MW以下</t>
  </si>
  <si>
    <t>【哈汽】凹对焊法兰\136.081.004\300MW以下</t>
  </si>
  <si>
    <t>【哈汽】凸对焊法兰\136.081.005\300MW以下</t>
  </si>
  <si>
    <t>【哈汽】凸对焊法兰\136.083.006\300MW以下</t>
  </si>
  <si>
    <t>【哈汽】凹对焊法兰\136.083.007\300MW以下</t>
  </si>
  <si>
    <t>【哈汽】齿形垫\136.083.008\300MW以下</t>
  </si>
  <si>
    <t>【哈汽】特制螺母\M36×2\136.302.511\300MW以下</t>
  </si>
  <si>
    <t>【哈汽】销轴\136.302.517\300MW以下</t>
  </si>
  <si>
    <t>【哈汽】滚轮\136.302.518\300MW以下</t>
  </si>
  <si>
    <t>【哈汽】衬套\136.307.003\300MW以下</t>
  </si>
  <si>
    <t>【哈汽】球形垫圈\136.307.004\300MW以下</t>
  </si>
  <si>
    <t>【哈汽】特制垫圈\136.307.006\300MW以下</t>
  </si>
  <si>
    <t>【哈汽】连接杆\136.307.018\300MW以下</t>
  </si>
  <si>
    <t>【哈汽】卡套\136.307.511\300MW以下</t>
  </si>
  <si>
    <t>【哈汽】阀座\φ320\136.309.017\300MW以下</t>
  </si>
  <si>
    <t>【哈汽】阀碟\φ320\136.309.018\300MW以下</t>
  </si>
  <si>
    <t>【哈汽】阀杆\136.309.019\300MW以下</t>
  </si>
  <si>
    <t>【哈汽】销子\136.309.020\300MW以下</t>
  </si>
  <si>
    <t>【哈汽】阀盖\136.309.021\300MW以下</t>
  </si>
  <si>
    <t>【哈汽】套筒\136.309.022\300MW以下</t>
  </si>
  <si>
    <t>【哈汽】齿形垫片\136.309.023\300MW以下</t>
  </si>
  <si>
    <t>【哈汽】阀盖\136.309.024\300MW以下</t>
  </si>
  <si>
    <t>【哈汽】阀碟\φ300\136.309.027\300MW以下</t>
  </si>
  <si>
    <t>【哈汽】蒸汽滤网\136.309.1Z\300MW以下</t>
  </si>
  <si>
    <t>【哈汽】弹簧\φ100\136.318.004\300MW以下</t>
  </si>
  <si>
    <t>【哈汽】弹簧\φ165\136.318.005\300MW以下</t>
  </si>
  <si>
    <t>【哈汽】传动轴\136.341.003\300MW以下</t>
  </si>
  <si>
    <t>【哈汽】滚轮\140.318.019\300MW</t>
  </si>
  <si>
    <t>【哈汽】导向套筒\141C.311.002\300MW</t>
  </si>
  <si>
    <t>【哈汽】顶起螺钉\M24×140\20.26-98\600MW</t>
  </si>
  <si>
    <t>【哈汽】径向瓦块\306.051.12Z\300MW</t>
  </si>
  <si>
    <t>【哈汽】推力瓦块\306.051.16Z\300MW</t>
  </si>
  <si>
    <t>【哈汽】定位环\306.051.1Z\300MW</t>
  </si>
  <si>
    <t>【哈汽】弹簧\306.378.007\300MW</t>
  </si>
  <si>
    <t>【哈汽】弹簧\306.378.010\300MW</t>
  </si>
  <si>
    <t>【哈汽】螺母\43A.058.016\300MW</t>
  </si>
  <si>
    <t>【哈汽】双头螺栓\69.021.064\300MW以下</t>
  </si>
  <si>
    <t>【哈汽】拉轩轴\69.178.180\300MW以下</t>
  </si>
  <si>
    <t>【哈汽】螺母\M125×3\69.178.260\300MW以下</t>
  </si>
  <si>
    <t>【哈汽】销\69.178.289\300MW以下</t>
  </si>
  <si>
    <t>【哈汽】压缩弹簧\69.178.300\300MW以下</t>
  </si>
  <si>
    <t>【哈汽】销轴\69.178.301\300MW以下</t>
  </si>
  <si>
    <t>【哈汽】特制螺母\M42×3\69.287.006\300MW以下</t>
  </si>
  <si>
    <t>【哈汽】特制螺栓\M42×3\69.288.004\300MW以下</t>
  </si>
  <si>
    <t>【哈汽】弹簧\69.302.013\300MW以下</t>
  </si>
  <si>
    <t>【哈汽】盖\69.378.004\300MW以下</t>
  </si>
  <si>
    <t>【哈汽】特制螺母\M36左\69.450.034\300MW以下</t>
  </si>
  <si>
    <t>【哈汽】球面垫圈\69.601.124\300MW</t>
  </si>
  <si>
    <t>【哈汽】汽封圈\70.068.11Z\300MW以下</t>
  </si>
  <si>
    <t>【哈汽】汽封圈\70.146.41Z\300MW以下</t>
  </si>
  <si>
    <t>【哈汽】汽封圈\70.146.42Z\300MW以下</t>
  </si>
  <si>
    <t>【哈汽】汽封圈\70.146.52Z\300MW以下</t>
  </si>
  <si>
    <t>【哈汽】汽封圈\70.146.61Z\300MW以下</t>
  </si>
  <si>
    <t>【哈汽】联轴器螺栓\M44×193\70.272.403\300MW以下</t>
  </si>
  <si>
    <t>【哈汽】芯杆\70.302.311\300MW以下</t>
  </si>
  <si>
    <t>【哈汽】特制螺母\M30×2-6H\70.307.313\300MW以下</t>
  </si>
  <si>
    <t>【哈汽】特制螺母\M36\70.307.314\300MW以下</t>
  </si>
  <si>
    <t>【哈汽】螺母\M35\70.319.303\300MW以下</t>
  </si>
  <si>
    <t>【哈汽】喷嘴扩压管\70.407.205\300MW以下</t>
  </si>
  <si>
    <t>【哈汽】螺栓\M16×50\72.015.701\300MW以下</t>
  </si>
  <si>
    <t>【哈汽】特制法兰\74.011.010\300MW以下</t>
  </si>
  <si>
    <t>【哈汽】齿型垫片\φ124×94×4\74.011.032\300MW以下</t>
  </si>
  <si>
    <t>【哈汽】特制内六角螺钉\74.011.035\300MW以下</t>
  </si>
  <si>
    <t>【哈汽】齿型垫片\74.011.040\300MW以下</t>
  </si>
  <si>
    <t>【哈汽】特制螺钉\M20×50\74.011.045\300MW以下</t>
  </si>
  <si>
    <t>【哈汽】螺栓\M20×50\74.011.048\300MW以下</t>
  </si>
  <si>
    <t>【哈汽】销\38×70\74.011.049\300MW以下</t>
  </si>
  <si>
    <t>【哈汽】齿型垫片\φ120×80×4\74.011.054\300MW以下</t>
  </si>
  <si>
    <t>【哈汽】疏水管\74.011.1Z\300MW以下</t>
  </si>
  <si>
    <t>【哈汽】进气管\74.011.2Z\300MW以下</t>
  </si>
  <si>
    <t>【哈汽】螺栓\M24×80\74.015.003\300MW以下</t>
  </si>
  <si>
    <t>【哈汽】特制锥销\φ16×65\74.015.005\300MW以下</t>
  </si>
  <si>
    <t>【哈汽】特制螺塞\M36×20\74.015.006\300MW以下</t>
  </si>
  <si>
    <t>【哈汽】特制圆柱销\74.015.007\300MW以下</t>
  </si>
  <si>
    <t>【哈汽】特制锥销\74.015.010\300MW以下</t>
  </si>
  <si>
    <t>【哈汽】特制双头螺栓\M42×135\74.015.021\300MW以下</t>
  </si>
  <si>
    <t>【哈汽】螺母\M42×3\74.015.022\300MW以下</t>
  </si>
  <si>
    <t>【哈汽】特制锥销\74.015.023\300MW以下</t>
  </si>
  <si>
    <t>【哈汽】平键\70×38\74.015.027\300MW以下</t>
  </si>
  <si>
    <t>【哈汽】平键\60×38\74.015.028\300MW以下</t>
  </si>
  <si>
    <t>【哈汽】特制螺塞\M22×16\74.015.029\300MW以下</t>
  </si>
  <si>
    <t>【哈汽】锥销\16×50\74.021.066\300MW以下</t>
  </si>
  <si>
    <t>【哈汽】特制锥销\74.021.069\300MW以下</t>
  </si>
  <si>
    <t>【哈汽】特制螺栓\M48×600\74.021.075\300MW以下</t>
  </si>
  <si>
    <t>【哈汽】特制螺栓\M48×220\74.021.077\300MW以下</t>
  </si>
  <si>
    <t>【哈汽】螺母\74.021.079\300MW以下</t>
  </si>
  <si>
    <t>【哈汽】特制螺拴\74.021.083\300MW以下</t>
  </si>
  <si>
    <t>【哈汽】定位螺栓\M42×4.5×140\74.036.001\300MW以下</t>
  </si>
  <si>
    <t>【哈汽】定位螺栓\M30×3.5×100\74.036.003\300MW以下</t>
  </si>
  <si>
    <t>【哈汽】定位螺栓\74.036.005\300MW以下</t>
  </si>
  <si>
    <t>【哈汽】双头螺栓\M30×100\74.036.007\300MW以下</t>
  </si>
  <si>
    <t>【哈汽】蛇皮管\φ13\74.051.006\300MW以下</t>
  </si>
  <si>
    <t>【哈汽】螺母\M18×1.5\74.051.022\300MW以下</t>
  </si>
  <si>
    <t>【哈汽】罩螺母\M27\74.051.041\300MW以下</t>
  </si>
  <si>
    <t>【哈汽】定位螺栓\M27×142#45\74.051.042\300MW以下</t>
  </si>
  <si>
    <t>【哈汽】双头螺栓\M36×130\74.051.043\300MW以下</t>
  </si>
  <si>
    <t>【哈汽】罩螺母\M30\74.051.044\300MW以下</t>
  </si>
  <si>
    <t>【哈汽】定位螺栓\M27×205\74.051.045\300MW以下</t>
  </si>
  <si>
    <t>【哈汽】定位推力瓦\74.051.056\300MW以下</t>
  </si>
  <si>
    <t>【哈汽】工作推力瓦\φ520/320×40\74.051.057\300MW以下</t>
  </si>
  <si>
    <t>【哈汽】定位螺栓\M27\74.057.013\300MW以下</t>
  </si>
  <si>
    <t>【哈汽】定位螺栓\M27\74.058.013\300MW以下</t>
  </si>
  <si>
    <t>【哈汽】圆柱销\M45×100\74.062.111\300MW以下</t>
  </si>
  <si>
    <t>【哈汽】汽封圈\74.071.6Z\300MW以下</t>
  </si>
  <si>
    <t>【哈汽】汽封圈\74.071.7Z\300MW以下</t>
  </si>
  <si>
    <t>【哈汽】汽封圈\74.072.4Z\300MW以下</t>
  </si>
  <si>
    <t>【哈汽】汽封圈\74.072.5Z\300MW以下</t>
  </si>
  <si>
    <t>【哈汽】汽封圈\74.073.4Z\300MW以下</t>
  </si>
  <si>
    <t>【哈汽】汽封圈\74.073.5Z\300MW以下</t>
  </si>
  <si>
    <t>【哈汽】汽封圈\74.073.6Z\300MW以下</t>
  </si>
  <si>
    <t>【哈汽】汽封圈\74.074.3Z\300MW以下</t>
  </si>
  <si>
    <t>【哈汽】汽封圈\74.074.4Z\300MW以下</t>
  </si>
  <si>
    <t>【哈汽】汽封圈\74.074.5Z\300MW以下</t>
  </si>
  <si>
    <t>【哈汽】汽封圈\74.075.2Z\300MW以下</t>
  </si>
  <si>
    <t>【哈汽】汽封圈\74.075.3Z\300MW以下</t>
  </si>
  <si>
    <t>【哈汽】管子\φ245×25L=3473\74.081.004\300MW以下</t>
  </si>
  <si>
    <t>【哈汽】齿形垫圈\74.083.012\300MW以下</t>
  </si>
  <si>
    <t>【哈汽】锥销\M12×70\74.098.011\300MW以下</t>
  </si>
  <si>
    <t>【哈汽】螺栓\74.126.005\300MW以下</t>
  </si>
  <si>
    <t>【哈汽】汽封圈\74.146.1Z\300MW以下</t>
  </si>
  <si>
    <t>【哈汽】汽封圈\74.146.2Z\300MW以下</t>
  </si>
  <si>
    <t>【哈汽】汽封圈\74.146.3Z\300MW以下</t>
  </si>
  <si>
    <t>【哈汽】汽封圈\74.146.4Z\300MW以下</t>
  </si>
  <si>
    <t>【哈汽】汽封圈\74.146.5Z\300MW以下</t>
  </si>
  <si>
    <t>【哈汽】定位螺栓\74.148.007\300MW以下</t>
  </si>
  <si>
    <t>【哈汽】螺栓\M30\74.148.008\300MW以下</t>
  </si>
  <si>
    <t>【哈汽】汽封圈\74.148.1Z\300MW以下</t>
  </si>
  <si>
    <t>【哈汽】汽封圈\74.148.2Z\300MW以下</t>
  </si>
  <si>
    <t>【哈汽】汽封圈\74.148.3Z\300MW以下</t>
  </si>
  <si>
    <t>【哈汽】汽封圈\74.148.4Z\300MW以下</t>
  </si>
  <si>
    <t>【哈汽】汽封圈\74.148.5Z\300MW以下</t>
  </si>
  <si>
    <t>【哈汽】汽封圈\74.148.6Z\300MW</t>
  </si>
  <si>
    <t>【哈汽】特制螺栓\M39×3\74.272.015\300MW以下</t>
  </si>
  <si>
    <t>【哈汽】螺母\M39×3\74.272.016\300MW以下</t>
  </si>
  <si>
    <t>【哈汽】特制螺帽\74.287.013\300MW以下</t>
  </si>
  <si>
    <t>【哈汽】特制螺栓\74.287.015\300MW以下</t>
  </si>
  <si>
    <t>【哈汽】特制螺栓\74.301.015\300MW以下</t>
  </si>
  <si>
    <t>【哈汽】特制双头螺栓\74.301.028\300MW以下</t>
  </si>
  <si>
    <t>【哈汽】特制螺母\M16-6H\74.301.029\300MW以下</t>
  </si>
  <si>
    <t>【哈汽】垫片\74.301.032\300MW以下</t>
  </si>
  <si>
    <t>【哈汽】特制垫圈\φ96×22\74.301.034\300MW以下</t>
  </si>
  <si>
    <t>【哈汽】特制螺母\M36×2-6H\74.301.036\300MW以下</t>
  </si>
  <si>
    <t>【哈汽】调整垫片\74.301.037\300MW以下</t>
  </si>
  <si>
    <t>【哈汽】螺塞\74.301.044\300MW以下</t>
  </si>
  <si>
    <t>【哈汽】销子\74.301.045\300MW以下</t>
  </si>
  <si>
    <t>【哈汽】螺塞\74.301.046\300MW以下</t>
  </si>
  <si>
    <t>【哈汽】特制垫圈\74.301.060\300MW以下</t>
  </si>
  <si>
    <t>【哈汽】特制垫圈\74.301.061\300MW以下</t>
  </si>
  <si>
    <t>【哈汽】双头螺栓\M30×220\74.305.016\300MW以下</t>
  </si>
  <si>
    <t>【哈汽】键\74.305.019\300MW以下</t>
  </si>
  <si>
    <t>【哈汽】阀碟\φ440\74.306.009\300MW以下</t>
  </si>
  <si>
    <t>【哈汽】球面垫圈\74.306.014\300MW以下</t>
  </si>
  <si>
    <t>【哈汽】特制螺母\M30×2×6H\74.306.026\300MW以下</t>
  </si>
  <si>
    <t>【哈汽】阀杆\74.306.027\300MW以下</t>
  </si>
  <si>
    <t>【哈汽】特制螺钉\M10-6G\74.306.029\300MW以下</t>
  </si>
  <si>
    <t>【哈汽】特制螺钉\M24×85\74.306.030\300MW以下</t>
  </si>
  <si>
    <t>【哈汽】齿型垫片\74.306.031\300MW以下</t>
  </si>
  <si>
    <t>【哈汽】特制螺母\M16-6H\74.306.033\300MW以下</t>
  </si>
  <si>
    <t>【哈汽】阀杆\74.314.001\300MW以下</t>
  </si>
  <si>
    <t>【哈汽】螺栓\M16-6G-80\74.314.008\300MW以下</t>
  </si>
  <si>
    <t>【哈汽】止动叉\74.314.011\300MW以下</t>
  </si>
  <si>
    <t>【哈汽】螺母\74.314.012\300MW以下</t>
  </si>
  <si>
    <t>【哈汽】阀碟\φ300\74.314.013\300MW以下</t>
  </si>
  <si>
    <t>【哈汽】垫套\74.314.014\300MW以下</t>
  </si>
  <si>
    <t>【哈汽】特制螺钉\M10-6G-12\74.314.015\300MW以下</t>
  </si>
  <si>
    <t>【哈汽】轴瓦\φ163×85×124\74.401.5Z\300MW以下</t>
  </si>
  <si>
    <t>【哈汽】特制螺母\M27×6\74.521.023\300MW以下</t>
  </si>
  <si>
    <t>【哈汽】压板\77.301.014\300MW以下</t>
  </si>
  <si>
    <t>【哈汽】特制螺母\77.301.015\300MW以下</t>
  </si>
  <si>
    <t>【哈汽】导向键\77.301.016\300MW以下</t>
  </si>
  <si>
    <t>【哈汽】油封环\77.401.2Z\300MW以下</t>
  </si>
  <si>
    <t>【哈汽】挡油环\77.401.3Z\300MW以下</t>
  </si>
  <si>
    <t>【哈汽】轴瓦\φ85\77.401.4Z\300MW以下</t>
  </si>
  <si>
    <t>【哈汽】轴瓦\φ80\77.401.7Z\300MW以下</t>
  </si>
  <si>
    <t>【哈汽】油封环\77.401.8Z\300MW以下</t>
  </si>
  <si>
    <t>【哈汽】蛇形弹簧\CCH01.028.6.001-4\600MW</t>
  </si>
  <si>
    <t>【哈汽】汽封圈\CCH01.101.3Z-1\600MW</t>
  </si>
  <si>
    <t>【哈汽】汽封圈\CCH01.101.4Z-1\600MW</t>
  </si>
  <si>
    <t>【哈汽】汽封圈\CCH01.103.3Z-1\600MW</t>
  </si>
  <si>
    <t>【哈汽】汽封圈\CCH01.103.4Z-1\600MW</t>
  </si>
  <si>
    <t>【哈汽】汽封圈\CCH01.105.3Z-1\600MW</t>
  </si>
  <si>
    <t>【哈汽】汽封圈\CCH01.105.4Z-1\600MW</t>
  </si>
  <si>
    <t>【哈汽】汽封圈\CCH01.105.5Z-1\600MW</t>
  </si>
  <si>
    <t>【哈汽】汽封圈\CCH01.108.3Z-1\600MW</t>
  </si>
  <si>
    <t>【哈汽】汽封圈\CCH01.108.4Z-1\600MW</t>
  </si>
  <si>
    <t>【哈汽】汽封圈\CCH01.108.5Z-1\600MW</t>
  </si>
  <si>
    <t>【哈汽】联轴器螺栓\CCH01.271.002-4\600MW</t>
  </si>
  <si>
    <t>【哈汽】联轴器螺栓\CCH01.271.003-4\600MW</t>
  </si>
  <si>
    <t>【哈汽】六角头螺栓\M24×3.0×140\CCH02.012.10.003-2\1000MW</t>
  </si>
  <si>
    <t>【哈汽】内汽封环\CCH02.012.14.001-2\1000MW</t>
  </si>
  <si>
    <t>【哈汽】外汽封环\CCH02.012.14.002-2\1000MW</t>
  </si>
  <si>
    <t>【哈汽】外汽封环\CCH02.012.14.015-2\1000MW</t>
  </si>
  <si>
    <t>【哈汽】内汽封环\CCH02.012.14.016-2\1000MW</t>
  </si>
  <si>
    <t>【哈汽】内汽封环\CCH02.012.14.030-2\1000MW</t>
  </si>
  <si>
    <t>【哈汽】外汽封环\CCH02.012.14.031-2\1000MW</t>
  </si>
  <si>
    <t>【哈汽】调整垫片\CCH02.051.8.001-1\1000MW</t>
  </si>
  <si>
    <t>【哈汽】调整垫片\CCH02.051.8.001-2\1000MW</t>
  </si>
  <si>
    <t>【哈汽】调整垫片\CCH02.051.8.002-2\1000MW</t>
  </si>
  <si>
    <t>【哈汽】调整垫片\CCH02.051.9.001-2\1000MW</t>
  </si>
  <si>
    <t>【哈汽】调整垫片\CCH02.051.9.002-2\1000MW</t>
  </si>
  <si>
    <t>【哈汽】汽封圈\CCH02.065.6Z-2\1000MW</t>
  </si>
  <si>
    <t>【哈汽】汽封圈\CCH02.065.7Z-2\1000MW</t>
  </si>
  <si>
    <t>【哈汽】汽封圈\CCH02.065.8Z-2\1000MW</t>
  </si>
  <si>
    <t>【哈汽】汽封圈\CCH02.065.9Z-2\1000MW</t>
  </si>
  <si>
    <t>【哈汽】汽封圈\CCH02.066.10Z-2\1000MW</t>
  </si>
  <si>
    <t>【哈汽】汽封圈\CCH02.066.11Z-2\1000MW</t>
  </si>
  <si>
    <t>【哈汽】汽封圈\CCH02.066.5Z-2\1000MW</t>
  </si>
  <si>
    <t>【哈汽】汽封圈\CCH02.066.6Z-2\1000MW</t>
  </si>
  <si>
    <t>【哈汽】汽封圈\CCH02.066.7Z-2\1000MW</t>
  </si>
  <si>
    <t>【哈汽】汽封圈\CCH02.066.8Z-2\1000MW</t>
  </si>
  <si>
    <t>【哈汽】汽封圈\CCH02.066.9Z-2\1000MW</t>
  </si>
  <si>
    <t>【哈汽】汽封圈\CCH02.067.10Z-2\1000MW</t>
  </si>
  <si>
    <t>【哈汽】汽封圈\CCH02.067.8Z-2\1000MW</t>
  </si>
  <si>
    <t>【哈汽】汽封圈\CCH02.067.9Z-2\1000MW</t>
  </si>
  <si>
    <t>【哈汽】汽封圈\CCH02.068.7Z-2\1000MW</t>
  </si>
  <si>
    <t>【哈汽】汽封圈\CCH02.068.8Z-2\1000MW</t>
  </si>
  <si>
    <t>【哈汽】汽封圈\CCH02.068.9Z-2\1000MW</t>
  </si>
  <si>
    <t>【哈汽】轴承挡油环\CCH02.070Z-2\1000MW</t>
  </si>
  <si>
    <t>【哈汽】垫片\CCH02.081.013-1\1000MW</t>
  </si>
  <si>
    <t>【哈汽】阻汽片\CCH02.101.3.001-2\1000MW</t>
  </si>
  <si>
    <t>【哈汽】阻汽片\CCH02.102.1.007-2\1000MW</t>
  </si>
  <si>
    <t>【哈汽】汽封圈\CCH02.102.6Z-2\1000MW</t>
  </si>
  <si>
    <t>【哈汽】阻汽片\CCH02.103.1.005-2\1000MW</t>
  </si>
  <si>
    <t>【哈汽】阻汽片\CCH02.104.1.001-2\1000MW</t>
  </si>
  <si>
    <t>【哈汽】汽封圈\CCH02.104.5Z-2\1000MW</t>
  </si>
  <si>
    <t>【哈汽】阻汽片\CCH02.105.1.003-2\1000MW</t>
  </si>
  <si>
    <t>【哈汽】汽封圈\CCH02.105.5Z-2\1000MW</t>
  </si>
  <si>
    <t>【哈汽】阻汽片\CCH02.106.1.002-2\1000MW</t>
  </si>
  <si>
    <t>【哈汽】汽封圈\CCH02.106.4Z-2\1000MW</t>
  </si>
  <si>
    <t>【哈汽】阻汽片\CCH02.107.1.005-2\1000MW</t>
  </si>
  <si>
    <t>【哈汽】垫片\CCH02.107.1.011-2\1000MW</t>
  </si>
  <si>
    <t>【哈汽】汽封圈\CCH02.107.5Z-2\1000MW</t>
  </si>
  <si>
    <t>【哈汽】阻汽片\CCH02.108.1.006-2\1000MW</t>
  </si>
  <si>
    <t>【哈汽】汽封圈\CCH02.108.4Z-2\1000MW</t>
  </si>
  <si>
    <t>【哈汽】阻汽片\CCH02.109.1.004-2\1000MW</t>
  </si>
  <si>
    <t>【哈汽】汽封圈\CCH02.109.5Z-2\1000MW</t>
  </si>
  <si>
    <t>【哈汽】阻汽片\CCH02.110.1.004-2\1000MW</t>
  </si>
  <si>
    <t>【哈汽】汽封圈\CCH02.110.5Z-2\1000MW</t>
  </si>
  <si>
    <t>【哈汽】内六角螺栓\CCH02.111.009\1000MW</t>
  </si>
  <si>
    <t>【哈汽】阻汽片\CCH02.111.1.001-2\1000MW</t>
  </si>
  <si>
    <t>【哈汽】阻汽片\CCH02.112.1.001-2\1000MW</t>
  </si>
  <si>
    <t>【哈汽】汽封片\CCH02.112.1.004-2\1000MW</t>
  </si>
  <si>
    <t>【哈汽】汽封片\CCH02.112.1.005-2\1000MW</t>
  </si>
  <si>
    <t>【哈汽】汽封片\CCH02.112.1.006-2\1000MW</t>
  </si>
  <si>
    <t>【哈汽】汽封片\CCH02.112.1.007-2\1000MW</t>
  </si>
  <si>
    <t>【哈汽】汽封片\CCH02.112.1.008-2\1000MW</t>
  </si>
  <si>
    <t>【哈汽】汽封片\CCH02.112.1.009-2\1000MW</t>
  </si>
  <si>
    <t>【哈汽】垫片\CCH02.112.4.002-2\1000MW</t>
  </si>
  <si>
    <t>【哈汽】垫片\CCH02.112.4.003-2\1000MW</t>
  </si>
  <si>
    <t>【哈汽】组合垫片\CCH02.112.4.004-2\1000MW</t>
  </si>
  <si>
    <t>【哈汽】组合垫片\CCH02.112.4.005-2\1000MW</t>
  </si>
  <si>
    <t>【哈汽】组合垫片\CCH02.112.4.006-2\1000MW</t>
  </si>
  <si>
    <t>【哈汽】汽封圈弧段\CCH02.112.5.001-2\1000MW</t>
  </si>
  <si>
    <t>【哈汽】汽封圈弧段\CCH02.112.5.002-2\1000MW</t>
  </si>
  <si>
    <t>【哈汽】汽封圈弧段\CCH02.112.5.003-2\1000MW</t>
  </si>
  <si>
    <t>【哈汽】汽封圈弧段\CCH02.112.5.004-2\1000MW</t>
  </si>
  <si>
    <t>【哈汽】汽封圈弧段\CCH02.112.5.005-2\1000MW</t>
  </si>
  <si>
    <t>【哈汽】汽封圈弧段\CCH02.112.5.006-2\1000MW</t>
  </si>
  <si>
    <t>【哈汽】汽封片\CCH02.112.5.007-2\1000MW</t>
  </si>
  <si>
    <t>【哈汽】汽封片\CCH02.112.5.008-2\1000MW</t>
  </si>
  <si>
    <t>【哈汽】板弹簧\CCH02.112.5.009-2\1000MW</t>
  </si>
  <si>
    <t>【哈汽】汽封圈\CCH02.112.5Z-2\1000MW</t>
  </si>
  <si>
    <t>【哈汽】阻汽片\CCH02.113.1.001-2\1000MW</t>
  </si>
  <si>
    <t>【哈汽】汽封片\CCH02.113.1.003-2\1000MW</t>
  </si>
  <si>
    <t>【哈汽】汽封片\CCH02.113.1.004-2\1000MW</t>
  </si>
  <si>
    <t>【哈汽】汽封片\CCH02.113.1.005-2\1000MW</t>
  </si>
  <si>
    <t>【哈汽】汽封片\CCH02.113.1.006-2\1000MW</t>
  </si>
  <si>
    <t>【哈汽】汽封片\CCH02.113.1.007-2\1000MW</t>
  </si>
  <si>
    <t>【哈汽】汽封片\CCH02.113.1.008-2\1000MW</t>
  </si>
  <si>
    <t>【哈汽】垫片\CCH02.113.4.002-2\1000MW</t>
  </si>
  <si>
    <t>【哈汽】垫片\CCH02.113.4.003-2\1000MW</t>
  </si>
  <si>
    <t>【哈汽】组合垫片\CCH02.113.4.004-2\1000MW</t>
  </si>
  <si>
    <t>【哈汽】组合垫片\CCH02.113.4.005-2\1000MW</t>
  </si>
  <si>
    <t>【哈汽】组合垫片\CCH02.113.4.006-2\1000MW</t>
  </si>
  <si>
    <t>【哈汽】汽封圈弧段\CCH02.113.5.001-2\1000MW</t>
  </si>
  <si>
    <t>【哈汽】汽封圈弧段\CCH02.113.5.002-2\1000MW</t>
  </si>
  <si>
    <t>【哈汽】汽封圈弧段\CCH02.113.5.003-2\1000MW</t>
  </si>
  <si>
    <t>【哈汽】汽封圈弧段\CCH02.113.5.004-2\1000MW</t>
  </si>
  <si>
    <t>【哈汽】汽封圈弧段\CCH02.113.5.005-2\1000MW</t>
  </si>
  <si>
    <t>【哈汽】汽封圈弧段\CCH02.113.5.006-2\1000MW</t>
  </si>
  <si>
    <t>【哈汽】汽封片\CCH02.113.5.007-2\1000MW</t>
  </si>
  <si>
    <t>【哈汽】汽封片\CCH02.113.5.008-2\1000MW</t>
  </si>
  <si>
    <t>【哈汽】板弹簧\CCH02.113.5.009-2\1000MW</t>
  </si>
  <si>
    <t>【哈汽】汽封圈\CCH02.113.5Z-2\1000MW</t>
  </si>
  <si>
    <t>【哈汽】汽封片\CCH02.114.1.002-2\1000MW</t>
  </si>
  <si>
    <t>【哈汽】汽封片\CCH02.114.1.003-2\1000MW</t>
  </si>
  <si>
    <t>【哈汽】汽封片\CCH02.114.1.004-2\1000MW</t>
  </si>
  <si>
    <t>【哈汽】汽封片\CCH02.114.1.005-2\1000MW</t>
  </si>
  <si>
    <t>【哈汽】汽封片\CCH02.114.1.006-2\1000MW</t>
  </si>
  <si>
    <t>【哈汽】汽封圈弧段\CCH02.114.4.001-2\1000MW</t>
  </si>
  <si>
    <t>【哈汽】汽封圈弧段\CCH02.114.4.002-2\1000MW</t>
  </si>
  <si>
    <t>【哈汽】汽封圈弧段\CCH02.114.4.003-2\1000MW</t>
  </si>
  <si>
    <t>【哈汽】汽封圈弧段\CCH02.114.4.004-2\1000MW</t>
  </si>
  <si>
    <t>【哈汽】汽封圈弧段\CCH02.114.4.005-2\1000MW</t>
  </si>
  <si>
    <t>【哈汽】汽封圈弧段\CCH02.114.4.006-2\1000MW</t>
  </si>
  <si>
    <t>【哈汽】汽封片\CCH02.114.4.007-2\1000MW</t>
  </si>
  <si>
    <t>【哈汽】汽封片\CCH02.114.4.008-2\1000MW</t>
  </si>
  <si>
    <t>【哈汽】板弹簧\CCH02.114.4.009-2\1000MW</t>
  </si>
  <si>
    <t>【哈汽】阻汽片\CCH02.115.1.001-2\1000MW</t>
  </si>
  <si>
    <t>【哈汽】汽封圈\CCH02.115.4Z-2\1000MW</t>
  </si>
  <si>
    <t>【哈汽】阻汽片\CCH02.116.1.001-2\1000MW</t>
  </si>
  <si>
    <t>【哈汽】汽封圈\CCH02.116.5Z-2\1000MW</t>
  </si>
  <si>
    <t>【哈汽】阻汽片\CCH02.117.1.001-2\1000MW</t>
  </si>
  <si>
    <t>【哈汽】垫片\CCH02.117.1.008-2\1000MW</t>
  </si>
  <si>
    <t>【哈汽】汽封圈\CCH02.117.4Z-2\1000MW</t>
  </si>
  <si>
    <t>【哈汽】汽封片\CCH02.118.1.002-2\1000MW</t>
  </si>
  <si>
    <t>【哈汽】汽封片\CCH02.118.1.003-2\1000MW</t>
  </si>
  <si>
    <t>【哈汽】汽封片\CCH02.118.1.004-2\1000MW</t>
  </si>
  <si>
    <t>【哈汽】汽封片\CCH02.118.1.005-2\1000MW</t>
  </si>
  <si>
    <t>【哈汽】汽封片\CCH02.118.1.006-2\1000MW</t>
  </si>
  <si>
    <t>【哈汽】汽封片\CCH02.118.1.007-2\1000MW</t>
  </si>
  <si>
    <t>【哈汽】汽封片\CCH02.119.1.001-2\1000MW</t>
  </si>
  <si>
    <t>【哈汽】汽封片\CCH02.119.1.002-2\1000MW</t>
  </si>
  <si>
    <t>【哈汽】汽封片\CCH02.119.1.003-2\1000MW</t>
  </si>
  <si>
    <t>【哈汽】汽封片\CCH02.119.1.004-2\1000MW</t>
  </si>
  <si>
    <t>【哈汽】汽封片\CCH02.119.1.005-2\1000MW</t>
  </si>
  <si>
    <t>【哈汽】汽封片\CCH02.119.1.006-2\1000MW</t>
  </si>
  <si>
    <t>【哈汽】汽封片\CCH02.120.1.001-2\1000MW</t>
  </si>
  <si>
    <t>【哈汽】汽封片\CCH02.120.1.002-2\1000MW</t>
  </si>
  <si>
    <t>【哈汽】汽封片\CCH02.120.1.003-2\1000MW</t>
  </si>
  <si>
    <t>【哈汽】汽封片\CCH02.120.1.004-2\1000MW</t>
  </si>
  <si>
    <t>【哈汽】汽封片\CCH02.120.1.005-2\1000MW</t>
  </si>
  <si>
    <t>【哈汽】汽封片\CCH02.120.1.006-2\1000MW</t>
  </si>
  <si>
    <t>【哈汽】垫片\CCH02.120.1.007-2\1000MW</t>
  </si>
  <si>
    <t>【哈汽】汽封圈\CCH02.121.4Z-2\1000MW</t>
  </si>
  <si>
    <t>【哈汽】汽封圈\CCH02.122.4Z-2\1000MW</t>
  </si>
  <si>
    <t>【哈汽】汽封圈\CCH02.123.4Z-2\1000MW</t>
  </si>
  <si>
    <t>【哈汽】内六角螺栓\CCH02.124.1.003-2\1000MW</t>
  </si>
  <si>
    <t>【哈汽】阻汽片\CCH02.124.1.004/005/006/007-2\1000MW</t>
  </si>
  <si>
    <t>【哈汽】阻汽片\CCH02.125.1.003/004/005.006-2\1000MW</t>
  </si>
  <si>
    <t>【哈汽】阻汽片\CCH02.126.1.003/004-2\1000MW</t>
  </si>
  <si>
    <t>【哈汽】内六角螺栓\CCH02.127.1.004-2\1000MW</t>
  </si>
  <si>
    <t>【哈汽】阻汽片\CCH02.127.1.005/006Z-2\1000MW</t>
  </si>
  <si>
    <t>【哈汽】内六角螺栓\CCH02.128.1.004-2\1000MW</t>
  </si>
  <si>
    <t>【哈汽】阻汽片\CCH02.130.1.003/004-2\1000MW</t>
  </si>
  <si>
    <t>【哈汽】阻汽片\CCH02.131.1.001/002-2\1000MW</t>
  </si>
  <si>
    <t>【哈汽】阻汽片\CCH02.132.1.001/002-2\1000MW</t>
  </si>
  <si>
    <t>【哈汽】阻汽片\CCH02.133.1.001/002-2\1000MW</t>
  </si>
  <si>
    <t>【哈汽】阻汽片\CCH02.136.1.002/003-2\1000MW</t>
  </si>
  <si>
    <t>【哈汽】阻汽片\CCH02.137.1.002/003-2\1000MW</t>
  </si>
  <si>
    <t>【哈汽】阻汽片\CCH02.138.1.002/003-2\1000MW</t>
  </si>
  <si>
    <t>【哈汽】阻汽片\CCH02.139.1.002/003-2\1000MW</t>
  </si>
  <si>
    <t>【哈汽】阻汽片\CCH02.142.1.001/002-2\1000MW</t>
  </si>
  <si>
    <t>【哈汽】阻汽片\CCH02.143.1.001/002-2\1000MW</t>
  </si>
  <si>
    <t>【哈汽】阻汽片\CCH02.144.1.001/002-2\1000MW</t>
  </si>
  <si>
    <t>【哈汽】阻汽片\CCH02.145.1.001/002-2\1000MW</t>
  </si>
  <si>
    <t>【哈汽】围带弧段\CCH02.205.143\1000MW</t>
  </si>
  <si>
    <t>【哈汽】围带弧段\CCH02.205.144\1000MW</t>
  </si>
  <si>
    <t>【哈汽】销钉\CCH02.205.152\1000MW</t>
  </si>
  <si>
    <t>【哈汽】销钉\CCH02.205.153\1000MW</t>
  </si>
  <si>
    <t>【哈汽】销钉\CCH02.205.154\1000MW</t>
  </si>
  <si>
    <t>【哈汽】销钉\CCH02.205.155\1000MW</t>
  </si>
  <si>
    <t>【哈汽】销钉\CCH02.205.156\1000MW</t>
  </si>
  <si>
    <t>【哈汽】围带弧段\CCH02.206.133\1000MW</t>
  </si>
  <si>
    <t>【哈汽】围带弧段\CCH02.206.134\1000MW</t>
  </si>
  <si>
    <t>【哈汽】锁紧垫片\CCH02.272.1.004-2\1000MW</t>
  </si>
  <si>
    <t>【哈汽】锁紧垫片\CCH02.273.1.004-2\1000MW</t>
  </si>
  <si>
    <t>【哈汽】垫片\CCHK02.111.013\1000MW</t>
  </si>
  <si>
    <t>【哈汽】汽封圈弧段\CCHK02.111.3.001\1000MW</t>
  </si>
  <si>
    <t>【哈汽】汽封圈弧段\CCHK02.111.3.002\1000MW</t>
  </si>
  <si>
    <t>【哈汽】汽封圈弧段\CCHK02.111.3.003\1000MW</t>
  </si>
  <si>
    <t>【哈汽】汽封圈弧段\CCHK02.111.3.004\1000MW</t>
  </si>
  <si>
    <t>【哈汽】汽封圈弧段\CCHK02.111.3.005\1000MW</t>
  </si>
  <si>
    <t>【哈汽】汽封圈弧段\CCHK02.111.3.006\1000MW</t>
  </si>
  <si>
    <t>【哈汽】长汽封齿\CCHK02.111.3.007\1000MW</t>
  </si>
  <si>
    <t>【哈汽】短汽封齿\CCHK02.111.3.008\1000MW</t>
  </si>
  <si>
    <t>【哈汽】板弹簧\CCHK02.111.3.009\1000MW</t>
  </si>
  <si>
    <t>【哈汽】垫片\CCHK02.111.4.002\1000MW</t>
  </si>
  <si>
    <t>【哈汽】垫片\CCHK02.111.4.003\1000MW</t>
  </si>
  <si>
    <t>【哈汽】沉头螺钉\CCHK02.111.4.004\1000MW</t>
  </si>
  <si>
    <t>【哈汽】内六角头螺钉\CCHK02.111.4.005\1000MW</t>
  </si>
  <si>
    <t>【哈汽】内六角头螺钉\CCHK02.111.4.006\1000MW</t>
  </si>
  <si>
    <t>【哈汽】沉头螺钉\CCHK02.111.4.007\1000MW</t>
  </si>
  <si>
    <t>【哈汽】组合垫片\CCHK02.111.4.008\1000MW</t>
  </si>
  <si>
    <t>【哈汽】组合垫片\CCHK02.111.4.009\1000MW</t>
  </si>
  <si>
    <t>【哈汽】组合垫片\CCHK02.111.4.010\1000MW</t>
  </si>
  <si>
    <t>【哈汽】组合垫片\CCHK02.111.4.011\1000MW</t>
  </si>
  <si>
    <t>【哈汽】组合垫片\CCHK02.111.4.012\1000MW</t>
  </si>
  <si>
    <t>【哈汽】叶轮口环\CCHK02.401.004-2\1000MW</t>
  </si>
  <si>
    <t>【哈汽】叶轮浮动环\CCHK02.401.005-2\1000MW</t>
  </si>
  <si>
    <t>【哈汽】销钉\M12×63\CH02.013.004\600MW</t>
  </si>
  <si>
    <t>【哈汽】内六角螺栓\M12×38\CH02.017.004\600MW</t>
  </si>
  <si>
    <t>【哈汽】螺钉\M20×75\CH02.037.022\600MW</t>
  </si>
  <si>
    <t>【哈汽】汽封片\CH02.096.001-3\600MW</t>
  </si>
  <si>
    <t>【哈汽】锁紧片\CH02.096.002-3\600MW</t>
  </si>
  <si>
    <t>【哈汽】填片\CH02.096.003-3\600MW</t>
  </si>
  <si>
    <t>【哈汽】汽封片\CH02.096.004-3\600MW</t>
  </si>
  <si>
    <t>【哈汽】锁紧片\CH02.096.005-3\600MW</t>
  </si>
  <si>
    <t>【哈汽】填片\CH02.096.006-3\600MW</t>
  </si>
  <si>
    <t>【哈汽】汽封片\CH02.096.024\600MW</t>
  </si>
  <si>
    <t>【哈汽】锁紧片\CH02.096.025\600MW</t>
  </si>
  <si>
    <t>【哈汽】填片\CH02.096.026\600MW</t>
  </si>
  <si>
    <t>【哈汽】汽封片\CH02.096.027\600MW</t>
  </si>
  <si>
    <t>【哈汽】汽封圈\CH02.100.5Z-3\600MW</t>
  </si>
  <si>
    <t>【哈汽】导向套筒\CH02.311.002\600MW</t>
  </si>
  <si>
    <t>【哈汽】法兰\CH02.311.003\600MW</t>
  </si>
  <si>
    <t>【哈汽】连杆\CH02.318.024\600MW</t>
  </si>
  <si>
    <t>【哈汽】联轴器\CH02.318.025\600MW</t>
  </si>
  <si>
    <t>【哈汽】螺母\CH02.318.026\600MW</t>
  </si>
  <si>
    <t>【哈汽】销\CH02.318.032\600MW</t>
  </si>
  <si>
    <t>【哈汽】汽封片\CH02A.013.002-11\600MW</t>
  </si>
  <si>
    <t>【哈汽】汽封片\CH02A.013.003-11\600MW</t>
  </si>
  <si>
    <t>【哈汽】塞紧条\CH02A.013.004-11\600MW</t>
  </si>
  <si>
    <t>【哈汽】汽封片\CH02A.013.006-11\600MW</t>
  </si>
  <si>
    <t>【哈汽】汽封片\CH02A.013.007-11\600MW</t>
  </si>
  <si>
    <t>【哈汽】塞紧条\CH02A.013.008-11\600MW</t>
  </si>
  <si>
    <t>【哈汽】汽封片\CH02A.013.010-11\600MW</t>
  </si>
  <si>
    <t>【哈汽】汽封片\CH02A.013.011-11\600MW</t>
  </si>
  <si>
    <t>【哈汽】塞紧条\CH02A.013.012-11\600MW</t>
  </si>
  <si>
    <t>【哈汽】汽封片\CH02A.013.014-11\600MW</t>
  </si>
  <si>
    <t>【哈汽】汽封片\CH02A.013.015-11\600MW</t>
  </si>
  <si>
    <t>【哈汽】塞紧条\CH02A.013.016-11\300MW</t>
  </si>
  <si>
    <t>【哈汽】汽封片\CH02A.013.018-11\300MW</t>
  </si>
  <si>
    <t>【哈汽】汽封片\CH02A.013.019-11\300MW</t>
  </si>
  <si>
    <t>【哈汽】塞紧条\CH02A.013.020-11\600MW</t>
  </si>
  <si>
    <t>【哈汽】汽封片\CH02A.013.022-11\600MW</t>
  </si>
  <si>
    <t>【哈汽】汽封片\CH02A.013.023-11\600MW</t>
  </si>
  <si>
    <t>【哈汽】塞紧条\CH02A.013.024-11\600MW</t>
  </si>
  <si>
    <t>【哈汽】汽封片\CH02A.013.026-11\600MW</t>
  </si>
  <si>
    <t>【哈汽】汽封片\CH02A.013.027-11\600MW</t>
  </si>
  <si>
    <t>【哈汽】塞紧条\CH02A.013.028-11\600MW</t>
  </si>
  <si>
    <t>【哈汽】汽封片\CH02A.013.030-11\600MW</t>
  </si>
  <si>
    <t>【哈汽】汽封片\CH02A.013.031-11\600MW</t>
  </si>
  <si>
    <t>【哈汽】塞紧条\CH02A.013.032-11\600MW</t>
  </si>
  <si>
    <t>【哈汽】汽封片\CH02A.013.034-11\600MW</t>
  </si>
  <si>
    <t>【哈汽】汽封片\CH02A.013.035-11\600MW</t>
  </si>
  <si>
    <t>【哈汽】塞紧条\CH02A.013.036-11\600MW</t>
  </si>
  <si>
    <t>【哈汽】汽封片\CH02A.013.038-11\600MW</t>
  </si>
  <si>
    <t>【哈汽】汽封片\CH02A.013.039-11\600MW</t>
  </si>
  <si>
    <t>【哈汽】塞紧条\CH02A.013.040-11\600MW</t>
  </si>
  <si>
    <t>【哈汽】汽封片\CH02A.013.042-11\600MW</t>
  </si>
  <si>
    <t>【哈汽】汽封片\CH02A.013.043-11\600MW</t>
  </si>
  <si>
    <t>【哈汽】塞紧条\CH02A.013.044-11\600MW</t>
  </si>
  <si>
    <t>【哈汽】汽封片\CH02A.013.046-11\600MW</t>
  </si>
  <si>
    <t>【哈汽】汽封片\CH02A.013.047-11\600MW</t>
  </si>
  <si>
    <t>【哈汽】塞紧条\CH02A.013.048-11\600MW</t>
  </si>
  <si>
    <t>【哈汽】汽封片\CH02A.013.050-11\600MW</t>
  </si>
  <si>
    <t>【哈汽】汽封片\CH02A.013.051-11\600MW</t>
  </si>
  <si>
    <t>【哈汽】塞紧条\CH02A.013.052-11\300MW</t>
  </si>
  <si>
    <t>【哈汽】定位双头螺柱\φ133×1026\CH02A.019.2.001-11\300MW</t>
  </si>
  <si>
    <t>【哈汽】双头螺柱\M130×4×945\CH02A.019.2.002-11\300MW</t>
  </si>
  <si>
    <t>【哈汽】罩螺母\M130×4\CH02A.019.2.003-11\300MW</t>
  </si>
  <si>
    <t>【哈汽】定位双头螺柱\φ114×830\CH02A.019.2.004-11\300MW</t>
  </si>
  <si>
    <t>【哈汽】罩螺母\M110×3\CH02A.019.2.005-11\300MW</t>
  </si>
  <si>
    <t>【哈汽】双头螺柱\M90×3×690\CH02A.019.2.006-11\300MW</t>
  </si>
  <si>
    <t>【哈汽】罩螺母\M90×3\CH02A.019.2.007-11\300MW</t>
  </si>
  <si>
    <t>【哈汽】双头螺柱\M76×3×645\CH02A.019.2.008-11\300MW</t>
  </si>
  <si>
    <t>【哈汽】罩螺母\M76×3\CH02A.019.2.009-11\300MW</t>
  </si>
  <si>
    <t>【哈汽】凸形垫圈\CH02A.019.2.010-11\300MW</t>
  </si>
  <si>
    <t>【哈汽】凹形垫圈\CH02A.019.2.011-11\300MW</t>
  </si>
  <si>
    <t>【哈汽】螺塞\M30\CH02A.019.2.012-11\300MW</t>
  </si>
  <si>
    <t>【哈汽】定位双头螺柱\φ78×616\CH02A.019.2.013-11\300MW</t>
  </si>
  <si>
    <t>【哈汽】螺塞\M30\CH02A.019.2.014-11\300MW</t>
  </si>
  <si>
    <t>【哈汽】汽封圈\CH02A.040.2Z-11\300MW</t>
  </si>
  <si>
    <t>【哈汽】汽封圈\CH02A.040.3Z-11\300MW</t>
  </si>
  <si>
    <t>【哈汽】汽封圈\CH02A.040.4Z-11\300MW</t>
  </si>
  <si>
    <t>【哈汽】汽封圈\CH02A.041.2Z-11\300MW</t>
  </si>
  <si>
    <t>【哈汽】汽封圈\CH02A.041.3Z-11\300MW</t>
  </si>
  <si>
    <t>【哈汽】汽封圈\CH02A.041.4Z-11\300MW</t>
  </si>
  <si>
    <t>【哈汽】汽封片\CH02A.101.002-11\300MW</t>
  </si>
  <si>
    <t>【哈汽】汽封片\CH02A.101.003-11\300MW</t>
  </si>
  <si>
    <t>【哈汽】汽封片\CH02A.102.002-11\300MW</t>
  </si>
  <si>
    <t>【哈汽】汽封片\CH02A.102.003-11\300MW</t>
  </si>
  <si>
    <t>【哈汽】汽封片\CH02A.103.002-11\300MW</t>
  </si>
  <si>
    <t>【哈汽】汽封片\CH02A.103.003-11\300MW</t>
  </si>
  <si>
    <t>【哈汽】汽封片\CH02A.104.002-11\300MW</t>
  </si>
  <si>
    <t>【哈汽】汽封片\CH02A.104.003-11\300MW</t>
  </si>
  <si>
    <t>【哈汽】汽封片\CH02A.105.002-11\300MW</t>
  </si>
  <si>
    <t>【哈汽】汽封片\CH02A.105.003-11\300MW</t>
  </si>
  <si>
    <t>【哈汽】汽封片\CH02A.106.002-11\300MW</t>
  </si>
  <si>
    <t>【哈汽】汽封片\CH02A.106.003-11\300MW</t>
  </si>
  <si>
    <t>【哈汽】汽封片\CH02A.107.002-11\300MW</t>
  </si>
  <si>
    <t>【哈汽】汽封片\CH02A.107.003-11\300MW</t>
  </si>
  <si>
    <t>【哈汽】汽封片\CH02A.108.002-11\300MW</t>
  </si>
  <si>
    <t>【哈汽】汽封片\CH02A.108.003-11\300MW</t>
  </si>
  <si>
    <t>【哈汽】汽封片\CH02A.109.002-11\300MW</t>
  </si>
  <si>
    <t>【哈汽】汽封片\CH02A.109.003-11\300MW</t>
  </si>
  <si>
    <t>【哈汽】汽封片\CH02A.110.002-11\300MW</t>
  </si>
  <si>
    <t>【哈汽】汽封片\CH02A.110.003-11\300MW</t>
  </si>
  <si>
    <t>【哈汽】汽封片\CH02A.111.002-11\300MW</t>
  </si>
  <si>
    <t>【哈汽】汽封片\CH02A.111.003-11\300MW</t>
  </si>
  <si>
    <t>【哈汽】汽封片\CH02A.112.002-11\300MW</t>
  </si>
  <si>
    <t>【哈汽】汽封片\CH02A.112.003-11\300MW</t>
  </si>
  <si>
    <t>【哈汽】汽封片\CH02A.113.002-11\300MW</t>
  </si>
  <si>
    <t>【哈汽】汽封片\CH02A.113.003-11\300MW</t>
  </si>
  <si>
    <t>【哈汽】汽封片\CHK02.096.004\300MW</t>
  </si>
  <si>
    <t>【哈汽】锁紧片\CHK02.096.005\300MW</t>
  </si>
  <si>
    <t>【哈汽】填片\CHK02.096.006\300MW</t>
  </si>
  <si>
    <t>【哈汽】汽封片\CHK02.096.007\300MW</t>
  </si>
  <si>
    <t>【哈汽】汽封片\CHK02.096.010\300MW</t>
  </si>
  <si>
    <t>【哈汽】汽封片\CHK02.101.002\300MW</t>
  </si>
  <si>
    <t>【哈汽】汽封片\CHK02.101.003\300MW</t>
  </si>
  <si>
    <t>【哈汽】汽封片\CHK02.102.002\300MW</t>
  </si>
  <si>
    <t>【哈汽】汽封片\CHK02.102.003\300MW</t>
  </si>
  <si>
    <t>【哈汽】汽封片\CHK02.103.002\300MW</t>
  </si>
  <si>
    <t>【哈汽】汽封片\CHK02.103.003\300MW</t>
  </si>
  <si>
    <t>【哈汽】汽封片\CHK02.104.002\300MW</t>
  </si>
  <si>
    <t>【哈汽】汽封片\CHK02.104.003\300MW</t>
  </si>
  <si>
    <t>【哈汽】汽封片\CHK02.105.002\300MW</t>
  </si>
  <si>
    <t>【哈汽】汽封片\CHK02.105.003\300MW</t>
  </si>
  <si>
    <t>【哈汽】汽封片\CHK02.106.002\300MW</t>
  </si>
  <si>
    <t>【哈汽】汽封片\CHK02.106.003\300MW</t>
  </si>
  <si>
    <t>【哈汽】汽封片\CHK02.107.002\300MW</t>
  </si>
  <si>
    <t>【哈汽】汽封片\CHK02.107.003\300MW</t>
  </si>
  <si>
    <t>【哈汽】汽封片\CHK02.108.002\300MW</t>
  </si>
  <si>
    <t>【哈汽】汽封片\CHK02.108.003\300MW</t>
  </si>
  <si>
    <t>【哈汽】汽封片\CHK02.109.002\300MW</t>
  </si>
  <si>
    <t>【哈汽】汽封片\CHK02.109.003\300MW</t>
  </si>
  <si>
    <t>【哈汽】汽封片\CHK02.110.002\300MW</t>
  </si>
  <si>
    <t>【哈汽】汽封片\CHK02.110.003\300MW</t>
  </si>
  <si>
    <t>【哈汽】汽封片\CHK02.111.002\300MW</t>
  </si>
  <si>
    <t>【哈汽】汽封片\CHK02.111.003\300MW</t>
  </si>
  <si>
    <t>【哈汽】汽封片\CHK02.112.002\300MW</t>
  </si>
  <si>
    <t>【哈汽】汽封片\CHK02.112.003\300MW</t>
  </si>
  <si>
    <t>【哈汽】垫片\155×100×0.8\CHK02.501.019\300MW</t>
  </si>
  <si>
    <t>【哈汽】垫片\110×65×0.8\CHK02.501.020\300MW</t>
  </si>
  <si>
    <t>【哈汽】垫片\52×34×1.5\CHK02.501.021\600MW</t>
  </si>
  <si>
    <t>【哈汽】垫片\64×32×0.8\CHK02.501.022\300MW</t>
  </si>
  <si>
    <t>【哈汽】垫片\84×59×1.5\CHK02.501.023\300MW</t>
  </si>
  <si>
    <t>【哈汽】特制螺母\M20×30\F81.01.022\300MW</t>
  </si>
  <si>
    <t>【哈汽】活塞环\F88.01.005\300MW</t>
  </si>
  <si>
    <t>【哈汽】双头螺柱\M30X215\G42.036.001-4\300MW</t>
  </si>
  <si>
    <t>【哈汽】罩螺母\M30\G42.036.002-4\300MW</t>
  </si>
  <si>
    <t>【哈汽】定位双头螺柱\M30X232\G42.036.003-4\300MW</t>
  </si>
  <si>
    <t>【哈汽】定位双头螺柱\M39X3X234\G42.036.004-4\300MW</t>
  </si>
  <si>
    <t>【哈汽】垫圈\39\G42.036.005-4\300MW</t>
  </si>
  <si>
    <t>【哈汽】罩螺母\M39X3\G42.036.006-4\300MW</t>
  </si>
  <si>
    <t>【哈汽】双头螺柱\M36X3X230\G42.036.007-4\300MW</t>
  </si>
  <si>
    <t>【哈汽】垫圈\36\G42.036.008-4\300MW</t>
  </si>
  <si>
    <t>【哈汽】罩螺母\M36X3\G42.036.009-4\300MW</t>
  </si>
  <si>
    <t>【哈汽】垫片\G42.036.015-4\300MW</t>
  </si>
  <si>
    <t>【哈汽】垫圈\30\G42.036.017-4\300MW</t>
  </si>
  <si>
    <t>【哈汽】轴承瓦块\G42.050.3Z-4\300MW</t>
  </si>
  <si>
    <t>【哈汽】不锈钢金属软管\DN10\G42.050.7Z-4\300MW</t>
  </si>
  <si>
    <t>【哈汽】不锈钢金属软管\DN10\G42.050.8Z-4\300MW</t>
  </si>
  <si>
    <t>【哈汽】轴承瓦块\G42.052.3Z-4\300MW</t>
  </si>
  <si>
    <t>【哈汽】轴承瓦块\G42.053.3Z-4\300MW</t>
  </si>
  <si>
    <t>【哈汽】轴承瓦块\G42.054.3Z-4\300MW</t>
  </si>
  <si>
    <t>【哈汽】轴承瓦块\G42.055.3Z-4\300MW</t>
  </si>
  <si>
    <t>【哈汽】垫片\φ1050/φ1120\G42.091.002-4\300MW</t>
  </si>
  <si>
    <t>【哈汽】双头螺柱\M30\G42.091.003-4\300MW</t>
  </si>
  <si>
    <t>【哈汽】垫片\φ1103/φ1140\G42.091.004-4\300MW</t>
  </si>
  <si>
    <t>【哈汽】销\G42.096.001-4\300MW</t>
  </si>
  <si>
    <t>【哈汽】密封键\G42.096.002-4\300MW</t>
  </si>
  <si>
    <t>【哈汽】汽封片\G42.096.003-4\300MW</t>
  </si>
  <si>
    <t>【哈汽】锁紧片\G42.096.004-4\300MW</t>
  </si>
  <si>
    <t>【哈汽】填片\G42.096.005-4\300MW</t>
  </si>
  <si>
    <t>【哈汽】汽封片\G42.096.006-4\300MW</t>
  </si>
  <si>
    <t>【哈汽】调整垫片\G42.100.1.001-4\300MW</t>
  </si>
  <si>
    <t>【哈汽】汽封弧段\G42.100.1.002-4\300MW</t>
  </si>
  <si>
    <t>【哈汽】止动垫片\G42.100.1.003-4\300MW</t>
  </si>
  <si>
    <t>【哈汽】支撑键\G42.100.1.004-4\300MW</t>
  </si>
  <si>
    <t>【哈汽】支撑键\G42.100.1.005-4\300MW</t>
  </si>
  <si>
    <t>【哈汽】塞块\G42.100.1.006-4\300MW</t>
  </si>
  <si>
    <t>【哈汽】调整垫片\G42.100.2.001-4\300MW</t>
  </si>
  <si>
    <t>【哈汽】垫片\G42.100.2.002-4\300MW</t>
  </si>
  <si>
    <t>【哈汽】支撑键\G42.100.2.003-4\300MW</t>
  </si>
  <si>
    <t>【哈汽】调整垫片\G42.100.2.004-4\300MW</t>
  </si>
  <si>
    <t>【哈汽】汽封圈\G42.100.3Z-4\300MW</t>
  </si>
  <si>
    <t>【哈汽】汽封圈\G42.100.4Z-4\300MW</t>
  </si>
  <si>
    <t>【哈汽】定位双头螺栓\M36\G42.145.006-4\300MW</t>
  </si>
  <si>
    <t>【哈汽】特制螺栓\G42.271.010-4\300MW</t>
  </si>
  <si>
    <t>【哈汽】特制螺帽\M42×3\G42.271.011-4\300MW</t>
  </si>
  <si>
    <t>【哈汽】垫圈\G42.271.012-4\300MW</t>
  </si>
  <si>
    <t>【哈汽】联轴器螺栓\G42.272.003-4\300MW</t>
  </si>
  <si>
    <t>【哈汽】叶轮重块\G42.273.004-4\300MW</t>
  </si>
  <si>
    <t>【哈汽】叶轮重块\G42.273.005-4\300MW</t>
  </si>
  <si>
    <t>【哈汽】特制螺栓\G42.273.007-4\300MW</t>
  </si>
  <si>
    <t>【哈汽】特制螺帽\G42.273.008-4\300MW</t>
  </si>
  <si>
    <t>【哈汽】垫圈\G42.273.009-4\300MW</t>
  </si>
  <si>
    <t>【哈汽】外密封圈\G61.011.002\300MW</t>
  </si>
  <si>
    <t>【哈汽】内密封圈\G61.011.003\300MW</t>
  </si>
  <si>
    <t>【哈汽】挡圈\G61.011.004\300MW</t>
  </si>
  <si>
    <t>【哈汽】销\φ16×42\G61.011.005\300MW</t>
  </si>
  <si>
    <t>【哈汽】齿形垫片\G61.011.006\300MW</t>
  </si>
  <si>
    <t>【哈汽】外密封圈\G61.011.013\300MW</t>
  </si>
  <si>
    <t>【哈汽】内密封圈\G61.011.014\300MW</t>
  </si>
  <si>
    <t>【哈汽】挡圈\G61.011.015\300MW</t>
  </si>
  <si>
    <t>【哈汽】双头螺柱\M76×4×345\G61.013.014\300MW</t>
  </si>
  <si>
    <t>【哈汽】罩螺母\M76×4\G61.013.015\300MW</t>
  </si>
  <si>
    <t>【哈汽】双头螺柱\M100×4×460\G61.013.016\300MW</t>
  </si>
  <si>
    <t>【哈汽】罩螺母\M100×4\G61.013.017\300MW</t>
  </si>
  <si>
    <t>【哈汽】锥销\φ40×480\G61.013.018\300MW</t>
  </si>
  <si>
    <t>【哈汽】垫圈\30\G61.013.019\300MW</t>
  </si>
  <si>
    <t>【哈汽】双头螺柱\M150×4×510\G61.013.021\300MW</t>
  </si>
  <si>
    <t>【哈汽】罩螺母\M150×4\G61.013.022\300MW</t>
  </si>
  <si>
    <t>【哈汽】双头螺柱\M150×4×560\G61.013.023\300MW</t>
  </si>
  <si>
    <t>【哈汽】锥销\φ40×530\G61.013.024\300MW</t>
  </si>
  <si>
    <t>【哈汽】双头螺柱\M170×4×580\G61.013.025\300MW</t>
  </si>
  <si>
    <t>【哈汽】罩螺母\M170×4\G61.013.026\300MW</t>
  </si>
  <si>
    <t>【哈汽】双头螺柱\M100×4×510\G61.013.027\300MW</t>
  </si>
  <si>
    <t>【哈汽】止动片\G61.013.028\300MW</t>
  </si>
  <si>
    <t>【哈汽】螺钉\M10×53\G61.013.029\300MW</t>
  </si>
  <si>
    <t>【哈汽】螺钉\M10×38\G61.013.030\300MW</t>
  </si>
  <si>
    <t>【哈汽】螺钉\M10×20\G61.013.031\300MW</t>
  </si>
  <si>
    <t>【哈汽】调整垫片\G61.013.032\300MW</t>
  </si>
  <si>
    <t>【哈汽】螺栓\M20×40\G61.013.033\300MW</t>
  </si>
  <si>
    <t>【哈汽】卡套\G61.013.036\300MW</t>
  </si>
  <si>
    <t>【哈汽】垫片\G61.013.038\300MW</t>
  </si>
  <si>
    <t>【哈汽】齿形垫片\G61.013.039\300MW</t>
  </si>
  <si>
    <t>【哈汽】调整垫片\G61.013.041\300MW</t>
  </si>
  <si>
    <t>【哈汽】螺钉\M8×16\G61.013.042\300MW</t>
  </si>
  <si>
    <t>【哈汽】特制双头螺栓\M39×3×140\G61.016.005\300MW</t>
  </si>
  <si>
    <t>【哈汽】罩螺母\M39×3\G61.016.006\300MW</t>
  </si>
  <si>
    <t>【哈汽】特制螺尾锥销\40×320\G61.016.007\300MW</t>
  </si>
  <si>
    <t>【哈汽】特制双头螺栓\M64×4×275\G61.016.008\300MW</t>
  </si>
  <si>
    <t>【哈汽】立键\G61.016.009\300MW</t>
  </si>
  <si>
    <t>【哈汽】螺钉\M6×16\G61.016.010\300MW</t>
  </si>
  <si>
    <t>【哈汽】垫片\G61.016.011\300MW</t>
  </si>
  <si>
    <t>【哈汽】调整垫片\G61.016.012\300MW</t>
  </si>
  <si>
    <t>【哈汽】圆柱销\12×95\G61.016.013\300MW</t>
  </si>
  <si>
    <t>【哈汽】悬挂销\φ50\G61.016.014\300MW</t>
  </si>
  <si>
    <t>【哈汽】双头螺柱\G61.019.001\300MW</t>
  </si>
  <si>
    <t>【哈汽】双头螺柱\G61.019.002\300MW</t>
  </si>
  <si>
    <t>【哈汽】双头螺柱\G61.019.003\300MW</t>
  </si>
  <si>
    <t>【哈汽】双头螺柱\G61.019.004\300MW</t>
  </si>
  <si>
    <t>【哈汽】双头螺柱\G61.019.005\300MW</t>
  </si>
  <si>
    <t>【哈汽】双头螺柱\G61.019.006\300MW</t>
  </si>
  <si>
    <t>【哈汽】双头螺柱\G61.019.007\300MW</t>
  </si>
  <si>
    <t>【哈汽】双头螺柱\G61.019.008\300MW</t>
  </si>
  <si>
    <t>【哈汽】双头螺柱\G61.019.009\300MW</t>
  </si>
  <si>
    <t>【哈汽】双头螺柱\G61.019.010\300MW</t>
  </si>
  <si>
    <t>【哈汽】双头螺柱\G61.019.011\300MW</t>
  </si>
  <si>
    <t>【哈汽】罩螺母\5"-8UN\G61.019.012\300MW</t>
  </si>
  <si>
    <t>【哈汽】罩螺母\6"-8UN\G61.019.013\300MW</t>
  </si>
  <si>
    <t>【哈汽】罩螺母\4"-8UN\G61.019.014\300MW</t>
  </si>
  <si>
    <t>【哈汽】罩螺母\5.5"-8UN\G61.019.015\300MW</t>
  </si>
  <si>
    <t>【哈汽】罩螺母\4.5"-8UN\G61.019.016\300MW</t>
  </si>
  <si>
    <t>【哈汽】罩螺母\M48\G61.020.085\300MW</t>
  </si>
  <si>
    <t>【哈汽】罩螺母\M36\G61.020.086\300MW</t>
  </si>
  <si>
    <t>【哈汽】双头螺柱\M68×4×188\G61.020.087\300MW</t>
  </si>
  <si>
    <t>【哈汽】罩螺母\M68×4\G61.020.088\300MW</t>
  </si>
  <si>
    <t>【哈汽】销\G61.020.091\300MW</t>
  </si>
  <si>
    <t>【哈汽】调整垫片\G61.020.092\300MW</t>
  </si>
  <si>
    <t>【哈汽】螺栓\M16\G61.020.093\300MW</t>
  </si>
  <si>
    <t>【哈汽】调整垫圈\G61.020.094\300MW</t>
  </si>
  <si>
    <t>【哈汽】汽封圈\G61.021.1Z\300MW</t>
  </si>
  <si>
    <t>【哈汽】汽封圈\G61.021.2Z\300MW</t>
  </si>
  <si>
    <t>【哈汽】汽封圈\G61.021.3Z\300MW</t>
  </si>
  <si>
    <t>【哈汽】汽封圈\G61.021.4Z\300MW</t>
  </si>
  <si>
    <t>【哈汽】推力瓦\G61.051.1.1Z\300MW</t>
  </si>
  <si>
    <t>【哈汽】推力瓦\G61.051.1.2Z\300MW</t>
  </si>
  <si>
    <t>【哈汽】调整垫片\G61.051.1.3Z\300MW</t>
  </si>
  <si>
    <t>【哈汽】调整垫片\G61.051.1.4Z\300MW</t>
  </si>
  <si>
    <t>【哈汽】双头螺柱\M30×95\G61.066.004\300MW</t>
  </si>
  <si>
    <t>【哈汽】罩螺母\M30\G61.066.005\300MW</t>
  </si>
  <si>
    <t>【哈汽】圆锥销\φ25×100\G61.066.006\300MW</t>
  </si>
  <si>
    <t>【哈汽】双头螺柱\M30×95\G61.066.007\300MW</t>
  </si>
  <si>
    <t>【哈汽】圆柱销\φ8×40\G61.066.008\300MW</t>
  </si>
  <si>
    <t>【哈汽】螺钉\M4×14\G61.066.010\300MW</t>
  </si>
  <si>
    <t>【哈汽】垫片\G61.066.011\300MW</t>
  </si>
  <si>
    <t>【哈汽】底键\G61.066.012\300MW</t>
  </si>
  <si>
    <t>【哈汽】内六角螺钉\M10×20\G61.066.013\300MW</t>
  </si>
  <si>
    <t>【哈汽】弹簧片\200\G61.066.014\300MW</t>
  </si>
  <si>
    <t>【哈汽】螺钉\M5×10\G61.066.015\300MW</t>
  </si>
  <si>
    <t>【哈汽】压板\G61.066.016\300MW</t>
  </si>
  <si>
    <t>【哈汽】螺钉\M8×16\G61.066.017\300MW</t>
  </si>
  <si>
    <t>【哈汽】压板\G61.066.018\300MW</t>
  </si>
  <si>
    <t>【哈汽】弹簧片\220\G61.066.019\300MW</t>
  </si>
  <si>
    <t>【哈汽】汽封圈\G61.066.2Z\300MW</t>
  </si>
  <si>
    <t>【哈汽】密封环\G61.066.3Z\300MW</t>
  </si>
  <si>
    <t>【哈汽】弹簧片\210\G61.067.010\300MW</t>
  </si>
  <si>
    <t>【哈汽】压板\G61.067.011\300MW</t>
  </si>
  <si>
    <t>【哈汽】螺钉\M8×18\G61.067.012\300MW</t>
  </si>
  <si>
    <t>【哈汽】调整垫片\G61.067.013\300MW</t>
  </si>
  <si>
    <t>【哈汽】调整垫片\G61.067.014\300MW</t>
  </si>
  <si>
    <t>【哈汽】调整垫片\G61.067.015\300MW</t>
  </si>
  <si>
    <t>【哈汽】调整垫片\G61.067.016\300MW</t>
  </si>
  <si>
    <t>【哈汽】压板\G61.067.017\300MW</t>
  </si>
  <si>
    <t>【哈汽】调整垫片\G61.067.018\300MW</t>
  </si>
  <si>
    <t>【哈汽】调整垫片\G61.067.019\300MW</t>
  </si>
  <si>
    <t>【哈汽】调整垫片\G61.067.020\300MW</t>
  </si>
  <si>
    <t>【哈汽】调整垫片\G61.067.021\300MW</t>
  </si>
  <si>
    <t>【哈汽】压板\G61.067.023\300MW</t>
  </si>
  <si>
    <t>【哈汽】压板\G61.067.024\300MW</t>
  </si>
  <si>
    <t>【哈汽】压板\G61.067.025\300MW</t>
  </si>
  <si>
    <t>【哈汽】压板\G61.067.026\300MW</t>
  </si>
  <si>
    <t>【哈汽】弹簧片\220\G61.067.027\300MW</t>
  </si>
  <si>
    <t>【哈汽】弹簧片\220\G61.067.028\300MW</t>
  </si>
  <si>
    <t>【哈汽】方压板\G61.067.034\300MW</t>
  </si>
  <si>
    <t>【哈汽】压板\G61.067.036\300MW</t>
  </si>
  <si>
    <t>【哈汽】汽封圈\G61.067.4Z\300MW</t>
  </si>
  <si>
    <t>【哈汽】汽封圈\G61.067.5Z\300MW</t>
  </si>
  <si>
    <t>【哈汽】汽封圈\G61.067.6Z\300MW</t>
  </si>
  <si>
    <t>【哈汽】汽封圈\G61.067.7Z\300MW</t>
  </si>
  <si>
    <t>【哈汽】汽封圈\G61.067.8Z\300MW</t>
  </si>
  <si>
    <t>【哈汽】压板\G61.068.014\300MW</t>
  </si>
  <si>
    <t>【哈汽】汽封圈\G61.068.5Z\300MW</t>
  </si>
  <si>
    <t>【哈汽】汽封圈\G61.068.6Z\300MW</t>
  </si>
  <si>
    <t>【哈汽】弹簧片\240\G61.070.017\300MW</t>
  </si>
  <si>
    <t>【哈汽】罩螺母\M24\G61.070.018\300MW</t>
  </si>
  <si>
    <t>【哈汽】压板\G61.070.019\300MW</t>
  </si>
  <si>
    <t>【哈汽】汽封圈\G61.070.6Z\300MW</t>
  </si>
  <si>
    <t>【哈汽】汽封圈\G61.070.7Z\300MW</t>
  </si>
  <si>
    <t>【哈汽】汽封片\G61.096.007\300MW</t>
  </si>
  <si>
    <t>【哈汽】锁紧片\G61.096.008\300MW</t>
  </si>
  <si>
    <t>【哈汽】填片\G61.096.009\300MW</t>
  </si>
  <si>
    <t>【哈汽】汽封片\G61.096.010\300MW</t>
  </si>
  <si>
    <t>【哈汽】锁紧片\G61.096.011\300MW</t>
  </si>
  <si>
    <t>【哈汽】填片\G61.096.012\300MW</t>
  </si>
  <si>
    <t>【哈汽】汽封片\G61.096.013\300MW</t>
  </si>
  <si>
    <t>【哈汽】锁紧片\G61.096.014\300MW</t>
  </si>
  <si>
    <t>【哈汽】填片\G61.096.015\300MW</t>
  </si>
  <si>
    <t>【哈汽】汽封片\G61.096.016\300MW</t>
  </si>
  <si>
    <t>【哈汽】弹簧片\G61.100.001\300MW</t>
  </si>
  <si>
    <t>【哈汽】垫片\60\G61.100.002\300MW</t>
  </si>
  <si>
    <t>【哈汽】销\85\G61.100.003\300MW</t>
  </si>
  <si>
    <t>【哈汽】弹簧片\G61.100.004\300MW</t>
  </si>
  <si>
    <t>【哈汽】压板\60\G61.100.005\300MW</t>
  </si>
  <si>
    <t>【哈汽】汽封圈\G61.100.1Z\300MW</t>
  </si>
  <si>
    <t>【哈汽】汽封圈\G61.100.2Z\300MW</t>
  </si>
  <si>
    <t>【哈汽】汽封圈\G61.100.3Z\300MW</t>
  </si>
  <si>
    <t>【哈汽】调整垫片\G61.101.001\300MW</t>
  </si>
  <si>
    <t>【哈汽】垫片\G61.101.002\300MW</t>
  </si>
  <si>
    <t>【哈汽】键\G61.101.003\300MW</t>
  </si>
  <si>
    <t>【哈汽】键\G61.101.004\300MW</t>
  </si>
  <si>
    <t>【哈汽】调整垫片\G61.101.005\300MW</t>
  </si>
  <si>
    <t>【哈汽】汽封圈\G61.101.1Z\300MW</t>
  </si>
  <si>
    <t>【哈汽】汽封圈\G61.101.2Z\300MW</t>
  </si>
  <si>
    <t>【哈汽】汽封圈\G61.101.3Z\300MW</t>
  </si>
  <si>
    <t>【哈汽】汽封片\G61.102.007\300MW</t>
  </si>
  <si>
    <t>【哈汽】汽封片\G61.103.006\300MW</t>
  </si>
  <si>
    <t>【哈汽】汽封片\G61.104.006\300MW</t>
  </si>
  <si>
    <t>【哈汽】汽封片\G61.109.008\300MW</t>
  </si>
  <si>
    <t>【哈汽】汽封片\G61.110.008\300MW</t>
  </si>
  <si>
    <t>【哈汽】汽封片\G61.111.006\300MW</t>
  </si>
  <si>
    <t>【哈汽】汽封片\G61.112.007\300MW</t>
  </si>
  <si>
    <t>【哈汽】汽封片\G61.113.008\300MW</t>
  </si>
  <si>
    <t>【哈汽】汽封片\G61.114.007\300MW</t>
  </si>
  <si>
    <t>【哈汽】汽封片\G61.115.007\300MW</t>
  </si>
  <si>
    <t>【哈汽】平衡重块\G61.271.003\300MW</t>
  </si>
  <si>
    <t>【哈汽】转子重块\G61.271.004\300MW</t>
  </si>
  <si>
    <t>【哈汽】转子重块\G61.271.005\300MW</t>
  </si>
  <si>
    <t>【哈汽】调整垫片\δ＝0.4\H01.053.008\300MW</t>
  </si>
  <si>
    <t>【哈汽】调整垫片\δ=0.8\H01.053.009\300MW</t>
  </si>
  <si>
    <t>【哈汽】调整垫片\δ=0.08\H01.053.010\300MW</t>
  </si>
  <si>
    <t>【哈汽】调整垫片\δ＝0.4\H01.053.012\300MW</t>
  </si>
  <si>
    <t>【哈汽】调整垫片\δ=0.8\H01.053.013\300MW</t>
  </si>
  <si>
    <t>【哈汽】螺栓\H01.053.034\300MW</t>
  </si>
  <si>
    <t>【哈汽】垫片\H01.053.035\600MW</t>
  </si>
  <si>
    <t>【哈汽】护环\H01.053.042\600MW</t>
  </si>
  <si>
    <t>【哈汽】接管\H01.053.044\600MW</t>
  </si>
  <si>
    <t>【哈汽】垫片\K01B.032.013-3\600MW</t>
  </si>
  <si>
    <t>【哈汽】偏心定位销\K02.029.033\300MW</t>
  </si>
  <si>
    <t>【哈汽】对中销\K02.029.034\300MW</t>
  </si>
  <si>
    <t>【哈汽】偏心销\K02.029.035\300MW</t>
  </si>
  <si>
    <t>【哈汽】偏心套\K02.029.036\300MW</t>
  </si>
  <si>
    <t>【哈汽】槽形板\K02.033.002\300MW</t>
  </si>
  <si>
    <t>【哈汽】连通管垫片\K02.091.002\300MW</t>
  </si>
  <si>
    <t>【哈汽】连通管垫片\K02.091.003\300MW</t>
  </si>
  <si>
    <t>【哈汽】连通管垫片\K02.091.004\300MW</t>
  </si>
  <si>
    <t>【哈汽】双头螺栓\M64×3×565\73B.081.014\300MW</t>
  </si>
  <si>
    <t>【哈汽】罩螺母\M64×3\73B.081.015\300MW</t>
  </si>
  <si>
    <t>【哈汽】止动销\CH01.013.008\600MW</t>
  </si>
  <si>
    <t>【哈汽】六角螺钉\CH01.096.023-2\600MW</t>
  </si>
  <si>
    <t>【哈汽】止动螺钉\CH01.137.007-2\600MW</t>
  </si>
  <si>
    <t>【哈汽】专用螺栓\H01.033.019\600MW</t>
  </si>
  <si>
    <t>【哈汽】垫圈\H01.033.020\600MW</t>
  </si>
  <si>
    <t>【哈汽】碰焊螺母\CCH01A.033.038\600MW</t>
  </si>
  <si>
    <t>【哈汽】碰焊螺母\CCH01A.033.039\600MW</t>
  </si>
  <si>
    <t>【哈汽】碰焊螺母\CCH01A.033.040\600MW</t>
  </si>
  <si>
    <t>【哈汽】碰焊螺母\2Cr12NiMo1W1V-Ⅳ\CCH01A.033.041\600MW</t>
  </si>
  <si>
    <t>【哈汽】内六角螺栓\CH01A.301.161\600MW</t>
  </si>
  <si>
    <t>【哈汽】密封脂\MFZ-4\600MW</t>
  </si>
  <si>
    <t>【哈汽】内六角螺栓\CH01.096.011-2\600MW</t>
  </si>
  <si>
    <t>【哈汽】定位双头螺柱\73.067.006\300MW</t>
  </si>
  <si>
    <t>【哈汽】双头螺栓\73.067.007\300MW</t>
  </si>
  <si>
    <t>【哈汽】双头螺柱\150.083.013\M30×150</t>
  </si>
  <si>
    <t>【哈汽】双头螺柱\G18.011.029\M30×100</t>
  </si>
  <si>
    <t>【哈汽】垫片\15CrMoA\G18.011.020</t>
  </si>
  <si>
    <t>【哈汽】垫片\15CrMoA\G18.011.022</t>
  </si>
  <si>
    <t>【哈汽】垫片\15CrMoA\G18.011.023</t>
  </si>
  <si>
    <t>【哈汽】垫片\15CrMoA\G18.011.024</t>
  </si>
  <si>
    <t>【哈汽】垫片\00.102.037\M40</t>
  </si>
  <si>
    <t>【哈汽】垫片\00.102.040\M55</t>
  </si>
  <si>
    <t>【哈汽】垫片\00.102.041\M60</t>
  </si>
  <si>
    <t>【哈汽】止动垫片\15CrMoA\138.100.010</t>
  </si>
  <si>
    <t>【哈汽】止动垫片\139.067.008</t>
  </si>
  <si>
    <t>【哈汽】止动垫片\139.100.001</t>
  </si>
  <si>
    <t>【哈汽】汽封圈\K04.089.2Z</t>
  </si>
  <si>
    <t>【哈汽】螺钉\74.144.004\M4×12mm</t>
  </si>
  <si>
    <t>【哈汽】螺钉\74.144.005\M6×12mm</t>
  </si>
  <si>
    <t>【哈汽】止动垫片\00.102.022</t>
  </si>
  <si>
    <t>【哈汽】止退垫圈\00.066.003</t>
  </si>
  <si>
    <t>【哈汽】止动片\00.100.015</t>
  </si>
  <si>
    <t>【哈汽】垫片\G18.010.007</t>
  </si>
  <si>
    <t>【哈汽】外齿轴套\70.405.304</t>
  </si>
  <si>
    <t>【哈汽】轴瓦\69.401.2Z</t>
  </si>
  <si>
    <t>【哈汽】套筒\70.405.305</t>
  </si>
  <si>
    <t>【哈汽】套筒\70.405.303</t>
  </si>
  <si>
    <t>【哈汽】轴瓦\70.401.22Z</t>
  </si>
  <si>
    <t>【哈汽】汽封圈\K04.089.1Z</t>
  </si>
  <si>
    <t>【哈汽】特制双头螺柱\150.091.010</t>
  </si>
  <si>
    <t>【哈汽】特制螺钉\150.010.012</t>
  </si>
  <si>
    <t>【哈汽】轴套\70.405.302</t>
  </si>
  <si>
    <t>【哈汽】罩螺母\G61.016.014-1</t>
  </si>
  <si>
    <t>【哈汽】罩螺母\G61.016.004-1</t>
  </si>
  <si>
    <t>【哈汽】罩螺母\G61.013.002-1</t>
  </si>
  <si>
    <t>【哈汽】罩螺母\G61.013.016-1</t>
  </si>
  <si>
    <t>【哈汽】罩螺母\G61.013.015-1</t>
  </si>
  <si>
    <t>【哈汽】双头螺柱\G61.016.003-1</t>
  </si>
  <si>
    <t>【哈汽】双头螺柱\G61.013.004-1</t>
  </si>
  <si>
    <t>【哈汽】双头螺柱\G61.013.003-1</t>
  </si>
  <si>
    <t>【哈汽】双头螺柱\G61.013.005-1</t>
  </si>
  <si>
    <t>【哈汽】双头螺柱\G61.013.006-1</t>
  </si>
  <si>
    <t>【哈汽】双头螺柱\G61.016.001-1</t>
  </si>
  <si>
    <t>【哈汽】双头螺柱\G61.013.001-1</t>
  </si>
  <si>
    <t>【哈汽】弹簧片\G61.013.2.002-3</t>
  </si>
  <si>
    <t>【哈汽】弹簧片\G61.044.003-1</t>
  </si>
  <si>
    <t>【哈汽】弹簧片\G61.070.001-1</t>
  </si>
  <si>
    <t>【哈汽】弹簧片\G61.070.012-1</t>
  </si>
  <si>
    <t>【哈汽】弹簧片\G61.068.007-1</t>
  </si>
  <si>
    <t>【哈汽】弹簧片\G61.067.003-1</t>
  </si>
  <si>
    <t>【哈汽】弹簧片\G61.067.002-1</t>
  </si>
  <si>
    <t>【哈汽】弹簧片\73A.038.060</t>
  </si>
  <si>
    <t>【哈汽】汽封圈\73B.039.5Z</t>
  </si>
  <si>
    <t>【哈汽】汽封圈\73B.039.4Z</t>
  </si>
  <si>
    <t>【哈汽】汽封圈\73B.039.3Z</t>
  </si>
  <si>
    <t>【哈汽】汽封圈\73B.039.2Z</t>
  </si>
  <si>
    <t>【哈汽】汽封圈\73B.038.11Z</t>
  </si>
  <si>
    <t>【哈汽】汽封圈\73B.038.10Z</t>
  </si>
  <si>
    <t>【哈汽】汽封圈\73B.038.9Z</t>
  </si>
  <si>
    <t>【哈汽】汽封圈\73B.038.8Z</t>
  </si>
  <si>
    <t>【哈汽】汽封圈\73B.038.7Z</t>
  </si>
  <si>
    <t>【哈汽】汽封圈\73B.037.13Z</t>
  </si>
  <si>
    <t>【哈汽】汽封圈\73B.037.12Z</t>
  </si>
  <si>
    <t>【哈汽】汽封圈\73B.037.11Z</t>
  </si>
  <si>
    <t>【哈汽】汽封圈\73B.037.10Z</t>
  </si>
  <si>
    <t>【哈汽】汽封圈\73B.037.9Z</t>
  </si>
  <si>
    <t>【哈汽】汽封圈\73B.037.8Z</t>
  </si>
  <si>
    <t>【哈汽】汽封圈\73B.037.7Z</t>
  </si>
  <si>
    <t>【哈汽】汽封圈\73B.037.6Z</t>
  </si>
  <si>
    <t>【哈汽】汽封圈\73B.037.5Z</t>
  </si>
  <si>
    <t>【哈汽】汽封圈\73B.037.4Z</t>
  </si>
  <si>
    <t>【哈汽】汽封圈\73B.037.3Z</t>
  </si>
  <si>
    <t>【哈汽】汽封圈\73B.037.2Z</t>
  </si>
  <si>
    <t>【哈汽】汽封圈\G61.071.3Z-3</t>
  </si>
  <si>
    <t>【哈汽】汽封圈\73D.071.6Z</t>
  </si>
  <si>
    <t>【哈汽】汽封圈\G61.069.3Z-3</t>
  </si>
  <si>
    <t>【哈汽】汽封圈\G61.069.2Z-3</t>
  </si>
  <si>
    <t>【哈汽】定位双头螺柱\G61.038.1.001-3</t>
  </si>
  <si>
    <t>【哈汽】双头螺柱\G61.038.1.002-3</t>
  </si>
  <si>
    <t>【哈汽】罩螺母\00.011.090</t>
  </si>
  <si>
    <t>【哈汽】双头螺柱\G61.038.1.003-3</t>
  </si>
  <si>
    <t>【哈汽】定位双头螺柱\G61.019.2.003-3</t>
  </si>
  <si>
    <t>【哈汽】定位双头螺柱\G61.019.2.001-3</t>
  </si>
  <si>
    <t>【哈汽】双头螺柱\G61.019.1.006-3</t>
  </si>
  <si>
    <t>【哈汽】双头螺柱\G61.019.1.005-3</t>
  </si>
  <si>
    <t>【哈汽】双头螺柱\G61.019.1.004-3</t>
  </si>
  <si>
    <t>【哈汽】定位双头螺柱\G61.019.1.003-3</t>
  </si>
  <si>
    <t>【哈汽】定位双头螺柱\G61.019.1.002-3</t>
  </si>
  <si>
    <t>【哈汽】双头螺栓\CH01A.038.008</t>
  </si>
  <si>
    <t>【哈汽】双头螺栓\G61.019.1.001-3</t>
  </si>
  <si>
    <t>【哈汽】双头螺栓\25CrMo\00.011.370\M48×250</t>
  </si>
  <si>
    <t>【哈汽】罩螺母\35CrMo\00.011.029\M48×3</t>
  </si>
  <si>
    <t>【哈汽】平衡块\1Cr12Mo\158.271.001\25×25×13</t>
  </si>
  <si>
    <t>【哈汽】密封垫\G61.091.013-3</t>
  </si>
  <si>
    <t>【哈汽】密封垫\G61.091.008-3</t>
  </si>
  <si>
    <t>【哈汽】螺母\G61.091.016-3\M52</t>
  </si>
  <si>
    <t>【哈汽】螺栓\QB2-8\G61.091.015-3\M52×3×170</t>
  </si>
  <si>
    <t>【哈汽】螺栓\G61.038.1.006-3\M52×3×170</t>
  </si>
  <si>
    <t>【哈汽】弹簧片\73B.037.015</t>
  </si>
  <si>
    <t>【哈汽】螺栓\G61.019.2.002-3\M130×815</t>
  </si>
  <si>
    <t>【哈汽】轴封套\73A.065Z</t>
  </si>
  <si>
    <t>【哈汽】盘车摆轮\34CrNi3Mo\G61.178.1Z-3</t>
  </si>
  <si>
    <t>【哈汽】盘车大齿轮\30Cr2Ni4MoV\G61.273.002-3</t>
  </si>
  <si>
    <t>【哈汽】套管密封环\G61.012.1.002-3</t>
  </si>
  <si>
    <t>【哈汽】滤网\1Cr18Ni9Ti\73.501.024</t>
  </si>
  <si>
    <t>【哈汽】油封弧片\73.077.055</t>
  </si>
  <si>
    <t>【哈电发电机】励侧密封座装配工具\04B1542\QFSN-600-2</t>
  </si>
  <si>
    <t>哈电发电机</t>
  </si>
  <si>
    <t>WZSCCG-2020-BJ-015</t>
  </si>
  <si>
    <t>2020年度集团级哈电发电机备件商城铺货长协采购框架协议</t>
  </si>
  <si>
    <t>【哈电发电机】汽侧密封座装配工具\04B1543\QFSN-600-2</t>
  </si>
  <si>
    <t>【哈电发电机】冷却器拆装工具\04B1613\QFSN-600-2</t>
  </si>
  <si>
    <t>【哈电发电机】注胶枪\05C2420\QFSN-600-2</t>
  </si>
  <si>
    <t>【哈电发电机】螺栓加热器\05C2404\QFSN-600-2</t>
  </si>
  <si>
    <t>【哈电发电机】冷却器\01J5609\QFSN-600-2</t>
  </si>
  <si>
    <t>【哈电发电机】密封垫\05C1929\QFSN-600-2</t>
  </si>
  <si>
    <t>【哈电发电机】密封垫\05C1933\QFSN-600-2</t>
  </si>
  <si>
    <t>【哈电发电机】密封垫\05C1934\QFSN-600-2</t>
  </si>
  <si>
    <t>【哈电发电机】密封垫\05C1935\QFSN-600-2</t>
  </si>
  <si>
    <t>【哈电发电机】挡风垫\05C1932\QFSN-600-2</t>
  </si>
  <si>
    <t>【哈电发电机】绝缘螺杆\07D4460\QFSN-600-2</t>
  </si>
  <si>
    <t>【哈电发电机】绝缘螺母\07D4456\QFSN-600-2</t>
  </si>
  <si>
    <t>【哈电发电机】绝缘垫圈\07D4424\QFSN-600-2</t>
  </si>
  <si>
    <t>【哈电发电机】绝缘销\07D4459\QFSN-600-2</t>
  </si>
  <si>
    <t>【哈电发电机】密封垫\07D4252\QFSN-600-2</t>
  </si>
  <si>
    <t>【哈电发电机】密封垫\07D4253\QFSN-600-2</t>
  </si>
  <si>
    <t>【哈电发电机】垫片\06D4034\QFSN-600-2</t>
  </si>
  <si>
    <t>【哈电发电机】密封垫\06D3739\QFSN-600-2</t>
  </si>
  <si>
    <t>【哈电发电机】密封垫\06D4031\QFSN-600-2</t>
  </si>
  <si>
    <t>【哈电发电机】密封垫\06D4540\QFSN-600-2</t>
  </si>
  <si>
    <t>【哈电发电机】密封垫\04C9442\QFSN-600-2</t>
  </si>
  <si>
    <t>【哈电发电机】密封圈\06D3986\QFSN-600-2</t>
  </si>
  <si>
    <t>【哈电发电机】挡油板\04C9370\QFSN-600-2</t>
  </si>
  <si>
    <t>【哈电发电机】轴瓦挡油盖装配\02A3096\QFSN-600-2</t>
  </si>
  <si>
    <t>【哈电发电机】蝶形弹性垫圈\06D3862\QFSN-600-2</t>
  </si>
  <si>
    <t>【哈电发电机】垫圈\06D3863\QFSN-600-2</t>
  </si>
  <si>
    <t>【哈电发电机】轴承顶块装配\04C9381\QFSN-600-2</t>
  </si>
  <si>
    <t>【哈电发电机】绝缘销\06D3844\QFSN-600-2</t>
  </si>
  <si>
    <t>【哈电发电机】汽侧密封垫\04C9382\QFSN-600-2</t>
  </si>
  <si>
    <t>【哈电发电机】轴承顶块装配\04C9368\QFSN-600-2</t>
  </si>
  <si>
    <t>【哈电发电机】绝缘垫\06D3866\QFSN-600-2</t>
  </si>
  <si>
    <t>【哈电发电机】绝缘垫\06D3946\QFSN-600-2</t>
  </si>
  <si>
    <t>【哈电发电机】绝缘管\06D3888\QFSN-600-2</t>
  </si>
  <si>
    <t>【哈电发电机】绝缘管\06D3887\QFSN-600-2</t>
  </si>
  <si>
    <t>【哈电发电机】绝缘管\06D3949\QFSN-600-2</t>
  </si>
  <si>
    <t>【哈电发电机】密封垫\06D3889\QFSN-600-2</t>
  </si>
  <si>
    <t>【哈电发电机】密封垫\06D3890\QFSN-600-2</t>
  </si>
  <si>
    <t>【哈电发电机】挡油盖密封垫\06D3868\QFSN-600-2</t>
  </si>
  <si>
    <t>【哈电发电机】导风环\03A2377\QFSN-300-2</t>
  </si>
  <si>
    <t>【哈电发电机】密封瓦(双流双环)\02A3306\QFSN-300-2</t>
  </si>
  <si>
    <t>【哈电发电机】密封瓦(双流双环)\02A3307\QFSN-300-2</t>
  </si>
  <si>
    <t>【哈电发电机】内端盖\02A4684\QFSN-300-2</t>
  </si>
  <si>
    <t>【哈电发电机】发电机氢气冷却器\02A2617\QFSN-300-2</t>
  </si>
  <si>
    <t>【哈电发电机】护环\03B6674\QFSN-300-2</t>
  </si>
  <si>
    <t>【哈电发电机】集电环绝缘套筒\QFSN-300-2</t>
  </si>
  <si>
    <t>【哈电发电机】汽端轴瓦\02A2373\QFSN-300-2</t>
  </si>
  <si>
    <t>【哈电发电机】励端轴瓦\02A2374\QFSN-300-2</t>
  </si>
  <si>
    <t>【哈电发电机】密封垫\07D0863\QFSN-300-2</t>
  </si>
  <si>
    <t>【哈电发电机】半导体玻璃布板\0.2*32*900\QFSN-300-2</t>
  </si>
  <si>
    <t>【哈电发电机】半导体玻璃布板\0.5*32*900\QFSN-300-2</t>
  </si>
  <si>
    <t>【哈电发电机】半导体玻璃布板\1*32*900\QFSN-300-2</t>
  </si>
  <si>
    <t>【哈电发电机】半导体玻璃布板\2*32*900\QFSN-300-2</t>
  </si>
  <si>
    <t>【哈电发电机】半导体玻璃布板\0.2*65*900\QFSN-300-2</t>
  </si>
  <si>
    <t>【哈电发电机】半导体玻璃布板\0.3*65*900\QFSN-300-2</t>
  </si>
  <si>
    <t>【哈电发电机】半导体玻璃布板\0.5*65*900\QFSN-300-2</t>
  </si>
  <si>
    <t>【哈电发电机】单耳止动垫圈\GB/T854—1988\QFSN-300-2</t>
  </si>
  <si>
    <t>【哈电发电机】密封瓦\02A4616\QFSN-600-2</t>
  </si>
  <si>
    <t>【哈电发电机】轴承油封环装配\05C1865\QFSN-600-2</t>
  </si>
  <si>
    <t>【哈电发电机】挡油盖密封垫\07D4148\QFSN-600-2</t>
  </si>
  <si>
    <t>【哈电发电机】绝缘套管\07D4149\QFSN-600-2</t>
  </si>
  <si>
    <t>【哈电发电机】绝缘垫\07D4145\QFSN-600-2</t>
  </si>
  <si>
    <t>【哈电发电机】垫圈\07D4151\QFSN-600-2</t>
  </si>
  <si>
    <t>【哈电发电机】碟形弹性垫圈\07D4155\QFSN-600-2</t>
  </si>
  <si>
    <t>【哈电发电机】端盖人孔密封垫\07D4154\QFSN-600-2</t>
  </si>
  <si>
    <t>【哈电发电机】人孔密封垫\05C1866\QFSN-600-2</t>
  </si>
  <si>
    <t>【哈电发电机】中间环密封垫\03B7748\QFSN-600-2</t>
  </si>
  <si>
    <t>【哈电发电机】中间环密封垫\03B7747\QFSN-600-2</t>
  </si>
  <si>
    <t>【哈电发电机】密封瓦\02A4615\QFSN-600-2</t>
  </si>
  <si>
    <t>【哈电发电机】挡油盖密封垫\05C2279\QFSN-600-2</t>
  </si>
  <si>
    <t>【哈电发电机】绝缘垫\07D4144\QFSN-600-2</t>
  </si>
  <si>
    <t>【哈电发电机】垫圈\07D4146\QFSN-600-2</t>
  </si>
  <si>
    <t>【哈电发电机】油封条\07D4790\QFSN-600-2</t>
  </si>
  <si>
    <t>【哈电发电机】油封条\07D4789\QFSN-600-2</t>
  </si>
  <si>
    <t>【哈电发电机】轴瓦挡油盖装配\02A4520\QFSN-600-2</t>
  </si>
  <si>
    <t>【哈电发电机】人孔密封垫\05C2275\QFSN-600-2</t>
  </si>
  <si>
    <t>【哈电发电机】密封垫\03B8100\QFSN-600-2</t>
  </si>
  <si>
    <t>【哈电发电机】盖板\07C0433\QFSN-600-2</t>
  </si>
  <si>
    <t>【哈电发电机】轴承加工装配\01J3659\QFSN-600-2</t>
  </si>
  <si>
    <t>【哈电发电机】轴瓦\02A7145\QFSN-600-2</t>
  </si>
  <si>
    <t>【哈电发电机】风叶\02B9008\QFSN-300-2</t>
  </si>
  <si>
    <t>【哈电发电机】风叶\02B9007\QFSN-300-2</t>
  </si>
  <si>
    <t>【哈电发电机】外舌止动垫圈\8EA.951.738\QFSN-600-2</t>
  </si>
  <si>
    <t>【哈电发电机】平衡块\8EA.290.060\QFSN-600-2</t>
  </si>
  <si>
    <t>【哈电发电机】平衡块\8EA.290.023\QFSN-600-2</t>
  </si>
  <si>
    <t>【哈电发电机】平衡块\09D4196\QFSN-600-2</t>
  </si>
  <si>
    <t>【哈电发电机】平衡块\09D4197\QFSN-600-2</t>
  </si>
  <si>
    <t>【哈电发电机】导电螺钉\04C9443\QFSN-600-2</t>
  </si>
  <si>
    <t>【哈电发电机】导电螺钉密封垫圈\06D4093\QFSN-600-2</t>
  </si>
  <si>
    <t>【哈电发电机】圆螺母\06D4087\QFSN-600-2</t>
  </si>
  <si>
    <t>【哈电发电机】圆螺母\06D4089\QFSN-600-2</t>
  </si>
  <si>
    <t>【哈电发电机】绝缘垫圈\08D8622\QFSN-600-2</t>
  </si>
  <si>
    <t>【哈电发电机】集电环\02A7141\QFSN-600-2</t>
  </si>
  <si>
    <t>【哈电发电机】集电环\02A7142\QFSN-600-2</t>
  </si>
  <si>
    <t>【哈电发电机】风扇装配\04B2119\QFSN-600-2</t>
  </si>
  <si>
    <t>【哈电发电机】引线螺钉\05C9950\QFSN-600-2</t>
  </si>
  <si>
    <t>【哈电发电机】绝缘套筒\08D8606\QFSN-600-2</t>
  </si>
  <si>
    <t>【哈电发电机】叉腿琐片\WH-8EA.951.005\QFSN-300-2</t>
  </si>
  <si>
    <t>【哈电发电机】插板\08D0115\QFSN-300-2</t>
  </si>
  <si>
    <t>【哈电发电机】衬垫\03B3921\QFSN-300-2</t>
  </si>
  <si>
    <t>【哈电发电机】衬垫\04C3411\QFSN-300-2</t>
  </si>
  <si>
    <t>【哈电发电机】衬垫\05D8816\QFSN-300-2</t>
  </si>
  <si>
    <t>【哈电发电机】衬垫\05D8831\QFSN-300-2</t>
  </si>
  <si>
    <t>【哈电发电机】衬垫\05D8832\QFSN-300-2</t>
  </si>
  <si>
    <t>【哈电发电机】衬垫\05D8835\QFSN-300-2</t>
  </si>
  <si>
    <t>【哈电发电机】衬垫\05D8836\QFSN-300-2</t>
  </si>
  <si>
    <t>【哈电发电机】衬垫\05D8837\QFSN-300-2</t>
  </si>
  <si>
    <t>【哈电发电机】单耳止动垫圈\8EA.951.747\QFSN-300-2</t>
  </si>
  <si>
    <t>【哈电发电机】单耳止动垫圈\8EA.951.748\QFSN-300-2</t>
  </si>
  <si>
    <t>【哈电发电机】垫\06D0466\QFSN-300-2</t>
  </si>
  <si>
    <t>【哈电发电机】垫\07D0162\QFSN-300-2</t>
  </si>
  <si>
    <t>【哈电发电机】垫\07D0164\QFSN-300-2</t>
  </si>
  <si>
    <t>【哈电发电机】垫\07D0165\QFSN-300-2</t>
  </si>
  <si>
    <t>【哈电发电机】垫\07D0184\QFSN-300-2</t>
  </si>
  <si>
    <t>【哈电发电机】垫\07D0185\QFSN-300-2</t>
  </si>
  <si>
    <t>【哈电发电机】垫圈\05D7112\QFSN-300-2</t>
  </si>
  <si>
    <t>【哈电发电机】垫圈\05D7946\QFSN-300-2</t>
  </si>
  <si>
    <t>【哈电发电机】垫圈\05D8721\QFSN-300-2</t>
  </si>
  <si>
    <t>【哈电发电机】垫圈\05D8819\QFSN-300-2</t>
  </si>
  <si>
    <t>【哈电发电机】垫圈\08D6663\QFSN-300-2</t>
  </si>
  <si>
    <t>【哈电发电机】垫圈\8EA.950.009\QFSN-300-2</t>
  </si>
  <si>
    <t>【哈电发电机】垫圈\8EA.950.056\QFSN-300-2</t>
  </si>
  <si>
    <t>【哈电发电机】垫圈\8EA.950.058\QFSN-300-2</t>
  </si>
  <si>
    <t>【哈电发电机】垫圈\8EA.950.059\QFSN-300-2</t>
  </si>
  <si>
    <t>【哈电发电机】调节压板\05D8714\QFSN-300-2</t>
  </si>
  <si>
    <t>【哈电发电机】碟形弹簧垫圈\WH-01D1642\QFSN-300-2</t>
  </si>
  <si>
    <t>【哈电发电机】碟形弹簧垫圈\WH-01D1643\QFSN-300-2</t>
  </si>
  <si>
    <t>【哈电发电机】碟形弹簧垫圈\WH-01D1644\QFSN-300-2</t>
  </si>
  <si>
    <t>【哈电发电机】碟形垫圈\08D0118\QFSN-300-2</t>
  </si>
  <si>
    <t>【哈电发电机】定位螺钉\06D0268\QFSN-300-2</t>
  </si>
  <si>
    <t>【哈电发电机】槽楔\06D9956\QFSN-300-2</t>
  </si>
  <si>
    <t>【哈电发电机】槽楔\06D9957\QFSN-300-2</t>
  </si>
  <si>
    <t>【哈电发电机】端头槽楔\06D9954\QFSN-300-2</t>
  </si>
  <si>
    <t>【哈电发电机】波纹板\04C5843\QFSN-300-2</t>
  </si>
  <si>
    <t>【哈电发电机】波纹板\04C5844\QFSN-300-2</t>
  </si>
  <si>
    <t>【哈电发电机】波纹板\04C5847\QFSN-300-2</t>
  </si>
  <si>
    <t>【哈电发电机】方头丝堵\8EA.459.01H-87\QFSN-300-2</t>
  </si>
  <si>
    <t>【哈电发电机】防松螺母\WH-01D0478\QFSN-300-2</t>
  </si>
  <si>
    <t>【哈电发电机】风区挡板\06D9509\QFSN-300-2</t>
  </si>
  <si>
    <t>【哈电发电机】风区挡板\06D9510\QFSN-300-2</t>
  </si>
  <si>
    <t>【哈电发电机】风区挡板装配\04C7615\QFSN-300-2</t>
  </si>
  <si>
    <t>【哈电发电机】风区挡板装配\04C7616\QFSN-300-2</t>
  </si>
  <si>
    <t>【哈电发电机】风区隔板\04C3171\QFSN-300-2</t>
  </si>
  <si>
    <t>【哈电发电机】风区隔板\04C3172\QFSN-300-2</t>
  </si>
  <si>
    <t>【哈电发电机】风区隔板装配\02A3828\QFSN-300-2</t>
  </si>
  <si>
    <t>【哈电发电机】隔板\04C7836\QFSN-300-2</t>
  </si>
  <si>
    <t>【哈电发电机】槽楔\07D1492\QFSN-300-2</t>
  </si>
  <si>
    <t>【哈电发电机】固定螺丝\07D1493\QFSN-300-2</t>
  </si>
  <si>
    <t>【哈电发电机】硅青铜六角螺栓\05D9504\QFSN-300-2</t>
  </si>
  <si>
    <t>【哈电发电机】硅青铜螺栓\05D9510\QFSN-300-2</t>
  </si>
  <si>
    <t>【哈电发电机】恒压弹簧\08D4855\QFSN-300-2</t>
  </si>
  <si>
    <t>【哈电发电机】绝缘垫圈\05D8818\QFSN-300-2</t>
  </si>
  <si>
    <t>【哈电发电机】连接螺钉\05D7136\QFSN-300-2</t>
  </si>
  <si>
    <t>【哈电发电机】六角螺栓\WH-01D0579\QFSN-300-2</t>
  </si>
  <si>
    <t>【哈电发电机】螺栓\06D0686\QFSN-300-2</t>
  </si>
  <si>
    <t>【哈电发电机】螺栓\WH-01D0589\QFSN-300-2</t>
  </si>
  <si>
    <t>【哈电发电机】密封垫\04C4006\QFSN-300-2</t>
  </si>
  <si>
    <t>【哈电发电机】密封垫\04C4010\QFSN-300-2</t>
  </si>
  <si>
    <t>【哈电发电机】密封垫\04C4011\QFSN-300-2</t>
  </si>
  <si>
    <t>【哈电发电机】密封垫\04C4012\QFSN-300-2</t>
  </si>
  <si>
    <t>【哈电发电机】密封垫\05D9521\QFSN-300-2</t>
  </si>
  <si>
    <t>【哈电发电机】密封垫\05D9522\QFSN-300-2</t>
  </si>
  <si>
    <t>【哈电发电机】密封垫\WH-01D0688\QFSN-300-2</t>
  </si>
  <si>
    <t>【哈电发电机】密封垫\WH-01D0689\QFSN-300-2</t>
  </si>
  <si>
    <t>【哈电发电机】密封圈\08D0117\QFSN-300-2</t>
  </si>
  <si>
    <t>【哈电发电机】密封圈\WH-8EA.371.013\QFSN-300-2</t>
  </si>
  <si>
    <t>【哈电发电机】汽侧密封瓦\02A3306\QFSN-300-2</t>
  </si>
  <si>
    <t>【哈电发电机】油封条\06D9995\QFSN-300-2</t>
  </si>
  <si>
    <t>【哈电发电机】梳齿条\06D9998\QFSN-300-2</t>
  </si>
  <si>
    <t>【哈电发电机】油封条\06D9996\QFSN-300-2</t>
  </si>
  <si>
    <t>【哈电发电机】密封压帽\05D7143\QFSN-300-2</t>
  </si>
  <si>
    <t>【哈电发电机】平衡螺钉\05D7175\QFSN-300-2</t>
  </si>
  <si>
    <t>【哈电发电机】人孔密封垫\WH-01D0068\QFSN-300-2</t>
  </si>
  <si>
    <t>【哈电发电机】塞\05D9693\QFSN-300-2</t>
  </si>
  <si>
    <t>【哈电发电机】锁片\06D4169\QFSN-300-2</t>
  </si>
  <si>
    <t>【哈电发电机】锁片\06D5883\QFSN-300-2</t>
  </si>
  <si>
    <t>【哈电发电机】锁片\06D5884\QFSN-300-2</t>
  </si>
  <si>
    <t>【哈电发电机】铜垫圈\08D6647\QFSN-300-2</t>
  </si>
  <si>
    <t>【哈电发电机】铜止动垫圈\WH-01D0624\QFSN-300-2</t>
  </si>
  <si>
    <t>【哈电发电机】外舌止动垫圈\8EA.951.734\QFSN-300-2</t>
  </si>
  <si>
    <t>【哈电发电机】外舌止动垫圈\8EA.951.736\QFSN-300-2</t>
  </si>
  <si>
    <t>【哈电发电机】橡胶密封圈\05D7144\QFSN-300-2</t>
  </si>
  <si>
    <t>【哈电发电机】橡胶密封圈\08D6662\QFSN-300-2</t>
  </si>
  <si>
    <t>【哈电发电机】圆柱销\05D7177\QFSN-300-2</t>
  </si>
  <si>
    <t>【哈电发电机】止动垫圈\05D8198\QFSN-300-2</t>
  </si>
  <si>
    <t>【哈电发电机】止动垫圈\05D9514\QFSN-300-2</t>
  </si>
  <si>
    <t>【哈电发电机】止动垫圈\07D0163\QFSN-300-2</t>
  </si>
  <si>
    <t>【哈电发电机】止动垫圈\08D0122\QFSN-300-2</t>
  </si>
  <si>
    <t>【哈电发电机】止动垫圈\08D6646\QFSN-300-2</t>
  </si>
  <si>
    <t>【哈电发电机】止动垫圈\8EA.951.026\QFSN-300-2</t>
  </si>
  <si>
    <t>【哈电发电机】止动垫圈\8EA.951.828\QFSN-300-2</t>
  </si>
  <si>
    <t>【哈电发电机】止动垫圈\8EA.951.857\QFSN-300-2</t>
  </si>
  <si>
    <t>【哈电发电机】止动垫圈\8EA.951.861.\QFSN-300-2</t>
  </si>
  <si>
    <t>【哈电发电机】止动垫圈\WH-01D0623\QFSN-300-2</t>
  </si>
  <si>
    <t>【哈电发电机】柱端螺钉\05D7174\QFSN-300-2</t>
  </si>
  <si>
    <t>【哈电发电机】绝缘引水管\04C3245\QFSN-300-2</t>
  </si>
  <si>
    <t>【哈电发电机】绝缘引水管\04C3247\QFSN-300-2</t>
  </si>
  <si>
    <t>【哈电发电机】绝缘引水管\04C3279\QFSN-300-2</t>
  </si>
  <si>
    <t>【哈电发电机】绝缘引水管\04C3280\QFSN-300-2</t>
  </si>
  <si>
    <t>【哈电发电机】定子水接头\06D0569\QFSN-300-2</t>
  </si>
  <si>
    <t>【哈电发电机】定子线棒(上层)\01J2236\QFSN-300-2</t>
  </si>
  <si>
    <t>【哈电发电机】定子线棒(下层)\01J2237\QFSN-300-2</t>
  </si>
  <si>
    <t>【哈电发电机】定子线棒上层引线\01J2238\QFSN-300-2</t>
  </si>
  <si>
    <t>【哈电发电机】测温元件装配\06D4622\QFSN-600-2</t>
  </si>
  <si>
    <t>【哈电发电机】碟形绝缘垫圈\06D3213\QFSN-600-2</t>
  </si>
  <si>
    <t>【哈电发电机】绝缘引水管\06D4158\QFSN-600-2</t>
  </si>
  <si>
    <t>【哈电发电机】绝缘引水管\06D4162\QFSN-600-2</t>
  </si>
  <si>
    <t>【哈电发电机】绝缘引水管\06D4190\QFSN-600-2</t>
  </si>
  <si>
    <t>【哈电发电机】绝缘引水管\06D4357\QFSN-600-2</t>
  </si>
  <si>
    <t>【哈电发电机】CT及中性点引线装配(出线套管)\01J2314\QFSN-300-2</t>
  </si>
  <si>
    <t>【哈电发电机】绝缘引水管\06D4358\QFSN-600-2</t>
  </si>
  <si>
    <t>【哈电发电机】绝缘引水管\04C9452\QFSN-600-2</t>
  </si>
  <si>
    <t>【哈电发电机】绝缘引水管\04C9458\QFSN-600-2</t>
  </si>
  <si>
    <t>【哈电发电机】绝缘引水管\04C9459\QFSN-600-2</t>
  </si>
  <si>
    <t>【哈电发电机】绝缘螺栓\04C9008\QFSN-600-2</t>
  </si>
  <si>
    <t>【哈电发电机】绝缘螺栓\04C9009\QFSN-600-2</t>
  </si>
  <si>
    <t>【哈电发电机】绝缘螺栓\04C9010\QFSN-600-2</t>
  </si>
  <si>
    <t>【哈电发电机】绝缘方螺母\06D3414\QFSN-600-2</t>
  </si>
  <si>
    <t>【哈电发电机】绝缘六角螺母\06D3211\QFSN-600-2</t>
  </si>
  <si>
    <t>【哈电发电机】螺母\06D4132\QFSN-600-2</t>
  </si>
  <si>
    <t>【哈电发电机】隔板\03B5698\QFSN-600-2</t>
  </si>
  <si>
    <t>【哈电发电机】注胶枪\04C0529\QFSN-600-2</t>
  </si>
  <si>
    <t>【哈电发电机】发电机定子端部风区档板绝缘螺栓\06D3470\QFSN-600-2</t>
  </si>
  <si>
    <t>【哈电发电机】发电机定子端部风区档板绝缘螺母\06D3652\QFSN-600-2</t>
  </si>
  <si>
    <t>【哈电发电机】中间环密封垫\03B5666\QFSN-600-2</t>
  </si>
  <si>
    <t>【哈电发电机】引线螺钉密封垫圈\09D4093\QFSN-600-2</t>
  </si>
  <si>
    <t>【哈电发电机】汽侧密封瓦座密封垫\03B5667\QFSN-600-2</t>
  </si>
  <si>
    <t>【哈电发电机】发电机上部人孔门密封垫\07D3876\QFSN-600-2</t>
  </si>
  <si>
    <t>【哈电发电机】发电机氢冷器密封垫\05C1854\QFSN-600-2</t>
  </si>
  <si>
    <t>【哈电发电机】绝缘引水管\04C4647\QFSN-300-2</t>
  </si>
  <si>
    <t>【哈电发电机】绝缘盒（励端）\04C4661\QFSN-300-2</t>
  </si>
  <si>
    <t>【哈电发电机】绝缘盒（励端）\04C4662\QFSN-300-2</t>
  </si>
  <si>
    <t>【哈电发电机】绝缘盒（汽端）\04C4663\QFSN-300-2</t>
  </si>
  <si>
    <t>【哈电发电机】绝缘盒（汽端）\04C4664\QFSN-300-2</t>
  </si>
  <si>
    <t>【哈电发电机】转子风叶锁片垫圈\8EA.951.017\QFSN-300-2</t>
  </si>
  <si>
    <t>【哈电发电机】风叶固定螺钉\05D7178\QFSN-300-2</t>
  </si>
  <si>
    <t>【哈电发电机】励端风叶\02B9007</t>
  </si>
  <si>
    <t>【哈电发电机】汽端风叶\02B9008</t>
  </si>
  <si>
    <t>【哈电发电机】集电环\03B9122\QFSN-300-2</t>
  </si>
  <si>
    <t>【哈电发电机】集电环\03B9123\QFSN-300-2</t>
  </si>
  <si>
    <t>【哈电发电机】绝缘套筒\08D6644\QFSN-300-2</t>
  </si>
  <si>
    <t>【哈电发电机】绝缘压圈\05D7133\QFSN-300-2</t>
  </si>
  <si>
    <t>【哈电发电机】绝缘压圈\05D7134\QFSN-300-2</t>
  </si>
  <si>
    <t>【哈电发电机】楔板\06D9953\QFSN-300-2</t>
  </si>
  <si>
    <t>【哈电发电机】接地碳刷握\8EA.578.036\QFSN-300-2</t>
  </si>
  <si>
    <t>【哈电发电机】绝缘止动销\03B6652\QFSN-300-2</t>
  </si>
  <si>
    <t>【哈电发电机】引线螺钉(大)\04C2972\QFSN-300-2</t>
  </si>
  <si>
    <t>【哈电发电机】引线螺钉(小)\04C2971\QFSN-300-2</t>
  </si>
  <si>
    <t>【哈电发电机】密封螺母\05D7139\QFSN-300-2</t>
  </si>
  <si>
    <t>【哈电发电机】止动垫圈\05D7130\QFSN-300-2</t>
  </si>
  <si>
    <t>【哈电发电机】发电机密封垫\07D4611\QFSN-600-2</t>
  </si>
  <si>
    <t>【哈电发电机】发电机密封垫\07D4609\QFSN-600-2</t>
  </si>
  <si>
    <t>【哈电发电机】发电机密封垫\07D4605\QFSN-600-2</t>
  </si>
  <si>
    <t>【哈电发电机】发电机密封垫\07D4603\QFSN-600-2</t>
  </si>
  <si>
    <t>【哈电发电机】绝缘法兰\07D4602\QFSN-600-2</t>
  </si>
  <si>
    <t>【哈电发电机】垫片\07D4604\QFSN-600-2</t>
  </si>
  <si>
    <t>【哈电发电机】绝缘螺杆\07D4458\QFSN-600-2</t>
  </si>
  <si>
    <t>【哈电发电机】定子槽楔\06D3535\QFSN-600-2</t>
  </si>
  <si>
    <t>【哈电发电机】定子槽楔\06D3534\QFSN-600-2</t>
  </si>
  <si>
    <t>【哈电发电机】定子槽楔\06D3536\QFSN-600-2</t>
  </si>
  <si>
    <t>【哈电发电机】波纹板\04C9247\QFSN-600-2</t>
  </si>
  <si>
    <t>【哈电发电机】波纹板\04C9246\QFSN-600-2</t>
  </si>
  <si>
    <t>【哈电发电机】螺栓\07D4845\QFSN-600-2</t>
  </si>
  <si>
    <t>【哈电发电机】螺栓\07D4843\QFSN-600-2</t>
  </si>
  <si>
    <t>【哈电发电机】绝缘管\07D4158\QFSN-600-2</t>
  </si>
  <si>
    <t>【哈电发电机】绝缘管\07D4160\QFSN-600-2</t>
  </si>
  <si>
    <t>【哈电发电机】绝缘管\07D4171\QFSN-600-2</t>
  </si>
  <si>
    <t>【哈电发电机】绝缘管\07D4175\QFSN-600-2</t>
  </si>
  <si>
    <t>【哈电发电机】绝缘垫、绝缘块\07D4176\QFSN-600-2</t>
  </si>
  <si>
    <t>【哈电发电机】锁片\07D4177\QFSN-600-2</t>
  </si>
  <si>
    <t>【哈电发电机】绝缘垫\07D4178\QFSN-600-2</t>
  </si>
  <si>
    <t>【哈电发电机】绝缘垫\07D4182\QFSN-600-2</t>
  </si>
  <si>
    <t>【哈电发电机】压帽\05D7135\QFSN-300-2</t>
  </si>
  <si>
    <t>【哈电发电机】压帽\05D7111\QFSN-300-2</t>
  </si>
  <si>
    <t>【哈电发电机】分流环\04C2973\QFSN-300-2</t>
  </si>
  <si>
    <t>【哈电发电机】止动垫圈\8EA.951.153\QFSN-300-2</t>
  </si>
  <si>
    <t>【哈电发电机】螺栓\05D7129\QFSN-300-2</t>
  </si>
  <si>
    <t>【哈电发电机】刷盒装配\QFSN-300-2</t>
  </si>
  <si>
    <t>【哈电发电机】护环扇形绝缘\04C7972\QFSN-300-2</t>
  </si>
  <si>
    <t>【哈电发电机】护环扇形绝缘\04C7973\QFSN-300-2</t>
  </si>
  <si>
    <t>【哈电发电机】装轴转子工具\01J3730\QFSN-300-2</t>
  </si>
  <si>
    <t>【哈电发电机】汽、励端轴承装拆工具\02A2614\QFSN-300-2</t>
  </si>
  <si>
    <t>【哈电发电机】密封座拆装工具\02A2616\QFSN-300-2</t>
  </si>
  <si>
    <t>【哈电发电机】磁套端子装拆工具\02A2613\QFSN-300-2</t>
  </si>
  <si>
    <t>【哈电发电机】密封座吊具\04C4828\QFSN-300-2</t>
  </si>
  <si>
    <t>【哈电发电机】螺栓加热器\04C4838\QFSN-300-2</t>
  </si>
  <si>
    <t>【哈电发电机】注胶枪\04C4824\QFSN-300-2</t>
  </si>
  <si>
    <t>【哈电发电机】转子通风检测装置\01J7722P022\QFSN-300-2</t>
  </si>
  <si>
    <t>【哈电发电机】顶紧螺栓\05D7298\QFSN-300-2</t>
  </si>
  <si>
    <t>【哈电发电机】密封垫\04C3071\QFSN-300-2</t>
  </si>
  <si>
    <t>【哈电发电机】密封垫\06C2329\QFSN-300-2</t>
  </si>
  <si>
    <t>【哈电发电机】绝缘管\05D8829\QFSN-300-2</t>
  </si>
  <si>
    <t>【哈电发电机】绝缘管\05D8830\QFSN-300-2</t>
  </si>
  <si>
    <t>【哈电发电机】绝缘垫圈\07D4183\QFSN-600-2</t>
  </si>
  <si>
    <t>【哈电发电机】外齿弹性垫圈\07D4189\QFSN-600-2</t>
  </si>
  <si>
    <t>【哈电发电机】制动垫圈(叉腿型)\08D0619\QFSN-600-2</t>
  </si>
  <si>
    <t>【哈电发电机】轴承加工装配(励端)\01J3660\QFSN-600-2</t>
  </si>
  <si>
    <t>【哈电发电机】轴瓦挡油环\04B2392\QFSN-600-2</t>
  </si>
  <si>
    <t>【哈电发电机】绝缘引水管\05C2050\QFSN-600-2</t>
  </si>
  <si>
    <t>【哈电发电机】轴承瓦块\03B8104\QFSN-600-2</t>
  </si>
  <si>
    <t>【哈电发电机】护环\04B2111\QFSN-600-2</t>
  </si>
  <si>
    <t>【哈电发电机】外舌止动垫圈\8EA.951.733\QFSN-600-2</t>
  </si>
  <si>
    <t>【哈电发电机】止动垫圈\8EA.951.773\QFSN-600-2</t>
  </si>
  <si>
    <t>【哈电发电机】槽楔\07D4479\QFSN-600-2</t>
  </si>
  <si>
    <t>【哈电发电机】槽楔\07D4480\QFSN-600-2</t>
  </si>
  <si>
    <t>【哈电发电机】槽楔\07D4481\QFSN-600-2</t>
  </si>
  <si>
    <t>【哈电发电机】波纹板\05C2025\QFSN-600-2</t>
  </si>
  <si>
    <t>【哈电发电机】波纹板\05C2024\QFSN-600-2</t>
  </si>
  <si>
    <t>【哈电发电机】波纹板\05C2023\QFSN-600-2</t>
  </si>
  <si>
    <t>【哈电发电机】O型密封圈\07D5325\QFSN-600-2</t>
  </si>
  <si>
    <t>【哈电发电机】不锈钢防松螺母\07D4242\QFSN-600-2</t>
  </si>
  <si>
    <t>【哈电发电机】隔板\05C2037\QFSN-600-2</t>
  </si>
  <si>
    <t>【哈电发电机】楔板\07D4568\QFSN-600-2</t>
  </si>
  <si>
    <t>【哈电发电机】固定块\07D4570\QFSN-600-2</t>
  </si>
  <si>
    <t>【哈电发电机】螺杆\07D4569\QFSN-600-2</t>
  </si>
  <si>
    <t>【哈电发电机】衬垫\5D8872\QFSN-300-2</t>
  </si>
  <si>
    <t>【哈电发电机】衬垫\5D8871\QFSN-300-2</t>
  </si>
  <si>
    <t>【哈电发电机】绝缘管\05D8833\QFSN-300-2</t>
  </si>
  <si>
    <t>【哈电发电机】绝缘管\05D8834\QFSN-300-2</t>
  </si>
  <si>
    <t>【哈电发电机】绝缘管\05D8838\QFSN-300-2</t>
  </si>
  <si>
    <t>【哈电发电机】绝缘管\05D8839\QFSN-300-2</t>
  </si>
  <si>
    <t>【哈电发电机】绝缘管\05D8840\QFSN-300-2</t>
  </si>
  <si>
    <t>【哈电发电机】绝缘垫圈\05D8820\QFSN-300-2</t>
  </si>
  <si>
    <t>【哈电发电机】密封瓦\Z1C001405G01\QFSN-300-2</t>
  </si>
  <si>
    <t>【哈电发电机】密封瓦\Z1C001405G02\QFSN-300-2</t>
  </si>
  <si>
    <t>【哈电发电机】压帽\8D6658\QFSN-300-2</t>
  </si>
  <si>
    <t>【哈电发电机】压帽\08D6661\QFSN-300-2</t>
  </si>
  <si>
    <t>【哈电发电机】压帽\08D6660\QFSN-300-2</t>
  </si>
  <si>
    <t>【哈电发电机】螺母\08D6659\QFSN-300-2</t>
  </si>
  <si>
    <t>【哈电发电机】平垫圈\08D6664\QFSN-300-2</t>
  </si>
  <si>
    <t>【哈电发电机】定子出线套管装配\02A2261\QFSN-300-2</t>
  </si>
  <si>
    <t>【哈电发电机】发电机锁件(盖板)\07D4940\QFSN-300-2</t>
  </si>
  <si>
    <t>【哈电发电机】励侧油挡(油封条)\06D0211\QFSN-300-2</t>
  </si>
  <si>
    <t>【哈电发电机】绝缘套筒\08D8607\QFSN-600-2</t>
  </si>
  <si>
    <t>【哈电发电机】下层线棒\01J3636\QFSN-600-2</t>
  </si>
  <si>
    <t>【哈电发电机】下层线棒\01J3637\QFSN-600-2</t>
  </si>
  <si>
    <t>【哈电发电机】下层线棒\01J3638\QFSN-600-2</t>
  </si>
  <si>
    <t>【哈电发电机】注胶枪\05C2429\QFSN-600-2</t>
  </si>
  <si>
    <t>【哈电发电机】轴承绝缘止动销\03B7749\QFSN-600-2</t>
  </si>
  <si>
    <t>【哈电发电机】密封垫\07D4853\QFSN-600-2</t>
  </si>
  <si>
    <t>【哈电发电机】密封垫\07D4852\QFSN-600-2</t>
  </si>
  <si>
    <t>【哈电发电机】绝缘套管\08D9294\QFSN-600-2</t>
  </si>
  <si>
    <t>【哈电发电机】护环扇形绝缘\05C9948\QFSN-600-2</t>
  </si>
  <si>
    <t>【哈电发电机】护环扇形绝缘\05C9947\QFSN-600-2</t>
  </si>
  <si>
    <t>【哈电发电机】风区隔板装配\04C9410\QFSN-600-2</t>
  </si>
  <si>
    <t>【哈电发电机】风区隔板装配\04C9414\QFSN-600-2</t>
  </si>
  <si>
    <t>【哈电发电机】绝缘弹簧板\06D4100\QFSN-600-2</t>
  </si>
  <si>
    <t>【哈电发电机】集电环绝缘套筒\QFSN-600-2</t>
  </si>
  <si>
    <t>【哈电发电机】装抽转子工具\Z0c000104\QFSN-600-2</t>
  </si>
  <si>
    <t>【哈电发电机】转子引线集电环装配\QFSN-600-2</t>
  </si>
  <si>
    <t>【哈电发电机】层压板9320(楔下垫条)\0.5*44*1045\QFSN-600-2</t>
  </si>
  <si>
    <t>【哈电发电机】层压板9320(楔下垫条)\3*44*1045\QFSN-600-2</t>
  </si>
  <si>
    <t>【哈电发电机】槽内垫条\0.2*44*1045\QFSN-600-2</t>
  </si>
  <si>
    <t>【哈电发电机】槽内垫条\1*44*1045\QFSN-600-2</t>
  </si>
  <si>
    <t>【哈电发电机】CPU主板\MIC-2353\QFSN-600-2</t>
  </si>
  <si>
    <t>【哈电发电机】AI板\MIC-2718\QFSN-600-2</t>
  </si>
  <si>
    <t>【哈电发电机】AO板\MIC-2728\QFSN-600-2</t>
  </si>
  <si>
    <t>【哈电发电机】DI板\MIC-2730\QFSN-600-2</t>
  </si>
  <si>
    <t>【哈电发电机】下层线棒\01J3639\QFSN-600-2</t>
  </si>
  <si>
    <t>【哈电发电机】下层线棒\01J3640\QFSN-600-2</t>
  </si>
  <si>
    <t>【哈电发电机】下层线棒\01J3641\QFSN-600-2</t>
  </si>
  <si>
    <t>【哈电发电机】下层线棒\01J3642\QFSN-600-2</t>
  </si>
  <si>
    <t>【哈电发电机】上层线棒\01J3643\QFSN-600-2</t>
  </si>
  <si>
    <t>【哈电发电机】上层线棒\01J3644\QFSN-600-2</t>
  </si>
  <si>
    <t>【哈电发电机】上层线棒\01J3645\QFSN-600-2</t>
  </si>
  <si>
    <t>【哈电发电机】上层线棒\01J3646\QFSN-600-2</t>
  </si>
  <si>
    <t>【哈电发电机】上层线棒\01J3647\QFSN-600-2</t>
  </si>
  <si>
    <t>【哈电发电机】上层线棒\01J3648\QFSN-600-2</t>
  </si>
  <si>
    <t>【哈电发电机】上层线棒\01J3649\QFSN-600-2</t>
  </si>
  <si>
    <t>【哈电发电机】气隙隔板装配\03B8088\QFSN-600-2</t>
  </si>
  <si>
    <t>【哈电发电机】绝缘引水管装配\05C2046\QFSN-600-2</t>
  </si>
  <si>
    <t>【哈电发电机】绝缘引水管装配\07D4635\QFSN-600-2</t>
  </si>
  <si>
    <t>【哈电发电机】绝缘引水管装配\05C2047\QFSN-600-2</t>
  </si>
  <si>
    <t>【哈电发电机】绝缘引水管装配\07D4653\QFSN-600-2</t>
  </si>
  <si>
    <t>【哈电发电机】绝缘引水管装配\05C2053\QFSN-600-2</t>
  </si>
  <si>
    <t>【哈电发电机】引水管夹子装配\03B7886\QFSN-600-2</t>
  </si>
  <si>
    <t>【哈电发电机】绝缘引水管\07D4247\QFSN-600-2</t>
  </si>
  <si>
    <t>【哈电发电机】绝缘引水管\07D4249\QFSN-600-2</t>
  </si>
  <si>
    <t>【哈电发电机】DO板\MIC-2750\QFSN-600-2</t>
  </si>
  <si>
    <t>【哈电发电机】显示屏\PPC-3120\QFSN-200-2</t>
  </si>
  <si>
    <t>【哈电发电机】工控机箱\MIC-2000/11\QFSN-600-2</t>
  </si>
  <si>
    <t>【哈电发电机】计数板\6EA.369.1058\QFSN-600-2</t>
  </si>
  <si>
    <t>【哈电发电机】接口板\6EA.369.1052MS\QFSN-600-2</t>
  </si>
  <si>
    <t>【哈电发电机】脉冲放大板\6EA.369.1053MS\QFSN-600-2</t>
  </si>
  <si>
    <t>【哈电发电机】层压板9320(楔下垫条)\0.2*44*1045\QFSN-600-2</t>
  </si>
  <si>
    <t>【哈电发电机】层压板9320(楔下垫条)\1*44*1045\QFSN-600-2</t>
  </si>
  <si>
    <t>【哈电发电机】脉冲变压器\6EA.172.369MS\QFSN-600-2</t>
  </si>
  <si>
    <t>【哈电发电机】主压差调节阀\514D098-05(Dg80)\QFSN-200-2\进口</t>
  </si>
  <si>
    <t>【哈电发电机】备用压差调节阀\514D098-06(Dg65)\QFSN-600-2\进口</t>
  </si>
  <si>
    <t>【哈电发电机】空侧备用油减压阀\MK602-2"/CS-13</t>
  </si>
  <si>
    <t>【哈电发电机】平衡表\277B012002/3\QFSN-600-2\进口</t>
  </si>
  <si>
    <t>【哈电发电机】平衡阀\19C19641101/2\QFSN-600-2\进口</t>
  </si>
  <si>
    <t>【哈电发电机】柔性联接片\05C2355\QFSN-600-2</t>
  </si>
  <si>
    <t>【哈电发电机】绝缘引水管\07D5161\QFSN-600-2</t>
  </si>
  <si>
    <t>【哈电发电机】瓷套端子装配\02A4543\QFSN-600-2</t>
  </si>
  <si>
    <t>【哈电发电机】绝缘引水管\07D5214\QFSN-600-2</t>
  </si>
  <si>
    <t>【哈电发电机】绝缘引水管\07D5215\QFSN-600-2</t>
  </si>
  <si>
    <t>【哈电发电机】铝壳互感器\04B3934\QFSN-600-2</t>
  </si>
  <si>
    <t>【哈电发电机】铜壳互感器\04B3935\QFSN-600-2</t>
  </si>
  <si>
    <t>【哈电发电机】柔性联接片\05C2382\QFSN-600-2</t>
  </si>
  <si>
    <t>【哈电发电机】绝缘引水管\07D5336\QFSN-600-2</t>
  </si>
  <si>
    <t>【哈电发电机】刷盒装配\04B0543\QFSN-600-2</t>
  </si>
  <si>
    <t>【哈电发电机】装抽转子\01J5920\QFSN-600-2</t>
  </si>
  <si>
    <t>【哈电发电机】护环装拆工具\02A7199\QFSN-600-2</t>
  </si>
  <si>
    <t>【哈电发电机】轴承安装工具\02A4635\QFSN-600-2</t>
  </si>
  <si>
    <t>【哈电发电机】下半导风环\02A4655\QFSN-600-2</t>
  </si>
  <si>
    <t>【哈电发电机】密封垫\07D4298\QFSN-600-2</t>
  </si>
  <si>
    <t>【哈电发电机】瓷套端子及互感器\02A4656\QFSN-600-2</t>
  </si>
  <si>
    <t>【哈电发电机】密封座及中间环吊装工具\04B1541\QFSN-600-2</t>
  </si>
  <si>
    <t>【哈电发电机】槽楔\05D0802</t>
  </si>
  <si>
    <t>【哈电发电机】斜楔\04D5490</t>
  </si>
  <si>
    <t>【哈电发电机】端部槽楔\04D4656</t>
  </si>
  <si>
    <t>【哈电发电机】大头槽楔\04C3216</t>
  </si>
  <si>
    <t>【哈电发电机】上层线圈\01J4625</t>
  </si>
  <si>
    <t>【哈电发电机】下层线圈\01J4626</t>
  </si>
  <si>
    <t>【哈电发电机】上层引线线圈\01J4627</t>
  </si>
  <si>
    <t>【哈电发电机】下层引线线圈\01J4628</t>
  </si>
  <si>
    <t>【哈电发电机】汽端轴瓦\02A1713</t>
  </si>
  <si>
    <t>【哈电发电机】励端轴瓦\02A1712</t>
  </si>
  <si>
    <t>【哈电发电机】冷却器\02A8320</t>
  </si>
  <si>
    <t>【哈电发电机】汽端密封瓦\02A0051</t>
  </si>
  <si>
    <t>【哈电发电机】励端密封瓦\02A0051</t>
  </si>
  <si>
    <t>【哈电发电机】绝缘垫圈\8EA.370.157</t>
  </si>
  <si>
    <t>【哈电发电机】绝缘垫圈\8EA.370.158</t>
  </si>
  <si>
    <t>【哈电发电机】定子出线瓷瓶密封圈\04D4352</t>
  </si>
  <si>
    <t>【哈电发电机】定子绝缘引水管\09D8955</t>
  </si>
  <si>
    <t>【哈电发电机】定子绝缘引水管\09D8956</t>
  </si>
  <si>
    <t>【哈电发电机】出线套管装配\02B9872</t>
  </si>
  <si>
    <t>【哈电发电机】汽端气隙隔板装配\03B3722</t>
  </si>
  <si>
    <t>【哈电发电机】励端气隙隔板装配\03B3723</t>
  </si>
  <si>
    <t>【哈电发电机】集电环\04B3103</t>
  </si>
  <si>
    <t>【哈电发电机】集电环\04B3104</t>
  </si>
  <si>
    <t>【哈电发电机】集电环绝缘套筒\09D0525</t>
  </si>
  <si>
    <t>【哈电发电机】集电环绝缘套筒\09D0526</t>
  </si>
  <si>
    <t>【哈电发电机】集电环风扇装配\03B9124</t>
  </si>
  <si>
    <t>【哈电发电机】隔音刷架装配\01J6732</t>
  </si>
  <si>
    <t>【哈电发电机】半导体玻璃布板\1*32*5400/9332\01J3218P008</t>
  </si>
  <si>
    <t>【哈电发电机】半导体玻璃布板\3*32*5400/9332\01J3218P019</t>
  </si>
  <si>
    <t>【哈电发电机】环氧酚醛玻璃布管\17*2*20/3640\01J3218P050</t>
  </si>
  <si>
    <t>【哈电发电机】半导体玻璃布板\1.25*32*5400/9332\01J3218P052</t>
  </si>
  <si>
    <t>【哈电发电机】半导体玻璃布板\1.0*32*5400/9332\01J3218P055</t>
  </si>
  <si>
    <t>【哈电发电机】半导体玻璃布板\2.0*32*5400/9332\01J3218P056</t>
  </si>
  <si>
    <t>【哈电发电机】铂电阻元件\01J3218P068</t>
  </si>
  <si>
    <t>【哈电发电机】薄膜式铂电阻元件\01J3218P079</t>
  </si>
  <si>
    <t>【哈电发电机】半导体玻璃布板\1*50*60/3240\01J3218P178</t>
  </si>
  <si>
    <t>【哈电发电机】半导体玻璃布板\2*50*60/3240\01J3218P179</t>
  </si>
  <si>
    <t>【哈电发电机】半导体玻璃布板\3*50*60/3240\01J3218P180</t>
  </si>
  <si>
    <t>【哈电发电机】半导体玻璃布板\4*50*60/3240\01J3218P181</t>
  </si>
  <si>
    <t>【哈电发电机】半导体玻璃布板\3*60*80/3240\01J3218P184</t>
  </si>
  <si>
    <t>【哈电发电机】半导体玻璃布板\2*60*80/3240\01J3218P185</t>
  </si>
  <si>
    <t>【哈电发电机】半导体玻璃布板\1*60*80/3240\01J3218P186</t>
  </si>
  <si>
    <t>【哈电发电机】端盖\01J3231</t>
  </si>
  <si>
    <t>【哈电发电机】环氧玻璃布管\16.5*4.75*53/3640\01J6735P053</t>
  </si>
  <si>
    <t>【哈电发电机】隔音罩装配\01J6736</t>
  </si>
  <si>
    <t>【哈电发电机】环氧酚醛玻璃布管\25*3*15\01J7492P037</t>
  </si>
  <si>
    <t>【哈电发电机】线夹\0.35*15*27\01J7681P102</t>
  </si>
  <si>
    <t>【哈电发电机】金属软管\P3/d20\01J7681P108</t>
  </si>
  <si>
    <t>【哈电发电机】耐高温三芯测温线\SHDL-7*0.25-3\01J7681P111</t>
  </si>
  <si>
    <t>【哈电发电机】金属软管\P3/d20\01J7681P116</t>
  </si>
  <si>
    <t>【哈电发电机】金属软管\P3/d64\01J7681P117</t>
  </si>
  <si>
    <t>【哈电发电机】铂电阻元件\L=8/L0=200\01J7681P126</t>
  </si>
  <si>
    <t>【哈电发电机】信号引出线接线装置\1\01J7681P135</t>
  </si>
  <si>
    <t>【哈电发电机】信号引出线接线装置\2\01J7681P136</t>
  </si>
  <si>
    <t>【哈电发电机】信号引出线接线装置\3\01J7681P137</t>
  </si>
  <si>
    <t>【哈电发电机】信号引出线接线装置\4\01J7681P138</t>
  </si>
  <si>
    <t>【哈电发电机】外挡油盖\02A2356</t>
  </si>
  <si>
    <t>【哈电发电机】轴承座装配\02A3716</t>
  </si>
  <si>
    <t>【哈电发电机】O型橡胶密封圈\8EA.370.1616</t>
  </si>
  <si>
    <t>【哈电发电机】绝缘套筒\16.5*2*80/3640\02A7925P018</t>
  </si>
  <si>
    <t>【哈电发电机】O型橡胶密封圈\8EA.370.1610\02A7925P021</t>
  </si>
  <si>
    <t>【哈电发电机】绝缘套筒\16.5*2*75/3640\02A7925P022</t>
  </si>
  <si>
    <t>【哈电发电机】绝缘管\21*2.5*32/3640\02A7925P030</t>
  </si>
  <si>
    <t>【哈电发电机】双金属温度计\0-100°C/L=100/φ100/d=10\02A8094P001</t>
  </si>
  <si>
    <t>【哈电发电机】双金属温度计\0-100°C/L=150/φ100/d=10\02A8094P003</t>
  </si>
  <si>
    <t>【哈电发电机】铂电阻元件\Pt100/φ12/M27x2/L=200\02A8094P005</t>
  </si>
  <si>
    <t>【哈电发电机】双金属温度计\0-100°C/ L=250/φ100/d=10\02A8094P011</t>
  </si>
  <si>
    <t>【哈电发电机】双金属信号温度计\0-100°C/L=250/节点70°C\02A8094P012</t>
  </si>
  <si>
    <t>【哈电发电机】转子匝间探测线圈\03A2370P008</t>
  </si>
  <si>
    <t>【哈电发电机】挡油盖\03B3922</t>
  </si>
  <si>
    <t>【哈电发电机】压板\03B4356</t>
  </si>
  <si>
    <t>【哈电发电机】压板\03B4459</t>
  </si>
  <si>
    <t>【哈电发电机】压板\03B4460</t>
  </si>
  <si>
    <t>【哈电发电机】转子引出线\03B6622</t>
  </si>
  <si>
    <t>【哈电发电机】支架板\03B6670</t>
  </si>
  <si>
    <t>【哈电发电机】支架板\03B6671</t>
  </si>
  <si>
    <t>【哈电发电机】导电杆装配\04B0736</t>
  </si>
  <si>
    <t>【哈电发电机】端板\04B7662</t>
  </si>
  <si>
    <t>【哈电发电机】夹板\04C2793</t>
  </si>
  <si>
    <t>【哈电发电机】层间压板\04C2794</t>
  </si>
  <si>
    <t>【哈电发电机】绝缘垫块\04C2974</t>
  </si>
  <si>
    <t>【哈电发电机】线夹\04C3005P002</t>
  </si>
  <si>
    <t>【哈电发电机】主引线\W1\04C3235</t>
  </si>
  <si>
    <t>【哈电发电机】主引线\V1\04C3236</t>
  </si>
  <si>
    <t>【哈电发电机】主引线\U1\04C3237</t>
  </si>
  <si>
    <t>【哈电发电机】主引线\W2\04C3238</t>
  </si>
  <si>
    <t>【哈电发电机】主引线\V2\04C3239</t>
  </si>
  <si>
    <t>【哈电发电机】主引线\U2\04C3240</t>
  </si>
  <si>
    <t>【哈电发电机】夹板\04C3248</t>
  </si>
  <si>
    <t>【哈电发电机】连接线\04C3267</t>
  </si>
  <si>
    <t>【哈电发电机】弹簧板\04C3318</t>
  </si>
  <si>
    <t>【哈电发电机】弧形压板\04C3410</t>
  </si>
  <si>
    <t>【哈电发电机】弹簧板\04C3581</t>
  </si>
  <si>
    <t>【哈电发电机】法兰\04C3592</t>
  </si>
  <si>
    <t>【哈电发电机】垫片\04C3956</t>
  </si>
  <si>
    <t>【哈电发电机】压板\04C5809</t>
  </si>
  <si>
    <t>【哈电发电机】绝缘端环\04C7401</t>
  </si>
  <si>
    <t>【哈电发电机】挡风环\04C7490</t>
  </si>
  <si>
    <t>【哈电发电机】挡风板\04C7491</t>
  </si>
  <si>
    <t>【哈电发电机】可调撑块\04C7627</t>
  </si>
  <si>
    <t>【哈电发电机】压板\04C7837</t>
  </si>
  <si>
    <t>【哈电发电机】风区档板装配\04C7891</t>
  </si>
  <si>
    <t>【哈电发电机】风区档板装配\04C7892</t>
  </si>
  <si>
    <t>【哈电发电机】风区隔板\04C9940</t>
  </si>
  <si>
    <t>【哈电发电机】主引线端子\04C9994</t>
  </si>
  <si>
    <t>【哈电发电机】弹簧\04D1434</t>
  </si>
  <si>
    <t>【哈电发电机】压环\04D1435</t>
  </si>
  <si>
    <t>【哈电发电机】线夹\04D3005P001</t>
  </si>
  <si>
    <t>【哈电发电机】线夹\04D3005P003</t>
  </si>
  <si>
    <t>【哈电发电机】线夹\04D5331</t>
  </si>
  <si>
    <t>【哈电发电机】线夹\04D5332</t>
  </si>
  <si>
    <t>【哈电发电机】线夹\04D5333</t>
  </si>
  <si>
    <t>【哈电发电机】压紧螺帽\04D5766</t>
  </si>
  <si>
    <t>【哈电发电机】接地碳刷装配\05B3506</t>
  </si>
  <si>
    <t>【哈电发电机】垫块\05C0801</t>
  </si>
  <si>
    <t>【哈电发电机】密封条\05C5626</t>
  </si>
  <si>
    <t>【哈电发电机】接线杆装配\05D0677</t>
  </si>
  <si>
    <t>【哈电发电机】绝缘套筒\05D6897</t>
  </si>
  <si>
    <t>【哈电发电机】垫板\05D7128</t>
  </si>
  <si>
    <t>【哈电发电机】绝缘垫块\05D7140</t>
  </si>
  <si>
    <t>【哈电发电机】绝缘垫块\05D7141</t>
  </si>
  <si>
    <t>【哈电发电机】绝缘垫块\05D7142</t>
  </si>
  <si>
    <t>【哈电发电机】绝缘销\φ6*12\05D7169</t>
  </si>
  <si>
    <t>【哈电发电机】楔形垫条\05D7172</t>
  </si>
  <si>
    <t>【哈电发电机】盖板螺钉\05D7179</t>
  </si>
  <si>
    <t>【哈电发电机】平衡螺钉\05D7180</t>
  </si>
  <si>
    <t>【哈电发电机】螺母\M36\05D7181</t>
  </si>
  <si>
    <t>【哈电发电机】挡风板\05D7271</t>
  </si>
  <si>
    <t>【哈电发电机】毛毡垫\05D7889</t>
  </si>
  <si>
    <t>【哈电发电机】螺帽\05D7920</t>
  </si>
  <si>
    <t>【哈电发电机】夹板\05D7924</t>
  </si>
  <si>
    <t>【哈电发电机】铝青铜螺栓\M20*115\05D7950</t>
  </si>
  <si>
    <t>【哈电发电机】铝青铜螺栓\M16*100\05D7951</t>
  </si>
  <si>
    <t>【哈电发电机】夹板\05D7984</t>
  </si>
  <si>
    <t>【哈电发电机】夹板\05D7985</t>
  </si>
  <si>
    <t>【哈电发电机】线夹\05D7986</t>
  </si>
  <si>
    <t>【哈电发电机】圆柱螺母\05D8078</t>
  </si>
  <si>
    <t>【哈电发电机】挡块\05D8085</t>
  </si>
  <si>
    <t>【哈电发电机】绝缘垫片\05D8195</t>
  </si>
  <si>
    <t>【哈电发电机】圆柱螺母\05D8200</t>
  </si>
  <si>
    <t>【哈电发电机】垫片\05D8228</t>
  </si>
  <si>
    <t>【哈电发电机】盖板\05D8229</t>
  </si>
  <si>
    <t>【哈电发电机】螺钉\05D8230</t>
  </si>
  <si>
    <t>【哈电发电机】螺钉\05D8231</t>
  </si>
  <si>
    <t>【哈电发电机】垫块\05D8239</t>
  </si>
  <si>
    <t>【哈电发电机】绝缘垫\05D8254</t>
  </si>
  <si>
    <t>【哈电发电机】支架板\05D8255</t>
  </si>
  <si>
    <t>【哈电发电机】支架板\05D8256</t>
  </si>
  <si>
    <t>【哈电发电机】绝缘法兰\05D8257</t>
  </si>
  <si>
    <t>【哈电发电机】绝缘法兰\05D8260</t>
  </si>
  <si>
    <t>【哈电发电机】接头\05D8268</t>
  </si>
  <si>
    <t>【哈电发电机】支块\05D8289</t>
  </si>
  <si>
    <t>【哈电发电机】支块\05D8290</t>
  </si>
  <si>
    <t>【哈电发电机】支块\05D8291</t>
  </si>
  <si>
    <t>【哈电发电机】支块\05D8292</t>
  </si>
  <si>
    <t>【哈电发电机】法兰\05D8306</t>
  </si>
  <si>
    <t>【哈电发电机】堵头\05D8309</t>
  </si>
  <si>
    <t>【哈电发电机】支块\05D8401</t>
  </si>
  <si>
    <t>【哈电发电机】励端下层垫块\05D8410</t>
  </si>
  <si>
    <t>【哈电发电机】螺杆\05D8448</t>
  </si>
  <si>
    <t>【哈电发电机】引线接头焊接\05D8450</t>
  </si>
  <si>
    <t>【哈电发电机】绝缘块\05D8459</t>
  </si>
  <si>
    <t>【哈电发电机】六角螺母\05D8503</t>
  </si>
  <si>
    <t>【哈电发电机】油封条\05D8597</t>
  </si>
  <si>
    <t>【哈电发电机】导向销\05D8679</t>
  </si>
  <si>
    <t>【哈电发电机】不锈钢六角螺栓\M12*290\05D8680</t>
  </si>
  <si>
    <t>【哈电发电机】螺栓\M12\05D8681</t>
  </si>
  <si>
    <t>【哈电发电机】螺杆\05D8698</t>
  </si>
  <si>
    <t>【哈电发电机】六角螺钉\05D8703</t>
  </si>
  <si>
    <t>【哈电发电机】绝缘套筒\05D8705</t>
  </si>
  <si>
    <t>【哈电发电机】压板\05D8706</t>
  </si>
  <si>
    <t>【哈电发电机】间隔垫块\05D8707</t>
  </si>
  <si>
    <t>【哈电发电机】间隔垫块\05D8708</t>
  </si>
  <si>
    <t>【哈电发电机】间隔垫块\05D8709</t>
  </si>
  <si>
    <t>【哈电发电机】小夹板\05D8713</t>
  </si>
  <si>
    <t>【哈电发电机】销\05D8717</t>
  </si>
  <si>
    <t>【哈电发电机】不锈钢螺栓\M20*75\05D8720</t>
  </si>
  <si>
    <t>【哈电发电机】定位销\05D8801</t>
  </si>
  <si>
    <t>【哈电发电机】塞子\05D8814</t>
  </si>
  <si>
    <t>【哈电发电机】盖板\05D8815</t>
  </si>
  <si>
    <t>【哈电发电机】垫圈\05D8821</t>
  </si>
  <si>
    <t>【哈电发电机】螺栓\M24\05D8822</t>
  </si>
  <si>
    <t>【哈电发电机】止动块\05D8823</t>
  </si>
  <si>
    <t>【哈电发电机】塞子\05D8825</t>
  </si>
  <si>
    <t>【哈电发电机】定位块\05D8828</t>
  </si>
  <si>
    <t>【哈电发电机】法兰\05D8851</t>
  </si>
  <si>
    <t>【哈电发电机】螺钉\M20*75\05D8868</t>
  </si>
  <si>
    <t>【哈电发电机】动垫圈\16\05D9038</t>
  </si>
  <si>
    <t>【哈电发电机】顶丝\05D9328</t>
  </si>
  <si>
    <t>【哈电发电机】键\05D9329</t>
  </si>
  <si>
    <t>【哈电发电机】垫片\05D9330</t>
  </si>
  <si>
    <t>【哈电发电机】垫片\05D9331</t>
  </si>
  <si>
    <t>【哈电发电机】垫片\05D9332</t>
  </si>
  <si>
    <t>【哈电发电机】垫片\05D9333</t>
  </si>
  <si>
    <t>【哈电发电机】垫片\05D9334</t>
  </si>
  <si>
    <t>【哈电发电机】垫片\05D9335</t>
  </si>
  <si>
    <t>【哈电发电机】垫片\05D9336</t>
  </si>
  <si>
    <t>【哈电发电机】垫片\05D9337</t>
  </si>
  <si>
    <t>【哈电发电机】圆塞\05D9338</t>
  </si>
  <si>
    <t>【哈电发电机】销钉\05D9692</t>
  </si>
  <si>
    <t>【哈电发电机】六角螺母\05D9697</t>
  </si>
  <si>
    <t>【哈电发电机】螺钉\05D9698</t>
  </si>
  <si>
    <t>【哈电发电机】齿轮\06C4041</t>
  </si>
  <si>
    <t>【哈电发电机】连接块\06D0064</t>
  </si>
  <si>
    <t>【哈电发电机】夹板\06D0068</t>
  </si>
  <si>
    <t>【哈电发电机】顶丝\06D0460</t>
  </si>
  <si>
    <t>【哈电发电机】六角螺栓\06D0631</t>
  </si>
  <si>
    <t>【哈电发电机】压板\06D1204</t>
  </si>
  <si>
    <t>【哈电发电机】垫块\06D1205</t>
  </si>
  <si>
    <t>【哈电发电机】螺栓\06D2617</t>
  </si>
  <si>
    <t>【哈电发电机】锁片\06D2660</t>
  </si>
  <si>
    <t>【哈电发电机】垫块\06D2845</t>
  </si>
  <si>
    <t>【哈电发电机】楔\06D2846</t>
  </si>
  <si>
    <t>【哈电发电机】出线铜排\06D2877</t>
  </si>
  <si>
    <t>【哈电发电机】连接线\06D2878</t>
  </si>
  <si>
    <t>【哈电发电机】压板\06D2926</t>
  </si>
  <si>
    <t>【哈电发电机】层间压板\06D2991</t>
  </si>
  <si>
    <t>【哈电发电机】油梳\06D3565</t>
  </si>
  <si>
    <t>【哈电发电机】锁片\06D4171</t>
  </si>
  <si>
    <t>【哈电发电机】垫\06D4414</t>
  </si>
  <si>
    <t>【哈电发电机】绝缘销\06D5881</t>
  </si>
  <si>
    <t>【哈电发电机】绝缘垫片\06D6001</t>
  </si>
  <si>
    <t>【哈电发电机】绝缘垫圈\06D6002</t>
  </si>
  <si>
    <t>【哈电发电机】垫块\06D6560</t>
  </si>
  <si>
    <t>【哈电发电机】垫块\06D6561</t>
  </si>
  <si>
    <t>【哈电发电机】螺栓\06D6562</t>
  </si>
  <si>
    <t>【哈电发电机】螺栓\06D6563</t>
  </si>
  <si>
    <t>【哈电发电机】锁紧垫片\06D6564</t>
  </si>
  <si>
    <t>【哈电发电机】导电板\06D9363</t>
  </si>
  <si>
    <t>【哈电发电机】角钢\06D9384</t>
  </si>
  <si>
    <t>【哈电发电机】螺栓\06D9385</t>
  </si>
  <si>
    <t>【哈电发电机】盖板\06D9423</t>
  </si>
  <si>
    <t>【哈电发电机】盖板\06D9424</t>
  </si>
  <si>
    <t>【哈电发电机】接板\06D9425</t>
  </si>
  <si>
    <t>【哈电发电机】层压布管\06D9428</t>
  </si>
  <si>
    <t>【哈电发电机】垫块\06D9521</t>
  </si>
  <si>
    <t>【哈电发电机】垫块\06D9522</t>
  </si>
  <si>
    <t>【哈电发电机】螺栓\06D9548</t>
  </si>
  <si>
    <t>【哈电发电机】绝缘垫\06D9554</t>
  </si>
  <si>
    <t>【哈电发电机】绝缘管\06D9555</t>
  </si>
  <si>
    <t>【哈电发电机】绝缘垫\06D9556</t>
  </si>
  <si>
    <t>【哈电发电机】顶块\06D9558</t>
  </si>
  <si>
    <t>【哈电发电机】压板\06D9569</t>
  </si>
  <si>
    <t>【哈电发电机】支块\06D9970</t>
  </si>
  <si>
    <t>【哈电发电机】密封条\06D9988</t>
  </si>
  <si>
    <t>【哈电发电机】弧形板\06D9989</t>
  </si>
  <si>
    <t>【哈电发电机】风区隔板\06D9990</t>
  </si>
  <si>
    <t>【哈电发电机】风区隔板\06D9991</t>
  </si>
  <si>
    <t>【哈电发电机】支撑销\06D9993</t>
  </si>
  <si>
    <t>【哈电发电机】螺钉\06D9994</t>
  </si>
  <si>
    <t>【哈电发电机】中性点母线板\07C0853</t>
  </si>
  <si>
    <t>【哈电发电机】中性点母线板\07C0854</t>
  </si>
  <si>
    <t>【哈电发电机】密封垫\07C0863</t>
  </si>
  <si>
    <t>【哈电发电机】法兰\07D0158</t>
  </si>
  <si>
    <t>【哈电发电机】法兰\07D0159</t>
  </si>
  <si>
    <t>【哈电发电机】引风管装配\07D0161</t>
  </si>
  <si>
    <t>【哈电发电机】测温元件装配\07D0211</t>
  </si>
  <si>
    <t>【哈电发电机】螺栓\M16*100\07D0303</t>
  </si>
  <si>
    <t>【哈电发电机】楔块\07D1362</t>
  </si>
  <si>
    <t>【哈电发电机】不锈钢六角螺栓\07D3023</t>
  </si>
  <si>
    <t>【哈电发电机】螺栓\07D3024</t>
  </si>
  <si>
    <t>【哈电发电机】平板\07D3924</t>
  </si>
  <si>
    <t>【哈电发电机】圆键\07D4013</t>
  </si>
  <si>
    <t>【哈电发电机】垫片\07D5589</t>
  </si>
  <si>
    <t>【哈电发电机】氟橡胶垫片\07D5590</t>
  </si>
  <si>
    <t>【哈电发电机】氟橡胶垫片\07D5594</t>
  </si>
  <si>
    <t>【哈电发电机】钢塞\08D0113</t>
  </si>
  <si>
    <t>【哈电发电机】法兰\08D0114</t>
  </si>
  <si>
    <t>【哈电发电机】心子\08D0116</t>
  </si>
  <si>
    <t>【哈电发电机】垫片\08D0119</t>
  </si>
  <si>
    <t>【哈电发电机】垫片\08D0120</t>
  </si>
  <si>
    <t>【哈电发电机】定位螺钉\08D0121</t>
  </si>
  <si>
    <t>【哈电发电机】端头阻尼槽楔\08D2797</t>
  </si>
  <si>
    <t>【哈电发电机】引线绝缘盒\08D3641</t>
  </si>
  <si>
    <t>【哈电发电机】引线绝缘盒\08D3642</t>
  </si>
  <si>
    <t>【哈电发电机】挡风块\08D4877</t>
  </si>
  <si>
    <t>【哈电发电机】挡风块\08D4878</t>
  </si>
  <si>
    <t>【哈电发电机】绝缘垫块\08D6648</t>
  </si>
  <si>
    <t>【哈电发电机】绝缘垫块\08D6649</t>
  </si>
  <si>
    <t>【哈电发电机】压帽\08D6658</t>
  </si>
  <si>
    <t>【哈电发电机】端头槽楔\08D7010</t>
  </si>
  <si>
    <t>【哈电发电机】法兰\09D1172</t>
  </si>
  <si>
    <t>【哈电发电机】螺塞\09D1397</t>
  </si>
  <si>
    <t>【哈电发电机】薄膜式铂电阻元件\(44/100)-3N\09D1398</t>
  </si>
  <si>
    <t>【哈电发电机】线夹\09D1399</t>
  </si>
  <si>
    <t>【哈电发电机】温度计座\09D4262</t>
  </si>
  <si>
    <t>【哈电发电机】螺塞\09D4263</t>
  </si>
  <si>
    <t>【哈电发电机】标号片\09D4291</t>
  </si>
  <si>
    <t>【哈电发电机】接板\09D6972</t>
  </si>
  <si>
    <t>【哈电发电机】止动垫圈\20*70\8EA.951.859</t>
  </si>
  <si>
    <t>【哈电发电机】垫片\L3c002385P001</t>
  </si>
  <si>
    <t>【哈电发电机】垫片\L3c002385P002</t>
  </si>
  <si>
    <t>【哈电发电机】垫片\L3c002386</t>
  </si>
  <si>
    <t>【哈电发电机】返回接头\WH-01B0040</t>
  </si>
  <si>
    <t>【哈电发电机】螺杆\WH-01D0205</t>
  </si>
  <si>
    <t>【哈电发电机】螺杆\WH-01D0206</t>
  </si>
  <si>
    <t>【哈电发电机】支架\WH-01D0376</t>
  </si>
  <si>
    <t>【哈电发电机】支架座板\WH-01D0379</t>
  </si>
  <si>
    <t>【哈电发电机】螺栓\M20*58\WH-01D0403</t>
  </si>
  <si>
    <t>【哈电发电机】硅青铜螺母\WH-01D0468</t>
  </si>
  <si>
    <t>【哈电发电机】螺塞\WH-01D0732</t>
  </si>
  <si>
    <t>【哈电发电机】弯头\ZG1"\WH-01D0928</t>
  </si>
  <si>
    <t>【哈电发电机】防松螺母\WH-01D1665</t>
  </si>
  <si>
    <t>【哈电发电机】防松螺母\WH-01D1669</t>
  </si>
  <si>
    <t>【哈电发电机】销子\WH-8EA.022.030</t>
  </si>
  <si>
    <t>【哈电发电机】框\WH-8EA.043.007</t>
  </si>
  <si>
    <t>【哈电发电机】盖板\WH-8EA.150.145</t>
  </si>
  <si>
    <t>【哈电发电机】盖板\WH-8EA.150.146</t>
  </si>
  <si>
    <t>【哈电发电机】盖板\WH-8EA.150.147</t>
  </si>
  <si>
    <t>【哈电发电机】有机玻璃\φ99*17\WH-8EA.312.034</t>
  </si>
  <si>
    <t>【哈电发电机】密封垫\WH-8EA.371.011</t>
  </si>
  <si>
    <t>【哈电发电机】密封垫\WH-8EA.371.012</t>
  </si>
  <si>
    <t>【哈电发电机】六角螺栓\M39*160\WH-8EA.920.007</t>
  </si>
  <si>
    <t>【哈电发电机】六角螺栓\M10*25\WH-8EA.920.018</t>
  </si>
  <si>
    <t>【哈电发电机】六角螺栓\M20*65\WH-8EA.920.019</t>
  </si>
  <si>
    <t>【哈电发电机】环氧玻璃布管\27*3*68\01J3599P073</t>
  </si>
  <si>
    <t>【哈电发电机】胶\750-2\01J3601P006</t>
  </si>
  <si>
    <t>【哈电发电机】耐油橡胶板\10/3707/L1000*500\01J4249P052</t>
  </si>
  <si>
    <t>【哈电发电机】钢板\2*30*1000/Q235\01J4249P057</t>
  </si>
  <si>
    <t>【哈电发电机】隔音罩装配\01J4250</t>
  </si>
  <si>
    <t>【哈电发电机】环氧玻璃布板\0.5/9320/13.5*3175\01J4861P011</t>
  </si>
  <si>
    <t>【哈电发电机】胶\53311ES\01J4861P012</t>
  </si>
  <si>
    <t>【哈电发电机】硅橡胶条\φ6.4/L7200\01J4861P020</t>
  </si>
  <si>
    <t>【哈电发电机】硅橡胶条\φ10/L1600\01J4861P034</t>
  </si>
  <si>
    <t>【哈电发电机】汽端挡油盖装配\02A4517</t>
  </si>
  <si>
    <t>【哈电发电机】层压板\2*54*100/9320\02A4549P010</t>
  </si>
  <si>
    <t>【哈电发电机】环氧玻璃布管\21*2.7长110/3640\02A4558P015</t>
  </si>
  <si>
    <t>【哈电发电机】环氧玻璃布管\16*2长100/3640\02A4558P028</t>
  </si>
  <si>
    <t>【哈电发电机】环氧玻璃布管\21*2.7长38/3640\02A4558P035</t>
  </si>
  <si>
    <t>【哈电发电机】环氧玻璃布管\21*2.7长110/3640\02A4561P015</t>
  </si>
  <si>
    <t>【哈电发电机】环氧玻璃布管\21*2.7长38/3640\02A4561P020</t>
  </si>
  <si>
    <t>【哈电发电机】环氧玻璃布管\16*2长100/3640\02A4561P037</t>
  </si>
  <si>
    <t>【哈电发电机】导风环\02A4613</t>
  </si>
  <si>
    <t>【哈电发电机】中性点母线板\02A6779</t>
  </si>
  <si>
    <t>【哈电发电机】中性点母线板\02A6780</t>
  </si>
  <si>
    <t>【哈电发电机】层压板\1.5*48*64/9320\02A8939P018</t>
  </si>
  <si>
    <t>【哈电发电机】层压板\10*48*64/9320\02A8939P046</t>
  </si>
  <si>
    <t>【哈电发电机】层压板\16*48*64/9320\02A8939P047</t>
  </si>
  <si>
    <t>【哈电发电机】层压板\25*48*64/9320\02A8939P048</t>
  </si>
  <si>
    <t>【哈电发电机】层压板\1*56*64/9320\02A8939P049</t>
  </si>
  <si>
    <t>【哈电发电机】层压板\3*56*64/9320\02A8939P050</t>
  </si>
  <si>
    <t>【哈电发电机】层压板\6*56*64/9320\02A8939P051</t>
  </si>
  <si>
    <t>【哈电发电机】层压板\13*56*64/9320\02A8939P052</t>
  </si>
  <si>
    <t>【哈电发电机】层压板\20*56*64/9320\02A8939P053</t>
  </si>
  <si>
    <t>【哈电发电机】接线箱\5#\03A6112P011</t>
  </si>
  <si>
    <t>【哈电发电机】接线箱\4#\03A6112P012</t>
  </si>
  <si>
    <t>【哈电发电机】接线箱\6#\03A6112P013</t>
  </si>
  <si>
    <t>【哈电发电机】接线箱\1#\03A6112P017</t>
  </si>
  <si>
    <t>【哈电发电机】引线装配\U1\03B5092</t>
  </si>
  <si>
    <t>【哈电发电机】引线装配\V1\03B5093</t>
  </si>
  <si>
    <t>【哈电发电机】引线装配\W1\03B5094</t>
  </si>
  <si>
    <t>【哈电发电机】引线装配\U2\03B5095</t>
  </si>
  <si>
    <t>【哈电发电机】引线装配\V2\03B5096</t>
  </si>
  <si>
    <t>【哈电发电机】引线装配\W2\03B5097</t>
  </si>
  <si>
    <t>【哈电发电机】六角沉头螺钉\DIN7991-86/M10*55/8.8\03B5681P006</t>
  </si>
  <si>
    <t>【哈电发电机】六角沉头螺钉\DIN7991-86/M10*50/8.8\03B5681P007</t>
  </si>
  <si>
    <t>【哈电发电机】鞍块\03B7847</t>
  </si>
  <si>
    <t>【哈电发电机】鞍块\03B7848</t>
  </si>
  <si>
    <t>【哈电发电机】引线支架\03B7881</t>
  </si>
  <si>
    <t>【哈电发电机】引线支架\03B7882</t>
  </si>
  <si>
    <t>【哈电发电机】热电偶\03B8070</t>
  </si>
  <si>
    <t>【哈电发电机】热电偶\03B8071</t>
  </si>
  <si>
    <t>【哈电发电机】热电偶\03B8072</t>
  </si>
  <si>
    <t>【哈电发电机】热电偶\03B8073</t>
  </si>
  <si>
    <t>【哈电发电机】热电偶\03B8074</t>
  </si>
  <si>
    <t>【哈电发电机】母线管挡板装配\03B8121</t>
  </si>
  <si>
    <t>【哈电发电机】端板\04B0740</t>
  </si>
  <si>
    <t>【哈电发电机】端板\04B0741</t>
  </si>
  <si>
    <t>【哈电发电机】隔板\04B0742</t>
  </si>
  <si>
    <t>【哈电发电机】母线管挡板装配\04B1548</t>
  </si>
  <si>
    <t>【哈电发电机】返回接头\04B1549</t>
  </si>
  <si>
    <t>【哈电发电机】接头\04B1550</t>
  </si>
  <si>
    <t>【哈电发电机】母线管挡板装配\04B1583</t>
  </si>
  <si>
    <t>【哈电发电机】母线管挡板装配\04B1584</t>
  </si>
  <si>
    <t>【哈电发电机】引线夹板\04C9395</t>
  </si>
  <si>
    <t>【哈电发电机】螺钉\04C9396</t>
  </si>
  <si>
    <t>【哈电发电机】汽端绝缘端环\04C9399</t>
  </si>
  <si>
    <t>【哈电发电机】楔下垫条\04C9400</t>
  </si>
  <si>
    <t>【哈电发电机】楔下垫条\04C9401</t>
  </si>
  <si>
    <t>【哈电发电机】励端绝缘端环\04C9402</t>
  </si>
  <si>
    <t>【哈电发电机】导电杆\04C9445</t>
  </si>
  <si>
    <t>【哈电发电机】导电杆\04C9446</t>
  </si>
  <si>
    <t>【哈电发电机】连接板加工\04C9447</t>
  </si>
  <si>
    <t>【哈电发电机】导电杆\04C9448</t>
  </si>
  <si>
    <t>【哈电发电机】槽衬\04C9542</t>
  </si>
  <si>
    <t>【哈电发电机】槽衬\04C9543</t>
  </si>
  <si>
    <t>【哈电发电机】螺栓\M72*3\05C1856</t>
  </si>
  <si>
    <t>【哈电发电机】人孔密封垫\05C1860</t>
  </si>
  <si>
    <t>【哈电发电机】压板\05C1931</t>
  </si>
  <si>
    <t>【哈电发电机】拉紧楔\05C2015</t>
  </si>
  <si>
    <t>【哈电发电机】楔块\05C2016</t>
  </si>
  <si>
    <t>【哈电发电机】楔块\05C2017</t>
  </si>
  <si>
    <t>【哈电发电机】绝缘螺栓\05C2026</t>
  </si>
  <si>
    <t>【哈电发电机】绝缘螺栓\05C2032</t>
  </si>
  <si>
    <t>【哈电发电机】绝缘螺栓\M24\05C2033</t>
  </si>
  <si>
    <t>【哈电发电机】绝缘螺栓\05C2034</t>
  </si>
  <si>
    <t>【哈电发电机】夹板\05C2063</t>
  </si>
  <si>
    <t>【哈电发电机】挡油板\05C2284</t>
  </si>
  <si>
    <t>【哈电发电机】挡风环\05C5685</t>
  </si>
  <si>
    <t>【哈电发电机】连接铜排\05C5694</t>
  </si>
  <si>
    <t>【哈电发电机】连接铜排\05C5695</t>
  </si>
  <si>
    <t>【哈电发电机】环键\05C9937</t>
  </si>
  <si>
    <t>【哈电发电机】剪切筒\05C9958</t>
  </si>
  <si>
    <t>【哈电发电机】连接块\06D3994</t>
  </si>
  <si>
    <t>【哈电发电机】绝缘垫块\06D4001</t>
  </si>
  <si>
    <t>【哈电发电机】绝缘垫块\06D4002</t>
  </si>
  <si>
    <t>【哈电发电机】引线槽楔\06D4005</t>
  </si>
  <si>
    <t>【哈电发电机】绝缘衬垫\06D4006</t>
  </si>
  <si>
    <t>【哈电发电机】铜块\06D4007</t>
  </si>
  <si>
    <t>【哈电发电机】阻尼条\06D4009</t>
  </si>
  <si>
    <t>【哈电发电机】绝缘板\06D4084</t>
  </si>
  <si>
    <t>【哈电发电机】绝缘板\06D4085</t>
  </si>
  <si>
    <t>【哈电发电机】绝缘管\06D4086</t>
  </si>
  <si>
    <t>【哈电发电机】绝缘棒\06D4088</t>
  </si>
  <si>
    <t>【哈电发电机】垫圈\06D4090</t>
  </si>
  <si>
    <t>【哈电发电机】垫圈\06D4091</t>
  </si>
  <si>
    <t>【哈电发电机】垫圈\06D4092</t>
  </si>
  <si>
    <t>【哈电发电机】垫圈\06D4094</t>
  </si>
  <si>
    <t>【哈电发电机】垫圈\06D4095</t>
  </si>
  <si>
    <t>【哈电发电机】绝缘片\06D4096</t>
  </si>
  <si>
    <t>【哈电发电机】绝缘销\06D4097</t>
  </si>
  <si>
    <t>【哈电发电机】绝缘堵\06D4098</t>
  </si>
  <si>
    <t>【哈电发电机】楔形垫条\06D4099</t>
  </si>
  <si>
    <t>【哈电发电机】圆柱销\06D4126</t>
  </si>
  <si>
    <t>【哈电发电机】圆柱销\06D4129</t>
  </si>
  <si>
    <t>【哈电发电机】止动螺钉\06D4130</t>
  </si>
  <si>
    <t>【哈电发电机】风叶定位螺钉\06D4133</t>
  </si>
  <si>
    <t>【哈电发电机】环键\06D4135</t>
  </si>
  <si>
    <t>【哈电发电机】挡风块\06D4153</t>
  </si>
  <si>
    <t>【哈电发电机】圆键\06D4155</t>
  </si>
  <si>
    <t>【哈电发电机】方头丝堵\1/8"\06D4376</t>
  </si>
  <si>
    <t>【哈电发电机】薄膜式铂电阻元件\(44/300)-3M\07C0430</t>
  </si>
  <si>
    <t>【哈电发电机】薄膜式铂电阻元件\(44/300)-3M\07C2581</t>
  </si>
  <si>
    <t>【哈电发电机】探测线圈\07C5705</t>
  </si>
  <si>
    <t>【哈电发电机】纵轴撑板\07D0137</t>
  </si>
  <si>
    <t>【哈电发电机】盖板螺钉\M36\07D1376</t>
  </si>
  <si>
    <t>【哈电发电机】螺栓\07D4130</t>
  </si>
  <si>
    <t>【哈电发电机】螺栓\M39*160\07D4131</t>
  </si>
  <si>
    <t>【哈电发电机】螺母\M39\07D4133</t>
  </si>
  <si>
    <t>【哈电发电机】螺母\M72*3\07D4134</t>
  </si>
  <si>
    <t>【哈电发电机】销钉\07D4135</t>
  </si>
  <si>
    <t>【哈电发电机】螺栓\M39*140\07D4139</t>
  </si>
  <si>
    <t>【哈电发电机】螺栓\M20*65/Q235\07D4153</t>
  </si>
  <si>
    <t>【哈电发电机】定位销钉\07D4157</t>
  </si>
  <si>
    <t>【哈电发电机】横向定位键垫块\07D4166</t>
  </si>
  <si>
    <t>【哈电发电机】定位块\07D4184</t>
  </si>
  <si>
    <t>【哈电发电机】方头螺塞Z\ZG1/4″\07D4185</t>
  </si>
  <si>
    <t>【哈电发电机】垫圈\07D4232</t>
  </si>
  <si>
    <t>【哈电发电机】止动垫圈\07D4233</t>
  </si>
  <si>
    <t>【哈电发电机】止动垫圈\07D4234</t>
  </si>
  <si>
    <t>【哈电发电机】止动垫圈\16\07D4235</t>
  </si>
  <si>
    <t>【哈电发电机】非磁性碟形弹簧垫圈\07D4236</t>
  </si>
  <si>
    <t>【哈电发电机】碟形弹簧垫圈\07D4237</t>
  </si>
  <si>
    <t>【哈电发电机】碟形弹簧垫圈\07D4238</t>
  </si>
  <si>
    <t>【哈电发电机】螺栓\M12\07D4239</t>
  </si>
  <si>
    <t>【哈电发电机】螺栓\M12*150\07D4240</t>
  </si>
  <si>
    <t>【哈电发电机】螺栓\M12\07D4241</t>
  </si>
  <si>
    <t>【哈电发电机】螺栓\M20*63\07D4248</t>
  </si>
  <si>
    <t>【哈电发电机】螺栓\M20*90\07D4257</t>
  </si>
  <si>
    <t>【哈电发电机】螺栓\M16*75\07D4258</t>
  </si>
  <si>
    <t>【哈电发电机】螺栓\M16*50\07D4259</t>
  </si>
  <si>
    <t>【哈电发电机】调节压板\07D4260</t>
  </si>
  <si>
    <t>【哈电发电机】螺栓\M16*105\07D4261</t>
  </si>
  <si>
    <t>【哈电发电机】防松螺母\07D4262</t>
  </si>
  <si>
    <t>【哈电发电机】螺栓\M16*120\07D4263</t>
  </si>
  <si>
    <t>【哈电发电机】螺栓\M20*65\07D4264</t>
  </si>
  <si>
    <t>【哈电发电机】垫块\07D4305</t>
  </si>
  <si>
    <t>【哈电发电机】垫块\07D4306</t>
  </si>
  <si>
    <t>【哈电发电机】螺栓\M33\07D4307</t>
  </si>
  <si>
    <t>【哈电发电机】支座螺钉\07D4351</t>
  </si>
  <si>
    <t>【哈电发电机】六角螺栓\07D4352</t>
  </si>
  <si>
    <t>【哈电发电机】锥销\07D4353</t>
  </si>
  <si>
    <t>【哈电发电机】绝缘六角螺母\M24\07D4420</t>
  </si>
  <si>
    <t>【哈电发电机】绝缘六角螺母\07D4421</t>
  </si>
  <si>
    <t>【哈电发电机】碟形绝缘垫圈\07D4422</t>
  </si>
  <si>
    <t>【哈电发电机】绝缘垫圈\07D4425</t>
  </si>
  <si>
    <t>【哈电发电机】绝缘螺杆\07D4426</t>
  </si>
  <si>
    <t>【哈电发电机】线夹\07D4559</t>
  </si>
  <si>
    <t>【哈电发电机】锁片\07D4567</t>
  </si>
  <si>
    <t>【哈电发电机】六角螺栓\07D4572</t>
  </si>
  <si>
    <t>【哈电发电机】六角螺栓\07D4573</t>
  </si>
  <si>
    <t>【哈电发电机】六角螺栓\07D4574</t>
  </si>
  <si>
    <t>【哈电发电机】六角螺栓\M8*58\07D4575</t>
  </si>
  <si>
    <t>【哈电发电机】锁片\07D4576</t>
  </si>
  <si>
    <t>【哈电发电机】联接股线\07D4577</t>
  </si>
  <si>
    <t>【哈电发电机】连接股线\07D4578</t>
  </si>
  <si>
    <t>【哈电发电机】连接件装配\L形\07D4579</t>
  </si>
  <si>
    <t>【哈电发电机】盖板\07D4586</t>
  </si>
  <si>
    <t>【哈电发电机】密封圈\07D4588</t>
  </si>
  <si>
    <t>【哈电发电机】螺栓\M20*170/45\07D4599</t>
  </si>
  <si>
    <t>【哈电发电机】螺栓\M20*170\07D4599</t>
  </si>
  <si>
    <t>【哈电发电机】止动垫片\07D4600</t>
  </si>
  <si>
    <t>【哈电发电机】法兰\07D4601</t>
  </si>
  <si>
    <t>【哈电发电机】止动垫片\07D4606</t>
  </si>
  <si>
    <t>【哈电发电机】垫片\07D4607</t>
  </si>
  <si>
    <t>【哈电发电机】法兰\07D4608</t>
  </si>
  <si>
    <t>【哈电发电机】绝缘法兰\07D4610</t>
  </si>
  <si>
    <t>【哈电发电机】垫板\07D4612</t>
  </si>
  <si>
    <t>【哈电发电机】支撑板\07D4613</t>
  </si>
  <si>
    <t>【哈电发电机】垫板\07D4614</t>
  </si>
  <si>
    <t>【哈电发电机】立板\07D4615</t>
  </si>
  <si>
    <t>【哈电发电机】法兰\07D4616</t>
  </si>
  <si>
    <t>【哈电发电机】垫片\07D4617</t>
  </si>
  <si>
    <t>【哈电发电机】盖板\07D4618</t>
  </si>
  <si>
    <t>【哈电发电机】密封圈\07D4619</t>
  </si>
  <si>
    <t>【哈电发电机】支撑管\07D4620</t>
  </si>
  <si>
    <t>【哈电发电机】法兰\07D4621</t>
  </si>
  <si>
    <t>【哈电发电机】垫片\07D4622</t>
  </si>
  <si>
    <t>【哈电发电机】止动垫片\07D4623</t>
  </si>
  <si>
    <t>【哈电发电机】橡胶套管\07D4647</t>
  </si>
  <si>
    <t>【哈电发电机】夹紧垫片\07D4654</t>
  </si>
  <si>
    <t>【哈电发电机】绝缘方螺母\M24\07D4655</t>
  </si>
  <si>
    <t>【哈电发电机】垫片\07D4656</t>
  </si>
  <si>
    <t>【哈电发电机】垫片\07D4657</t>
  </si>
  <si>
    <t>【哈电发电机】垫片\07D4658</t>
  </si>
  <si>
    <t>【哈电发电机】间隔块\07D4665</t>
  </si>
  <si>
    <t>【哈电发电机】线夹\07D4699</t>
  </si>
  <si>
    <t>【哈电发电机】线夹\07D4700</t>
  </si>
  <si>
    <t>【哈电发电机】线夹\07D4701</t>
  </si>
  <si>
    <t>【哈电发电机】线夹\07D4702</t>
  </si>
  <si>
    <t>【哈电发电机】线夹\07D4703</t>
  </si>
  <si>
    <t>【哈电发电机】线夹\07D4704</t>
  </si>
  <si>
    <t>【哈电发电机】热电偶夹板\07D4705</t>
  </si>
  <si>
    <t>【哈电发电机】热电偶垫片\07D4706</t>
  </si>
  <si>
    <t>【哈电发电机】铜管\07D4707</t>
  </si>
  <si>
    <t>【哈电发电机】线夹\07D4713</t>
  </si>
  <si>
    <t>【哈电发电机】线夹\07D4714</t>
  </si>
  <si>
    <t>【哈电发电机】薄膜式铂电阻元件\(44/100)-3N\07D4717</t>
  </si>
  <si>
    <t>【哈电发电机】盖板\07D4722</t>
  </si>
  <si>
    <t>【哈电发电机】定位螺钉\07D4723</t>
  </si>
  <si>
    <t>【哈电发电机】定位螺栓\φ22\07D4801</t>
  </si>
  <si>
    <t>【哈电发电机】绝缘管\07D4828</t>
  </si>
  <si>
    <t>【哈电发电机】绝缘垫圈\07D4829</t>
  </si>
  <si>
    <t>【哈电发电机】绝缘管\07D4831</t>
  </si>
  <si>
    <t>【哈电发电机】绝缘塞\07D4832</t>
  </si>
  <si>
    <t>【哈电发电机】垫圈\07D4834</t>
  </si>
  <si>
    <t>【哈电发电机】内六角螺钉\M12\07D4835</t>
  </si>
  <si>
    <t>【哈电发电机】绝缘堵\07D4841</t>
  </si>
  <si>
    <t>【哈电发电机】压板\07D4842</t>
  </si>
  <si>
    <t>【哈电发电机】绝缘板\07D4895</t>
  </si>
  <si>
    <t>【哈电发电机】垫块\07D4896</t>
  </si>
  <si>
    <t>【哈电发电机】密封垫\07D4922</t>
  </si>
  <si>
    <t>【哈电发电机】止动板\07D4937</t>
  </si>
  <si>
    <t>【哈电发电机】销\07D4939</t>
  </si>
  <si>
    <t>【哈电发电机】不锈钢螺栓\M12*90\07D5162</t>
  </si>
  <si>
    <t>【哈电发电机】螺栓\M12*32\07D5198</t>
  </si>
  <si>
    <t>【哈电发电机】螺栓\M12*58\07D5199</t>
  </si>
  <si>
    <t>【哈电发电机】销片\07D5203</t>
  </si>
  <si>
    <t>【哈电发电机】硅青铜螺母\M12\07D5209</t>
  </si>
  <si>
    <t>【哈电发电机】硅青铜螺母\M20\07D5210</t>
  </si>
  <si>
    <t>【哈电发电机】螺栓\M10*25\07D5211</t>
  </si>
  <si>
    <t>【哈电发电机】螺栓\M10*32\07D5212</t>
  </si>
  <si>
    <t>【哈电发电机】硅青铜螺栓\M10*50\07D5213</t>
  </si>
  <si>
    <t>【哈电发电机】尼龙沉头螺钉\M10*30\07D5219</t>
  </si>
  <si>
    <t>【哈电发电机】尼龙六角螺母\M10\07D5220</t>
  </si>
  <si>
    <t>【哈电发电机】弯头\ZG1″\07D5221</t>
  </si>
  <si>
    <t>【哈电发电机】绝缘垫圈\07D5222</t>
  </si>
  <si>
    <t>【哈电发电机】螺杆\07D5226</t>
  </si>
  <si>
    <t>【哈电发电机】绝缘垫圈\07D5317</t>
  </si>
  <si>
    <t>【哈电发电机】硅青铜六角螺栓\M20*58\07D5323</t>
  </si>
  <si>
    <t>【哈电发电机】硅青铜螺栓\M20*90\07D5324</t>
  </si>
  <si>
    <t>【哈电发电机】黄铜板锁片\07D5326</t>
  </si>
  <si>
    <t>【哈电发电机】硅青铜六角螺栓\M10\07D5327</t>
  </si>
  <si>
    <t>【哈电发电机】垫圈\07D5328</t>
  </si>
  <si>
    <t>【哈电发电机】垫圈\07D5329</t>
  </si>
  <si>
    <t>【哈电发电机】不锈钢六角螺母\M27\07D5330</t>
  </si>
  <si>
    <t>【哈电发电机】不锈钢六角螺母\M33\07D5331</t>
  </si>
  <si>
    <t>【哈电发电机】锁片\07D5337</t>
  </si>
  <si>
    <t>【哈电发电机】锁片\07D5338</t>
  </si>
  <si>
    <t>【哈电发电机】不锈钢螺栓\M12*85\07D5339</t>
  </si>
  <si>
    <t>【哈电发电机】调节块\07D5595</t>
  </si>
  <si>
    <t>【哈电发电机】盖板\08D0594</t>
  </si>
  <si>
    <t>【哈电发电机】锁片\08D0595</t>
  </si>
  <si>
    <t>【哈电发电机】止动垫圈\08D0620</t>
  </si>
  <si>
    <t>【哈电发电机】导风环\08D2852</t>
  </si>
  <si>
    <t>【哈电发电机】连接板\08D2871</t>
  </si>
  <si>
    <t>【哈电发电机】连接板\08D2873</t>
  </si>
  <si>
    <t>【哈电发电机】端头楔下垫条\08D8604</t>
  </si>
  <si>
    <t>【哈电发电机】螺塞\08D8620</t>
  </si>
  <si>
    <t>【哈电发电机】联接螺栓\08D8624</t>
  </si>
  <si>
    <t>【哈电发电机】螺钉\08D8625</t>
  </si>
  <si>
    <t>【哈电发电机】垫圈\08D8628</t>
  </si>
  <si>
    <t>【哈电发电机】垫圈\08D8629</t>
  </si>
  <si>
    <t>【哈电发电机】标号片\09D4331</t>
  </si>
  <si>
    <t>【哈电发电机】法兰\10D3463</t>
  </si>
  <si>
    <t>【哈电发电机】法兰\10D3464</t>
  </si>
  <si>
    <t>【哈电发电机】法兰\10D3465</t>
  </si>
  <si>
    <t>【哈电发电机】垫\10D3466</t>
  </si>
  <si>
    <t>【哈电发电机】垫\10D3467</t>
  </si>
  <si>
    <t>【哈电发电机】垫\10D3468</t>
  </si>
  <si>
    <t>【哈电发电机】黄铜垫圈\12\8EA.750.710</t>
  </si>
  <si>
    <t>【哈电发电机】垫圈\24/Q235\8EA.950.704</t>
  </si>
  <si>
    <t>【哈电发电机】垫圈\10/H62\8EA.950.709</t>
  </si>
  <si>
    <t>【哈电发电机】垫圈\12/H62\8EA.950.710</t>
  </si>
  <si>
    <t>【哈电发电机】垫圈\16/H62\8EA.950.711</t>
  </si>
  <si>
    <t>【哈电发电机】垫圈\20/H62\8EA.950.712</t>
  </si>
  <si>
    <t>【哈电发电机】止动垫圈\10*60/Q235\8EA.951.805</t>
  </si>
  <si>
    <t>【哈电发电机】止动垫圈\16*100/Q235\8EA.951.849</t>
  </si>
  <si>
    <t>【哈电发电机】止动垫圈\20*60/Q235\8EA.951.856</t>
  </si>
  <si>
    <t>【哈电发电机】汽端风叶\02B9008\QFSN-600-2</t>
  </si>
  <si>
    <t>【哈电发电机】励端风叶\02B9007\QFSN-600-2</t>
  </si>
  <si>
    <t>【哈电发电机】半导体玻璃布板\0.2*65*5400/9332\01J3218P041</t>
  </si>
  <si>
    <t>【哈电发电机】半导体玻璃布板\0.2*32*5400/9332\01J3218P053</t>
  </si>
  <si>
    <t>【哈电发电机】半导体玻璃布板\0.5*32*5400/9332\01J3218P054</t>
  </si>
  <si>
    <t>【哈电发电机】半导体玻璃布板\0.3*65*5400/9332\01J3218P176</t>
  </si>
  <si>
    <t>【哈电发电机】半导体玻璃布板\0.5*65*5400/9332\01J3218P177</t>
  </si>
  <si>
    <t>【哈电发电机】励侧密封瓦\02A3307\QFSN-300-2</t>
  </si>
  <si>
    <t>【哈电发电机】柔性连接片\WH-01C0058</t>
  </si>
  <si>
    <t>【哈电发电机】柔性联接片\WH-1C0571</t>
  </si>
  <si>
    <t>【哈电发电机】励端氢气冷却器\01J3601P001</t>
  </si>
  <si>
    <t>【哈电发电机】汽端氢气冷却器\01J3601P002</t>
  </si>
  <si>
    <t>【哈电发电机】密封圈\L4c000405\1000MW</t>
  </si>
  <si>
    <t>【哈电发电机】密封垫\L4c000273\1000MW</t>
  </si>
  <si>
    <t>【哈电发电机】垫圈\L4c000500\1000MW</t>
  </si>
  <si>
    <t>【哈电发电机】自锁螺母\M12\GB/T889.1\1000MW</t>
  </si>
  <si>
    <t>【哈电发电机】密封胶\TVB2623\1000MW</t>
  </si>
  <si>
    <t>【哈电发电机】密封胶\TVB2624\1000MW</t>
  </si>
  <si>
    <t>【哈电发电机】连接部件\L1c000046P002\1000MW</t>
  </si>
  <si>
    <t>【哈电发电机】连接部件\L1c000046P003\1000MW</t>
  </si>
  <si>
    <t>【哈电发电机】三通焊接\Z3c000006G01\1000MW</t>
  </si>
  <si>
    <t>【哈电发电机】三通焊接\Z3c000006G02\1000MW</t>
  </si>
  <si>
    <t>【哈电发电机】三通焊接\Z3c000006G03\1000MW</t>
  </si>
  <si>
    <t>【哈电发电机】连接部件\L1c000046P010\1000MW</t>
  </si>
  <si>
    <t>【哈电发电机】连接部件\L1c000046P011\1000MW</t>
  </si>
  <si>
    <t>【哈电发电机】绝缘引水管\L1c000010P012\1000MW</t>
  </si>
  <si>
    <t>【哈电发电机】绝缘引水管\L1c000010P013\1000MW</t>
  </si>
  <si>
    <t>【哈电发电机】绝缘引水管\L1c000010P014\1000MW</t>
  </si>
  <si>
    <t>【哈电发电机】绝缘引水管\L1c000010P015\1000MW</t>
  </si>
  <si>
    <t>【哈电发电机】银焊丝\Φ3/BCu80AgP\Z1c000048P023\1000MW</t>
  </si>
  <si>
    <t>【哈电发电机】焊丝\Φ1.2/EL316\Z1c000048P024\1000MW</t>
  </si>
  <si>
    <t>【哈电发电机】绝缘盒\L3c000110P003\1000MW</t>
  </si>
  <si>
    <t>【哈电发电机】绝缘盒\L3c000110P004\1000MW</t>
  </si>
  <si>
    <t>【哈电发电机】绝缘盒\L3c000111P003\1000MW</t>
  </si>
  <si>
    <t>【哈电发电机】绝缘盒\L3c000111P004\1000MW</t>
  </si>
  <si>
    <t>【哈电发电机】环氧胶\HEC52101\Z1c000398P104\1000MW</t>
  </si>
  <si>
    <t>【哈电发电机】人孔垫圈\L4c000309\1000MW</t>
  </si>
  <si>
    <t>【哈电发电机】绝缘垫圈\L4c000310\1000MW</t>
  </si>
  <si>
    <t>【哈电发电机】绝缘垫圈\L4c000311\1000MW</t>
  </si>
  <si>
    <t>【哈电发电机】垫圈\L4c000167\1000MW</t>
  </si>
  <si>
    <t>【哈电发电机】垫圈\Z1c000149序22\1000MW</t>
  </si>
  <si>
    <t>【哈电发电机】垫圈\Z1c000149序23\1000MW</t>
  </si>
  <si>
    <t>【哈电发电机】垫圈\Z1c000149序24\1000MW</t>
  </si>
  <si>
    <t>【哈电发电机】垫圈\Z1c000149序25\1000MW</t>
  </si>
  <si>
    <t>【哈电发电机】垫圈\Z1c000149序28\1000MW</t>
  </si>
  <si>
    <t>【哈电发电机】O型圈\L4c000410\1000MW</t>
  </si>
  <si>
    <t>【哈电发电机】O型圈\L4c000333\1000MW</t>
  </si>
  <si>
    <t>【哈电发电机】梳齿\L3c000063序2\1000MW</t>
  </si>
  <si>
    <t>【哈电发电机】梳齿\L3c000063序1\1000MW</t>
  </si>
  <si>
    <t>【哈电发电机】弹簧\L2c000037序101\1000MW</t>
  </si>
  <si>
    <t>【哈电发电机】弹簧\L2c000037序102\1000MW</t>
  </si>
  <si>
    <t>【哈电发电机】弹簧\L2c00037序1\1000MW</t>
  </si>
  <si>
    <t>【哈电发电机】弹簧\L2c00037序2\1000MW</t>
  </si>
  <si>
    <t>【哈电发电机】止动垫圈\L4c000236序1\1000MW</t>
  </si>
  <si>
    <t>【哈电发电机】止动垫圈\L4c000236序2\1000MW</t>
  </si>
  <si>
    <t>【哈电发电机】发电机中间环密封垫\03B5664\600MW</t>
  </si>
  <si>
    <t>【哈电发电机】导电螺钉\Z2c000059\1000MW</t>
  </si>
  <si>
    <t>【哈电发电机】弹簧密封垫圈\L4c000184\1000MW</t>
  </si>
  <si>
    <t>【哈电发电机】垫圈\L4c000185\1000MW</t>
  </si>
  <si>
    <t>【哈电发电机】调节密封垫圈\Z1c000118P017\1000MW</t>
  </si>
  <si>
    <t>【哈电发电机】碟形弹簧垫圈\L3c000083\1000MW</t>
  </si>
  <si>
    <t>【哈电发电机】固定螺母\L3c000081\1000MW</t>
  </si>
  <si>
    <t>【哈电发电机】垫圈\L4c000187\1000MW</t>
  </si>
  <si>
    <t>【哈电发电机】螺母\L4c000180\1000MW</t>
  </si>
  <si>
    <t>【哈电发电机】螺母\L4c000181\1000MW</t>
  </si>
  <si>
    <t>【哈电发电机】垫圈\L3c000080P003\1000MW</t>
  </si>
  <si>
    <t>【哈电发电机】固定螺母\L4c000252\1000MW</t>
  </si>
  <si>
    <t>【哈电发电机】室温硫化硅胶\TSE350\Z1c000118P045\1000MW</t>
  </si>
  <si>
    <t>【哈电发电机】固化剂\CE601\Z1c000118P046\1000MW</t>
  </si>
  <si>
    <t>【哈电发电机】密封垫\L3c000144\1000MW</t>
  </si>
  <si>
    <t>【哈电发电机】人孔密封垫\L4c000406\1000MW</t>
  </si>
  <si>
    <t>【哈电发电机】垫圈\Z1c000149序21\1000MW</t>
  </si>
  <si>
    <t>【哈电发电机】垫圈\Z1c000149序26\1000MW</t>
  </si>
  <si>
    <t>【哈电发电机】垫圈\Z1c000149序27\1000MW</t>
  </si>
  <si>
    <t>【哈电发电机】主机密封油减压阀\通经：65mm/精度±0.05MPa/压力0.8-1.0MPa\JYF-3\JYF-3</t>
  </si>
  <si>
    <t>【哈电发电机】主机密封油波纹管式泄压阀\公称直径：25mm\BXF-2\BXF-2</t>
  </si>
  <si>
    <t>【哈电发电机】顶起螺栓\L4c000415\QFSN2-1000-2</t>
  </si>
  <si>
    <t>【哈电发电机】人孔密封圈\L4c001901\QFSN2-1000-2</t>
  </si>
  <si>
    <t>【哈电发电机】人孔密封圈\L4c001902\QFSN2-1000-2</t>
  </si>
  <si>
    <t>【哈电发电机】无孔法兰\L4c002750\QFSN2-1000-2</t>
  </si>
  <si>
    <t>【哈电发电机】外方管堵\GB/T3287-2000/T8-1-C\Z1c000692P022\QFSN2-1000-2</t>
  </si>
  <si>
    <t>【哈电发电机】热电阻引线\SHDL-7*0.25-3X\Z1c000366G002P010\QFSN2-1000-2</t>
  </si>
  <si>
    <t>【哈电发电机】冷却器氢温热电阻\Z1c000146\QFSN2-1000-2</t>
  </si>
  <si>
    <t>【哈电发电机】定子绕组测温元件装配\Z2c000047\QFSN2-1000-2</t>
  </si>
  <si>
    <t>【哈电发电机】定子绕组测温元件装配\Z2c000046\QFSN2-1000-2</t>
  </si>
  <si>
    <t>【哈电发电机】热电偶\L2c000241P001\QFSN2-1000-2</t>
  </si>
  <si>
    <t>【哈电发电机】热电偶\L2c000241P002\QFSN2-1000-2</t>
  </si>
  <si>
    <t>【哈电发电机】热电偶\L2c000241P003\QFSN2-1000-2</t>
  </si>
  <si>
    <t>【哈电发电机】热电偶\L2c000241P004\QFSN2-1000-2</t>
  </si>
  <si>
    <t>【哈电发电机】热电偶\L2c000241P005\QFSN2-1000-2</t>
  </si>
  <si>
    <t>【哈电发电机】热电偶\L2c000241P006\QFSN2-1000-2</t>
  </si>
  <si>
    <t>【哈电发电机】热电偶\L2c000241P007\QFSN2-1000-2</t>
  </si>
  <si>
    <t>【哈电发电机】热电偶\L2c000241P008\QFSN2-1000-2</t>
  </si>
  <si>
    <t>【哈电发电机】定子引线支撑\L3c000109P001\QFSN2-1000-2</t>
  </si>
  <si>
    <t>【哈电发电机】定子引线支撑\L3c000109P002\QFSN2-1000-2</t>
  </si>
  <si>
    <t>【哈电发电机】定子引线支撑\L4c000267\QFSN2-1000-2</t>
  </si>
  <si>
    <t>【哈电发电机】垫片\L4c000265\QFSN2-1000-2</t>
  </si>
  <si>
    <t>【哈电发电机】绝缘双头螺柱\L4c000264\QFSN2-1000-2</t>
  </si>
  <si>
    <t>【哈电发电机】绝缘螺母\L4c000263\QFSN2-1000-2</t>
  </si>
  <si>
    <t>【哈电发电机】绝缘垫片\L4c000262\QFSN2-1000-2</t>
  </si>
  <si>
    <t>【哈电发电机】不锈钢螺栓\L4c000261\QFSN2-1000-2</t>
  </si>
  <si>
    <t>【哈电发电机】块\L4c000266\QFSN2-1000-2</t>
  </si>
  <si>
    <t>【哈电发电机】定位销\L4c000260\QFSN2-1000-2</t>
  </si>
  <si>
    <t>【哈电发电机】滑套\L4c000259\QFSN2-1000-2</t>
  </si>
  <si>
    <t>【哈电发电机】定子上层线圈\Z0c000139G001\QFSN2-1000-2</t>
  </si>
  <si>
    <t>【哈电发电机】定子下层线圈\Z0c000139G002\QFSN2-1000-2</t>
  </si>
  <si>
    <t>【哈电发电机】波纹板(上层)\L3c000073P001\QFSN2-1000-2</t>
  </si>
  <si>
    <t>【哈电发电机】波纹板(下层)\L3c000073P002\QFSN2-1000-2</t>
  </si>
  <si>
    <t>【哈电发电机】线圈垫条\L4c000161\QFSN2-1000-2</t>
  </si>
  <si>
    <t>【哈电发电机】槽部垫条\L4c000160\QFSN2-1000-2</t>
  </si>
  <si>
    <t>【哈电发电机】定子槽楔\Z2c000041P003\QFSN2-1000-2</t>
  </si>
  <si>
    <t>【哈电发电机】绑块\Z2c000041P004\QFSN2-1000-2</t>
  </si>
  <si>
    <t>【哈电发电机】垫块\Z2c000041P005\QFSN2-1000-2</t>
  </si>
  <si>
    <t>【哈电发电机】定子槽楔\L1c000036P004\QFSN2-1000-2</t>
  </si>
  <si>
    <t>【哈电发电机】定子槽楔\L1c000036P005\QFSN2-1000-2</t>
  </si>
  <si>
    <t>【哈电发电机】定子槽楔\L1c000036P006\QFSN2-1000-2</t>
  </si>
  <si>
    <t>【哈电发电机】定子槽楔\L1c000036P007\QFSN2-1000-2</t>
  </si>
  <si>
    <t>【哈电发电机】定子槽楔\L1c000036P008\QFSN2-1000-2</t>
  </si>
  <si>
    <t>【哈电发电机】定子槽楔\L1c000036P009\QFSN2-1000-2</t>
  </si>
  <si>
    <t>【哈电发电机】定子槽楔\L1c000036P010\QFSN2-1000-2</t>
  </si>
  <si>
    <t>【哈电发电机】斜楔\L1c000036P011\QFSN2-1000-2</t>
  </si>
  <si>
    <t>【哈电发电机】斜楔\L1c000036P012\QFSN2-1000-2</t>
  </si>
  <si>
    <t>【哈电发电机】斜楔\L1c000036P013\QFSN2-1000-2</t>
  </si>
  <si>
    <t>【哈电发电机】斜楔\L1c000036P014\QFSN2-1000-2</t>
  </si>
  <si>
    <t>【哈电发电机】斜楔\L1c000036P015\QFSN2-1000-2</t>
  </si>
  <si>
    <t>【哈电发电机】斜楔\L1c000036P016\QFSN2-1000-2</t>
  </si>
  <si>
    <t>【哈电发电机】斜楔\L1c000036P017\QFSN2-1000-2</t>
  </si>
  <si>
    <t>【哈电发电机】绝缘销\Z2c000040P020\QFSN2-1000-2</t>
  </si>
  <si>
    <t>【哈电发电机】楔下垫条\Z2c000040P021\QFSN2-1000-2</t>
  </si>
  <si>
    <t>【哈电发电机】楔下垫条\Z2c000040P022\QFSN2-1000-2</t>
  </si>
  <si>
    <t>【哈电发电机】楔下垫条\Z2c000040P023\QFSN2-1000-2</t>
  </si>
  <si>
    <t>【哈电发电机】楔下垫条\Z2c000040P024\QFSN2-1000-2</t>
  </si>
  <si>
    <t>【哈电发电机】楔下垫条\Z2c000040P025\QFSN2-1000-2</t>
  </si>
  <si>
    <t>【哈电发电机】楔下垫条\Z2c000040P026\QFSN2-1000-2</t>
  </si>
  <si>
    <t>【哈电发电机】定子引线装配U1\Z1c000396G002\QFSN2-1000-2</t>
  </si>
  <si>
    <t>【哈电发电机】连接铜排\L2c000248P001\QFSN2-1000-2</t>
  </si>
  <si>
    <t>【哈电发电机】连接铜排材料\L2c000060P005\QFSN2-1000-2</t>
  </si>
  <si>
    <t>【哈电发电机】连接块\L2c000011P002\QFSN2-1000-2</t>
  </si>
  <si>
    <t>【哈电发电机】定子引线\L1c000006P001\QFSN2-1000-2</t>
  </si>
  <si>
    <t>【哈电发电机】定子引线\L1c000006P003\QFSN2-1000-2</t>
  </si>
  <si>
    <t>【哈电发电机】定子引线\L1c000006P011\QFSN2-1000-2</t>
  </si>
  <si>
    <t>【哈电发电机】连接板装配\Z4c000143\QFSN2-1000-2</t>
  </si>
  <si>
    <t>【哈电发电机】连接板\L3c000665\QFSN2-1000-2</t>
  </si>
  <si>
    <t>【哈电发电机】塞子\L4c000056\QFSN2-1000-2</t>
  </si>
  <si>
    <t>【哈电发电机】接头\L4c000057\QFSN2-1000-2</t>
  </si>
  <si>
    <t>【哈电发电机】定子引线装配V1\Z1c000396G004\QFSN2-1000-2</t>
  </si>
  <si>
    <t>【哈电发电机】连接铜排\L2c000248P002\QFSN2-1000-2</t>
  </si>
  <si>
    <t>【哈电发电机】连接块\L2c000011P001\QFSN2-1000-2</t>
  </si>
  <si>
    <t>【哈电发电机】定子引线\L1c000006P007\QFSN2-1000-2</t>
  </si>
  <si>
    <t>【哈电发电机】定子引线\L1c000006P008\QFSN2-1000-2</t>
  </si>
  <si>
    <t>【哈电发电机】定子引线装配W1\Z1c000396G006\QFSN2-1000-2</t>
  </si>
  <si>
    <t>【哈电发电机】连接铜排\L2c000248P005\QFSN2-1000-2</t>
  </si>
  <si>
    <t>【哈电发电机】定子引线\L1c000006P004\QFSN2-1000-2</t>
  </si>
  <si>
    <t>【哈电发电机】定子引线\L1c000006P012\QFSN2-1000-2</t>
  </si>
  <si>
    <t>【哈电发电机】定子引线U2\Z1c000397G002\QFSN2-1000-2</t>
  </si>
  <si>
    <t>【哈电发电机】连接铜排\L2c000248P003\QFSN2-1000-2</t>
  </si>
  <si>
    <t>【哈电发电机】定子引线\L1c000006P002\QFSN2-1000-2</t>
  </si>
  <si>
    <t>【哈电发电机】定子引线\L1c000006P006\QFSN2-1000-2</t>
  </si>
  <si>
    <t>【哈电发电机】定子引线\L1c000006P014\QFSN2-1000-2</t>
  </si>
  <si>
    <t>【哈电发电机】定子引线V2\Z1c000397G004\QFSN2-1000-2</t>
  </si>
  <si>
    <t>【哈电发电机】连接铜排\L2c000248P004\QFSN2-1000-2</t>
  </si>
  <si>
    <t>【哈电发电机】定子引线\L1c000006P009\QFSN2-1000-2</t>
  </si>
  <si>
    <t>【哈电发电机】定子引线\L1c000006P010\QFSN2-1000-2</t>
  </si>
  <si>
    <t>【哈电发电机】定子引线装配W2\Z1c000397G006\QFSN2-1000-2</t>
  </si>
  <si>
    <t>【哈电发电机】连接铜排\L2c000248P006\QFSN2-1000-2</t>
  </si>
  <si>
    <t>【哈电发电机】定子引线\L1c000006P005\QFSN2-1000-2</t>
  </si>
  <si>
    <t>【哈电发电机】定子引线\L1c000006P013\QFSN2-1000-2</t>
  </si>
  <si>
    <t>【哈电发电机】三通\Z3c000006G001\QFSN2-1000-2</t>
  </si>
  <si>
    <t>【哈电发电机】连接部件\L1c000046P004\QFSN2-1000-2</t>
  </si>
  <si>
    <t>【哈电发电机】接管\L4c000065\QFSN2-1000-2</t>
  </si>
  <si>
    <t>【哈电发电机】三通\Z3c000006G002\QFSN2-1000-2</t>
  </si>
  <si>
    <t>【哈电发电机】连接部件\L1c000046P005\QFSN2-1000-2</t>
  </si>
  <si>
    <t>【哈电发电机】三通\Z3c000006G003\QFSN2-1000-2</t>
  </si>
  <si>
    <t>【哈电发电机】连接部件\L1c000046P006\QFSN2-1000-2</t>
  </si>
  <si>
    <t>【哈电发电机】焊接部件\Z1c000047\QFSN2-1000-2</t>
  </si>
  <si>
    <t>【哈电发电机】焊接部件\Z1c000047G001\QFSN2-1000-2</t>
  </si>
  <si>
    <t>【哈电发电机】支撑块\L3c000114\QFSN2-1000-2</t>
  </si>
  <si>
    <t>【哈电发电机】支撑块\L3c000114P002\QFSN2-1000-2</t>
  </si>
  <si>
    <t>【哈电发电机】支撑块\L3c000114P003\QFSN2-1000-2</t>
  </si>
  <si>
    <t>【哈电发电机】绝缘销\L3c000114P004\QFSN2-1000-2</t>
  </si>
  <si>
    <t>【哈电发电机】支撑块\L4c001907P001\QFSN2-1000-2</t>
  </si>
  <si>
    <t>【哈电发电机】支撑块\L4c001907P002\QFSN2-1000-2</t>
  </si>
  <si>
    <t>【哈电发电机】垫片\HEC3248/1.6*60*650\Z1c000398P058\QFSN2-1000-2</t>
  </si>
  <si>
    <t>【哈电发电机】垫片\HEC3248/3.0*60*650\Z1c000398P059\QFSN2-1000-2</t>
  </si>
  <si>
    <t>【哈电发电机】气隙隔板装配\Z2c000042\QFSN2-1000-2</t>
  </si>
  <si>
    <t>【哈电发电机】气隙隔板\L4c000159\QFSN2-1000-2</t>
  </si>
  <si>
    <t>【哈电发电机】涤纶毡\3*120*500\L4c000268P001\QFSN2-1000-2</t>
  </si>
  <si>
    <t>【哈电发电机】涤纶毡\3*65*1800\L4c000268P004\QFSN2-1000-2</t>
  </si>
  <si>
    <t>【哈电发电机】涤纶毡\6*65*1800\L4c000268P005\QFSN2-1000-2</t>
  </si>
  <si>
    <t>【哈电发电机】垫片\HEC3248/60*60*600\Z1c000398P085\QFSN2-1000-2</t>
  </si>
  <si>
    <t>【哈电发电机】转子匝间短路检测装配\Z1c000125\QFSN2-1000-2</t>
  </si>
  <si>
    <t>【哈电发电机】转子匝间短路检测探头\L3c000120\QFSN2-1000-2</t>
  </si>
  <si>
    <t>【哈电发电机】铜线\Φ1.6*800\Z1c000125G004P003\QFSN2-1000-2</t>
  </si>
  <si>
    <t>【哈电发电机】搭接导体\JIS/C2807/CE2\Z1c000125G004P005\QFSN2-1000-2</t>
  </si>
  <si>
    <t>【哈电发电机】特氟隆管 (白色)\Φ2.0*Φ3.0*300\Z1c000125G004P006\QFSN2-1000-2</t>
  </si>
  <si>
    <t>【哈电发电机】特氟隆管 (红色)\Φ2.0*Φ3.0*300\Z1c000125G004P007\QFSN2-1000-2</t>
  </si>
  <si>
    <t>【哈电发电机】特氟隆管 (本色)\Φ4*Φ5*300\Z1c000125G004P008\QFSN2-1000-2</t>
  </si>
  <si>
    <t>【哈电发电机】标号签PVC管\(白色)Φ6*Φ7*300\Z1c000125G004P009\QFSN2-1000-2</t>
  </si>
  <si>
    <t>【哈电发电机】适形垫条\L3c000149P001\QFSN2-1000-2</t>
  </si>
  <si>
    <t>【哈电发电机】适形垫条\L3c000149P002\QFSN2-1000-2</t>
  </si>
  <si>
    <t>【哈电发电机】垫块\L3c000115P164\QFSN2-1000-2</t>
  </si>
  <si>
    <t>【哈电发电机】垫块\L3c000115P165\QFSN2-1000-2</t>
  </si>
  <si>
    <t>【哈电发电机】垫块\L3c000115P166\QFSN2-1000-2</t>
  </si>
  <si>
    <t>【哈电发电机】垫块\L3c000115P167\QFSN2-1000-2</t>
  </si>
  <si>
    <t>【哈电发电机】涤纶毡\6*50*1000\Z1c000398P168\QFSN2-1000-2</t>
  </si>
  <si>
    <t>【哈电发电机】涤纶毡\6*60*1000\Z1c000398P169\QFSN2-1000-2</t>
  </si>
  <si>
    <t>【哈电发电机】块\L3c000112P301\QFSN2-1000-2</t>
  </si>
  <si>
    <t>【哈电发电机】块\L3c000112P302\QFSN2-1000-2</t>
  </si>
  <si>
    <t>【哈电发电机】块\L3c000112P303\QFSN2-1000-2</t>
  </si>
  <si>
    <t>【哈电发电机】块\L3c000112P304\QFSN2-1000-2</t>
  </si>
  <si>
    <t>【哈电发电机】块\L3c000112P305\QFSN2-1000-2</t>
  </si>
  <si>
    <t>【哈电发电机】块\L3c000112P306\QFSN2-1000-2</t>
  </si>
  <si>
    <t>【哈电发电机】块\L3c000112P311\QFSN2-1000-2</t>
  </si>
  <si>
    <t>【哈电发电机】块\L3c000112P312\QFSN2-1000-2</t>
  </si>
  <si>
    <t>【哈电发电机】块\L3c000112P313\QFSN2-1000-2</t>
  </si>
  <si>
    <t>【哈电发电机】块\L3c000112P314\QFSN2-1000-2</t>
  </si>
  <si>
    <t>【哈电发电机】块\L3c000112P315\QFSN2-1000-2</t>
  </si>
  <si>
    <t>【哈电发电机】块\L3c000112P316\QFSN2-1000-2</t>
  </si>
  <si>
    <t>【哈电发电机】块\L3c000112P004\QFSN2-1000-2</t>
  </si>
  <si>
    <t>【哈电发电机】Z形环\L3c000091P001\QFSN2-1000-2</t>
  </si>
  <si>
    <t>【哈电发电机】Z形环(励端)\L3c000091P002\QFSN2-1000-2</t>
  </si>
  <si>
    <t>【哈电发电机】绑环垫\Φ22\L3c000093P001\QFSN2-1000-2</t>
  </si>
  <si>
    <t>【哈电发电机】绑环垫\Φ29\L3c000093P002\QFSN2-1000-2</t>
  </si>
  <si>
    <t>【哈电发电机】预留带(励端下层)\L3c000095P003\QFSN2-1000-2</t>
  </si>
  <si>
    <t>【哈电发电机】定子线棒垫块\L3c000096P001\QFSN2-1000-2</t>
  </si>
  <si>
    <t>【哈电发电机】定子线棒垫块\L3c000096P002\QFSN2-1000-2</t>
  </si>
  <si>
    <t>【哈电发电机】定子线棒垫块\L3c000096P003\QFSN2-1000-2</t>
  </si>
  <si>
    <t>【哈电发电机】预留带(励端上层)\L3c000095P001\QFSN2-1000-2</t>
  </si>
  <si>
    <t>【哈电发电机】绝缘销\Φ10*80\L4c000253\QFSN2-1000-2</t>
  </si>
  <si>
    <t>【哈电发电机】衬垫\L4c000211\QFSN2-1000-2</t>
  </si>
  <si>
    <t>【哈电发电机】螺栓\M20*65\L4c000254\QFSN2-1000-2</t>
  </si>
  <si>
    <t>【哈电发电机】锁片\L4c000204\QFSN2-1000-2</t>
  </si>
  <si>
    <t>【哈电发电机】EPIKOTE828\L1c000039P001P001\QFSN2-1000-2</t>
  </si>
  <si>
    <t>【哈电发电机】RACCAMIDE\N143\L1c000039P001P002\QFSN2-1000-2</t>
  </si>
  <si>
    <t>【哈电发电机】垫片\L4c000201P001\QFSN2-1000-2</t>
  </si>
  <si>
    <t>【哈电发电机】绑环支架(励端)\L1c000040P001\QFSN2-1000-2</t>
  </si>
  <si>
    <t>【哈电发电机】绑环支架(励端)\L1c000040P002\QFSN2-1000-2</t>
  </si>
  <si>
    <t>【哈电发电机】绑环支架(励端)\L1c000040P003\QFSN2-1000-2</t>
  </si>
  <si>
    <t>【哈电发电机】绑环支架(励端)\L1c000040P004\QFSN2-1000-2</t>
  </si>
  <si>
    <t>【哈电发电机】定子绕组绑环(励端)\L1c000028P001\QFSN2-1000-2</t>
  </si>
  <si>
    <t>【哈电发电机】定子绕组绑环(励端)\L1c000028P002\QFSN2-1000-2</t>
  </si>
  <si>
    <t>【哈电发电机】定子绕组绑环(励端)\L1c000028P003\QFSN2-1000-2</t>
  </si>
  <si>
    <t>【哈电发电机】垫片\L4c000203P001\QFSN2-1000-2</t>
  </si>
  <si>
    <t>【哈电发电机】垫片\L4c000203P002\QFSN2-1000-2</t>
  </si>
  <si>
    <t>【哈电发电机】垫片\L4c000203P003\QFSN2-1000-2</t>
  </si>
  <si>
    <t>【哈电发电机】滑动销\L4c000208\QFSN2-1000-2</t>
  </si>
  <si>
    <t>【哈电发电机】铜支架\L2c000051\QFSN2-1000-2</t>
  </si>
  <si>
    <t>【哈电发电机】垫块\L4c000209\QFSN2-1000-2</t>
  </si>
  <si>
    <t>【哈电发电机】滑动盖板\L4c000206\QFSN2-1000-2</t>
  </si>
  <si>
    <t>【哈电发电机】滑动盖板\L4c000207\QFSN2-1000-2</t>
  </si>
  <si>
    <t>【哈电发电机】螺栓\L4c000255\QFSN2-1000-2</t>
  </si>
  <si>
    <t>【哈电发电机】支撑环(励端)\L2c000052P001\QFSN2-1000-2</t>
  </si>
  <si>
    <t>【哈电发电机】绝缘销\L4c000202\QFSN2-1000-2</t>
  </si>
  <si>
    <t>【哈电发电机】铜屏蔽(励端)\Z1c000054\QFSN2-1000-2</t>
  </si>
  <si>
    <t>【哈电发电机】垫片\L4c000074\QFSN2-1000-2</t>
  </si>
  <si>
    <t>【哈电发电机】垫片\L4c000073\QFSN2-1000-2</t>
  </si>
  <si>
    <t>【哈电发电机】线夹\L3c000090P001\QFSN2-1000-2</t>
  </si>
  <si>
    <t>【哈电发电机】螺栓\L4c000256\QFSN2-1000-2</t>
  </si>
  <si>
    <t>【哈电发电机】螺栓\L4c000257\QFSN2-1000-2</t>
  </si>
  <si>
    <t>【哈电发电机】锁片\L4c000205\QFSN2-1000-2</t>
  </si>
  <si>
    <t>【哈电发电机】垫片\L4c000201P002\QFSN2-1000-2</t>
  </si>
  <si>
    <t>【哈电发电机】定子线棒垫块\L3c000096P004\QFSN2-1000-2</t>
  </si>
  <si>
    <t>【哈电发电机】定子线棒垫块\L3c000096P005\QFSN2-1000-2</t>
  </si>
  <si>
    <t>【哈电发电机】定子线棒垫块\L3c000096P006\QFSN2-1000-2</t>
  </si>
  <si>
    <t>【哈电发电机】涤纶护套\L4c000212\QFSN2-1000-2</t>
  </si>
  <si>
    <t>【哈电发电机】垫块固定带\L4c000213\QFSN2-1000-2</t>
  </si>
  <si>
    <t>【哈电发电机】Z形环汽端\L3c000091P003\QFSN2-1000-2</t>
  </si>
  <si>
    <t>【哈电发电机】预留带汽端下层\L3c000095P004\QFSN2-1000-2</t>
  </si>
  <si>
    <t>【哈电发电机】预留带(汽端上层)\L3c000095P002\QFSN2-1000-2</t>
  </si>
  <si>
    <t>【哈电发电机】绑环支架(汽端)\L3c000092\QFSN2-1000-2</t>
  </si>
  <si>
    <t>【哈电发电机】定子绕组绑环(汽端)\L1c000028P004\QFSN2-1000-2</t>
  </si>
  <si>
    <t>【哈电发电机】定子绕组绑环(汽端)\L1c000028P005\QFSN2-1000-2</t>
  </si>
  <si>
    <t>【哈电发电机】定子绕组绑环(汽端)\L1c000028P006\QFSN2-1000-2</t>
  </si>
  <si>
    <t>【哈电发电机】支撑环(汽端)\L2c000052P002\QFSN2-1000-2</t>
  </si>
  <si>
    <t>【哈电发电机】铜屏蔽(汽端)\Z1c000055\QFSN2-1000-2</t>
  </si>
  <si>
    <t>【哈电发电机】线夹\L3c000090P002\QFSN2-1000-2</t>
  </si>
  <si>
    <t>【哈电发电机】线夹\L3c000090P003\QFSN2-1000-2</t>
  </si>
  <si>
    <t>【哈电发电机】线夹\L3c000090P004\QFSN2-1000-2</t>
  </si>
  <si>
    <t>【哈电发电机】测温总布置(铜屏蔽)\Z1c000366G005\QFSN2-1000-2</t>
  </si>
  <si>
    <t>【哈电发电机】热电偶\L2c000047P001\QFSN2-1000-2</t>
  </si>
  <si>
    <t>【哈电发电机】热电偶\L2c000047P002\QFSN2-1000-2</t>
  </si>
  <si>
    <t>【哈电发电机】热电偶\L2c000047P003\QFSN2-1000-2</t>
  </si>
  <si>
    <t>【哈电发电机】螺栓\M6*12\L4c000258\QFSN2-1000-2</t>
  </si>
  <si>
    <t>【哈电发电机】线夹\L4c000251\QFSN2-1000-2</t>
  </si>
  <si>
    <t>【哈电发电机】热电偶\L2c000042P001\QFSN2-1000-2</t>
  </si>
  <si>
    <t>【哈电发电机】热电偶\L2c000042P002\QFSN2-1000-2</t>
  </si>
  <si>
    <t>【哈电发电机】热电偶\L2c000042P003\QFSN2-1000-2</t>
  </si>
  <si>
    <t>【哈电发电机】铠装热电阻\L2c000043P001\QFSN2-1000-2</t>
  </si>
  <si>
    <t>【哈电发电机】铠装热电阻\L2c000043P002\QFSN2-1000-2</t>
  </si>
  <si>
    <t>【哈电发电机】热电偶\L3c000167\QFSN2-1000-2</t>
  </si>
  <si>
    <t>【哈电发电机】集电环风扇叶\L2c000040\QFSN2-1000-2</t>
  </si>
  <si>
    <t>【哈电发电机】集电环风扇叶\L2c000039\QFSN2-1000-2</t>
  </si>
  <si>
    <t>【哈电发电机】铆钉\L4c000175\QFSN2-1000-2</t>
  </si>
  <si>
    <t>【哈电发电机】铆钉\L4c000176\QFSN2-1000-2</t>
  </si>
  <si>
    <t>【哈电发电机】绝缘衬套\L4c000158P001\QFSN2-1000-2</t>
  </si>
  <si>
    <t>【哈电发电机】绝缘衬套\L4c000158P002\QFSN2-1000-2</t>
  </si>
  <si>
    <t>【哈电发电机】连接环\L3c000077\QFSN2-1000-2</t>
  </si>
  <si>
    <t>【哈电发电机】连接环\L3c000078\QFSN2-1000-2</t>
  </si>
  <si>
    <t>【哈电发电机】平衡砝码\L3c000079\QFSN2-1000-2</t>
  </si>
  <si>
    <t>【哈电发电机】转子风扇叶片励端\L0c000003\QFSN2-1000-2</t>
  </si>
  <si>
    <t>【哈电发电机】转子风扇叶片汽端\L0c000004\QFSN2-1000-2</t>
  </si>
  <si>
    <t>【哈电发电机】六角螺栓\L3c000107\QFSN2-1000-2</t>
  </si>
  <si>
    <t>【哈电发电机】锁片\09D8145\QFSN2-1000-2</t>
  </si>
  <si>
    <t>【哈电发电机】平衡块\QFSN2-1000-2\L4c000240P001</t>
  </si>
  <si>
    <t>【哈电发电机】平衡块\QFSN2-1000-2\L4c000240P002</t>
  </si>
  <si>
    <t>【哈电发电机】定位螺钉\QFSN2-1000-2\L4c000249P001</t>
  </si>
  <si>
    <t>【哈电发电机】平衡块\QFSN2-1000-2\L4c000225</t>
  </si>
  <si>
    <t>【哈电发电机】定位螺钉\QFSN2-1000-2\L4c000249P002</t>
  </si>
  <si>
    <t>【哈电发电机】楔下垫条\QFSN2-1000-2\Z1c000100P028</t>
  </si>
  <si>
    <t>【哈电发电机】楔下垫条\QFSN2-1000-2\Z1c000100P029</t>
  </si>
  <si>
    <t>【哈电发电机】楔下垫条\QFSN2-1000-2\Z1c000100P031</t>
  </si>
  <si>
    <t>【哈电发电机】楔下垫条\QFSN2-1000-2\Z1c000100G004</t>
  </si>
  <si>
    <t>【哈电发电机】楔下垫条\QFSN2-1000-2\Z1c000100G004P003</t>
  </si>
  <si>
    <t>【哈电发电机】中心块\QFSN2-1000-2\Z1c000100G004P004</t>
  </si>
  <si>
    <t>【哈电发电机】中心孔密封\QFSN2-1000-2\Z3c000022</t>
  </si>
  <si>
    <t>【哈电发电机】密封塞\QFSN2-1000-2\L3c000102</t>
  </si>
  <si>
    <t>【哈电发电机】夹板\QFSN2-1000-2\L3c000103</t>
  </si>
  <si>
    <t>【哈电发电机】垫圈\QFSN2-1000-2\L4c000279</t>
  </si>
  <si>
    <t>【哈电发电机】碟形弹簧垫圈\QFSN2-1000-2\L3c000104</t>
  </si>
  <si>
    <t>【哈电发电机】圆头螺栓\QFSN2-1000-2\L4c000243</t>
  </si>
  <si>
    <t>【哈电发电机】塞子\QFSN2-1000-2\L4c000244</t>
  </si>
  <si>
    <t>【哈电发电机】垫圈\QFSN2-1000-2\L4c000245</t>
  </si>
  <si>
    <t>【哈电发电机】定位螺钉\QFSN2-1000-2\L4c000247</t>
  </si>
  <si>
    <t>【哈电发电机】定位螺钉\QFSN2-1000-2\L4c000248</t>
  </si>
  <si>
    <t>【哈电发电机】阻尼环\QFSN2-1000-2\L2c000030</t>
  </si>
  <si>
    <t>【哈电发电机】护环绝缘\Z2c000039\QFSN2-1000-2</t>
  </si>
  <si>
    <t>【哈电发电机】护环绝缘\Z2c000039P002\QFSN2-1000-2</t>
  </si>
  <si>
    <t>【哈电发电机】护环绝缘\Z2c000039P003\QFSN2-1000-2</t>
  </si>
  <si>
    <t>【哈电发电机】护环绝缘\Z2c000039P004\QFSN2-1000-2</t>
  </si>
  <si>
    <t>【哈电发电机】齿绝缘\L4c000246\QFSN2-1000-2</t>
  </si>
  <si>
    <t>【哈电发电机】环氧玻璃板\HEC3248/0.5*36.5*272.2\Z1c000122P074\QFSN2-1000-2</t>
  </si>
  <si>
    <t>【哈电发电机】环氧玻璃板\0.5*45.5*272.2\Z1c000122P075\QFSN2-1000-2</t>
  </si>
  <si>
    <t>【哈电发电机】聚酰亚胺薄膜\6050/0.125*600*3800\Z1c000122P104\QFSN2-1000-2</t>
  </si>
  <si>
    <t>【哈电发电机】垫块布置\Z1c000119\QFSN2-1000-2</t>
  </si>
  <si>
    <t>【哈电发电机】极垫块\L0c000005P002\QFSN2-1000-2</t>
  </si>
  <si>
    <t>【哈电发电机】极垫块\L0c000005P003\QFSN2-1000-2</t>
  </si>
  <si>
    <t>【哈电发电机】极垫块\L0c000005P004\QFSN2-1000-2</t>
  </si>
  <si>
    <t>【哈电发电机】极垫块\L0c000005P005\QFSN2-1000-2</t>
  </si>
  <si>
    <t>【哈电发电机】轴向垫块\L0c000005P006\QFSN2-1000-2</t>
  </si>
  <si>
    <t>【哈电发电机】径向垫块\L0c000005P010\QFSN2-1000-2</t>
  </si>
  <si>
    <t>【哈电发电机】径向垫块\L0c000005P011\QFSN2-1000-2</t>
  </si>
  <si>
    <t>【哈电发电机】径向垫块\L0c000005P012\QFSN2-1000-2</t>
  </si>
  <si>
    <t>【哈电发电机】径向垫块\L0c000005P013\QFSN2-1000-2</t>
  </si>
  <si>
    <t>【哈电发电机】径向垫块\L0c000005P014\QFSN2-1000-2</t>
  </si>
  <si>
    <t>【哈电发电机】端部楔形垫块\L0c000005P015\QFSN2-1000-2</t>
  </si>
  <si>
    <t>【哈电发电机】端部楔形垫块\L0c000005P016\QFSN2-1000-2</t>
  </si>
  <si>
    <t>【哈电发电机】端部楔形垫块\L0c000005P017\QFSN2-1000-2</t>
  </si>
  <si>
    <t>【哈电发电机】端部垫块\L0c000005P018\QFSN2-1000-2</t>
  </si>
  <si>
    <t>【哈电发电机】端部垫块\L0c000005P019\QFSN2-1000-2</t>
  </si>
  <si>
    <t>【哈电发电机】盖板\L4c000226P020\QFSN2-1000-2</t>
  </si>
  <si>
    <t>【哈电发电机】盖板\L4c000226P021\QFSN2-1000-2</t>
  </si>
  <si>
    <t>【哈电发电机】盖板\L4c000226P022\QFSN2-1000-2</t>
  </si>
  <si>
    <t>【哈电发电机】盖板\L4c000226P023\QFSN2-1000-2</t>
  </si>
  <si>
    <t>【哈电发电机】极间垫块\L0c000005P025\QFSN2-1000-2</t>
  </si>
  <si>
    <t>【哈电发电机】极间垫块\L0c000005P026\QFSN2-1000-2</t>
  </si>
  <si>
    <t>【哈电发电机】连接板\L0c000005P027\QFSN2-1000-2</t>
  </si>
  <si>
    <t>【哈电发电机】拉芯铆钉\GB12618/3.2*16\Z1c000119P030\QFSN2-1000-2</t>
  </si>
  <si>
    <t>【哈电发电机】绝缘销\Φ6*30/上3848\Z1c000119P031\QFSN2-1000-2</t>
  </si>
  <si>
    <t>【哈电发电机】盖板螺钉\L3c000477P001\QFSN2-1000-2</t>
  </si>
  <si>
    <t>【哈电发电机】盖板螺钉\L3c000477P002\QFSN2-1000-2</t>
  </si>
  <si>
    <t>【哈电发电机】盖板螺钉\L3c000477P003\QFSN2-1000-2</t>
  </si>
  <si>
    <t>【哈电发电机】盖板螺钉\L3c000477P004\QFSN2-1000-2</t>
  </si>
  <si>
    <t>【哈电发电机】盖板螺钉\L3c000477P005\QFSN2-1000-2</t>
  </si>
  <si>
    <t>【哈电发电机】盖板螺钉\L3c000477P006\QFSN2-1000-2</t>
  </si>
  <si>
    <t>【哈电发电机】盖板螺钉\L3c000477P007\QFSN2-1000-2</t>
  </si>
  <si>
    <t>【哈电发电机】盖板螺钉\L3c000477P008\QFSN2-1000-2</t>
  </si>
  <si>
    <t>【哈电发电机】盖板螺钉\L3c000477P009\QFSN2-1000-2</t>
  </si>
  <si>
    <t>【哈电发电机】盖板螺钉\L3c000477P010\QFSN2-1000-2</t>
  </si>
  <si>
    <t>【哈电发电机】盖板螺钉\L3c000477P011\QFSN2-1000-2</t>
  </si>
  <si>
    <t>【哈电发电机】引线螺钉\L3c000097\QFSN2-1000-2</t>
  </si>
  <si>
    <t>【哈电发电机】环氧酚醛层压玻璃布管\3640/50*3.5*133\Z1c000118P005\QFSN2-1000-2</t>
  </si>
  <si>
    <t>【哈电发电机】绝缘座\L4c000222\QFSN2-1000-2</t>
  </si>
  <si>
    <t>【哈电发电机】绝缘垫圈\L4c000179\QFSN2-1000-2</t>
  </si>
  <si>
    <t>【哈电发电机】绝缘衬套\L4c000223\QFSN2-1000-2</t>
  </si>
  <si>
    <t>【哈电发电机】碟形弹簧垫圈\L3c000082\QFSN2-1000-2</t>
  </si>
  <si>
    <t>【哈电发电机】固定螺母\L4c000182\QFSN2-1000-2</t>
  </si>
  <si>
    <t>【哈电发电机】绝缘座\L4c000224\QFSN2-1000-2</t>
  </si>
  <si>
    <t>【哈电发电机】联接螺母\L4c000183\QFSN2-1000-2</t>
  </si>
  <si>
    <t>【哈电发电机】绝缘盖\L4c000221\QFSN2-1000-2</t>
  </si>
  <si>
    <t>【哈电发电机】调节密封垫圈\8EA.370.2129\Z1c000118P017P001\QFSN2-1000-2</t>
  </si>
  <si>
    <t>【哈电发电机】调节密封垫圈\8EA.370.2130\Z1c000118P017P002\QFSN2-1000-2</t>
  </si>
  <si>
    <t>【哈电发电机】调节密封垫圈\8EA.370.2131\Z1c000118P017P003\QFSN2-1000-2</t>
  </si>
  <si>
    <t>【哈电发电机】调节密封垫圈\8EA.370.2132\Z1c000118P017P004\QFSN2-1000-2</t>
  </si>
  <si>
    <t>【哈电发电机】调节密封垫圈\8EA.370.2133\Z1c000118P017P005\QFSN2-1000-2</t>
  </si>
  <si>
    <t>【哈电发电机】调节密封垫圈\8EA.370.2134\Z1c000118P017P006\QFSN2-1000-2</t>
  </si>
  <si>
    <t>【哈电发电机】调节密封垫圈\8EA.370.2135\Z1c000118P017P007\QFSN2-1000-2</t>
  </si>
  <si>
    <t>【哈电发电机】调节密封垫圈\8EA.370.2136\Z1c000118P017P008\QFSN2-1000-2</t>
  </si>
  <si>
    <t>【哈电发电机】调节密封垫圈\8EA.370.2137\Z1c000118P017P009\QFSN2-1000-2</t>
  </si>
  <si>
    <t>【哈电发电机】调节密封垫圈\8EA.370.2138\Z1c000118P017P010\QFSN2-1000-2</t>
  </si>
  <si>
    <t>【哈电发电机】垫圈\T2/0.2\L4c000187P002\QFSN2-1000-2</t>
  </si>
  <si>
    <t>【哈电发电机】垫圈\Q235/0.8\L4c000187P003\QFSN2-1000-2</t>
  </si>
  <si>
    <t>【哈电发电机】垫圈\L4c000187P004\QFSN2-1000-2</t>
  </si>
  <si>
    <t>【哈电发电机】止动垫圈\L4c000192\QFSN2-1000-2</t>
  </si>
  <si>
    <t>【哈电发电机】止动垫圈\L4c000194\QFSN2-1000-2</t>
  </si>
  <si>
    <t>【哈电发电机】六角螺栓\L4c000188P001\QFSN2-1000-2</t>
  </si>
  <si>
    <t>【哈电发电机】密封垫圈\L4c000193\QFSN2-1000-2</t>
  </si>
  <si>
    <t>【哈电发电机】垫板\L4c000191P001\QFSN2-1000-2</t>
  </si>
  <si>
    <t>【哈电发电机】垫板\L4c000191P002\QFSN2-1000-2</t>
  </si>
  <si>
    <t>【哈电发电机】绝缘堵\L4c000189\QFSN2-1000-2</t>
  </si>
  <si>
    <t>【哈电发电机】绝缘堵\L4c000190\QFSN2-1000-2</t>
  </si>
  <si>
    <t>【哈电发电机】环氧玻璃布板\Z1c000118P038\QFSN2-1000-2</t>
  </si>
  <si>
    <t>【哈电发电机】绝缘套筒\L3c000084\QFSN2-1000-2</t>
  </si>
  <si>
    <t>【哈电发电机】六角螺栓\L4c000188P002\QFSN2-1000-2</t>
  </si>
  <si>
    <t>【哈电发电机】环氧玻璃布板\QFSN2-1000-2\HEC3248/0.33*145*3100\Z1c000118P043</t>
  </si>
  <si>
    <t>【哈电发电机】环氧玻璃布板\QFSN2-1000-2\HEC3248/0.11*145*3100\Z1c000118P044</t>
  </si>
  <si>
    <t>【哈电发电机】匝间绝缘\QFSN2-1000-2\L1c000031</t>
  </si>
  <si>
    <t>【哈电发电机】匝间绝缘\QFSN2-1000-2\L1c000031P001</t>
  </si>
  <si>
    <t>【哈电发电机】匝间绝缘\QFSN2-1000-2\L1c000031P002</t>
  </si>
  <si>
    <t>【哈电发电机】匝间绝缘\QFSN2-1000-2\L1c000031P003</t>
  </si>
  <si>
    <t>【哈电发电机】匝间绝缘\QFSN2-1000-2\L1c000031P004</t>
  </si>
  <si>
    <t>【哈电发电机】匝间绝缘\QFSN2-1000-2\L1c000031P005</t>
  </si>
  <si>
    <t>【哈电发电机】匝间绝缘\QFSN2-1000-2\L1c000031P006</t>
  </si>
  <si>
    <t>【哈电发电机】匝间绝缘\QFSN2-1000-2\L1c000031P007</t>
  </si>
  <si>
    <t>【哈电发电机】匝间绝缘\QFSN2-1000-2\L1c000031P011</t>
  </si>
  <si>
    <t>【哈电发电机】匝间绝缘\QFSN2-1000-2\L1c000031P012</t>
  </si>
  <si>
    <t>【哈电发电机】端弧绝缘\QFSN2-1000-2\L1c000030</t>
  </si>
  <si>
    <t>【哈电发电机】端弧绝缘\QFSN2-1000-2\L1c000030P001</t>
  </si>
  <si>
    <t>【哈电发电机】端弧绝缘\QFSN2-1000-2\L1c000030P002</t>
  </si>
  <si>
    <t>【哈电发电机】端弧绝缘\QFSN2-1000-2\L1c000030P003</t>
  </si>
  <si>
    <t>【哈电发电机】端弧绝缘\QFSN2-1000-2\L1c000030P004</t>
  </si>
  <si>
    <t>【哈电发电机】端弧绝缘\QFSN2-1000-2\L1c000030P005</t>
  </si>
  <si>
    <t>【哈电发电机】端弧绝缘\QFSN2-1000-2\L1c000030P006</t>
  </si>
  <si>
    <t>【哈电发电机】端弧绝缘\QFSN2-1000-2\L1c000030P007</t>
  </si>
  <si>
    <t>【哈电发电机】端弧绝缘\QFSN2-1000-2\L1c000030P008</t>
  </si>
  <si>
    <t>【哈电发电机】端弧绝缘\QFSN2-1000-2\L1c000030P009</t>
  </si>
  <si>
    <t>【哈电发电机】端弧绝缘\QFSN2-1000-2\L1c000030P010</t>
  </si>
  <si>
    <t>【哈电发电机】端弧绝缘\QFSN2-1000-2\L1c000030P011</t>
  </si>
  <si>
    <t>【哈电发电机】端弧绝缘\QFSN2-1000-2\L1c000030P012</t>
  </si>
  <si>
    <t>【哈电发电机】端弧绝缘\QFSN2-1000-2\L1c000030P013</t>
  </si>
  <si>
    <t>【哈电发电机】端弧绝缘\QFSN2-1000-2\L1c000030P014</t>
  </si>
  <si>
    <t>【哈电发电机】端弧绝缘\QFSN2-1000-2\L1c000030P015</t>
  </si>
  <si>
    <t>【哈电发电机】端弧绝缘\QFSN2-1000-2\L1c000030P016</t>
  </si>
  <si>
    <t>【哈电发电机】端弧绝缘\QFSN2-1000-2\L1c000030P031</t>
  </si>
  <si>
    <t>【哈电发电机】端弧绝缘\QFSN2-1000-2\L1c000030P032</t>
  </si>
  <si>
    <t>【哈电发电机】端弧绝缘\QFSN2-1000-2\L1c000030P033</t>
  </si>
  <si>
    <t>【哈电发电机】端弧绝缘\QFSN2-1000-2\L1c000030P034</t>
  </si>
  <si>
    <t>【哈电发电机】端弧绝缘\QFSN2-1000-2\L1c000030P035</t>
  </si>
  <si>
    <t>【哈电发电机】端弧绝缘\QFSN2-1000-2\L1c000030P036</t>
  </si>
  <si>
    <t>【哈电发电机】端弧绝缘\QFSN2-1000-2\L1c000030P037</t>
  </si>
  <si>
    <t>【哈电发电机】端弧绝缘\QFSN2-1000-2\L1c000030P038</t>
  </si>
  <si>
    <t>【哈电发电机】槽底垫条\QFSN2-1000-2\Z3c000020G001</t>
  </si>
  <si>
    <t>【哈电发电机】槽底垫条\QFSN2-1000-2\Z3c000020P003</t>
  </si>
  <si>
    <t>【哈电发电机】止动板\QFSN2-1000-2\Z3c000020P005</t>
  </si>
  <si>
    <t>【哈电发电机】槽底垫条\QFSN2-1000-2\Z3c000020G002</t>
  </si>
  <si>
    <t>【哈电发电机】槽底垫条\QFSN2-1000-2\Z3c000020P004</t>
  </si>
  <si>
    <t>【哈电发电机】绝缘丝堵\QFSN2-1000-2\Z3c000020P006</t>
  </si>
  <si>
    <t>【哈电发电机】槽衬\QFSN2-1000-2\L3c000085P001</t>
  </si>
  <si>
    <t>【哈电发电机】槽衬\QFSN2-1000-2\L3c000085P002</t>
  </si>
  <si>
    <t>【哈电发电机】引线绝缘装配\QFSN2-1000-2\Z2c000048</t>
  </si>
  <si>
    <t>【哈电发电机】引线楔下垫条\QFSN2-1000-2\Z2c000049</t>
  </si>
  <si>
    <t>【哈电发电机】楔下垫条\QFSN2-1000-2\L3c000088</t>
  </si>
  <si>
    <t>【哈电发电机】楔下垫条\QFSN2-1000-2\Z2c000057</t>
  </si>
  <si>
    <t>【哈电发电机】环氧玻璃布板\QFSN2-1000-2\Z2c000057P002</t>
  </si>
  <si>
    <t>【哈电发电机】环氧玻璃布板\QFSN2-1000-2\Z2c000057P003</t>
  </si>
  <si>
    <t>【哈电发电机】绝缘销\QFSN2-1000-2\Z2c000057P004</t>
  </si>
  <si>
    <t>【哈电发电机】L 形绝缘\QFSN2-1000-2\L3c000086P001</t>
  </si>
  <si>
    <t>【哈电发电机】引线垫块\QFSN2-1000-2\Z2c000058</t>
  </si>
  <si>
    <t>【哈电发电机】环氧玻璃布板\QFSN2-1000-2\Z2c000058P002</t>
  </si>
  <si>
    <t>【哈电发电机】Φ6X94 上 3848\QFSN2-1000-2\Z2c000058P003</t>
  </si>
  <si>
    <t>【哈电发电机】棒绝缘\QFSN2-1000-2\L2c000046P001</t>
  </si>
  <si>
    <t>【哈电发电机】棒绝缘\QFSN2-1000-2\L2c000046P002</t>
  </si>
  <si>
    <t>【哈电发电机】引线槽底垫条\QFSN2-1000-2\L3c000087</t>
  </si>
  <si>
    <t>【哈电发电机】绝缘材料\QFSN2-1000-2\L3c000089</t>
  </si>
  <si>
    <t>【哈电发电机】双面胶带\QFSN2-1000-2\L3c000089P203</t>
  </si>
  <si>
    <t>【哈电发电机】LUMIRROR\QFSN2-1000-2\L3c000089P211</t>
  </si>
  <si>
    <t>【哈电发电机】LUMIRROR\QFSN2-1000-2\L3c000089P212</t>
  </si>
  <si>
    <t>【哈电发电机】模型布\QFSN2-1000-2\L4c000195</t>
  </si>
  <si>
    <t>【哈电发电机】模型布\QFSN2-1000-2\L4c000195P001</t>
  </si>
  <si>
    <t>【哈电发电机】模型布\QFSN2-1000-2\L4c000195P002</t>
  </si>
  <si>
    <t>【哈电发电机】模型布\QFSN2-1000-2\L4c000195P003</t>
  </si>
  <si>
    <t>【哈电发电机】模型布\QFSN2-1000-2\L4c000195P004</t>
  </si>
  <si>
    <t>【哈电发电机】模型布\QFSN2-1000-2\L4c000195P005</t>
  </si>
  <si>
    <t>【哈电发电机】模型布\QFSN2-1000-2\L4c000195P006</t>
  </si>
  <si>
    <t>【哈电发电机】杜邦 Nomex 纸\QFSN2-1000-2\L3c000089P311</t>
  </si>
  <si>
    <t>【哈电发电机】杜邦 Nomex 纸\QFSN2-1000-2\L3c000089P312</t>
  </si>
  <si>
    <t>【哈电发电机】杜邦 Nomex 纸\QFSN2-1000-2\L3c000089P313</t>
  </si>
  <si>
    <t>【哈电发电机】杜邦 Nomex 纸\QFSN2-1000-2\L3c000089P314</t>
  </si>
  <si>
    <t>【哈电发电机】FIE玻璃丝粘带\QFSN2-1000-2\L3c000089P315</t>
  </si>
  <si>
    <t>【哈电发电机】CAPTON带\QFSN2-1000-2\L4c000196P002</t>
  </si>
  <si>
    <t>【哈电发电机】端部绝缘\QFSN2-1000-2\L4c000197</t>
  </si>
  <si>
    <t>【哈电发电机】套孔塞\QFSN2-1000-2\L4c000133</t>
  </si>
  <si>
    <t>【哈电发电机】轴瓦加工(汽端)\Z1c000060\QFSN2-1000-2</t>
  </si>
  <si>
    <t>【哈电发电机】轴瓦加工(励端)\Z1c000059\QFSN2-1000-2</t>
  </si>
  <si>
    <t>【哈电发电机】螺栓\L4c000317P001\QFSN2-1000-2</t>
  </si>
  <si>
    <t>【哈电发电机】绝缘垫圈\Z1c000392P073\QFSN2-1000-2</t>
  </si>
  <si>
    <t>【哈电发电机】绝缘垫圈\Z1c000392P077\QFSN2-1000-2</t>
  </si>
  <si>
    <t>【哈电发电机】绝缘套\Z1c000392P095\QFSN2-1000-2</t>
  </si>
  <si>
    <t>【哈电发电机】绝缘套\Z1c000392P096\QFSN2-1000-2</t>
  </si>
  <si>
    <t>【哈电发电机】内端盖\Z1c000862\QFSN2-1000-2</t>
  </si>
  <si>
    <t>【哈电发电机】外环\L2c000398P004\QFSN2-1000-2</t>
  </si>
  <si>
    <t>【哈电发电机】环板\L2c000398P005\QFSN2-1000-2</t>
  </si>
  <si>
    <t>【哈电发电机】内环\L2c000398P006\QFSN2-1000-2</t>
  </si>
  <si>
    <t>【哈电发电机】合缝板\Z1c000862P007\QFSN2-1000-2</t>
  </si>
  <si>
    <t>【哈电发电机】合缝板\Z1c000862P008\QFSN2-1000-2</t>
  </si>
  <si>
    <t>【哈电发电机】筋板\Z1c000862P009\QFSN2-1000-2</t>
  </si>
  <si>
    <t>【哈电发电机】筋板\Z1c000862P010\QFSN2-1000-2</t>
  </si>
  <si>
    <t>【哈电发电机】双头螺栓\L4c000234\QFSN2-1000-2</t>
  </si>
  <si>
    <t>【哈电发电机】止动垫圈\L4c000236P003\QFSN2-1000-2</t>
  </si>
  <si>
    <t>【哈电发电机】导风环\Z2c000051\QFSN2-1000-2</t>
  </si>
  <si>
    <t>【哈电发电机】预埋件\L4c000228\QFSN2-1000-2</t>
  </si>
  <si>
    <t>【哈电发电机】预埋件\L4c000231\QFSN2-1000-2</t>
  </si>
  <si>
    <t>【哈电发电机】螺纹销\L3c000098P002\QFSN2-1000-2</t>
  </si>
  <si>
    <t>【哈电发电机】螺纹销\L3c000098P003\QFSN2-1000-2</t>
  </si>
  <si>
    <t>【哈电发电机】止动垫圈\L4c000236P001\QFSN2-1000-2</t>
  </si>
  <si>
    <t>【哈电发电机】止动垫圈\L4c000236P002\QFSN2-1000-2</t>
  </si>
  <si>
    <t>【哈电发电机】锁片\L4c000232\QFSN2-1000-2</t>
  </si>
  <si>
    <t>【哈电发电机】止动垫圈\L4c000230\QFSN2-1000-2</t>
  </si>
  <si>
    <t>【哈电发电机】销套\L4c000229P001\QFSN2-1000-2</t>
  </si>
  <si>
    <t>【哈电发电机】销套\L4c000233\QFSN2-1000-2</t>
  </si>
  <si>
    <t>【哈电发电机】电刷\L3c000135\QFSN2-1000-2</t>
  </si>
  <si>
    <t>【哈电发电机】刷握\07C8626\QFSN2-1000-2</t>
  </si>
  <si>
    <t>【哈电发电机】盖板\L2c000256\QFSN2-1000-2</t>
  </si>
  <si>
    <t>【哈电发电机】密封圈\L3c000680\QFSN2-1000-2</t>
  </si>
  <si>
    <t>【哈电发电机】螺栓\M30*100/4.8\GB/T 5781-2000\QFSN2-1000-2</t>
  </si>
  <si>
    <t>【哈电发电机】密封圈\L4c000274\QFSN2-1000-2</t>
  </si>
  <si>
    <t>【哈电发电机】密封条\L4c000275\QFSN2-1000-2</t>
  </si>
  <si>
    <t>【哈电发电机】垫片\L4c000276\QFSN2-1000-2</t>
  </si>
  <si>
    <t>【哈电发电机】止动垫圈\L4c000328P001\QFSN2-1000-2</t>
  </si>
  <si>
    <t>【哈电发电机】垫圈\L4c000329P002\QFSN2-1000-2</t>
  </si>
  <si>
    <t>【哈电发电机】止动垫圈\L4c000330P001\QFSN2-1000-2</t>
  </si>
  <si>
    <t>【哈电发电机】止动垫圈\L4c000330P003\QFSN2-1000-2</t>
  </si>
  <si>
    <t>【哈电发电机】止动垫圈\L4c000331P001\QFSN2-1000-2</t>
  </si>
  <si>
    <t>【哈电发电机】人孔盖板装配\Z3c000027\QFSN2-1000-2</t>
  </si>
  <si>
    <t>【哈电发电机】人孔盖板\L4c000270\QFSN2-1000-2</t>
  </si>
  <si>
    <t>【哈电发电机】人孔盖板支撑\L4c000271\QFSN2-1000-2</t>
  </si>
  <si>
    <t>【哈电发电机】人孔盖板支撑\L4c000272\QFSN2-1000-2</t>
  </si>
  <si>
    <t>【哈电发电机】双头螺栓\L4c000283\QFSN2-1000-2</t>
  </si>
  <si>
    <t>【哈电发电机】垫圈\L4c000329P001\QFSN2-1000-2</t>
  </si>
  <si>
    <t>【哈电发电机】角钢\8EA.640.094/50*5/Q235/L80\Z3c000027P008\QFSN2-1000-2</t>
  </si>
  <si>
    <t>【哈电发电机】止动垫圈\L4c000328P002\QFSN2-1000-2</t>
  </si>
  <si>
    <t>【哈电发电机】螺栓\GB/T5783-2000/M16*140/CU2\Z1c000442P020\QFSN2-1000-2</t>
  </si>
  <si>
    <t>【哈电发电机】连接铜排\L1c000225P001\QFSN2-1000-2</t>
  </si>
  <si>
    <t>【哈电发电机】连接铜排\L1c000225P002\QFSN2-1000-2</t>
  </si>
  <si>
    <t>【哈电发电机】连接铜排\L1c000225P003\QFSN2-1000-2</t>
  </si>
  <si>
    <t>【哈电发电机】连接铜排\L1c000225P004\QFSN2-1000-2</t>
  </si>
  <si>
    <t>【哈电发电机】连接铜排\L1c000225P005\QFSN2-1000-2</t>
  </si>
  <si>
    <t>【哈电发电机】套管接头装配\Z2c000060\QFSN2-1000-2</t>
  </si>
  <si>
    <t>【哈电发电机】套管接头\Z2c000060P002\QFSN2-1000-2</t>
  </si>
  <si>
    <t>【哈电发电机】螺栓\GB/T5783-2000/M16*180/CU2\Z2c000060P003\QFSN2-1000-2</t>
  </si>
  <si>
    <t>【哈电发电机】平垫圈\L4c000329P003\QFSN2-1000-2</t>
  </si>
  <si>
    <t>【哈电发电机】连接铜排\L1c000044P011\QFSN2-1000-2</t>
  </si>
  <si>
    <t>【哈电发电机】连接铜排\L1c000044P012\QFSN2-1000-2</t>
  </si>
  <si>
    <t>【哈电发电机】连接铜排\L1c000044P013\QFSN2-1000-2</t>
  </si>
  <si>
    <t>【哈电发电机】连接铜排\L1c000044P014\QFSN2-1000-2</t>
  </si>
  <si>
    <t>【哈电发电机】连接铜排\L1c000044P015\QFSN2-1000-2</t>
  </si>
  <si>
    <t>【哈电发电机】连接铜排\L1c000044P016\QFSN2-1000-2</t>
  </si>
  <si>
    <t>【哈电发电机】柔性连接\Z3c000023\QFSN2-1000-2</t>
  </si>
  <si>
    <t>【哈电发电机】连接铜板\L4c000269\QFSN2-1000-2</t>
  </si>
  <si>
    <t>【哈电发电机】螺栓\GB/T5783-2000/M16*120/CU2\Z1c000442P040\QFSN2-1000-2</t>
  </si>
  <si>
    <t>【哈电发电机】止动垫片\L4c000332P001\QFSN2-1000-2</t>
  </si>
  <si>
    <t>【哈电发电机】止动垫片\L4c000332P002\QFSN2-1000-2</t>
  </si>
  <si>
    <t>【哈电发电机】通风块装配\Z3c000024\QFSN2-1000-2</t>
  </si>
  <si>
    <t>【哈电发电机】通风块\Z3c000024P002\QFSN2-1000-2</t>
  </si>
  <si>
    <t>【哈电发电机】通风筒\Z3c000024P003\QFSN2-1000-2</t>
  </si>
  <si>
    <t>【哈电发电机】销\Φ10*50\Z3c000024P004\QFSN2-1000-2</t>
  </si>
  <si>
    <t>【哈电发电机】出线接头装配\Z3c000026\QFSN2-1000-2</t>
  </si>
  <si>
    <t>【哈电发电机】出线接头\L3c000117\QFSN2-1000-2</t>
  </si>
  <si>
    <t>【哈电发电机】螺栓\GB/T5783-2000/M24*200/CU2\Z3c000026P010\QFSN2-1000-2</t>
  </si>
  <si>
    <t>【哈电发电机】止动垫片\L4c000330P004\QFSN2-1000-2</t>
  </si>
  <si>
    <t>【哈电发电机】止动垫圈\L4c000331P003\QFSN2-1000-2</t>
  </si>
  <si>
    <t>【哈电发电机】U相支撑板\L1c000691P001\QFSN2-1000-2</t>
  </si>
  <si>
    <t>【哈电发电机】V相支撑板装配\Z2c000770\QFSN2-1000-2</t>
  </si>
  <si>
    <t>【哈电发电机】V相支撑板\L1c000691P002\QFSN2-1000-2</t>
  </si>
  <si>
    <t>【哈电发电机】层压布板\L1c000691P004\QFSN2-1000-2</t>
  </si>
  <si>
    <t>【哈电发电机】玻璃布棒\L1c000691P005\QFSN2-1000-2</t>
  </si>
  <si>
    <t>【哈电发电机】W相支撑板装配\Z2c000771\QFSN2-1000-2</t>
  </si>
  <si>
    <t>【哈电发电机】W相支撑板\L1c000691P003\QFSN2-1000-2</t>
  </si>
  <si>
    <t>【哈电发电机】套管\L4c000130\QFSN2-1000-2</t>
  </si>
  <si>
    <t>【哈电发电机】气隙挡板\L3c000052\QFSN2-1000-2</t>
  </si>
  <si>
    <t>【哈电发电机】气隙挡板\L3c000053\QFSN2-1000-2</t>
  </si>
  <si>
    <t>【哈电发电机】电流互感器\50VA\05B3202-1\QFSN2-1000-2</t>
  </si>
  <si>
    <t>【哈电发电机】电流互感器\0.2s/75VA\05B3202-2\QFSN2-1000-2</t>
  </si>
  <si>
    <t>【哈电发电机】电流互感器\0.2s/150VA\05B3202-3\QFSN2-1000-2</t>
  </si>
  <si>
    <t>【哈电发电机】电流互感器\5P20/50VA\05B3202-4\QFSN2-1000-2</t>
  </si>
  <si>
    <t>【哈电发电机】上半绝缘板\L1c000035P001\QFSN2-1000-2</t>
  </si>
  <si>
    <t>【哈电发电机】下半绝缘板\L1c000035P002\QFSN2-1000-2</t>
  </si>
  <si>
    <t>【哈电发电机】绝缘垫圈\L4c000164\QFSN2-1000-2</t>
  </si>
  <si>
    <t>【哈电发电机】绝缘套\L4c000169P004\QFSN2-1000-2</t>
  </si>
  <si>
    <t>【哈电发电机】绝缘套\L4c000169P003\QFSN2-1000-2</t>
  </si>
  <si>
    <t>【哈电发电机】绝缘垫圈\Z1c000127P073\QFSN2-1000-2</t>
  </si>
  <si>
    <t>【哈电发电机】绝缘垫圈\Z1c000127P077\QFSN2-1000-2</t>
  </si>
  <si>
    <t>【哈电发电机】绝缘套\Z1c000127P095\QFSN2-1000-2</t>
  </si>
  <si>
    <t>【哈电发电机】绝缘套\Z1c000127P096\QFSN2-1000-2</t>
  </si>
  <si>
    <t>【哈电发电机】绝缘销\L4c000170\QFSN2-1000-2</t>
  </si>
  <si>
    <t>【哈电发电机】滑板\QFSN2-1000-2\Z2c000096</t>
  </si>
  <si>
    <t>【哈电发电机】联轴器垫块\QFSN2-1000-2\Z2c000067</t>
  </si>
  <si>
    <t>【哈电发电机】套装扳手\QFSN2-1000-2\L2c000093</t>
  </si>
  <si>
    <t>【哈电发电机】本体垫块\QFSN2-1000-2\Z2c000094</t>
  </si>
  <si>
    <t>【哈电发电机】支撑钢板\QFSN2-1000-2\20/Q235\Z2c000092序3</t>
  </si>
  <si>
    <t>【哈电发电机】支撑钢板\QFSN2-1000-2\20/Q235\Z2c000092序4</t>
  </si>
  <si>
    <t>【哈电发电机】销子\QFSN2-1000-2\Z2c000092序5</t>
  </si>
  <si>
    <t>【哈电发电机】硬钢纸板保护板\QFSN2-1000-2\2*250*150\Z2c000092序6</t>
  </si>
  <si>
    <t>【哈电发电机】轴承盖起吊工具\QFSN2-1000-2\Z1c000179</t>
  </si>
  <si>
    <t>【哈电发电机】转子支撑\QFSN2-1000-2\L2c000070</t>
  </si>
  <si>
    <t>【哈电发电机】转子支架(汽端)\QFSN2-1000-2\L3c000129</t>
  </si>
  <si>
    <t>【哈电发电机】调节螺栓\QFSN2-1000-2\L4c000323</t>
  </si>
  <si>
    <t>【哈电发电机】垫片\QFSN2-1000-2\L4c000383序1</t>
  </si>
  <si>
    <t>【哈电发电机】转子转动销\QFSN2-1000-2\L4c000325</t>
  </si>
  <si>
    <t>【哈电发电机】铁心保护工具\Z3c000077\QFSN2-1000-2</t>
  </si>
  <si>
    <t>【哈电发电机】螺杆\Z3c000034序2\QFSN2-1000-2</t>
  </si>
  <si>
    <t>【哈电发电机】密封瓦起吊臂\45钢板/Q235\Z3c000066序2\QFSN2-1000-2</t>
  </si>
  <si>
    <t>【哈电发电机】板\45钢板/Q235\Z3c000066序3\QFSN2-1000-2</t>
  </si>
  <si>
    <t>【哈电发电机】励端端盖起吊固定架\Z1c000482组1\QFSN2-1000-2</t>
  </si>
  <si>
    <t>【哈电发电机】励端端盖起吊固定架\Z1c000482组2\QFSN2-1000-2</t>
  </si>
  <si>
    <t>【哈电发电机】轴瓦起吊工具\Z3c000035\QFSN2-1000-2</t>
  </si>
  <si>
    <t>【哈电发电机】轴承环起吊工具\Z3c000036\QFSN2-1000-2</t>
  </si>
  <si>
    <t>【哈电发电机】钢板\Z3c000065序2\QFSN2-1000-2</t>
  </si>
  <si>
    <t>【哈电发电机】钢板\Z3c000065序3\QFSN2-1000-2</t>
  </si>
  <si>
    <t>【哈电发电机】垫圈\L3c000122序1\QFSN2-1000-2</t>
  </si>
  <si>
    <t>【哈电发电机】垫圈\L3c000122序2\QFSN2-1000-2</t>
  </si>
  <si>
    <t>【哈电发电机】密封瓦转动工具(汽端)\Z3c000037\QFSN2-1000-2</t>
  </si>
  <si>
    <t>【哈电发电机】密封瓦转动工具(励端)\Z3c000038\QFSN2-1000-2</t>
  </si>
  <si>
    <t>【哈电发电机】转子吊具支架\QFSN2-1000-2\Z1c000481</t>
  </si>
  <si>
    <t>【哈电发电机】双头螺杆\QFSN2-1000-2\Z3c000323序2</t>
  </si>
  <si>
    <t>【哈电发电机】螺母\QFSN2-1000-2\L4c000570</t>
  </si>
  <si>
    <t>【哈电发电机】转子吊具\QFSN2-1000-2\L3c000207</t>
  </si>
  <si>
    <t>【哈电发电机】密封板\07D4882\QFSN-600-2YHG</t>
  </si>
  <si>
    <t>【哈电发电机】挡板\07D4883\QFSN-600-2YHG</t>
  </si>
  <si>
    <t>【哈电发电机】O型密封圈\8EA.370.420\02A4618P012\QFSN-600-2YHG</t>
  </si>
  <si>
    <t>【哈电发电机】紫铜密封垫\07D4884\QFSN-600-2YHG</t>
  </si>
  <si>
    <t>【哈电发电机】绝缘垫\07D4887\QFSN-600-2YHG</t>
  </si>
  <si>
    <t>【哈电发电机】绝缘垫\07D4885\QFSN-600-2YHG</t>
  </si>
  <si>
    <t>【哈电发电机】密封垫\07D4886\QFSN-600-2YHG</t>
  </si>
  <si>
    <t>【哈电发电机】绝缘垫\07D4840\QFSN-600-2YHG</t>
  </si>
  <si>
    <t>【哈电发电机】法兰\07D4837\QFSN-600-2YHG</t>
  </si>
  <si>
    <t>【哈电发电机】绝缘垫\07D4838\QFSN-600-2YHG</t>
  </si>
  <si>
    <t>【哈电发电机】锁片\07D4875\QFSN-600-2YHG</t>
  </si>
  <si>
    <t>【哈电发电机】垫\10D2421\QFSN-600-2YHG</t>
  </si>
  <si>
    <t>【哈电发电机】密封垫\07D4164\QFSN-600-2YHG</t>
  </si>
  <si>
    <t>【哈电发电机】垫\10D2422\QFSN-600-2YHG</t>
  </si>
  <si>
    <t>【哈电发电机】密封垫\07D4816\QFSN-600-2YHG</t>
  </si>
  <si>
    <t>【哈电发电机】密封垫圈\07D4827\QFSN-600-2YHG</t>
  </si>
  <si>
    <t>【哈电发电机】密封垫\07D4921\QFSN-600-2YHG</t>
  </si>
  <si>
    <t>【哈电发电机】密封垫\07D4180\QFSN-600-2YHG</t>
  </si>
  <si>
    <t>【哈电发电机】密封垫\07D4181\QFSN-600-2YHG</t>
  </si>
  <si>
    <t>【哈电发电机】绝缘管\07D4767\QFSN-600-2YHG</t>
  </si>
  <si>
    <t>【哈电发电机】绝缘管\07D4768\QFSN-600-2YHG</t>
  </si>
  <si>
    <t>【哈电发电机】绝缘销\07D4769\QFSN-600-2YHG</t>
  </si>
  <si>
    <t>【哈电发电机】油梳\07D4342\QFSN-600-2YHG</t>
  </si>
  <si>
    <t>【哈电发电机】轴承油封环\07D4918\QFSN-600-2YHG</t>
  </si>
  <si>
    <t>【哈电发电机】O型密封圈\8EA.370.417\02A4618P035\QFSN-600-2YHG</t>
  </si>
  <si>
    <t>【哈电发电机】垫\10D2423\QFSN-600-2YHG</t>
  </si>
  <si>
    <t>【哈电发电机】垫\10D2424\QFSN-600-2YHG</t>
  </si>
  <si>
    <t>【哈电发电机】螺栓\07D3873\QFSN-600-2YHG</t>
  </si>
  <si>
    <t>【哈电发电机】垫\05C1783\QFSN-600-2YHG</t>
  </si>
  <si>
    <t>【哈电发电机】螺栓\07D3872\QFSN-600-2YHG</t>
  </si>
  <si>
    <t>【哈电发电机】导电杆装配\QFSN-600-2YHG\03B5681</t>
  </si>
  <si>
    <t>【哈电发电机】铜板\QFSN-600-2YHG\T2Y/95*140\04C9445P001</t>
  </si>
  <si>
    <t>【哈电发电机】垫圈\QFSN-600-2YHG\05C9964</t>
  </si>
  <si>
    <t>【哈电发电机】螺钉\QFSN-600-2YHG\M8*25/14H\01J4860P008</t>
  </si>
  <si>
    <t>【哈电发电机】外舌止动垫圈\QFSN-600-2YHG\8EA.951.738/36/Q235\01J4860P010</t>
  </si>
  <si>
    <t>【哈电发电机】平衡块\QFSN-600-2YHG\8EA.290.023\01J4860P042</t>
  </si>
  <si>
    <t>【哈电发电机】螺钉\QFSN-600-2YHG\M6X25 14H\01J4860P043</t>
  </si>
  <si>
    <t>【哈电发电机】通风孔塞\QFSN-600-2YHG\07D1378</t>
  </si>
  <si>
    <t>【哈电发电机】导电螺钉和导电杆装配\QFSN-600-2YHG\04B2211</t>
  </si>
  <si>
    <t>【哈电发电机】转子引线\QFSN-600-2YHG\04C9226</t>
  </si>
  <si>
    <t>【哈电发电机】转子引线装配\QFSN-600-2YHG\03B5128</t>
  </si>
  <si>
    <t>【哈电发电机】楔下垫条加工\QFSN-600-2YHG\04C9392</t>
  </si>
  <si>
    <t>【哈电发电机】极间连接线垫块\QFSN-600-2YHG\04C9403</t>
  </si>
  <si>
    <t>【哈电发电机】极间连接线\QFSN-600-2YHG\02A3084</t>
  </si>
  <si>
    <t>【哈电发电机】极心垫块\QFSN-600-2YHG\04B2115</t>
  </si>
  <si>
    <t>【哈电发电机】极心垫块\QFSN-600-2YHG\06D4017</t>
  </si>
  <si>
    <t>【哈电发电机】极心垫块\QFSN-600-2YHG\04B2116</t>
  </si>
  <si>
    <t>【哈电发电机】纵轴撑板\QFSN-600-2YHG\06D4011</t>
  </si>
  <si>
    <t>【哈电发电机】纵轴撑板\QFSN-600-2YHG\06D4010</t>
  </si>
  <si>
    <t>【哈电发电机】槽口垫块\QFSN-600-2YHG\05C9940</t>
  </si>
  <si>
    <t>【哈电发电机】纵轴垫块\QFSN-600-2YHG\06D4014</t>
  </si>
  <si>
    <t>【哈电发电机】纵轴垫块\QFSN-600-2YHG\04C9408</t>
  </si>
  <si>
    <t>【哈电发电机】纵轴垫块\QFSN-600-2YHG\06D4159</t>
  </si>
  <si>
    <t>【哈电发电机】槽口垫块\QFSN-600-2YHG\05C9941</t>
  </si>
  <si>
    <t>【哈电发电机】槽口垫块\QFSN-600-2YHG\05C9942</t>
  </si>
  <si>
    <t>【哈电发电机】极心垫块\QFSN-600-2YHG\04B2117</t>
  </si>
  <si>
    <t>【哈电发电机】极心垫块\QFSN-600-2YHG\04C9405</t>
  </si>
  <si>
    <t>【哈电发电机】极心垫块\QFSN-600-2YHG\04C9404</t>
  </si>
  <si>
    <t>【哈电发电机】极心垫块\QFSN-600-2YHG\05C9943</t>
  </si>
  <si>
    <t>【哈电发电机】极心垫块\QFSN-600-2YHG\04B2118</t>
  </si>
  <si>
    <t>【哈电发电机】槽口垫块\QFSN-600-2YHG\05C9944</t>
  </si>
  <si>
    <t>【哈电发电机】纵轴垫块\QFSN-600-2YHG\06D4160</t>
  </si>
  <si>
    <t>【哈电发电机】纵轴垫块\QFSN-600-2YHG\04C9412</t>
  </si>
  <si>
    <t>【哈电发电机】纵轴撑板\QFSN-600-2YHG\08D8626</t>
  </si>
  <si>
    <t>【哈电发电机】纵轴撑板\QFSN-600-2YHG\08D8627</t>
  </si>
  <si>
    <t>【哈电发电机】纵轴垫块\QFSN-600-2YHG\04C9411</t>
  </si>
  <si>
    <t>【哈电发电机】横轴垫块\QFSN-600-2YHG\04C9428</t>
  </si>
  <si>
    <t>【哈电发电机】横轴垫块\QFSN-600-2YHG\04C9427</t>
  </si>
  <si>
    <t>【哈电发电机】横轴垫块\QFSN-600-2YHG\04C9426</t>
  </si>
  <si>
    <t>【哈电发电机】横轴垫块\QFSN-600-2YHG\04C9425</t>
  </si>
  <si>
    <t>【哈电发电机】横轴垫块\QFSN-600-2YHG\04C9424</t>
  </si>
  <si>
    <t>【哈电发电机】横轴垫块\QFSN-600-2YHG\04C9423</t>
  </si>
  <si>
    <t>【哈电发电机】横轴垫块\QFSN-600-2YHG\04C9422</t>
  </si>
  <si>
    <t>【哈电发电机】横轴垫块\QFSN-600-2YHG\04C9421</t>
  </si>
  <si>
    <t>【哈电发电机】横轴垫块\QFSN-600-2YHG\04C9415</t>
  </si>
  <si>
    <t>【哈电发电机】横轴垫块\QFSN-600-2YHG\04C9416</t>
  </si>
  <si>
    <t>【哈电发电机】横轴垫块\QFSN-600-2YHG\04C9417</t>
  </si>
  <si>
    <t>【哈电发电机】横轴垫块\QFSN-600-2YHG\04C9418</t>
  </si>
  <si>
    <t>【哈电发电机】横轴垫块\QFSN-600-2YHG\04C9419</t>
  </si>
  <si>
    <t>【哈电发电机】横轴垫块\QFSN-600-2YHG\04C9420</t>
  </si>
  <si>
    <t>【哈电发电机】横轴垫块\QFSN-600-2YHG\04C9407</t>
  </si>
  <si>
    <t>【哈电发电机】极间挡板(励端)\QFSN-600-2YHG\06C0418</t>
  </si>
  <si>
    <t>【哈电发电机】极间挡板(汽端)\QFSN-600-2YHG\06C0419</t>
  </si>
  <si>
    <t>【哈电发电机】纵轴垫块\QFSN-600-2YHG\06D4019</t>
  </si>
  <si>
    <t>【哈电发电机】纵轴撑板\QFSN-600-2YHG\06D4012</t>
  </si>
  <si>
    <t>【哈电发电机】极间槽口垫块\QFSN-600-2YHG\05C9945</t>
  </si>
  <si>
    <t>【哈电发电机】极间槽口垫块\QFSN-600-2YHG\05C9946</t>
  </si>
  <si>
    <t>【哈电发电机】绝缘垫块\QFSN-600-2YHG\08D8615</t>
  </si>
  <si>
    <t>【哈电发电机】绝缘垫块\QFSN-600-2YHG\08D8616</t>
  </si>
  <si>
    <t>【哈电发电机】导电杆装配\QFSN-600-2YHG\04B2120</t>
  </si>
  <si>
    <t>【哈电发电机】导电杆\QFSN-600-2YHG\05C9955</t>
  </si>
  <si>
    <t>【哈电发电机】内六角沉头螺钉\QFSN-600-2YHG\M16*45/8.8\04B2120P003</t>
  </si>
  <si>
    <t>【哈电发电机】绝缘垫块\QFSN-600-2YHG\05C9957</t>
  </si>
  <si>
    <t>【哈电发电机】垫圈\QFSN-600-2YHG\08D7102</t>
  </si>
  <si>
    <t>【哈电发电机】顶面绝缘\QFSN-600-2YHG\08D7101</t>
  </si>
  <si>
    <t>【哈电发电机】侧面绝缘\QFSN-600-2YHG\09D4198</t>
  </si>
  <si>
    <t>【哈电发电机】楔形键\QFSN-600-2YHG\08D8618</t>
  </si>
  <si>
    <t>【哈电发电机】绝缘管\QFSN-600-2YHG\04B2213</t>
  </si>
  <si>
    <t>【哈电发电机】绝缘堵\QFSN-600-2YHG\08D8619</t>
  </si>
  <si>
    <t>【哈电发电机】绝缘销\QFSN-600-2YHG\08D7111</t>
  </si>
  <si>
    <t>【哈电发电机】半圆形绝缘\QFSN-600-2YHG\08D7109</t>
  </si>
  <si>
    <t>【哈电发电机】止动垫圈\QFSN-600-2YHG\8EA.951.861/20*85\01J4863P017</t>
  </si>
  <si>
    <t>【哈电发电机】压帽\QFSN-600-2YHG\08D8610</t>
  </si>
  <si>
    <t>【哈电发电机】压帽\QFSN-600-2YHG\08D8611</t>
  </si>
  <si>
    <t>【哈电发电机】螺母\QFSN-600-2YHG\08D8612</t>
  </si>
  <si>
    <t>【哈电发电机】止动垫圈\QFSN-600-2YHG\08D8613</t>
  </si>
  <si>
    <t>【哈电发电机】铜垫圈\QFSN-600-2YHG\08D8614</t>
  </si>
  <si>
    <t>【哈电发电机】导电杆装配\QFSN-600-2YHG\04B2121</t>
  </si>
  <si>
    <t>【哈电发电机】导电杆\QFSN-600-2YHG\05C9956</t>
  </si>
  <si>
    <t>【哈电发电机】内六角沉头螺钉\QFSN-600-2YHG\M16*45/8.8\04B2121P003</t>
  </si>
  <si>
    <t>【哈电发电机】平衡盘\QFSN-600-2YHG\06C2092</t>
  </si>
  <si>
    <t>【哈电发电机】齿轮\8EA.951.839/16*50/Q235\06C2091\QFSN-600-2YHG</t>
  </si>
  <si>
    <t>【哈电发电机】止动垫圈\8EA.951.856/20*60/Q235\01J4863P027\QFSN-600-2YHG</t>
  </si>
  <si>
    <t>【哈电发电机】止动垫圈\01J4863P028\QFSN-600-2YHG</t>
  </si>
  <si>
    <t>【哈电发电机】密封垫\07D4745\QFSN-600-2YHG</t>
  </si>
  <si>
    <t>【哈电发电机】密封垫\WZPK2-235\07D4733\QFSN-600-2YHG</t>
  </si>
  <si>
    <t>【哈电发电机】铠装铂电阻\WSSX-571\01J7205P003\QFSN-600-2YHG</t>
  </si>
  <si>
    <t>【哈电发电机】电接点双金属温度计\01J7205P005\QFSN-600-2YHG</t>
  </si>
  <si>
    <t>【哈电发电机】内端盖\25TA40*10-FB(端法兰为4*Φ21)\02A4612\QFSN-600-2YHG</t>
  </si>
  <si>
    <t>【哈电发电机】波纹补偿器\8EA.951.856/20*60/Q235\02A4558P029\QFSN-600-2YHG</t>
  </si>
  <si>
    <t>【哈电发电机】止动垫圈\8EA.951.805/10*60/Q235\02A4558P037\QFSN-600-2YHG</t>
  </si>
  <si>
    <t>【哈电发电机】止动垫圈\02A4558P052\QFSN-600-2YHG</t>
  </si>
  <si>
    <t>【哈电发电机】密封垫\25TA40×10-FB\07D4631\QFSN-600-2YHG</t>
  </si>
  <si>
    <t>【哈电发电机】波纹补偿器\8EA.950.702/16 Q235\02A4561P040\QFSN-600-2YHG</t>
  </si>
  <si>
    <t>【哈电发电机】垫圈\02A7147P004\QFSN-600-2YHG</t>
  </si>
  <si>
    <t>【哈电发电机】油封环\08D9291\QFSN-600-2YHG</t>
  </si>
  <si>
    <t>【哈电发电机】密封垫\08D9300\QFSN-600-2YHG</t>
  </si>
  <si>
    <t>【哈电发电机】密封垫\07D8135\QFSN-600-2YHG</t>
  </si>
  <si>
    <t>【哈电发电机】密封垫\07D8133\QFSN-600-2YHG</t>
  </si>
  <si>
    <t>【哈电发电机】密封垫\07D8105\QFSN-600-2YHG</t>
  </si>
  <si>
    <t>【哈电发电机】密封垫圈\07D5058\QFSN-600-2YHG</t>
  </si>
  <si>
    <t>【哈电发电机】定子支架装配\03B7857\QFSN-600-2YHG</t>
  </si>
  <si>
    <t>【哈电发电机】定子支架装配\03B7859\QFSN-600-2YHG</t>
  </si>
  <si>
    <t>【哈电发电机】定子支架装配\03B7861\QFSN-600-2YHG</t>
  </si>
  <si>
    <t>【哈电发电机】支撑环\07D4489\QFSN-600-2YHG</t>
  </si>
  <si>
    <t>【哈电发电机】定子支架装配\03B7863\QFSN-600-2YHG</t>
  </si>
  <si>
    <t>【哈电发电机】支架弹簧板\03B7883\QFSN-600-2YHG</t>
  </si>
  <si>
    <t>【哈电发电机】六角螺栓\07D4560\QFSN-600-2YHG</t>
  </si>
  <si>
    <t>【哈电发电机】层压板(止动垫片)\1.5X40X110\07D4561\QFSN-600-2YHG</t>
  </si>
  <si>
    <t>【哈电发电机】临时垫块\07D4563\QFSN-600-2YHG</t>
  </si>
  <si>
    <t>【哈电发电机】垫片\07D4564\QFSN-600-2YHG</t>
  </si>
  <si>
    <t>【哈电发电机】六角螺栓\07D4565\QFSN-600-2YHG</t>
  </si>
  <si>
    <t>【哈电发电机】压板\05C2035\QFSN-600-2YHG</t>
  </si>
  <si>
    <t>【哈电发电机】拖垫\07D4566\QFSN-600-2YHG</t>
  </si>
  <si>
    <t>【哈电发电机】线圈水盒绝缘套\02A4547\QFSN-600-2YHG</t>
  </si>
  <si>
    <t>【哈电发电机】定子绕组鼻端垫块\05C1994\QFSN-600-2YHG</t>
  </si>
  <si>
    <t>【哈电发电机】定子绕组鼻端垫块\05C1993\QFSN-600-2YHG</t>
  </si>
  <si>
    <t>【哈电发电机】内撑环装配\02A4549\QFSN-600-2YHG</t>
  </si>
  <si>
    <t>【哈电发电机】层间支撑管\03B7846\QFSN-600-2YHG</t>
  </si>
  <si>
    <t>【哈电发电机】层间支撑管\03B7845\QFSN-600-2YHG</t>
  </si>
  <si>
    <t>【哈电发电机】可调绑环装配\01J3635\QFSN-600-2YHG</t>
  </si>
  <si>
    <t>【哈电发电机】层间支撑管\03B7844\QFSN-600-2YHG</t>
  </si>
  <si>
    <t>【哈电发电机】层间支撑管\03B7843\QFSN-600-2YHG</t>
  </si>
  <si>
    <t>【哈电发电机】层间支撑管\03B7842\QFSN-600-2YHG</t>
  </si>
  <si>
    <t>【哈电发电机】槽口楔块装配\03B8086\QFSN-600-2YHG</t>
  </si>
  <si>
    <t>【哈电发电机】槽楔\07D4482\QFSN-600-2YHG</t>
  </si>
  <si>
    <t>【哈电发电机】风区隔板装配\02A4554\QFSN-600-2YHG</t>
  </si>
  <si>
    <t>【哈电发电机】定子绕组鼻端垫块\05C1995\QFSN-600-2YHG</t>
  </si>
  <si>
    <t>【哈电发电机】定子绕组鼻端垫块\05C1996\QFSN-600-2YHG</t>
  </si>
  <si>
    <t>【哈电发电机】间隔块\07D4580\QFSN-600-2YHG</t>
  </si>
  <si>
    <t>【哈电发电机】间隔块\07D4581\QFSN-600-2YHG</t>
  </si>
  <si>
    <t>【哈电发电机】间隔块\07D4582\QFSN-600-2YHG</t>
  </si>
  <si>
    <t>【哈电发电机】间隔块\07D4583\QFSN-600-2YHG</t>
  </si>
  <si>
    <t>【哈电发电机】间隔块\07D4584\QFSN-600-2YHG</t>
  </si>
  <si>
    <t>【哈电发电机】间隔块\07D4585\QFSN-600-2YHG</t>
  </si>
  <si>
    <t>【哈电发电机】引线支架夹板\05C2054\QFSN-600-2YHG</t>
  </si>
  <si>
    <t>【哈电发电机】引线支架夹板\05C2056\QFSN-600-2YHG</t>
  </si>
  <si>
    <t>【哈电发电机】引线支架夹板\05C2057\QFSN-600-2YHG</t>
  </si>
  <si>
    <t>【哈电发电机】引线支架夹板\05C2055\QFSN-600-2YHG</t>
  </si>
  <si>
    <t>【哈电发电机】引线支架夹板\05C2058\QFSN-600-2YHG</t>
  </si>
  <si>
    <t>【哈电发电机】引线支架夹板\05C2059\QFSN-600-2YHG</t>
  </si>
  <si>
    <t>【哈电发电机】引线支架夹板\05C2060\QFSN-600-2YHG</t>
  </si>
  <si>
    <t>【哈电发电机】引线支架夹板\05C2061\QFSN-600-2YHG</t>
  </si>
  <si>
    <t>【哈电发电机】引线支架夹板\05C2062\QFSN-600-2YHG</t>
  </si>
  <si>
    <t>【哈电发电机】引线水盒绝缘套\02A4548\QFSN-600-2YHG</t>
  </si>
  <si>
    <t>【哈电发电机】联接螺栓装配\05C9959\QFSN-600-2</t>
  </si>
  <si>
    <t>【哈电发电机】密封垫\07D4924\QFSN4-600-2</t>
  </si>
  <si>
    <t>【哈电发电机】密封垫\07D4851\QFSN4-600-2</t>
  </si>
  <si>
    <t>【哈电发电机】密封垫\07D4849\QFSN4-600-2</t>
  </si>
  <si>
    <t>【哈电发电机】线圈水盒绝缘套\02A4546\QFSN-600-2YHG</t>
  </si>
  <si>
    <t>【哈电发电机】O型密封圈\8EA.370.415\02A4618P003\QFSN-600-2YHG</t>
  </si>
  <si>
    <t>【哈电发电机】导电杆柔性引线\QFSN-600-2YHG\04B2212</t>
  </si>
  <si>
    <t>【哈电发电机】密封垫\QF-135-2\05D4626</t>
  </si>
  <si>
    <t>【哈电发电机】密封垫\QFSN4-600-2\07D4850</t>
  </si>
  <si>
    <t>【哈电发电机】电刷\08D4860\QFSN-300-2</t>
  </si>
  <si>
    <t>【哈电发电机】销钉\QFSN-600-2YHG\08D8609</t>
  </si>
  <si>
    <t>【哈电发电机】定子引线\03B3764\QFSN-300-2</t>
  </si>
  <si>
    <t>【哈电发电机】定子引线\03B3765\QFSN-300-2</t>
  </si>
  <si>
    <t>【哈电发电机】定子引线\03B3766\QFSN-300-2</t>
  </si>
  <si>
    <t>【哈电发电机】定子引线\03B3767\QFSN-300-2</t>
  </si>
  <si>
    <t>【哈电发电机】定子引线\03B3768\QFSN-300-2</t>
  </si>
  <si>
    <t>【哈电发电机】定子引线\03B3769\QFSN-300-2</t>
  </si>
  <si>
    <t>【哈电发电机】定子引线\03B3770\QFSN-300-2</t>
  </si>
  <si>
    <t>【哈电发电机】定子引线\03B3771\QFSN-300-2</t>
  </si>
  <si>
    <t>【哈电发电机】定子引线\03B3772\QFSN-300-2</t>
  </si>
  <si>
    <t>【哈电发电机】定子引线\03B3773\QFSN-300-2</t>
  </si>
  <si>
    <t>【哈电发电机】定子引线\03B3774\QFSN-300-2</t>
  </si>
  <si>
    <t>【哈电发电机】定子引线\03B3775\QFSN-300-2</t>
  </si>
  <si>
    <t>【哈电发电机】引线鼻端固定\03B6417\QFSN-300-2</t>
  </si>
  <si>
    <t>【哈电发电机】绝缘端环\04C4648\QFSN-300-2</t>
  </si>
  <si>
    <t>【哈电发电机】绝缘端环\04C4649\QFSN-300-2</t>
  </si>
  <si>
    <t>【哈电发电机】可调撑块\04C7970\QFSN-300-2</t>
  </si>
  <si>
    <t>【哈电发电机】汽端下层垫块\05D6914\QFSN-300-2</t>
  </si>
  <si>
    <t>【哈电发电机】励端上层垫块\05D6916\QFSN-300-2</t>
  </si>
  <si>
    <t>【哈电发电机】汽端上层垫块\05D6917\QFSN-300-2</t>
  </si>
  <si>
    <t>【哈电发电机】止动垫圈\05D7285\QFSN-300-2</t>
  </si>
  <si>
    <t>【哈电发电机】端环\05D8237\QFSN-300-2</t>
  </si>
  <si>
    <t>【哈电发电机】端环\05D8238\QFSN-300-2</t>
  </si>
  <si>
    <t>【哈电发电机】测温套管装配\05D8267\QFSN-300-2</t>
  </si>
  <si>
    <t>【哈电发电机】夹板\05D8301\QFSN-300-2</t>
  </si>
  <si>
    <t>【哈电发电机】间隔垫块\05D8638\QFSN-300-2</t>
  </si>
  <si>
    <t>【哈电发电机】间隔垫块\05D8639\QFSN-300-2</t>
  </si>
  <si>
    <t>【哈电发电机】间隔垫块\05D8640\QFSN-300-2</t>
  </si>
  <si>
    <t>【哈电发电机】间隔垫块\05D8641\QFSN-300-2</t>
  </si>
  <si>
    <t>【哈电发电机】三通(励)\06C3116\QFSN-300-2</t>
  </si>
  <si>
    <t>【哈电发电机】三通(汽)\06C3117\QFSN-300-2</t>
  </si>
  <si>
    <t>【哈电发电机】励端上层垫块\06D1200\QFSN-300-2</t>
  </si>
  <si>
    <t>【哈电发电机】励端下层垫块\06D1201\QFSN-300-2</t>
  </si>
  <si>
    <t>【哈电发电机】励端上层垫块\06D1202\QFSN-300-2</t>
  </si>
  <si>
    <t>【哈电发电机】励端下层垫块\06D1203\QFSN-300-2</t>
  </si>
  <si>
    <t>【哈电发电机】间隔垫块\06D9417\QFSN-300-2</t>
  </si>
  <si>
    <t>【哈电发电机】间隔垫块\06D9418\QFSN-300-2</t>
  </si>
  <si>
    <t>【哈电发电机】间隔垫块\06D9419\QFSN-300-2</t>
  </si>
  <si>
    <t>【哈电发电机】间隔垫块\06D9420\QFSN-300-2</t>
  </si>
  <si>
    <t>【哈电发电机】风扇装配\03B3634\QFSN-300-2</t>
  </si>
  <si>
    <t>【哈电发电机】导电杆分装配\QFSN-300-2\03B3638</t>
  </si>
  <si>
    <t>【哈电发电机】导电杆分装配\QFSN-300-2\03B3637</t>
  </si>
  <si>
    <t>【哈电发电机】连接管\07D0143\QFSN-300-2</t>
  </si>
  <si>
    <t>【哈电发电机】连接管\07D0144\QFSN-300-2</t>
  </si>
  <si>
    <t>【哈电发电机】弯管装配\09D1173\QFSN-300-2</t>
  </si>
  <si>
    <t>【哈电发电机】波纹补偿器\10D6027\QFSN-300-2</t>
  </si>
  <si>
    <t>【哈电发电机】波纹补偿器\10D6028\QFSN-300-2</t>
  </si>
  <si>
    <t>【哈电发电机】支块\16\05D8083\QFSN-300-2</t>
  </si>
  <si>
    <t>【哈电发电机】垫圈\8EA.951.010\QFSN-300-2</t>
  </si>
  <si>
    <t>【哈电发电机】视油管\03B3923\QFSN-300-2</t>
  </si>
  <si>
    <t>【哈电发电机】绝缘油管装配\03B6521\QFSN-300-2</t>
  </si>
  <si>
    <t>【哈电发电机】空侧油压管\04C3720\QFSN-300-2</t>
  </si>
  <si>
    <t>【哈电发电机】氢侧差压管\04C3721\QFSN-300-2</t>
  </si>
  <si>
    <t>【哈电发电机】空侧进油管\04C3722\QFSN-300-2</t>
  </si>
  <si>
    <t>【哈电发电机】轴承回油排气\04C3725\QFSN-300-2</t>
  </si>
  <si>
    <t>【哈电发电机】轴承顶块\05D8460\QFSN-300-2</t>
  </si>
  <si>
    <t>【哈电发电机】板\05D8600\QFSN-300-2</t>
  </si>
  <si>
    <t>【哈电发电机】压板\05D8824\QFSN-300-2</t>
  </si>
  <si>
    <t>【哈电发电机】定位块\05D8826\QFSN-300-2</t>
  </si>
  <si>
    <t>【哈电发电机】推力油管\05D8842\QFSN-300-2</t>
  </si>
  <si>
    <t>【哈电发电机】法兰\05D8844\QFSN-300-2</t>
  </si>
  <si>
    <t>【哈电发电机】轴承进油管\05D8845\QFSN-300-2</t>
  </si>
  <si>
    <t>【哈电发电机】法兰\05D8865\QFSN-300-2</t>
  </si>
  <si>
    <t>【哈电发电机】氢侧进油管\05D8867\QFSN-300-2</t>
  </si>
  <si>
    <t>【哈电发电机】法兰\07D0187\QFSN-300-2</t>
  </si>
  <si>
    <t>【哈电发电机】法兰\07D0213\QFSN-300-2</t>
  </si>
  <si>
    <t>【哈电发电机】测振仪座\WH-8EA.310.002\QFSN-300-2</t>
  </si>
  <si>
    <t>【哈电发电机】视油管(励端)\03B4034\QFSN-300-2</t>
  </si>
  <si>
    <t>【哈电发电机】空侧油压管\04C3921\QFSN-300-2</t>
  </si>
  <si>
    <t>【哈电发电机】轴承顶块装配\06D9557\QFSN-300-2</t>
  </si>
  <si>
    <t>【哈电发电机】绝缘油管装配\M20\04C1307\QFSN-300-2</t>
  </si>
  <si>
    <t>【哈电发电机】不锈钢六角螺母\05D9508\QFSN-300-2</t>
  </si>
  <si>
    <t>【哈电发电机】垫圈\M20*480\05D9509\QFSN-300-2</t>
  </si>
  <si>
    <t>【哈电发电机】不锈钢全牙螺杆\05D9511\QFSN-300-2</t>
  </si>
  <si>
    <t>【哈电发电机】接地块\WH-01C0086\QFSN-300-2</t>
  </si>
  <si>
    <t>【哈电发电机】黄铜板锁片\WH-01D0207\QFSN-300-2</t>
  </si>
  <si>
    <t>【哈电发电机】锁片\WH-01D0208\QFSN-300-2</t>
  </si>
  <si>
    <t>【哈电发电机】绝缘垫圈\M10\WH-01D0209\QFSN-300-2</t>
  </si>
  <si>
    <t>【哈电发电机】尼龙头螺钉\M10\WH-01D0213\QFSN-300-2</t>
  </si>
  <si>
    <t>【哈电发电机】尼龙六角螺母\WH-01D0214\QFSN-300-2</t>
  </si>
  <si>
    <t>【哈电发电机】绝缘垫圈\WH-01D0215\QFSN-300-2</t>
  </si>
  <si>
    <t>【哈电发电机】O型密封圈\WH-01D0374\QFSN-300-2</t>
  </si>
  <si>
    <t>【哈电发电机】接线端子\WH-01D0377\QFSN-300-2</t>
  </si>
  <si>
    <t>【哈电发电机】引线端子\M12*32\WH-01D0378\QFSN-300-2</t>
  </si>
  <si>
    <t>【哈电发电机】青铜六角螺栓\M12*58\WH-01D0405\QFSN-300-2</t>
  </si>
  <si>
    <t>【哈电发电机】青铜六角螺栓\M10*25\WH-01D0406\QFSN-300-2</t>
  </si>
  <si>
    <t>【哈电发电机】螺栓\M10*32\WH-01D0411\QFSN-300-2</t>
  </si>
  <si>
    <t>【哈电发电机】螺栓\M10*50\WH-01D0412\QFSN-300-2</t>
  </si>
  <si>
    <t>【哈电发电机】硅青铜六角螺栓\M12*85\WH-01D0413\QFSN-300-2</t>
  </si>
  <si>
    <t>【哈电发电机】不锈钢六角螺栓\8EA.951.861/20*85/Q235\WH-01D0462\QFSN-300-2</t>
  </si>
  <si>
    <t>【哈电发电机】止动垫圈\8EA.951.857/20*65/Q235\01J4240P038\QFSN-300-2</t>
  </si>
  <si>
    <t>【哈电发电机】止动垫圈\01J4240P044\QFSN-300-2</t>
  </si>
  <si>
    <t>【哈电发电机】平衡块\QFSN-300-2\8EA.290.023\01J8841P013</t>
  </si>
  <si>
    <t>【哈电发电机】止动垫圈\QFSN-300-2\8EA.951.843/16*70/Q235\01J8841P017</t>
  </si>
  <si>
    <t>【哈电发电机】平衡块\QFSN-300-2\8EA.290.060\01J8841P021</t>
  </si>
  <si>
    <t>【哈电发电机】绝缘纸板\QFSN-300-2\0.5*1000*1000\01J8841P050</t>
  </si>
  <si>
    <t>【哈电发电机】绝缘前引出线\QFSN-300-2\03B6623</t>
  </si>
  <si>
    <t>【哈电发电机】内六角沉头螺钉\QFSN-300-2\M10*40/8.8\04B0737P004</t>
  </si>
  <si>
    <t>【哈电发电机】导电杆分装配\QFSN-300-2\04B0738</t>
  </si>
  <si>
    <t>【哈电发电机】内六角沉头螺钉\QFSN-300-2\M10*40/8.8\04B0738P004</t>
  </si>
  <si>
    <t>【哈电发电机】软连接板\QFSN-300-2\04C2976</t>
  </si>
  <si>
    <t>【哈电发电机】导电杆\QFSN-300-2\04C2977</t>
  </si>
  <si>
    <t>【哈电发电机】阻尼引线联接块\QFSN-300-2\04C4379</t>
  </si>
  <si>
    <t>【哈电发电机】环键装配\QFSN-300-2\04C7964</t>
  </si>
  <si>
    <t>【哈电发电机】导电杆\QFSN-300-2\05C3002</t>
  </si>
  <si>
    <t>【哈电发电机】导电杆\QFSN-300-2\05C3003</t>
  </si>
  <si>
    <t>【哈电发电机】转子通风孔堵塞\QFSN-300-2\05D2854</t>
  </si>
  <si>
    <t>【哈电发电机】转子通风孔堵塞\QFSN-300-2\05D2855</t>
  </si>
  <si>
    <t>【哈电发电机】圆头铜铆钉\QFSN-300-2\Φ5*45\07D0023</t>
  </si>
  <si>
    <t>【哈电发电机】圆头铜铆钉\QFSN-300-2\Φ5*35\07D0024</t>
  </si>
  <si>
    <t>【哈电发电机】绝缘套筒\QFSN-300-2\05D7132</t>
  </si>
  <si>
    <t>【哈电发电机】环键装配\QFSN-300-2\04C3451</t>
  </si>
  <si>
    <t>【哈电发电机】螺栓\QFSN-300-2\M33*90\WH-01D0580</t>
  </si>
  <si>
    <t>【哈电发电机】铅垫圈\QFSN-300-2\8EA.950.718//1/8″\02A8094P002</t>
  </si>
  <si>
    <t>【哈电发电机】冷却器装配\02J0404P001\QFSN-300-2</t>
  </si>
  <si>
    <t>【哈电发电机】定位螺钉\07D4724\QFSN-300-2</t>
  </si>
  <si>
    <t>【哈电发电机】单孔直刷握\5EA.112.055\05B3506P001\QFSN-300-2</t>
  </si>
  <si>
    <t>【哈电发电机】密封垫\05D7289\QFSN-300-2</t>
  </si>
  <si>
    <t>【哈电发电机】普通铰链\8EA.882.02H/4"\01J6736P008\QFSN-300-2</t>
  </si>
  <si>
    <t>【哈电发电机】隔音罩\01J6737\QFSN-300-2</t>
  </si>
  <si>
    <t>【哈电发电机】隔音罩本体\01J6737P001\QFSN-300-2</t>
  </si>
  <si>
    <t>【哈电发电机】底架\02A3684\QFSN-300-2</t>
  </si>
  <si>
    <t>【哈电发电机】风扇罩装配\02A6753\QFSN-300-2</t>
  </si>
  <si>
    <t>【哈电发电机】端板\03A0318\QFSN-300-2</t>
  </si>
  <si>
    <t>【哈电发电机】端板\03A0319\QFSN-300-2</t>
  </si>
  <si>
    <t>【哈电发电机】端板\03B9128\QFSN-300-2</t>
  </si>
  <si>
    <t>【哈电发电机】框架\04C2980\QFSN-300-2</t>
  </si>
  <si>
    <t>【哈电发电机】风扇外罩\04C7489\QFSN-300-2</t>
  </si>
  <si>
    <t>【哈电发电机】把手\05C2843\QFSN-300-2</t>
  </si>
  <si>
    <t>【哈电发电机】手柄\8EA.253.056\05C2843P001\QFSN-300-2</t>
  </si>
  <si>
    <t>【哈电发电机】圆柱销\8EA.934.2186/Φ16*100/45\05C2843P003\QFSN-300-2</t>
  </si>
  <si>
    <t>【哈电发电机】把手\05C2844\QFSN-300-2</t>
  </si>
  <si>
    <t>【哈电发电机】手柄\8EA.253.056\05C2844P001\QFSN-300-2</t>
  </si>
  <si>
    <t>【哈电发电机】闩头\8EA.874.002\05C2844P004\QFSN-300-2</t>
  </si>
  <si>
    <t>【哈电发电机】导电板\05C2978\QFSN-300-2</t>
  </si>
  <si>
    <t>【哈电发电机】导电板装配\05C2979\QFSN-300-2</t>
  </si>
  <si>
    <t>【哈电发电机】导电板\05C2980\QFSN-300-2</t>
  </si>
  <si>
    <t>【哈电发电机】导电板\05C2981\QFSN-300-2</t>
  </si>
  <si>
    <t>【哈电发电机】导电板\05C2982\QFSN-300-2</t>
  </si>
  <si>
    <t>【哈电发电机】导电板\05C2983\QFSN-300-2</t>
  </si>
  <si>
    <t>【哈电发电机】导电板\05C2984\QFSN-300-2</t>
  </si>
  <si>
    <t>【哈电发电机】装饰垫圈\05D7892\QFSN-300-2</t>
  </si>
  <si>
    <t>【哈电发电机】盖板\05D7988\QFSN-300-2</t>
  </si>
  <si>
    <t>【哈电发电机】泻压门\06C4727\QFSN-300-2</t>
  </si>
  <si>
    <t>【哈电发电机】导风环\06D9369\QFSN-300-2</t>
  </si>
  <si>
    <t>【哈电发电机】挡板\06D9383\QFSN-300-2</t>
  </si>
  <si>
    <t>【哈电发电机】垫圈\07D8203\QFSN-300-2</t>
  </si>
  <si>
    <t>【哈电发电机】导风环\08D6652\QFSN-300-2</t>
  </si>
  <si>
    <t>【哈电发电机】导电板\08D6653\QFSN-300-2</t>
  </si>
  <si>
    <t>【哈电发电机】锁片\09D6968\QFSN-300-2</t>
  </si>
  <si>
    <t>【哈电发电机】单孔直刷握\5EA.112.055\QFSN-300-2</t>
  </si>
  <si>
    <t>【哈电发电机】电刷\QFSN-600-2YHG\08D4860</t>
  </si>
  <si>
    <t>【哈电发电机】垫圈\20\8EA.951.012\QFSN-300-2</t>
  </si>
  <si>
    <t>【哈电发电机】O型密封圈\8EA.370.1610\QFSN-200-2</t>
  </si>
  <si>
    <t>【哈电发电机】O型橡胶密封圈\8EA.370.1602\QFSN-200-2</t>
  </si>
  <si>
    <t>【哈电发电机】绑环\04D4651\QFSN-200-2</t>
  </si>
  <si>
    <t>【哈电发电机】绑环\04D4652\QFSN-200-2</t>
  </si>
  <si>
    <t>【哈电发电机】边板\QFSN-200-2\05D2858</t>
  </si>
  <si>
    <t>【哈电发电机】边板\QFSN-200-2\05D2862</t>
  </si>
  <si>
    <t>【哈电发电机】槽衬垫条粘接\QFSN-200-2\05D6282</t>
  </si>
  <si>
    <t>【哈电发电机】槽端槽衬\QFSN-200-2\04D9842</t>
  </si>
  <si>
    <t>【哈电发电机】槽口垫块\QFSN-200-2\05D6793</t>
  </si>
  <si>
    <t>【哈电发电机】槽块\QFSN-200-2\04D4513</t>
  </si>
  <si>
    <t>【哈电发电机】侧板\QFSN-200-2\08D8823</t>
  </si>
  <si>
    <t>【哈电发电机】测温电阻\WZC-001\01J2482\QFSN-200-2</t>
  </si>
  <si>
    <t>【哈电发电机】测温接线板\05C6566\QFSN-200-2</t>
  </si>
  <si>
    <t>【哈电发电机】测温接线板\06C3114\QFSN-200-2</t>
  </si>
  <si>
    <t>【哈电发电机】测温铜套\05D5715\QFSN-200-2</t>
  </si>
  <si>
    <t>【哈电发电机】环氧酚醛层压玻璃布管\25*3*66\02A1118-19\QFSN-200-2</t>
  </si>
  <si>
    <t>【哈电发电机】环氧酚醛层压玻璃布管\38*3*110\02A1118-19\QFSN-200-2</t>
  </si>
  <si>
    <t>【哈电发电机】沉头铜铆钉\φ4*20\8EA.962.022\QFSN-200-2</t>
  </si>
  <si>
    <t>【哈电发电机】衬垫\02D2568\QFSN-200-2</t>
  </si>
  <si>
    <t>【哈电发电机】衬垫\03C5337\QFSN-200-2</t>
  </si>
  <si>
    <t>【哈电发电机】衬垫\03C5339\QFSN-200-2</t>
  </si>
  <si>
    <t>【哈电发电机】衬垫\03C5340\QFSN-200-2</t>
  </si>
  <si>
    <t>【哈电发电机】衬垫\03C5342\QFSN-200-2</t>
  </si>
  <si>
    <t>【哈电发电机】衬垫\04D4540\QFSN-200-2</t>
  </si>
  <si>
    <t>【哈电发电机】撑管\04D4549\QFSN-200-2</t>
  </si>
  <si>
    <t>【哈电发电机】撑块\09D8942\QFSN-200-2</t>
  </si>
  <si>
    <t>【哈电发电机】撑块\09D8958\QFSN-200-2</t>
  </si>
  <si>
    <t>【哈电发电机】承管板\02B9449\QFSN-200-2</t>
  </si>
  <si>
    <t>【哈电发电机】承管板\02B9450\QFSN-200-2</t>
  </si>
  <si>
    <t>【哈电发电机】出线铜排\04C0905(二)\QFSN-200-2</t>
  </si>
  <si>
    <t>【哈电发电机】出线铜排\04C0906(二)\QFSN-200-2</t>
  </si>
  <si>
    <t>【哈电发电机】出线铜排\04C0908\QFSN-200-2</t>
  </si>
  <si>
    <t>【哈电发电机】大头槽楔\04C3216\QFSN-200-2</t>
  </si>
  <si>
    <t>【哈电发电机】带孔调整垫块\04D4337\QFSN-200-2</t>
  </si>
  <si>
    <t>【哈电发电机】带孔调整垫块\04D4339\QFSN-200-2</t>
  </si>
  <si>
    <t>【哈电发电机】弹簧\8EA.283.085\QFSN-200-2</t>
  </si>
  <si>
    <t>【哈电发电机】弹簧\8EA.283.086\QFSN-200-2</t>
  </si>
  <si>
    <t>【哈电发电机】导电环\02A1392\QFSN-200-2</t>
  </si>
  <si>
    <t>【哈电发电机】挡风环\04C0325\QFSN-200-2</t>
  </si>
  <si>
    <t>【哈电发电机】挡风环\04C0526\QFSN-200-2</t>
  </si>
  <si>
    <t>【哈电发电机】挡风橡皮条\04D4534\QFSN-200-2</t>
  </si>
  <si>
    <t>【哈电发电机】挡块\09D8946\QFSN-200-2</t>
  </si>
  <si>
    <t>【哈电发电机】挡片\04D5488\QFSN-200-2</t>
  </si>
  <si>
    <t>【哈电发电机】挡油板\05B1252\QFSN-200-2</t>
  </si>
  <si>
    <t>【哈电发电机】挡油板装配\03C5314\QFSN-200-2</t>
  </si>
  <si>
    <t>【哈电发电机】导电板\05D3212\QFSN-200-2</t>
  </si>
  <si>
    <t>【哈电发电机】导电板\05D3213\QFSN-200-2</t>
  </si>
  <si>
    <t>【哈电发电机】导电板\06C1564\QFSN-200-2</t>
  </si>
  <si>
    <t>【哈电发电机】导轨\04C0536\QFSN-200-2</t>
  </si>
  <si>
    <t>【哈电发电机】导轨\04C0537\QFSN-200-2</t>
  </si>
  <si>
    <t>【哈电发电机】底板\04C0308\QFSN-200-2</t>
  </si>
  <si>
    <t>【哈电发电机】底架\02A1391\QFSN-200-2</t>
  </si>
  <si>
    <t>【哈电发电机】电刷装配\5EA.112.094\QFSN-200-2</t>
  </si>
  <si>
    <t>【哈电发电机】垫板\04D4427\QFSN-200-2</t>
  </si>
  <si>
    <t>【哈电发电机】垫块\04D2452\QFSN-200-2</t>
  </si>
  <si>
    <t>【哈电发电机】垫块\04D4512\QFSN-200-2</t>
  </si>
  <si>
    <t>【哈电发电机】垫块\04D4514\QFSN-200-2</t>
  </si>
  <si>
    <t>【哈电发电机】垫块\06D2753\QFSN-200-2</t>
  </si>
  <si>
    <t>【哈电发电机】垫片\05D3210\QFSN-200-2</t>
  </si>
  <si>
    <t>【哈电发电机】垫片\05D3227\QFSN-200-2</t>
  </si>
  <si>
    <t>【哈电发电机】垫片\05D3467\QFSN-200-2</t>
  </si>
  <si>
    <t>【哈电发电机】垫圈\12\8EA.950.007\QFSN-200-2</t>
  </si>
  <si>
    <t>【哈电发电机】垫圈\16\8EA.950.008\QFSN-200-2</t>
  </si>
  <si>
    <t>【哈电发电机】垫圈\24\8EA950010\QFSN-200-2</t>
  </si>
  <si>
    <t>【哈电发电机】垫圈\30\8EA.950.011\QFSN-200-2</t>
  </si>
  <si>
    <t>【哈电发电机】垫圈\36\8EA.950.012\QFSN-200-2</t>
  </si>
  <si>
    <t>【哈电发电机】垫圈\12\8EA.951.024\QFSN-200-2</t>
  </si>
  <si>
    <t>【哈电发电机】垫圈\02E9268\QFSN-200-2</t>
  </si>
  <si>
    <t>【哈电发电机】吊攀螺钉\M24\8EA.293.006\QFSN-200-2</t>
  </si>
  <si>
    <t>【哈电发电机】吊转子工具\QFSN-200-2\02B9470</t>
  </si>
  <si>
    <t>【哈电发电机】调整垫块\04D4336\QFSN-200-2</t>
  </si>
  <si>
    <t>【哈电发电机】调整垫块\04D4338\QFSN-200-2</t>
  </si>
  <si>
    <t>【哈电发电机】调整垫片\04D4340\QFSN-200-2</t>
  </si>
  <si>
    <t>【哈电发电机】顶板\08D8824\QFSN-200-2</t>
  </si>
  <si>
    <t>【哈电发电机】顶定子工具\04D4698\QFSN-200-2</t>
  </si>
  <si>
    <t>【哈电发电机】顶块\08D5520\QFSN-200-2</t>
  </si>
  <si>
    <t>【哈电发电机】顶转子工具\03C5899\QFSN-200-2</t>
  </si>
  <si>
    <t>【哈电发电机】定位块装配\05C7697\QFSN-200-2</t>
  </si>
  <si>
    <t>【哈电发电机】定位螺钉\M24*170\03D1225\QFSN-200-2</t>
  </si>
  <si>
    <t>【哈电发电机】定位螺钉\8EA.929.067\QFSN-200-2</t>
  </si>
  <si>
    <t>【哈电发电机】定位销\02E3618\QFSN-200-2</t>
  </si>
  <si>
    <t>【哈电发电机】镀锌水煤气钢管\15/L409\02A15689\QFSN-200-2</t>
  </si>
  <si>
    <t>【哈电发电机】端部匝间绝缘\QFSN-200-2\03B1951</t>
  </si>
  <si>
    <t>【哈电发电机】端环\03C9863\QFSN-200-2</t>
  </si>
  <si>
    <t>【哈电发电机】分流环\03C6857\QFSN-200-2</t>
  </si>
  <si>
    <t>【哈电发电机】风扇罩\04B7655\QFSN-200-2</t>
  </si>
  <si>
    <t>【哈电发电机】风扇罩装配\03B2051\QFSN-200-2</t>
  </si>
  <si>
    <t>【哈电发电机】风扇装配\03B2049\QFSN-200-2</t>
  </si>
  <si>
    <t>【哈电发电机】风叶固定螺钉\02A8332\QFSN-200-2</t>
  </si>
  <si>
    <t>【哈电发电机】风叶固定螺钉\04D9999\QFSN-200-2</t>
  </si>
  <si>
    <t>【哈电发电机】氟橡胶垫片\09D8984\QFSN-200-2</t>
  </si>
  <si>
    <t>【哈电发电机】盖板\02D2560\QFSN-200-2</t>
  </si>
  <si>
    <t>【哈电发电机】盖板\03C5338\QFSN-200-2</t>
  </si>
  <si>
    <t>【哈电发电机】盖板\04C0307\QFSN-200-2</t>
  </si>
  <si>
    <t>【哈电发电机】盖板\04D4541\QFSN-200-2</t>
  </si>
  <si>
    <t>【哈电发电机】盖板\05D2866\QFSN-200-2</t>
  </si>
  <si>
    <t>【哈电发电机】盖板螺钉\05D1521\QFSN-200-2</t>
  </si>
  <si>
    <t>【哈电发电机】钢板\03C5898\QFSN-200-2</t>
  </si>
  <si>
    <t>【哈电发电机】钢板\03C9152\QFSN-200-2</t>
  </si>
  <si>
    <t>【哈电发电机】高压顶起装置\04D4354\QFSN-200-2</t>
  </si>
  <si>
    <t>【哈电发电机】高压顶油装置\03C5902\QFSN-200-2</t>
  </si>
  <si>
    <t>【哈电发电机】隔板\05D2856\QFSN-200-2</t>
  </si>
  <si>
    <t>【哈电发电机】隔板\05D2857\QFSN-200-2</t>
  </si>
  <si>
    <t>【哈电发电机】隔板\05D2860\QFSN-200-2</t>
  </si>
  <si>
    <t>【哈电发电机】隔音罩装配\02A1393\QFSN-200-2</t>
  </si>
  <si>
    <t>【哈电发电机】固定螺钉\M10*20\01E6235\QFSN-200-2</t>
  </si>
  <si>
    <t>【哈电发电机】过度接头\05D9825\QFSN-200-2</t>
  </si>
  <si>
    <t>【哈电发电机】过度引线装配\02B9859\QFSN-200-2</t>
  </si>
  <si>
    <t>【哈电发电机】过度引线装配\02B9871\QFSN-200-2</t>
  </si>
  <si>
    <t>【哈电发电机】过度引线装配\03B1933\QFSN-200-2</t>
  </si>
  <si>
    <t>【哈电发电机】过度引线装配\03B1934\QFSN-200-2</t>
  </si>
  <si>
    <t>【哈电发电机】横梁\005D3205\QFSN-200-2</t>
  </si>
  <si>
    <t>【哈电发电机】护环扇形绝缘\QFSN-200-2\04C1879</t>
  </si>
  <si>
    <t>【哈电发电机】护环扇形绝缘\QFSN-200-2\04C1880</t>
  </si>
  <si>
    <t>【哈电发电机】环\QFSN-200-2\04D4353</t>
  </si>
  <si>
    <t>【哈电发电机】环键\QFSN-200-2\03C9790</t>
  </si>
  <si>
    <t>【哈电发电机】汇流管装配\QFSN-200-2\02A2470</t>
  </si>
  <si>
    <t>【哈电发电机】极间垫块\05D3664\QFSN-200-2</t>
  </si>
  <si>
    <t>【哈电发电机】极间垫块\05D3665\QFSN-200-2</t>
  </si>
  <si>
    <t>【哈电发电机】夹板\03C8650\QFSN-200-2</t>
  </si>
  <si>
    <t>【哈电发电机】夹板\04C0317\QFSN-200-2</t>
  </si>
  <si>
    <t>【哈电发电机】夹板\05D2869\QFSN-200-2</t>
  </si>
  <si>
    <t>【哈电发电机】间隔垫块\09D8966\QFSN-200-2</t>
  </si>
  <si>
    <t>【哈电发电机】间隔垫块\09D8967\QFSN-200-2</t>
  </si>
  <si>
    <t>【哈电发电机】间隔垫块\09D8969\QFSN-200-2</t>
  </si>
  <si>
    <t>【哈电发电机】间隔垫块\09D8970\QFSN-200-2</t>
  </si>
  <si>
    <t>【哈电发电机】间隔垫块\09D8962\QFSN-200-2</t>
  </si>
  <si>
    <t>【哈电发电机】间隔垫块\09D8963\QFSN-200-2</t>
  </si>
  <si>
    <t>【哈电发电机】间隔垫块\09D8968\QFSN-200-2</t>
  </si>
  <si>
    <t>【哈电发电机】间隔垫块\09D8964\QFSN-200-2</t>
  </si>
  <si>
    <t>【哈电发电机】间隔垫块\09D8965\QFSN-200-2</t>
  </si>
  <si>
    <t>【哈电发电机】绝缘盒\04C4207\QFSN-200-2</t>
  </si>
  <si>
    <t>【哈电发电机】角钢\50*5\04D6315\QFSN-200-2</t>
  </si>
  <si>
    <t>【哈电发电机】角钢\05D2873\QFSN-200-2</t>
  </si>
  <si>
    <t>【哈电发电机】接触板\04D4650\QFSN-200-2</t>
  </si>
  <si>
    <t>【哈电发电机】接头\05D9826\QFSN-200-2</t>
  </si>
  <si>
    <t>【哈电发电机】接头\09D8945\QFSN-200-2</t>
  </si>
  <si>
    <t>【哈电发电机】绝缘盒\04C4208\QFSN-200-2</t>
  </si>
  <si>
    <t>【哈电发电机】绝缘垫板\09D8983\QFSN-200-2</t>
  </si>
  <si>
    <t>【哈电发电机】绝缘垫块\02C7167\QFSN-200-2</t>
  </si>
  <si>
    <t>【哈电发电机】绝缘垫块\02E9225\QFSN-200-2</t>
  </si>
  <si>
    <t>【哈电发电机】绝缘垫块\02E9226\QFSN-200-2</t>
  </si>
  <si>
    <t>【哈电发电机】绝缘垫块\03D0975\QFSN-200-2</t>
  </si>
  <si>
    <t>【哈电发电机】绝缘垫块\03D0976\QFSN-200-2</t>
  </si>
  <si>
    <t>【哈电发电机】绝缘垫块\03D0977\QFSN-200-2</t>
  </si>
  <si>
    <t>【哈电发电机】绝缘垫块\04C0845\QFSN-200-2</t>
  </si>
  <si>
    <t>【哈电发电机】绝缘垫块\04C0846\QFSN-200-2</t>
  </si>
  <si>
    <t>【哈电发电机】绝缘垫块\04C0847\QFSN-200-2</t>
  </si>
  <si>
    <t>【哈电发电机】绝缘垫块\04C0848\QFSN-200-2</t>
  </si>
  <si>
    <t>【哈电发电机】绝缘垫块\04C0849\QFSN-200-2</t>
  </si>
  <si>
    <t>【哈电发电机】绝缘垫块\04C0850\QFSN-200-2</t>
  </si>
  <si>
    <t>【哈电发电机】绝缘垫块\04C0851\QFSN-200-2</t>
  </si>
  <si>
    <t>【哈电发电机】绝缘垫块\04C0852\QFSN-200-2</t>
  </si>
  <si>
    <t>【哈电发电机】绝缘垫块\04D4335\QFSN-200-2</t>
  </si>
  <si>
    <t>【哈电发电机】绝缘垫块\05D1695\QFSN-200-2</t>
  </si>
  <si>
    <t>【哈电发电机】绝缘垫块\05D1696\QFSN-200-2</t>
  </si>
  <si>
    <t>【哈电发电机】绝缘垫块\05D1697\QFSN-200-2</t>
  </si>
  <si>
    <t>【哈电发电机】绝缘垫块\05D2031\QFSN-200-2</t>
  </si>
  <si>
    <t>【哈电发电机】绝缘垫块\05D2032\QFSN-200-2</t>
  </si>
  <si>
    <t>【哈电发电机】绝缘垫块\05D2033\QFSN-200-2</t>
  </si>
  <si>
    <t>【哈电发电机】绝缘垫块\05D2452\QFSN-200-2</t>
  </si>
  <si>
    <t>【哈电发电机】绝缘垫块\05D2453\QFSN-200-2</t>
  </si>
  <si>
    <t>【哈电发电机】绝缘垫块\05D6791\QFSN-200-2</t>
  </si>
  <si>
    <t>【哈电发电机】绝缘垫块\05D9800\QFSN-200-2</t>
  </si>
  <si>
    <t>【哈电发电机】绝缘垫块\8EA.750.058\QFSN-200-2</t>
  </si>
  <si>
    <t>【哈电发电机】绝缘垫圈\09D9002\QFSN-200-2</t>
  </si>
  <si>
    <t>【哈电发电机】绝缘垫圈\8EA710171\QFSN-200-2</t>
  </si>
  <si>
    <t>【哈电发电机】绝缘垫圈\8EA710351\QFSN-200-2</t>
  </si>
  <si>
    <t>【哈电发电机】绝缘端环\04C0019\QFSN-200-2</t>
  </si>
  <si>
    <t>【哈电发电机】绝缘法兰\09D7096\QFSN-200-2</t>
  </si>
  <si>
    <t>【哈电发电机】绝缘法兰\09D8995\QFSN-200-2</t>
  </si>
  <si>
    <t>【哈电发电机】绝缘盒\04C4209\QFSN-200-2</t>
  </si>
  <si>
    <t>【哈电发电机】绝缘盒\04C4520\QFSN-200-2</t>
  </si>
  <si>
    <t>【哈电发电机】绝缘套管\04D5484\QFSN-200-2</t>
  </si>
  <si>
    <t>【哈电发电机】绝缘套筒\QFSN-200-2\05D2437</t>
  </si>
  <si>
    <t>【哈电发电机】绝缘套筒\QFSN-200-2\05D2438</t>
  </si>
  <si>
    <t>【哈电发电机】绝缘瓦\QFSN-200-2\04D4342</t>
  </si>
  <si>
    <t>【哈电发电机】绝缘瓦\QFSN-200-2\05D1251</t>
  </si>
  <si>
    <t>【哈电发电机】绝缘压圈\05D2448\QFSN-200-2</t>
  </si>
  <si>
    <t>【哈电发电机】绝缘压圈\05D2449\QFSN-200-2</t>
  </si>
  <si>
    <t>【哈电发电机】绝缘引水管装配\04C3246\QFSN-200-2</t>
  </si>
  <si>
    <t>【哈电发电机】绝缘引水管装配\04D4493\QFSN-200-2</t>
  </si>
  <si>
    <t>【哈电发电机】绝缘引水管装配\05D1651\QFSN-200-2</t>
  </si>
  <si>
    <t>【哈电发电机】绝缘油管接头装配\03C5308\QFSN-200-2</t>
  </si>
  <si>
    <t>【哈电发电机】绝缘锥销\φ25*170\05D4598\QFSN-200-2</t>
  </si>
  <si>
    <t>【哈电发电机】冷却水管\04C1773\QFSN-200-2</t>
  </si>
  <si>
    <t>【哈电发电机】橡胶密封圈\04D4429\QFSN-200-2</t>
  </si>
  <si>
    <t>【哈电发电机】连接线\04C0311\QFSN-200-2</t>
  </si>
  <si>
    <t>【哈电发电机】联接垫块\05D1698\QFSN-200-2</t>
  </si>
  <si>
    <t>【哈电发电机】联接垫块\05D1699\QFSN-200-2</t>
  </si>
  <si>
    <t>【哈电发电机】联接螺钉\04D1312\QFSN-200-2</t>
  </si>
  <si>
    <t>【哈电发电机】定位销\04D4442\QFSN-200-2</t>
  </si>
  <si>
    <t>【哈电发电机】螺杆\M12*420\04D4532\QFSN-200-2</t>
  </si>
  <si>
    <t>【哈电发电机】螺杆\M24\04D9408\QFSN-200-2</t>
  </si>
  <si>
    <t>【哈电发电机】螺杆\M24\07D3817\QFSN-200-2</t>
  </si>
  <si>
    <t>【哈电发电机】螺杆\M24*95\8EA.932.137\QFSN-200-2</t>
  </si>
  <si>
    <t>【哈电发电机】螺杆\04D8082\QFSN-200-2</t>
  </si>
  <si>
    <t>【哈电发电机】螺杆\04D8083\QFSN-200-2</t>
  </si>
  <si>
    <t>【哈电发电机】螺杆\04D8084\QFSN-200-2</t>
  </si>
  <si>
    <t>【哈电发电机】螺杆\05D9866\QFSN-200-2</t>
  </si>
  <si>
    <t>【哈电发电机】螺帽\04D4386\QFSN-200-2</t>
  </si>
  <si>
    <t>【哈电发电机】圆柱螺母\04D4494\QFSN-200-2</t>
  </si>
  <si>
    <t>【哈电发电机】楔块\04D4519\QFSN-200-2</t>
  </si>
  <si>
    <t>【哈电发电机】档块\04D4668\QFSN-200-2</t>
  </si>
  <si>
    <t>【哈电发电机】螺母\M20\GB6170-86\QFSN-200-2</t>
  </si>
  <si>
    <t>【哈电发电机】螺母\M24\GB6170-86\QFSN-200-2</t>
  </si>
  <si>
    <t>【哈电发电机】螺母\M36\8EA.940.041\QFSN-200-2</t>
  </si>
  <si>
    <t>【哈电发电机】螺母\04D6851\QFSN-200-2</t>
  </si>
  <si>
    <t>【哈电发电机】螺塞\1/2”\8EA.322.015\QFSN-200-2</t>
  </si>
  <si>
    <t>【哈电发电机】螺栓\M10*130\04D9687\QFSN-200-2</t>
  </si>
  <si>
    <t>【哈电发电机】垫块\04D9355\QFSN-200-2</t>
  </si>
  <si>
    <t>【哈电发电机】螺栓\M12*300\05D2870\QFSN-200-2</t>
  </si>
  <si>
    <t>【哈电发电机】垫块\04D9358\QFSN-200-2</t>
  </si>
  <si>
    <t>【哈电发电机】止动垫片\05D2450\QFSN-200-2</t>
  </si>
  <si>
    <t>【哈电发电机】压块\05D9838\QFSN-200-2</t>
  </si>
  <si>
    <t>【哈电发电机】螺栓\M16*140\05D0666\QFSN-200-2</t>
  </si>
  <si>
    <t>【哈电发电机】压块\05D9839\QFSN-200-2</t>
  </si>
  <si>
    <t>【哈电发电机】压块\05D9840\QFSN-200-2</t>
  </si>
  <si>
    <t>【哈电发电机】螺栓\M20\05D2460\QFSN-200-2</t>
  </si>
  <si>
    <t>【哈电发电机】压块\05D9841\QFSN-200-2</t>
  </si>
  <si>
    <t>【哈电发电机】螺栓\M30*80\8EA.921.046\QFSN-200-2</t>
  </si>
  <si>
    <t>【哈电发电机】螺栓\M36*160\8EA921075\QFSN-200-2</t>
  </si>
  <si>
    <t>【哈电发电机】螺栓\M6*16/8.8\GB5783-86\QFSN-200-2</t>
  </si>
  <si>
    <t>【哈电发电机】螺栓\8EA.921.304\QFSN-200-2</t>
  </si>
  <si>
    <t>【哈电发电机】螺栓\8EA.923.048\QFSN-200-2</t>
  </si>
  <si>
    <t>【哈电发电机】螺栓\8EA.923.049\QFSN-200-2</t>
  </si>
  <si>
    <t>【哈电发电机】密封垫\02B9387\QFSN-200-2</t>
  </si>
  <si>
    <t>【哈电发电机】密封垫\03C5347\QFSN-200-2</t>
  </si>
  <si>
    <t>【哈电发电机】密封垫\04D5356\QFSN-200-2</t>
  </si>
  <si>
    <t>【哈电发电机】密封圈\04D5334\QFSN-200-2</t>
  </si>
  <si>
    <t>【哈电发电机】密封瓦\01J1778\QFSN-200-2</t>
  </si>
  <si>
    <t>【哈电发电机】密封压帽\04D6846\QFSN-200-2</t>
  </si>
  <si>
    <t>【哈电发电机】密封座\01J1777\QFSN-200-2</t>
  </si>
  <si>
    <t>【哈电发电机】密封座\650*810\01J1778\QFSN-200-2</t>
  </si>
  <si>
    <t>【哈电发电机】密封座橡皮垫圈\RTDP-G01\02B9388\QFSN-200-2</t>
  </si>
  <si>
    <t>【哈电发电机】膜式铂电阻\770*890\02A8336\QFSN-200-2</t>
  </si>
  <si>
    <t>【哈电发电机】内挡油盖橡胶垫圈\02B9389\QFSN-200-2</t>
  </si>
  <si>
    <t>【哈电发电机】内小车\02B9474\QFSN-200-2</t>
  </si>
  <si>
    <t>【哈电发电机】平衡块\8EA.290.059\QFSN-200-2</t>
  </si>
  <si>
    <t>【哈电发电机】平衡螺钉\03B0796\QFSN-200-2</t>
  </si>
  <si>
    <t>【哈电发电机】汽端绝缘盒\04C4210\QFSN-200-2</t>
  </si>
  <si>
    <t>【哈电发电机】汽端上层垫块\04D9357\QFSN-200-2</t>
  </si>
  <si>
    <t>【哈电发电机】汽端下层垫块\04D9356\QFSN-200-2</t>
  </si>
  <si>
    <t>【哈电发电机】铅垫圈\1/2”\8EA.950.030\QFSN-200-2</t>
  </si>
  <si>
    <t>【哈电发电机】绝缘垫\09D7114\QFSN-200-2</t>
  </si>
  <si>
    <t>【哈电发电机】氢侧回油示油器装配\004D4591\QFSN-200-2</t>
  </si>
  <si>
    <t>【哈电发电机】球面头\04D2181\QFSN-200-2</t>
  </si>
  <si>
    <t>【哈电发电机】柔性连接片\WH-01C0571\QFSN-200-2</t>
  </si>
  <si>
    <t>【哈电发电机】扇形绝缘垫块\04C0841\QFSN-200-2</t>
  </si>
  <si>
    <t>【哈电发电机】扇形绝缘垫块\04C0842\QFSN-200-2</t>
  </si>
  <si>
    <t>【哈电发电机】扇形绝缘垫块\04C3819\QFSN-200-2</t>
  </si>
  <si>
    <t>【哈电发电机】扇形绝缘垫块\04C3821\QFSN-200-2</t>
  </si>
  <si>
    <t>【哈电发电机】扇形绝缘垫块\05D3660\QFSN-200-2</t>
  </si>
  <si>
    <t>【哈电发电机】扇形绝缘垫块\05D3661\QFSN-200-2</t>
  </si>
  <si>
    <t>【哈电发电机】扇形绝缘垫块\15D3662\QFSN-200-2</t>
  </si>
  <si>
    <t>【哈电发电机】螺栓\M12×40\GB/T5781-2000\QFSN-200-2</t>
  </si>
  <si>
    <t>【哈电发电机】螺栓\M16×45\GB/T5781-2000\QFSN-200-2</t>
  </si>
  <si>
    <t>【哈电发电机】薄螺母\M16\GB/T6172.1-2000\QFSN-200-2</t>
  </si>
  <si>
    <t>【哈电发电机】止动垫圈\12\GB/T854-1988\QFSN-200-2</t>
  </si>
  <si>
    <t>【哈电发电机】螺栓\M16*40\GB/T856-2000\QFSN-200-2</t>
  </si>
  <si>
    <t>【哈电发电机】螺栓\M16*80\GB/T856-2000\QFSN-200-2</t>
  </si>
  <si>
    <t>【哈电发电机】套筒\04D2182\QFSN-200-2</t>
  </si>
  <si>
    <t>【哈电发电机】铁心背部挡风板\05D6232\QFSN-200-2</t>
  </si>
  <si>
    <t>【哈电发电机】铁心挡风板\04D4486\QFSN-200-2</t>
  </si>
  <si>
    <t>【哈电发电机】托块\04D4509\QFSN-200-2</t>
  </si>
  <si>
    <t>【哈电发电机】托块\05D6796\QFSN-200-2</t>
  </si>
  <si>
    <t>【哈电发电机】外舌止动垫圈\12\GB/T856-1988\QFSN-200-2</t>
  </si>
  <si>
    <t>【哈电发电机】螺栓\M16*55\GB/T856-2000\QFSN-200-2</t>
  </si>
  <si>
    <t>【哈电发电机】橡胶密封垫\05C4475\QFSN-200-2</t>
  </si>
  <si>
    <t>【哈电发电机】外舌止动垫圈\16\GB/T856-2000\QFSN-200-2</t>
  </si>
  <si>
    <t>【哈电发电机】垫圈\12\GB/T97.1-1985\QFSN-200-2</t>
  </si>
  <si>
    <t>【哈电发电机】螺栓\M12*90\GB21-66\QFSN-200-2</t>
  </si>
  <si>
    <t>【哈电发电机】螺栓\M16*65\GB21-66\QFSN-200-2</t>
  </si>
  <si>
    <t>【哈电发电机】楔块\06D2754\QFSN-200-2</t>
  </si>
  <si>
    <t>【哈电发电机】楔下垫条\0.5*19*900\01J7295、01J2481-86\QFSN-200-2</t>
  </si>
  <si>
    <t>【哈电发电机】螺栓\M8*22\GB21-66\QFSN-200-2</t>
  </si>
  <si>
    <t>【哈电发电机】楔下垫条\04C1877\QFSN-200-2</t>
  </si>
  <si>
    <t>【哈电发电机】楔下垫条\04C1878\QFSN-200-2</t>
  </si>
  <si>
    <t>【哈电发电机】楔下垫条\05D5746\QFSN-200-2</t>
  </si>
  <si>
    <t>【哈电发电机】斜撑块\09D8952\QFSN-200-2</t>
  </si>
  <si>
    <t>【哈电发电机】斜撑块\09D8953\QFSN-200-2</t>
  </si>
  <si>
    <t>【哈电发电机】压板\04C4213\QFSN-200-2</t>
  </si>
  <si>
    <t>【哈电发电机】压板\04C4214\QFSN-200-2</t>
  </si>
  <si>
    <t>【哈电发电机】压板\04D4525\QFSN-200-2</t>
  </si>
  <si>
    <t>【哈电发电机】压板\04D4533\QFSN-200-2</t>
  </si>
  <si>
    <t>【哈电发电机】压板\09D8943\QFSN-200-2</t>
  </si>
  <si>
    <t>【哈电发电机】压板撑块\09D8957\QFSN-200-2</t>
  </si>
  <si>
    <t>【哈电发电机】压块\04D4510\QFSN-200-2</t>
  </si>
  <si>
    <t>【哈电发电机】压块\05C0908\QFSN-200-2</t>
  </si>
  <si>
    <t>【哈电发电机】压块\05C0909\QFSN-200-2</t>
  </si>
  <si>
    <t>【哈电发电机】压块\05D6795\QFSN-200-2</t>
  </si>
  <si>
    <t>【哈电发电机】螺栓\M10*30\GB21-66\QFSN-200-2</t>
  </si>
  <si>
    <t>【哈电发电机】螺栓\M10*70\GB21-66\QFSN-200-2</t>
  </si>
  <si>
    <t>【哈电发电机】螺栓\M12*30/4.8\GB21-66\QFSN-200-2</t>
  </si>
  <si>
    <t>【哈电发电机】螺栓\M12*25\GB21-66\QFSN-200-2</t>
  </si>
  <si>
    <t>【哈电发电机】螺栓\M12*30\GB21-66\QFSN-200-2</t>
  </si>
  <si>
    <t>【哈电发电机】螺栓\M12*35\GB21-66\QFSN-200-2</t>
  </si>
  <si>
    <t>【哈电发电机】螺栓\M12*55\GB21-66\QFSN-200-2</t>
  </si>
  <si>
    <t>【哈电发电机】螺栓\M12*80\GB21-66\QFSN-200-2</t>
  </si>
  <si>
    <t>【哈电发电机】压帽\04D6853\QFSN-200-2</t>
  </si>
  <si>
    <t>【哈电发电机】压帽\05D2451\QFSN-200-2</t>
  </si>
  <si>
    <t>【哈电发电机】螺栓\M12*60\GB30-66\QFSN-200-2</t>
  </si>
  <si>
    <t>【哈电发电机】螺栓\M16*45\GB30-66\QFSN-200-2</t>
  </si>
  <si>
    <t>【哈电发电机】螺栓\M16*60\GB30-66\QFSN-200-2</t>
  </si>
  <si>
    <t>【哈电发电机】螺栓\M16*90\GB30-66\QFSN-200-2</t>
  </si>
  <si>
    <t>【哈电发电机】引线螺钉\04C0538\QFSN-200-2</t>
  </si>
  <si>
    <t>【哈电发电机】螺栓\M20*50\GB30-66\QFSN-200-2</t>
  </si>
  <si>
    <t>【哈电发电机】引线螺钉\06C1590\QFSN-200-2</t>
  </si>
  <si>
    <t>【哈电发电机】螺栓\M20*70\GB30-66\QFSN-200-2</t>
  </si>
  <si>
    <t>【哈电发电机】螺栓\M20*80\GB30-66\QFSN-200-2</t>
  </si>
  <si>
    <t>【哈电发电机】螺栓\M24*100\GB30-66\QFSN-200-2</t>
  </si>
  <si>
    <t>【哈电发电机】螺栓\M6*16\GB30-66\QFSN-200-2</t>
  </si>
  <si>
    <t>【哈电发电机】螺栓\M6*25\GB30-66\QFSN-200-2</t>
  </si>
  <si>
    <t>【哈电发电机】园柱螺母\04D5487\QFSN-200-2</t>
  </si>
  <si>
    <t>【哈电发电机】螺栓\M6*50\GB30-66\QFSN-200-2</t>
  </si>
  <si>
    <t>【哈电发电机】圆柱螺母\09D8950\QFSN-200-2</t>
  </si>
  <si>
    <t>【哈电发电机】圜塞\03D1160\QFSN-200-2</t>
  </si>
  <si>
    <t>【哈电发电机】螺母\BM10\GB52-66\QFSN-200-2</t>
  </si>
  <si>
    <t>【哈电发电机】支架装配\03C5398\QFSN-200-2</t>
  </si>
  <si>
    <t>【哈电发电机】支架装配\04C1775\QFSN-200-2</t>
  </si>
  <si>
    <t>【哈电发电机】支架装配\04C4212\QFSN-200-2</t>
  </si>
  <si>
    <t>【哈电发电机】支筋\05D2859\QFSN-200-2</t>
  </si>
  <si>
    <t>【哈电发电机】支筋\05D2861\QFSN-200-2</t>
  </si>
  <si>
    <t>【哈电发电机】支块\04D4522\QFSN-200-2</t>
  </si>
  <si>
    <t>【哈电发电机】支块\04D4523\QFSN-200-2</t>
  </si>
  <si>
    <t>【哈电发电机】支块\04D4524\QFSN-200-2</t>
  </si>
  <si>
    <t>【哈电发电机】支块\04D6314\QFSN-200-2</t>
  </si>
  <si>
    <t>【哈电发电机】支块\09D8959\QFSN-200-2</t>
  </si>
  <si>
    <t>【哈电发电机】支块\09D8960\QFSN-200-2</t>
  </si>
  <si>
    <t>【哈电发电机】支块\09D8961\QFSN-200-2</t>
  </si>
  <si>
    <t>【哈电发电机】螺母\BM12\GB52-66\QFSN-200-2</t>
  </si>
  <si>
    <t>【哈电发电机】螺母\BM16\GB52-66\QFSN-200-2</t>
  </si>
  <si>
    <t>【哈电发电机】止动垫片\8EA.951.025\QFSN-200-2</t>
  </si>
  <si>
    <t>【哈电发电机】止动垫片\06D0141\QFSN-200-2</t>
  </si>
  <si>
    <t>【哈电发电机】止动垫圈\12\8EA.951.008\QFSN-200-2</t>
  </si>
  <si>
    <t>【哈电发电机】螺母\BM24\GB52-66\QFSN-200-2</t>
  </si>
  <si>
    <t>【哈电发电机】螺母\M12\GB52-66\QFSN-200-2</t>
  </si>
  <si>
    <t>【哈电发电机】止动垫圈\36\04D4345\QFSN-200-2</t>
  </si>
  <si>
    <t>【哈电发电机】止动垫圈\M24\05D9881\QFSN-200-2</t>
  </si>
  <si>
    <t>【哈电发电机】螺母\M16\GB6170-86\QFSN-200-2</t>
  </si>
  <si>
    <t>【哈电发电机】主引线\06C8471\QFSN-200-2</t>
  </si>
  <si>
    <t>【哈电发电机】主引线\06C8472\QFSN-200-2</t>
  </si>
  <si>
    <t>【哈电发电机】主引线\06C8473\QFSN-200-2</t>
  </si>
  <si>
    <t>【哈电发电机】主引线\06C8474\QFSN-200-2</t>
  </si>
  <si>
    <t>【哈电发电机】主引线\06C8475\QFSN-200-2</t>
  </si>
  <si>
    <t>【哈电发电机】主引线\06C8476\QFSN-200-2</t>
  </si>
  <si>
    <t>【哈电发电机】锥端定位螺钉\M12*20\8EA.907.059\QFSN-200-2</t>
  </si>
  <si>
    <t>【哈电发电机】纵轴撑块\05D2035\QFSN-200-2</t>
  </si>
  <si>
    <t>【哈电发电机】纵轴撑块\05D2036\QFSN-200-2</t>
  </si>
  <si>
    <t>【哈电发电机】纵轴撑块\05D2037\QFSN-200-2</t>
  </si>
  <si>
    <t>【哈电发电机】半圆头螺钉\M10*18\GB67-66\QFSN-200-2</t>
  </si>
  <si>
    <t>【哈电发电机】半圆头螺钉\M4*35\GB67-66\QFSN-200-2</t>
  </si>
  <si>
    <t>【哈电发电机】半圆头螺钉\M6*16\GB67-66\QFSN-200-2</t>
  </si>
  <si>
    <t>【哈电发电机】沉头螺钉\M10*25\GB68-66\QFSN-200-2</t>
  </si>
  <si>
    <t>【哈电发电机】沉头螺钉\M6*10\GB68-66\QFSN-200-2</t>
  </si>
  <si>
    <t>【哈电发电机】沉头螺钉\M8*20\GB68-66\QFSN-200-2</t>
  </si>
  <si>
    <t>【哈电发电机】内六角螺钉\M16*35\GB70-66\QFSN-200-2</t>
  </si>
  <si>
    <t>【哈电发电机】内六角螺钉\M16*40\GB70-66\QFSN-200-2</t>
  </si>
  <si>
    <t>【哈电发电机】弹簧垫圈\24\GB93-66\QFSN-200-2</t>
  </si>
  <si>
    <t>【哈电发电机】弹簧垫圈\M12\GB93-66\QFSN-200-2</t>
  </si>
  <si>
    <t>【哈电发电机】弹簧垫圈\M16\GB93-66\QFSN-200-2</t>
  </si>
  <si>
    <t>【哈电发电机】弹簧垫圈\M20\GB93-66\QFSN-200-2</t>
  </si>
  <si>
    <t>【哈电发电机】垫圈\10\GB97-66\QFSN-200-2</t>
  </si>
  <si>
    <t>【哈电发电机】垫圈\12\GB97-66\QFSN-200-2</t>
  </si>
  <si>
    <t>【哈电发电机】垫圈\6\GB97-66\QFSN-200-2</t>
  </si>
  <si>
    <t>【哈电发电机】5号线圈弧部匝间垫条\QF-135-2\04B4603</t>
  </si>
  <si>
    <t>【哈电发电机】6号线圈弧部匝间垫条\QF-135-2\04B4604</t>
  </si>
  <si>
    <t>【哈电发电机】7号线圈弧部匝间垫条\QF-135-2\04B4605</t>
  </si>
  <si>
    <t>【哈电发电机】8号线圈弧部匝间垫条\QF-135-2\04B4606</t>
  </si>
  <si>
    <t>【哈电发电机】螺母\QF-135-2\04D5338</t>
  </si>
  <si>
    <t>【哈电发电机】密封垫\QFSN-600-2YHG\05D4626</t>
  </si>
  <si>
    <t>【哈电发电机】联接块绝缘\QF-135-2\09D4083</t>
  </si>
  <si>
    <t>【哈电发电机】联接块绝缘\QF-135-2\09D4084</t>
  </si>
  <si>
    <t>【哈电发电机】匝间垫条\QF-135-2\09D4085</t>
  </si>
  <si>
    <t>【哈电发电机】销钉\QF-135-2\07D8093</t>
  </si>
  <si>
    <t>【哈电发电机】油封环\QF-135-2\08D1977</t>
  </si>
  <si>
    <t>【哈电发电机】密封垫\QF-135-2\08D2088</t>
  </si>
  <si>
    <t>【哈电发电机】定位销\QF-135-2\08D2085</t>
  </si>
  <si>
    <t>【哈电发电机】垫圈\QF-135-2\02A5839P009</t>
  </si>
  <si>
    <t>【哈电发电机】双金属温度计\QF-135-2\Wss-401</t>
  </si>
  <si>
    <t>【哈电发电机】铅垫圈\QF-135-2\02A5889P005</t>
  </si>
  <si>
    <t>【哈电发电机】气封装配\QF-135-2\02A5852</t>
  </si>
  <si>
    <t>【哈电发电机】端板\QF-135-2\04B0723</t>
  </si>
  <si>
    <t>【哈电发电机】隔板\QF-135-2\03B8330</t>
  </si>
  <si>
    <t>【哈电发电机】隔板\QF-135-2\03B8331</t>
  </si>
  <si>
    <t>【哈电发电机】隔板\QF-135-2\05C2817</t>
  </si>
  <si>
    <t>【哈电发电机】螺栓\QF-135-2\01J4277P009</t>
  </si>
  <si>
    <t>【哈电发电机】隔板\QF-135-2\05C5661</t>
  </si>
  <si>
    <t>【哈电发电机】导风环\QF-135-2\03B8332</t>
  </si>
  <si>
    <t>【哈电发电机】挡风环\QF-135-2\05C5662</t>
  </si>
  <si>
    <t>【哈电发电机】导电板\QF-135-2\05C2820</t>
  </si>
  <si>
    <t>【哈电发电机】导电板\QF-135-2\05C2821</t>
  </si>
  <si>
    <t>【哈电发电机】连接板\QF-135-2\07D8160</t>
  </si>
  <si>
    <t>【哈电发电机】导电板\QF-135-2\05C2822</t>
  </si>
  <si>
    <t>【哈电发电机】连接铜排\QF-135-2\05C2823</t>
  </si>
  <si>
    <t>【哈电发电机】夹板\QF-135-2\07D8161</t>
  </si>
  <si>
    <t>【哈电发电机】夹板\QF-135-2\07D8162</t>
  </si>
  <si>
    <t>【哈电发电机】挡板\QF-135-2\09D3393</t>
  </si>
  <si>
    <t>【哈电发电机】挡板\QF-135-2\09D3392</t>
  </si>
  <si>
    <t>【哈电发电机】引线\QF-135-2\05C5665</t>
  </si>
  <si>
    <t>【哈电发电机】导电板装配\QF-135-2\06C4703</t>
  </si>
  <si>
    <t>【哈电发电机】导电板装配\QF-135-2\06C4704</t>
  </si>
  <si>
    <t>【哈电发电机】导电板\QF-135-2\06C2029</t>
  </si>
  <si>
    <t>【哈电发电机】导电板\QF-135-2\06C2030</t>
  </si>
  <si>
    <t>【哈电发电机】引线\QF-135-2\05C5666</t>
  </si>
  <si>
    <t>【哈电发电机】导电板\QF-135-2\06C2031</t>
  </si>
  <si>
    <t>【哈电发电机】导电板\QF-135-2\06C2032</t>
  </si>
  <si>
    <t>【哈电发电机】挡板\QF-135-2\09D7076</t>
  </si>
  <si>
    <t>【哈电发电机】隔板\QF-135-2\04B6363</t>
  </si>
  <si>
    <t>【哈电发电机】挡板\QF-135-2\06C6923</t>
  </si>
  <si>
    <t>【哈电发电机】挡风板\QF-135-2\05C5703</t>
  </si>
  <si>
    <t>【哈电发电机】挡风板\QF-135-2\05C5702</t>
  </si>
  <si>
    <t>【哈电发电机】挡风板\QF-135-2\08D2885</t>
  </si>
  <si>
    <t>【哈电发电机】挡风板\QF-135-2\08D2883</t>
  </si>
  <si>
    <t>【哈电发电机】出线板装配\QF-135-2\04B3831</t>
  </si>
  <si>
    <t>【哈电发电机】主引线\QF-135-2\06C2809</t>
  </si>
  <si>
    <t>【哈电发电机】夹板\QF-135-2\06C2811</t>
  </si>
  <si>
    <t>【哈电发电机】止动销\QF-135-2\06D9089</t>
  </si>
  <si>
    <t>【哈电发电机】轴瓦(励端)\02A5894\QF-135-2</t>
  </si>
  <si>
    <t>【哈电发电机】测温元件装配\08D2890\QF-135-2</t>
  </si>
  <si>
    <t>【哈电发电机】测温元件装配\08D2891\QF-135-2</t>
  </si>
  <si>
    <t>【哈电发电机】螺塞\05D4627\QF-135-2</t>
  </si>
  <si>
    <t>【哈电发电机】高压油顶起接头装配\04B0299\QF-135-2</t>
  </si>
  <si>
    <t>【哈电发电机】进油管道\04B0300\QF-135-2</t>
  </si>
  <si>
    <t>【哈电发电机】盖板\08D1999\QF-135-2</t>
  </si>
  <si>
    <t>【哈电发电机】密封垫\08D2018\QF-135-2</t>
  </si>
  <si>
    <t>【哈电发电机】双金属温度计\8EA.950.718\Z1c000090P014\QF-135-2</t>
  </si>
  <si>
    <t>【哈电发电机】垫圈\Z1c000090P015\QF-135-2</t>
  </si>
  <si>
    <t>【哈电发电机】膜式铂热电阻\Z1c000090P016\QF-135-2</t>
  </si>
  <si>
    <t>【哈电发电机】视油器装配\5EA.194.398/Φ30*190\04B0304\QF-135-2</t>
  </si>
  <si>
    <t>【哈电发电机】绝缘锥销\Z1c000090P018\QF-135-2</t>
  </si>
  <si>
    <t>【哈电发电机】绝缘垫片\08D2002\QF-135-2</t>
  </si>
  <si>
    <t>【哈电发电机】密封垫\08D2003\QF-135-2</t>
  </si>
  <si>
    <t>【哈电发电机】绝缘垫圈\07D8144\QF-135-2</t>
  </si>
  <si>
    <t>【哈电发电机】绝缘套管\07D8145\QF-135-2</t>
  </si>
  <si>
    <t>【哈电发电机】绝缘垫圈\08D2014\QF-135-2</t>
  </si>
  <si>
    <t>【哈电发电机】绝缘套管\08D2015\QF-135-2</t>
  </si>
  <si>
    <t>【哈电发电机】密封垫\08D2016\QF-135-2</t>
  </si>
  <si>
    <t>【哈电发电机】密封垫\08D1995\QF-135-2</t>
  </si>
  <si>
    <t>【哈电发电机】绝缘套管\08D1996\QF-135-2</t>
  </si>
  <si>
    <t>【哈电发电机】绝缘垫圈\08D1997\QF-135-2</t>
  </si>
  <si>
    <t>【哈电发电机】轴瓦(汽端)\02A5897\QF-135-2</t>
  </si>
  <si>
    <t>【哈电发电机】环键装配\QF-135-2\06C3931</t>
  </si>
  <si>
    <t>【哈电发电机】弹簧\QF-135-2\07D2899</t>
  </si>
  <si>
    <t>【哈电发电机】螺钉\QF-135-2\8EA.907.230/M8*20\02J0068P017</t>
  </si>
  <si>
    <t>【哈电发电机】风叶固定螺钉\QF-135-2\07D8015</t>
  </si>
  <si>
    <t>【哈电发电机】风扇装配\QF-135-2\03B8293</t>
  </si>
  <si>
    <t>【哈电发电机】压帽\QF-135-2\07D8050</t>
  </si>
  <si>
    <t>【哈电发电机】绝缘垫块\QF-135-2\07D8051</t>
  </si>
  <si>
    <t>【哈电发电机】绝缘垫块\QF-135-2\07D8052</t>
  </si>
  <si>
    <t>【哈电发电机】引线螺钉\QF-135-2\05C2773G002</t>
  </si>
  <si>
    <t>【哈电发电机】绝缘管\QF-135-2\07D8062</t>
  </si>
  <si>
    <t>【哈电发电机】压帽\QF-135-2\07D8055</t>
  </si>
  <si>
    <t>【哈电发电机】螺母\QF-135-2\07D8076</t>
  </si>
  <si>
    <t>【哈电发电机】止动垫圈\QF-135-2\30\07D8077</t>
  </si>
  <si>
    <t>【哈电发电机】分流环\QF-135-2\05C2775</t>
  </si>
  <si>
    <t>【哈电发电机】螺栓\QF-135-2\M20\07D8078</t>
  </si>
  <si>
    <t>【哈电发电机】止动垫圈\QF-135-2\8EA.951.861/20*85\02A7864P016</t>
  </si>
  <si>
    <t>【哈电发电机】盖板\QF-135-2\07D8020</t>
  </si>
  <si>
    <t>【哈电发电机】挡块\QF-135-2\09D0081</t>
  </si>
  <si>
    <t>【哈电发电机】平衡螺钉\QF-135-2\07D8011</t>
  </si>
  <si>
    <t>【哈电发电机】盖板螺钉\QF-135-2\07D8012</t>
  </si>
  <si>
    <t>【哈电发电机】平衡块\QF-135-2\8EA.290.060\02J0068P016</t>
  </si>
  <si>
    <t>【哈电发电机】平衡块\QF-135-2\07D8019</t>
  </si>
  <si>
    <t>【哈电发电机】平衡块\QF-135-2\05C2715</t>
  </si>
  <si>
    <t>【哈电发电机】转子通风孔堵\QF-135-2\07D8010</t>
  </si>
  <si>
    <t>【哈电发电机】挡块\QF-135-2\06D3065</t>
  </si>
  <si>
    <t>【哈电发电机】引线槽楔\QF-135-2\09D4099</t>
  </si>
  <si>
    <t>【哈电发电机】引线槽楔\QF-135-2\09D4100</t>
  </si>
  <si>
    <t>【哈电发电机】止动垫圈\QF-135-2\8EA.951.818/12*40/Q235\04B4617P005</t>
  </si>
  <si>
    <t>【哈电发电机】绝缘前转子引线\QF-135-2\04B4619</t>
  </si>
  <si>
    <t>【哈电发电机】绝缘垫块\QF-135-2\07D8043</t>
  </si>
  <si>
    <t>【哈电发电机】绝缘垫块\QF-135-2\07D8044</t>
  </si>
  <si>
    <t>【哈电发电机】绝缘垫块\QF-135-2\07D8045</t>
  </si>
  <si>
    <t>【哈电发电机】绝缘垫块\QF-135-2\05C2767</t>
  </si>
  <si>
    <t>【哈电发电机】绝缘套管\QF-135-2\07D8063</t>
  </si>
  <si>
    <t>【哈电发电机】垫片\QF-135-2\2*88*705.5/Q235\05B4407P009</t>
  </si>
  <si>
    <t>【哈电发电机】联接螺钉\QF-135-2\07D8047G002</t>
  </si>
  <si>
    <t>【哈电发电机】垫圈\QF-135-2\07D8048</t>
  </si>
  <si>
    <t>【哈电发电机】引线螺钉\QF-135-2\06C4005</t>
  </si>
  <si>
    <t>【哈电发电机】导电杆\QF-135-2\05C5550</t>
  </si>
  <si>
    <t>【哈电发电机】导电杆\QF-135-2\05C5551</t>
  </si>
  <si>
    <t>【哈电发电机】斜板\QF-135-2\08D2831</t>
  </si>
  <si>
    <t>【哈电发电机】环氧玻璃布管\QF-135-2\Φ100*15*1885/9363\07C9508P004</t>
  </si>
  <si>
    <t>【哈电发电机】圆塞\QF-135-2\07D8049</t>
  </si>
  <si>
    <t>【哈电发电机】端头楔下垫条\QF-135-2\09D4095</t>
  </si>
  <si>
    <t>【哈电发电机】楔下垫条\QF-135-2\06C3936</t>
  </si>
  <si>
    <t>【哈电发电机】楔下垫条\QF-135-2\06C3938</t>
  </si>
  <si>
    <t>【哈电发电机】楔下垫条\QF-135-2\06C3940</t>
  </si>
  <si>
    <t>【哈电发电机】楔下垫条\QF-135-2\06C3942</t>
  </si>
  <si>
    <t>【哈电发电机】楔下垫条\QF-135-2\06C3944</t>
  </si>
  <si>
    <t>【哈电发电机】引线绝缘垫块\QF-135-2\09D4098</t>
  </si>
  <si>
    <t>【哈电发电机】绝缘端环\QF-135-2\06C3948</t>
  </si>
  <si>
    <t>【哈电发电机】护环扇形绝缘\QF-135-2\06C3950</t>
  </si>
  <si>
    <t>【哈电发电机】护环扇形绝缘\QF-135-2\06C3951</t>
  </si>
  <si>
    <t>【哈电发电机】风区挡板装配\QF-135-2\06C4078</t>
  </si>
  <si>
    <t>【哈电发电机】纵轴垫块\QF-135-2\06C4082</t>
  </si>
  <si>
    <t>【哈电发电机】风区挡板装配\QF-135-2\06C1877</t>
  </si>
  <si>
    <t>【哈电发电机】纵轴垫块\QF-135-2\06C3953</t>
  </si>
  <si>
    <t>【哈电发电机】纵轴撑板\QF-135-2\09D4101</t>
  </si>
  <si>
    <t>【哈电发电机】纵轴撑板\QF-135-2\09D4102</t>
  </si>
  <si>
    <t>【哈电发电机】纵轴撑板\QF-135-2\09D4103</t>
  </si>
  <si>
    <t>【哈电发电机】纵轴撑板\QF-135-2\09D4104</t>
  </si>
  <si>
    <t>【哈电发电机】纵轴撑板\QF-135-2\09D4105</t>
  </si>
  <si>
    <t>【哈电发电机】纵轴撑板\QF-135-2\09D4106</t>
  </si>
  <si>
    <t>【哈电发电机】纵轴撑板\QF-135-2\09D4107</t>
  </si>
  <si>
    <t>【哈电发电机】纵轴撑板\QF-135-2\09D4108</t>
  </si>
  <si>
    <t>【哈电发电机】槽口垫块\QF-135-2\06C3962</t>
  </si>
  <si>
    <t>【哈电发电机】槽口垫块\QF-135-2\06C3963</t>
  </si>
  <si>
    <t>【哈电发电机】槽口垫块\QF-135-2\06C3964</t>
  </si>
  <si>
    <t>【哈电发电机】槽口垫块\QF-135-2\06C3965</t>
  </si>
  <si>
    <t>【哈电发电机】纵轴垫块\QF-135-2\06C4087</t>
  </si>
  <si>
    <t>【哈电发电机】纵轴垫块\QF-135-2\06C3979</t>
  </si>
  <si>
    <t>【哈电发电机】极心块\QF-135-2\05C6189</t>
  </si>
  <si>
    <t>【哈电发电机】极心块\QF-135-2\05C6190</t>
  </si>
  <si>
    <t>【哈电发电机】极心块\QF-135-2\09D1197</t>
  </si>
  <si>
    <t>【哈电发电机】极心块\QF-135-2\05C6188</t>
  </si>
  <si>
    <t>【哈电发电机】纵轴垫块\QF-135-2\06C4088</t>
  </si>
  <si>
    <t>【哈电发电机】纵轴垫块\QF-135-2\05C6191</t>
  </si>
  <si>
    <t>【哈电发电机】扇形绝缘垫块\QF-135-2\06C3985</t>
  </si>
  <si>
    <t>【哈电发电机】扇形绝缘垫块\QF-135-2\06C3984</t>
  </si>
  <si>
    <t>【哈电发电机】扇形绝缘垫块\QF-135-2\06C3983</t>
  </si>
  <si>
    <t>【哈电发电机】扇形绝缘垫块\QF-135-2\06C3971</t>
  </si>
  <si>
    <t>【哈电发电机】扇形绝缘垫块\QF-135-2\06C3972</t>
  </si>
  <si>
    <t>【哈电发电机】扇形绝缘垫块\QF-135-2\06C3973</t>
  </si>
  <si>
    <t>【哈电发电机】扇形绝缘垫块\QF-135-2\06C3974</t>
  </si>
  <si>
    <t>【哈电发电机】扇形绝缘垫块\QF-135-2\06C3975</t>
  </si>
  <si>
    <t>【哈电发电机】扇形绝缘垫块\QF-135-2\06C3976</t>
  </si>
  <si>
    <t>【哈电发电机】扇形绝缘垫块\QF-135-2\06C3978</t>
  </si>
  <si>
    <t>【哈电发电机】扇型绝缘垫块\QF-135-2\06C3977</t>
  </si>
  <si>
    <t>【哈电发电机】纵轴垫块\QF-135-2\06C4089</t>
  </si>
  <si>
    <t>【哈电发电机】纵轴垫块\QF-135-2\06C3966</t>
  </si>
  <si>
    <t>【哈电发电机】纵轴垫块\QF-135-2\06C4090</t>
  </si>
  <si>
    <t>【哈电发电机】纵轴垫块\QF-135-2\06C3980</t>
  </si>
  <si>
    <t>【哈电发电机】风区挡板装配\QF-135-2\06C4079</t>
  </si>
  <si>
    <t>【哈电发电机】极间垫块\QF-135-2\06C4091</t>
  </si>
  <si>
    <t>【哈电发电机】转子槽衬粘接\QF-135-2\09D4187</t>
  </si>
  <si>
    <t>【哈电发电机】转子槽衬粘接\QF-135-2\09D4188</t>
  </si>
  <si>
    <t>【哈电发电机】风区挡板装配\QF-135-2\06C1878</t>
  </si>
  <si>
    <t>【哈电发电机】极间垫块\QF-135-2\06C3982</t>
  </si>
  <si>
    <t>【哈电发电机】转子槽衬粘接\QF-135-2\09D4112</t>
  </si>
  <si>
    <t>【哈电发电机】转子槽衬粘接\QF-135-2\09D4113</t>
  </si>
  <si>
    <t>【哈电发电机】风区挡板装配\QF-135-2\06C4081</t>
  </si>
  <si>
    <t>【哈电发电机】风区挡板装配\QF-135-2\06C4080</t>
  </si>
  <si>
    <t>【哈电发电机】风区挡板装配\QF-135-2\06C1876</t>
  </si>
  <si>
    <t>【哈电发电机】风区挡板装配\QF-135-2\06C1875</t>
  </si>
  <si>
    <t>【哈电发电机】风区挡板\QF-135-2\09D1195</t>
  </si>
  <si>
    <t>【哈电发电机】挡板\QF-135-2\09D0080</t>
  </si>
  <si>
    <t>【哈电发电机】风区挡板\QF-135-2\09D1198</t>
  </si>
  <si>
    <t>【哈电发电机】纵轴撑块\QF-135-2\10D3432</t>
  </si>
  <si>
    <t>【哈电发电机】极间垫块\QF-135-2\06C6968</t>
  </si>
  <si>
    <t>【哈电发电机】1号线圈槽部匝间垫条\QF-135-2\07C0417</t>
  </si>
  <si>
    <t>【哈电发电机】5号线圈槽部匝间垫条\QF-135-2\04B7629</t>
  </si>
  <si>
    <t>【哈电发电机】6号线圈槽部匝间垫条\QF-135-2\04B7630</t>
  </si>
  <si>
    <t>【哈电发电机】7号线圈槽部匝间垫条\QF-135-2\04B7631</t>
  </si>
  <si>
    <t>【哈电发电机】8号线圈槽部匝间垫条\QF-135-2\04B7632</t>
  </si>
  <si>
    <t>【哈电发电机】1号线圈弧部匝间垫条\QF-135-2\06C4070</t>
  </si>
  <si>
    <t>【哈电发电机】5号线圈弧部匝间垫条\QF-135-2\04B4677</t>
  </si>
  <si>
    <t>【哈电发电机】6号线圈弧部匝间垫条\QF-135-2\04B4678</t>
  </si>
  <si>
    <t>【哈电发电机】7号线圈弧部匝间垫条\QF-135-2\04B4679</t>
  </si>
  <si>
    <t>【哈电发电机】8号线圈弧部匝间垫条\QF-135-2\04B4680</t>
  </si>
  <si>
    <t>【哈电发电机】1号线圈槽部匝间垫条\QF-135-2\06C3926</t>
  </si>
  <si>
    <t>【哈电发电机】5号线圈槽部匝间垫条\QF-135-2\04B4596</t>
  </si>
  <si>
    <t>【哈电发电机】6号线圈槽部匝间垫条\QF-135-2\04B4597</t>
  </si>
  <si>
    <t>【哈电发电机】7号线圈槽部匝间垫条\QF-135-2\04B4598</t>
  </si>
  <si>
    <t>【哈电发电机】8号线圈槽部匝间垫条\QF-135-2\04B4599</t>
  </si>
  <si>
    <t>【哈电发电机】1号线圈弧部匝间垫条\QF-135-2\06C3927</t>
  </si>
  <si>
    <t>【哈电发电机】丁腈橡胶板\2mm-12mm</t>
  </si>
  <si>
    <t>【哈电发电机】衬垫\04D3411\QFSN-300-2</t>
  </si>
  <si>
    <t>【哈电发电机】绝缘盒\L3c000110P001\QFSN2-1000-2</t>
  </si>
  <si>
    <t>【哈电发电机】绝缘盒\L3c000110P002\QFSN2-1000-2</t>
  </si>
  <si>
    <t>【哈电发电机】绝缘盒\L3c000111P001\QFSN2-1000-2</t>
  </si>
  <si>
    <t>【哈电发电机】绝缘盒\L3c000111P002\QFSN2-1000-2</t>
  </si>
  <si>
    <t>【哈电发电机】轴承加工(备品)\01J3662\QFSN-600-2YHG</t>
  </si>
  <si>
    <t>【哈电发电机】轴承加工(汽)(备品)\01J3661\QFSN-600-2YHG</t>
  </si>
  <si>
    <t>【哈电发电机】引线螺钉密封垫圈\QFSN-600-2YHG\07D4199</t>
  </si>
  <si>
    <t>【哈电发电机】叉腿锁片\WH-8EA.951.006\QFSN-300-2</t>
  </si>
  <si>
    <t>【哈电发电机】集电环\QFSN-300-2\03B3639</t>
  </si>
  <si>
    <t>【哈电发电机】集电环\QFSN-300-2\03B3635</t>
  </si>
  <si>
    <t>【哈电发电机】绝缘套筒\QFSN-300-2\05D7131</t>
  </si>
  <si>
    <t>【哈电发电机】风区隔板装配\02A3426\QFSN-300-2</t>
  </si>
  <si>
    <t>【哈电发电机】导电杆分装配\QFSN-300-2\04B0737</t>
  </si>
  <si>
    <t>【哈电发电机】上层引线线圈\01J2239\QFSN-300-2</t>
  </si>
  <si>
    <t>【哈电发电机】上层线圈\01J2471\QFSN-200-2</t>
  </si>
  <si>
    <t>【哈电发电机】上层线圈\01J2475\QFSN-200-2</t>
  </si>
  <si>
    <t>【哈电发电机】上层引线线圈\01J2473\QFSN-200-2</t>
  </si>
  <si>
    <t>【哈电发电机】上层引线线圈\01J2477\QFSN-200-2</t>
  </si>
  <si>
    <t>【哈电发电机】轴瓦\03B5701\QFSN-200-2</t>
  </si>
  <si>
    <t>【哈电发电机】轴瓦\03B5702\QFSN-200-2</t>
  </si>
  <si>
    <t>【哈电发电机】轴瓦\02A1118\QFSN-200-2</t>
  </si>
  <si>
    <t>【哈电发电机】轴瓦\02A1119\QFSN-200-2</t>
  </si>
  <si>
    <t>【哈电发电机】下层线圈\01J2472\QFSN-200-2</t>
  </si>
  <si>
    <t>【哈电发电机】下层线圈\01J2476\QFSN-200-2</t>
  </si>
  <si>
    <t>【哈电发电机】下层引线线圈\01J2474\QFSN-200-2</t>
  </si>
  <si>
    <t>【哈电发电机】下层引线线圈\01J2478\QFSN-200-2</t>
  </si>
  <si>
    <t>【哈电发电机】集电环\QFSN-200-2\02A1392</t>
  </si>
  <si>
    <t>【哈电发电机】集电环\QF-135-2\04B3317</t>
  </si>
  <si>
    <t>【哈电发电机】绝缘套筒\QF-135-2\07D8053</t>
  </si>
  <si>
    <t>【哈电发电机】集电环\QF-135-2\04B3318</t>
  </si>
  <si>
    <t>【哈电发电机】绝缘套筒\QF-135-2\07D8054</t>
  </si>
  <si>
    <t>【哈电发电机】可控硅元件\600MW/660MW/UN6000</t>
  </si>
  <si>
    <t>【哈电发电机】可控硅整流柜冷却风机\GDRM35-133B/230V/50～60Hz\300MW/350MW/UN6000</t>
  </si>
  <si>
    <t>【哈电发电机】空气过滤器\FG292-1\300MW/350MW/UN6000</t>
  </si>
  <si>
    <t>【哈电发电机】继电器及底座\CR-M220DC3/220VDC\600MW/660MW/UN6000</t>
  </si>
  <si>
    <t>【哈电发电机】继电器及底座\CR-U024DC3/24VDC\300MW/350MW/UN6000</t>
  </si>
  <si>
    <t>【哈电发电机】继电器\AL30-30-22/220VDC\600MW/660MW/UN6000</t>
  </si>
  <si>
    <t>【哈电发电机】大功率继电器及底座\RXMS-1-RK216266-AS/220VDC\600MW/660MW/UN6000</t>
  </si>
  <si>
    <t>【哈电发电机】AC800PEC\PP-D113\300MW/350MW/UN6000</t>
  </si>
  <si>
    <t>【哈电发电机】CCM\PC-D230\300MW/350MW/UN6000</t>
  </si>
  <si>
    <t>【哈电发电机】CIO\PC-D235\300MW/350MW/UN6000</t>
  </si>
  <si>
    <t>【哈电发电机】快速熔断器\170M6501/1100V/1400A\300MW/350MW/UN6000</t>
  </si>
  <si>
    <t>【哈电发电机】灭磁开关分闸线圈\HPB60M-82S/220VDC\600MW/660MW/UN6000</t>
  </si>
  <si>
    <t>【哈电发电机】灭磁开关合闸线圈\HPB60M-82S/ 220VDC\600MW/660MW/UN6000</t>
  </si>
  <si>
    <t>【哈电发电机】调试电脑\Thinkpad-T/I7处理器/8GB内存/独立显卡/1TB硬盘\300MW/350MW/UN6000</t>
  </si>
  <si>
    <t>【哈电发电机】ABB调试软件及看门狗\ECT-Software&amp;Dongle\300MW/350MW/UN6000</t>
  </si>
  <si>
    <t>【哈电发电机】调试电脑(含软件及看门狗)\Thinkpad-T/I7处理器/8GB内存/独立显卡/1TB硬盘/ECT-Software&amp;Dongle\300MW/350MW/UN6000</t>
  </si>
  <si>
    <t>【哈电发电机】电源分配器\MICO4.6/1A/2A/4A/6A/24VDC\Q801/802/-Q811/812\300MW/350MW/UN6000</t>
  </si>
  <si>
    <t>【哈电发电机】电源输入\ICU-KS-D211/B101\300MW/350MW/UN6000</t>
  </si>
  <si>
    <t>【哈电发电机】PHOENIX电源\QUINT-PS/90-264Vac(dc)/24Vdc/10A\300MW/350MW/UN6000</t>
  </si>
  <si>
    <t>【哈电发电机】继电器\BJ8-BB/24VDC\300MW/350MW/UN6000</t>
  </si>
  <si>
    <t>【哈电发电机】变送器\MCR-SL-UI-UI\300MW/350MW/UN6000</t>
  </si>
  <si>
    <t>【哈电发电机】触摸屏\TPC-1551T/32GB-SQFLASH/SLC/15"/WIN7\300MW/350MW/UN6000</t>
  </si>
  <si>
    <t>【哈电发电机】GDI触发控制板\UNS-0881a-P,V1\300MW/350MW/UN6000</t>
  </si>
  <si>
    <t>【哈电发电机】CCI板\PC-D231-B\300MW/350MW/UN6000</t>
  </si>
  <si>
    <t>【哈电发电机】接触器\IORE-6320-CC/110VDC\A03.K03/FPL7110216R0006\300MW/350MW/UN6000</t>
  </si>
  <si>
    <t>【哈电发电机】变送器\TV742spez/0..100V/4..20mA\U504\300MW/350MW/UN6000</t>
  </si>
  <si>
    <t>【哈电发电机】变送器\TV742spez/0..60mV/4..20mA\U506\600MW/660MW/UN6000</t>
  </si>
  <si>
    <t>【哈电发电机】继电器\AL30-30-22/110VDC\300MW/350MW/UN6000</t>
  </si>
  <si>
    <t>【哈电发电机】控制熔断器\40A/1000VDC/1500VAC\300MW/350MW/UN6000</t>
  </si>
  <si>
    <t>【哈电发电机】控制熔断器\20A/1000VDC/1500VAC\300MW/350MW/UN6000</t>
  </si>
  <si>
    <t>【哈电发电机】灭磁开关灭弧罩\HPB60M-82S/220VDC\600MW/660MW/UN6000</t>
  </si>
  <si>
    <t>【哈电发电机】灭磁开关辅助接点\HPB45M-82S/110VDC\300MW/350MW/UN6000</t>
  </si>
  <si>
    <t>【哈电发电机】灭磁开关主触头\HPB60M-82S/220VDC\600MW/660MW/UN6000</t>
  </si>
  <si>
    <t>【哈电发电机】继电器及底座\CR-M024DC3 /24VDC\300MW/350MW/UN6000</t>
  </si>
  <si>
    <t>【哈电发电机】屏体加热器\HG140/150W/110-250V\E91\300MW/350MW/UN6000</t>
  </si>
  <si>
    <t>【哈电发电机】灭磁开关\HPB60M-82S\600MW/660MW/UN6000</t>
  </si>
  <si>
    <t>【哈电发电机】电流继电器\T02.1/T02.2\300MW/350MW/UN6000</t>
  </si>
  <si>
    <t>【哈电发电机】分流器\6000A/60mV\600MW/660MW/UN6000</t>
  </si>
  <si>
    <t>【哈电发电机】起励变压器\380V/125V/11000VA/50Hz\T03\300MW/350MW/UN6000</t>
  </si>
  <si>
    <t>【哈电发电机】触发板\UNS-0017a-P/Var.1\A02\300MW/350MW/UN6000</t>
  </si>
  <si>
    <t>【哈电发电机】变压器\XX/230V/3000VA/50Hz\T60\600MW/660MW/UN6000</t>
  </si>
  <si>
    <t>【哈电发电机】变压器\xx/170/170V/ 1200VA/50Hz\T61\300MW/350MW/UN6000</t>
  </si>
  <si>
    <t>【哈电发电机】整流桥控制器\AF-D242-A\300MW/350MW/UN6000</t>
  </si>
  <si>
    <t>【哈电发电机】过电压保护\UNS-4681-V511\F01\300MW/350MW/UN6000</t>
  </si>
  <si>
    <t>【哈电发电机】电流互感器\LT2032/2500/1A\T11\300MW/350MW/UN6000</t>
  </si>
  <si>
    <t>【哈电发电机】温控器\KTS01158/250VAC\300MW/350MW/UN6000</t>
  </si>
  <si>
    <t>【哈电发电机】网关\SFN-4TX/FX-ST 18-30VDC/4W\300MW/350MW/UN6000</t>
  </si>
  <si>
    <t>【哈电发电机】非线性灭磁电阻\1MJ\300MW/350MW/UN6000</t>
  </si>
  <si>
    <t>【哈电发电机】滤波器\TT-ST-M-SFP-24\300MW/350MW/UN6000</t>
  </si>
  <si>
    <t>【哈电发电机】快速熔断器\170M6501/1100V/1400A\600MW/660MW/UN6000</t>
  </si>
  <si>
    <t>【哈电发电机】可控硅整流柜冷却风机\GDRM35-133B/230V/50～60Hz\600MW/660MW/UN6000</t>
  </si>
  <si>
    <t>【哈电发电机】AC800PEC\PP-D113\600MW/660MW/UN6000</t>
  </si>
  <si>
    <t>【哈电发电机】CCM\PC-D230\600MW/660MW/UN6000</t>
  </si>
  <si>
    <t>【哈电发电机】CIO\PC-D235\600MW/660MW/UN6000</t>
  </si>
  <si>
    <t>【哈电发电机】电源输入\ICU-KS-D211/ B101\600MW/660MW/UN6000</t>
  </si>
  <si>
    <t>【哈电发电机】PHOENIX电源\QUINT-PS/90-264Vac(dc)/24Vdc/10A\600MW/660MW/UN6000</t>
  </si>
  <si>
    <t>【哈电发电机】GDI触发控制板\UNS-0881a-P,V1\600MW/660MW/UN6000</t>
  </si>
  <si>
    <t>【哈电发电机】灭磁开关灭弧罩\HPB45M-82S/110VDC\300MW/350MW/UN6000</t>
  </si>
  <si>
    <t>【哈电发电机】灭磁开关分闸线圈\HPB45M-82S/110VDC\300MW/350MW/UN6000</t>
  </si>
  <si>
    <t>【哈电发电机】灭磁开关合闸线圈\HPB45M-82S/110VDC\300MW/350MW/UN6000</t>
  </si>
  <si>
    <t>【哈电发电机】灭磁开关辅助接点\HPB60M-82S/220VDC\600MW/660MW/UN6000</t>
  </si>
  <si>
    <t>【哈电发电机】控制熔断器\2A/1500VDC/2500VAC\600MW/660MW/UN6000</t>
  </si>
  <si>
    <t>【哈电发电机】控制熔断器\40A/1000VDC/1500VAC\600MW/660MW/UN6000</t>
  </si>
  <si>
    <t>【哈电发电机】控制熔断器\20A/1000VDC/1500VAC\600MW/660MW/UN6000</t>
  </si>
  <si>
    <t>【哈电发电机】变送器\TV742spez/0..100V/4..20mA\U504\600MW/660MW/UN6000</t>
  </si>
  <si>
    <t>【哈电发电机】变送器\TV742spez/0..60mV/4..20mA\U506\300MW/350MW/UN6000</t>
  </si>
  <si>
    <t>【哈电发电机】变送器\MCR-SL-UI-UI\600MW/660MW/UN6000</t>
  </si>
  <si>
    <t>【哈电发电机】可控硅元件\可控硅元件\300MW/350MW/UN6000</t>
  </si>
  <si>
    <t>【哈电发电机】调试电脑\Thinkpad-T/I7处理器/8GB内存/独立显卡/1TB硬盘\600MW/660MW/UN6000</t>
  </si>
  <si>
    <t>【哈电发电机】ABB调试软件及看门狗\ECT-Software&amp;Dongle\600MW/660MW/UN6000</t>
  </si>
  <si>
    <t>【哈电发电机】调试电脑(含软件及看门狗)\Thinkpad-T/I7处理器/8GB内存/独立显卡/1TB硬盘/ECT-Software&amp;Dongle\600MW/660MW/UN6000</t>
  </si>
  <si>
    <t>【哈电发电机】继电器及底座\CR-M024DC3/24VDC\600MW/660MW/UN6000</t>
  </si>
  <si>
    <t>【哈电发电机】继电器及底座\CR-M110DC3/110VDC\300MW/350MW/UN6000</t>
  </si>
  <si>
    <t>【哈电发电机】继电器及底座\CR-U024DC3/24VDC\600MW/660MW/UN6000</t>
  </si>
  <si>
    <t>【哈电发电机】控制熔断器\2A/1500VDC/2500VAC\300MW/350MW/UN6000</t>
  </si>
  <si>
    <t>【哈电发电机】电源分配器\MICO4.6/1A/2A/4A/6A/24VDC\Q801/802/-Q811/812\600MW/660MW/UN6000</t>
  </si>
  <si>
    <t>【哈电发电机】继电器\BJ8-BB/24VDC\600MW/660MW/UN6000</t>
  </si>
  <si>
    <t>【哈电发电机】触摸屏\TPC-1551T/32GB-SQFLASH/SLC/15"/WIN7\600MW/660MW/UN6000</t>
  </si>
  <si>
    <t>【哈电发电机】CCI板\PC-D231-B\600MW/660MW/UN6000</t>
  </si>
  <si>
    <t>【哈电发电机】接触器\IORE-6320-CC/220VDC\A03.K03/FPL7110216R0006\600MW/660MW/UN6000</t>
  </si>
  <si>
    <t>【哈电发电机】灭磁开关主触头\HPB45M-82S/110VDC\300MW/350MW/UN6000</t>
  </si>
  <si>
    <t>【哈电发电机】空气过滤器\FG292-1\600MW/660MW/UN6000</t>
  </si>
  <si>
    <t>【哈电发电机】屏体加热器\HG140 150W 110-250V\E91\600MW/660MW/UN6000</t>
  </si>
  <si>
    <t>【哈电发电机】温控器\KTS01158/250VAC\600MW/660MW/UN6000</t>
  </si>
  <si>
    <t>【哈电发电机】网关\SFN-4TX/FX-ST 18-30VDC/4W\600MW/660MW/UN6000</t>
  </si>
  <si>
    <t>【哈电发电机】灭磁开关\HPB45M-82S\300MW/350MW/UN6000</t>
  </si>
  <si>
    <t>【哈电发电机】电流继电器\T02.1/T02.2\600MW/660MW/UN6000</t>
  </si>
  <si>
    <t>【哈电发电机】分流器\4000A/60mV\300MW/350MW/UN6000</t>
  </si>
  <si>
    <t>【哈电发电机】起励变压器\380V/125V/11000VA/50Hz\T03\600MW/660MW/UN6000</t>
  </si>
  <si>
    <t>【哈电发电机】触发板\UNS-0017a-P/Var.1\A02\600MW/660MW/UN6000</t>
  </si>
  <si>
    <t>【哈电发电机】变压器\XX/230V/2500VA/50Hz\T60\300MW/350MW/UN6000</t>
  </si>
  <si>
    <t>【哈电发电机】变压器\xx/170/170V/1200VA/50Hz\T61\600MW/660MW/UN6000</t>
  </si>
  <si>
    <t>【哈电发电机】非线性灭磁电阻\1MJ\600MW/660MW/UN6000</t>
  </si>
  <si>
    <t>【哈电发电机】滤波器\TT-ST-M-SFP-24\600MW/660MW/UN6000</t>
  </si>
  <si>
    <t>【哈电发电机】整流桥控制器\AF-D242-A\600MW/660MW/UN6000</t>
  </si>
  <si>
    <t>【哈电发电机】过电压保护\UNS-4681-V511\F01\600MW/660MW/UN6000</t>
  </si>
  <si>
    <t>【哈电发电机】电流互感器\LT2032/2500/1A\T11\600MW/660MW/UN6000</t>
  </si>
  <si>
    <t>【哈电发电机】吸附式氢气干燥剂</t>
  </si>
  <si>
    <t>【哈电发电机】主过滤器滤芯\1000MW油系统\YKB-1000</t>
  </si>
  <si>
    <t>【哈电发电机】主过滤器滤芯\1000MW水系统\3M线棒</t>
  </si>
  <si>
    <t>【哈电发电机】补水过滤器滤芯\1000MW水系统\3M线棒</t>
  </si>
  <si>
    <t>【哈电发电机】空侧过滤器滤芯\300MW油系统\SQL-Ⅱ</t>
  </si>
  <si>
    <t>【哈电发电机】氢侧过滤器滤芯\300MW油系统\SQL-Ⅰ</t>
  </si>
  <si>
    <t>【哈电发电机】空侧过滤器滤芯-新型\300MW油系统\LYZ-5(7)</t>
  </si>
  <si>
    <t>【哈电发电机】氢侧过滤器滤芯-新型\300MW油系统\LYZ-6(9)</t>
  </si>
  <si>
    <t>【哈电发电机】主压差调节阀\300MW油系统\514D098-05/dg80\哈尔滨电气股份有限公司</t>
  </si>
  <si>
    <t>【哈电发电机】备用压差调节阀\300MW油系统\514D098-06/dg65\哈尔滨电气股份有限公司</t>
  </si>
  <si>
    <t>【哈电发电机】主压差调节阀-新型\300MW油系统\42-24B/整定在0.084MPa\哈尔滨电气股份有限公司</t>
  </si>
  <si>
    <t>【哈电发电机】备用压差调节阀-新型\300MW油系统\42-24B/整定在0.056MPa\哈尔滨电气股份有限公司</t>
  </si>
  <si>
    <t>【哈电发电机】励端平衡阀\300MW油系统\19C19641102\哈尔滨电气股份有限公司</t>
  </si>
  <si>
    <t>【哈电发电机】汽端平衡阀\600MW油系统\19C19641101\哈尔滨电气股份有限公司</t>
  </si>
  <si>
    <t>【哈电发电机】汽端平衡表\600MW油系统\277B012002\哈尔滨电气股份有限公司</t>
  </si>
  <si>
    <t>【哈电发电机】励端平衡表\600MW油系统\277B012003\哈尔滨电气股份有限公司</t>
  </si>
  <si>
    <t>【哈电发电机】减压阀\600MW油系统\MK602-2"/CS-13\哈尔滨电气股份有限公司</t>
  </si>
  <si>
    <t>【哈电发电机】减压阀\600MW油系统\JYF-65\哈尔滨电气股份有限公司</t>
  </si>
  <si>
    <t>【哈电发电机】水过滤器滤芯\600MW水系统\LX-08-035</t>
  </si>
  <si>
    <t>【哈电发电机】空侧过滤器滤芯\600MW油系统\SQL-Ⅱ</t>
  </si>
  <si>
    <t>【哈电发电机】氢侧过滤器滤芯\600MW油系统\SQL-Ⅰ</t>
  </si>
  <si>
    <t>【哈电发电机】空侧过滤器滤芯-新型\600MW油系统\LYZ-5(7)</t>
  </si>
  <si>
    <t>【哈电发电机】氢侧过滤器滤芯-新型\600MW油系统\LYZ-6(9)</t>
  </si>
  <si>
    <t>【哈电发电机】主压差调节阀\600MW油系统\514D098-05/dg80\哈尔滨电气股份有限公司</t>
  </si>
  <si>
    <t>【哈电发电机】备用压差调节阀\600MW油系统\514D098-06/dg65\哈尔滨电气股份有限公司</t>
  </si>
  <si>
    <t>【哈电发电机】主压差调节阀-新型\600MW油系统\42-24B/整定在0.084MPa\哈尔滨电气股份有限公司</t>
  </si>
  <si>
    <t>【哈电发电机】备用压差调节阀-新型\600MW油系统\42-24B/整定在0.056MPa\哈尔滨电气股份有限公司</t>
  </si>
  <si>
    <t>【哈电发电机】励端平衡阀\600MW油系统\19C19641102\哈尔滨电气股份有限公司</t>
  </si>
  <si>
    <t>【哈电发电机】汽端平衡阀\300MW油系统\19C19641101\哈尔滨电气股份有限公司</t>
  </si>
  <si>
    <t>【哈电发电机】汽端平衡表\300MW油系统\277B012002\哈尔滨电气股份有限公司</t>
  </si>
  <si>
    <t>【哈电发电机】励端平衡表\300MW油系统\277B012003\哈尔滨电气股份有限公司</t>
  </si>
  <si>
    <t>【哈电发电机】减压阀\300MW油系统\MK602-2"/CS-13\哈尔滨电气股份有限公司</t>
  </si>
  <si>
    <t>【哈电发电机】减压阀\300MW油系统\JYF-65\哈尔滨电气股份有限公司</t>
  </si>
  <si>
    <t>【哈电发电机】水过滤器滤芯\300MW水系统\LX-08-035</t>
  </si>
  <si>
    <t>【哈电发电机】电动机\B3-YE3-100L-2P\380kV,3kW,50Hz,3000r/min</t>
  </si>
  <si>
    <t>【哈电发电机】电动机\B3-YE3-112M-2P\380kV,4kW,50Hz,3000r/min</t>
  </si>
  <si>
    <t>【哈电发电机】电动机\B3-YE3-132S1-2P\380kV,5.5kW,50Hz,3000r/min</t>
  </si>
  <si>
    <t>【哈电发电机】电动机\B3-YE3-132S2-2P\380kV,7.5kW,50Hz,3000r/min</t>
  </si>
  <si>
    <t>【哈电发电机】电动机\B3-YE3-160M1-2P\380kV,11kW,50Hz,3000r/min</t>
  </si>
  <si>
    <t>【哈电发电机】电动机\B3-YE3-160M2-2P\380kV,15kW,50Hz,3000r/min</t>
  </si>
  <si>
    <t>【哈电发电机】电动机\B3-YE3-160L-2P\380kV,18.5kW,50Hz,3000r/min</t>
  </si>
  <si>
    <t>【哈电发电机】电动机\B3-YE3-180M-2P\380kV,22kW,50Hz,3000r/min</t>
  </si>
  <si>
    <t>【哈电发电机】电动机\B3-YE3-200L1-2P\380kV,30kW,50Hz,3000r/min</t>
  </si>
  <si>
    <t>【哈电发电机】电动机\B3-YE3-200L2-2P\380kV,37kW,50Hz,3000r/min</t>
  </si>
  <si>
    <t>【哈电发电机】电动机\B3-YE3-225M-2P\380kV,45kW,50Hz,3000r/min</t>
  </si>
  <si>
    <t>【哈电发电机】电动机\B3-YE3-250M-2P\380kV,55kW,50Hz,3000r/min</t>
  </si>
  <si>
    <t>【哈电发电机】电动机\B3-YE3-280S-2P\380kV,75kW,50Hz,3000r/min</t>
  </si>
  <si>
    <t>【哈电发电机】电动机\B3-YE3-280M-2P\380kV,90kW,50Hz,3000r/min</t>
  </si>
  <si>
    <t>【哈电发电机】电动机\B3-YE3-315S-2P\380kV,110kW,50Hz,3000r/min</t>
  </si>
  <si>
    <t>【哈电发电机】电动机\B3-YE3-315M-2P\380kV,132kW,50Hz,3000r/min</t>
  </si>
  <si>
    <t>【哈电发电机】电动机\B3-YE3-315L1-2P\380kV,160kW,50Hz,3000r/min</t>
  </si>
  <si>
    <t>【哈电发电机】电动机\B3-YE3-315L2-2P\380kV,200kW,50Hz,3000r/min</t>
  </si>
  <si>
    <t>【哈电发电机】电动机\B3-YE3-355S2-2P\380kV,200kW,50Hz,3000r/min</t>
  </si>
  <si>
    <t>【哈电发电机】电动机\B3-YE3-355M1-2P\380kV,220kW,50Hz,3000r/min</t>
  </si>
  <si>
    <t>【哈电发电机】电动机\B3-YE3-355M2-2P\380kV,250kW,50Hz,3000r/min</t>
  </si>
  <si>
    <t>【哈电发电机】电动机\B3-YE3-355L1-2P\380kV,280kW,50Hz,3000r/min</t>
  </si>
  <si>
    <t>【哈电发电机】电动机\B3-YE3-355L2-2P\380kV,315kW,50Hz,3000r/min</t>
  </si>
  <si>
    <t>【哈电发电机】电动机\B3-YE3-100L1-4P\380kV,2.2kW,50Hz,1500r/min</t>
  </si>
  <si>
    <t>【哈电发电机】电动机\B3-YE3-100L2-4P\380kV,3kW,50Hz,1500r/min</t>
  </si>
  <si>
    <t>【哈电发电机】电动机\B3-YE3-112M-4P\380kV,4kW,50Hz,1500r/min</t>
  </si>
  <si>
    <t>【哈电发电机】电动机\B3-YE3-132S-4P\380kV,5.5kW,50Hz,1500r/min</t>
  </si>
  <si>
    <t>【哈电发电机】电动机\B3-YE3-132M-4P\380kV,7.5kW,50Hz,1500r/min</t>
  </si>
  <si>
    <t>【哈电发电机】电动机\B3-YE3-160M-4P\380kV,11kW,50Hz,1500r/min</t>
  </si>
  <si>
    <t>【哈电发电机】电动机\B3-YE3-160L-4P\380kV,15kW,50Hz,1500r/min</t>
  </si>
  <si>
    <t>【哈电发电机】电动机\B3-YE3-180M-4P\380kV,18.5kW,50Hz,1500r/min</t>
  </si>
  <si>
    <t>【哈电发电机】电动机\B3-YE3-180L-4P\380kV,22kW,50Hz,1500r/min</t>
  </si>
  <si>
    <t>【哈电发电机】电动机\B3-YE3-200L-4P\380kV,30kW,50Hz,1500r/min</t>
  </si>
  <si>
    <t>【哈电发电机】电动机\B3-YE3-225S-4P\380kV,37kW,50Hz,1500r/min</t>
  </si>
  <si>
    <t>【哈电发电机】电动机\B3-YE3-225M-4P\380kV,45kW,50Hz,1500r/min</t>
  </si>
  <si>
    <t>【哈电发电机】电动机\B3-YE3-250M-4P\380kV,55kW,50Hz,1500r/min</t>
  </si>
  <si>
    <t>【哈电发电机】电动机\B3-YE3-280S-4P\380kV,75kW,50Hz,1500r/min</t>
  </si>
  <si>
    <t>【哈电发电机】电动机\B3-YE3-280M-4P\380kV,90kW,50Hz,1500r/min</t>
  </si>
  <si>
    <t>【哈电发电机】电动机\B3-YE3-315S-4P\380kV,110kW,50Hz,1500r/min</t>
  </si>
  <si>
    <t>【哈电发电机】电动机\B3-YE3-315M-4P\380kV,132kW,50Hz,1500r/min</t>
  </si>
  <si>
    <t>【哈电发电机】电动机\B3-YE3-315L1-4P\380kV,160kW,50Hz,1500r/min</t>
  </si>
  <si>
    <t>【哈电发电机】电动机\B3-YE3-355S1-4P\380kV,185kW,50Hz,1500r/min</t>
  </si>
  <si>
    <t>【哈电发电机】电动机\B3-YE3-355S2-4P\380kV,200kW,50Hz,1500r/min</t>
  </si>
  <si>
    <t>【哈电发电机】电动机\B3-YE3-355M1-4P\380kV,220kW,50Hz,1500r/min</t>
  </si>
  <si>
    <t>【哈电发电机】电动机\B3-YE3-355M2-4P\380kV,250kW,50Hz,1500r/min</t>
  </si>
  <si>
    <t>【哈电发电机】电动机\B3-YE3-355L1-4P\380kV,280kW,50Hz,1500r/min</t>
  </si>
  <si>
    <t>【哈电发电机】电动机\B3-YE3-355L2-4P\380kV,315kW,50Hz,1500r/min</t>
  </si>
  <si>
    <t>【哈电发电机】电动机\B3-YE3-100L-6P\380kV,1.5kW,50Hz,1000r/min</t>
  </si>
  <si>
    <t>【哈电发电机】电动机\B3-YE3-112M-6P\380kV,2.2kW,50Hz,1000r/min</t>
  </si>
  <si>
    <t>【哈电发电机】电动机\B3-YE3-132S-6P\380kV,3kW,50Hz,1000r/min</t>
  </si>
  <si>
    <t>【哈电发电机】电动机\B3-YE3-132M1-6P\380kV,4kW,50Hz,1000r/min</t>
  </si>
  <si>
    <t>【哈电发电机】电动机\B3-YE3-132M2-6P\380kV,5.5kW,50Hz,1000r/min</t>
  </si>
  <si>
    <t>【哈电发电机】电动机\B3-YE3-160M-6P\380kV,7.5kW,50Hz,1000r/min</t>
  </si>
  <si>
    <t>【哈电发电机】电动机\B3-YE3-160L-6P\380kV,11kW,50Hz,1000r/min</t>
  </si>
  <si>
    <t>【哈电发电机】电动机\B3-YE3-180L-6P\380kV,15kW,50Hz,1000r/min</t>
  </si>
  <si>
    <t>【哈电发电机】电动机\B3-YE3-200L1-6P\380kV,18.5kW,50Hz,1000r/min</t>
  </si>
  <si>
    <t>【哈电发电机】电动机\B3-YE3-200L2-6P\380kV,22kW,50Hz,1000r/min</t>
  </si>
  <si>
    <t>【哈电发电机】电动机\B3-YE3-225M-6P\380kV,30kW,50Hz,1000r/min</t>
  </si>
  <si>
    <t>【哈电发电机】电动机\B3-YE3-250M-6P\380kV,37kW,50Hz,1000r/min</t>
  </si>
  <si>
    <t>【哈电发电机】电动机\B3-YE3-280S-6P\380kV,45kW,50Hz,1000r/min</t>
  </si>
  <si>
    <t>【哈电发电机】电动机\B3-YE3-280M-6P\380kV,55kW,50Hz,1000r/min</t>
  </si>
  <si>
    <t>【哈电发电机】电动机\B3-YE3-315S-6P\380kV,75kW,50Hz,1000r/min</t>
  </si>
  <si>
    <t>【哈电发电机】电动机\B3-YE3-315M-6P\380kV,90kW,50Hz,1000r/min</t>
  </si>
  <si>
    <t>【哈电发电机】电动机\B3-YE3-315L1-6P\380kV,110kW,50Hz,1000r/min</t>
  </si>
  <si>
    <t>【哈电发电机】电动机\B3-YE3-315L2-6P\380kV,132kW,50Hz,1000r/min</t>
  </si>
  <si>
    <t>【哈电发电机】电动机\B3-YE3-355S-6P\380kV,160kW,50Hz,1000r/min</t>
  </si>
  <si>
    <t>【哈电发电机】电动机\B3-YE3-355M1-6P\380kV,185kW,50Hz,1000r/min</t>
  </si>
  <si>
    <t>【哈电发电机】电动机\B3-YE3-355M2-6P\380kV,200kW,50Hz,1000r/min</t>
  </si>
  <si>
    <t>【哈电发电机】电动机\B3-YE3-355L1-6P\380kV,220kW,50Hz,1000r/min</t>
  </si>
  <si>
    <t>【哈电发电机】电动机\B3-YE3-355L2-6P\380kV,250kW,50Hz,1000r/min</t>
  </si>
  <si>
    <t>【哈电发电机】电动机\B3-YE3-400S-6P\380kV,280kW,50Hz,1000r/min</t>
  </si>
  <si>
    <t>【哈电发电机】电动机\B3-YE3-400M-6P\380kV,315kW,50Hz,1000r/min</t>
  </si>
  <si>
    <t>【哈电发电机】电动机\B3-YE3-400L-6P\380kV,355kW,50Hz,1000r/min</t>
  </si>
  <si>
    <t>【哈电发电机】电动机\B3-YBX3-100L-2P\380kV,3kW,50Hz,3000r/min</t>
  </si>
  <si>
    <t>【哈电发电机】电动机\B3-YBX3-112M-2P\380kV,4kW,50Hz,3000r/min</t>
  </si>
  <si>
    <t>【哈电发电机】电动机\B3-YBX3-132S1-2P\380kV,5.5kW,50Hz,3000r/min</t>
  </si>
  <si>
    <t>【哈电发电机】电动机\B3-YBX3-132S2-2P\380kV,7.5kW,50Hz,3000r/min</t>
  </si>
  <si>
    <t>【哈电发电机】电动机\B3-YBX3-160M1-2P\380kV,11kW,50Hz,3000r/min</t>
  </si>
  <si>
    <t>【哈电发电机】电动机\B3-YBX3-160M2-2P\380kV,15kW,50Hz,3000r/min</t>
  </si>
  <si>
    <t>【哈电发电机】电动机\B3-YBX3-160L-2P\380kV,18.5kW,50Hz,3000r/min</t>
  </si>
  <si>
    <t>【哈电发电机】电动机\B3-YBX3-180M-2P\380kV,22kW,50Hz,3000r/min</t>
  </si>
  <si>
    <t>【哈电发电机】电动机\B3-YBX3-200L1-2P\380kV,30kW,50Hz,3000r/min</t>
  </si>
  <si>
    <t>【哈电发电机】电动机\B3-YBX3-200L2-2P\380kV,37kW,50Hz,3000r/min</t>
  </si>
  <si>
    <t>【哈电发电机】电动机\B3-YBX3-225M-2P\380kV,45kW,50Hz,3000r/min</t>
  </si>
  <si>
    <t>【哈电发电机】电动机\B3-YBX3-250M-2P\380kV,55kW,50Hz,3000r/min</t>
  </si>
  <si>
    <t>【哈电发电机】电动机\B3-YBX3-280S-2P\380kV,75kW,50Hz,3000r/min</t>
  </si>
  <si>
    <t>【哈电发电机】电动机\B3-YBX3-280M-2P\380kV,90kW,50Hz,3000r/min</t>
  </si>
  <si>
    <t>【哈电发电机】电动机\B3-YBX3-315S-2P\380kV,110kW,50Hz,3000r/min</t>
  </si>
  <si>
    <t>【哈电发电机】电动机\B3-YBX3-315M-2P\380kV,132kW,50Hz,3000r/min</t>
  </si>
  <si>
    <t>【哈电发电机】电动机\B3-YBX3-315L1-2P\380kV,160kW,50Hz,3000r/min</t>
  </si>
  <si>
    <t>【哈电发电机】电动机\B3-YBX3-315L2-2P\380kV,200kW,50Hz,3000r/min</t>
  </si>
  <si>
    <t>【哈电发电机】电动机\B3-YBX3-355S2-2P\380kV,200kW,50Hz,3000r/min</t>
  </si>
  <si>
    <t>【哈电发电机】电动机\B3-YBX3-355M1-2P\380kV,220kW,50Hz,3000r/min</t>
  </si>
  <si>
    <t>【哈电发电机】电动机\B3-YBX3-355M2-2P\380kV,250kW,50Hz,3000r/min</t>
  </si>
  <si>
    <t>【哈电发电机】电动机\B3-YBX3-355L1-2P\380kV,280kW,50Hz,3000r/min</t>
  </si>
  <si>
    <t>【哈电发电机】电动机\B3-YBX3-355L2-2P\380kV,315kW,50Hz,3000r/min</t>
  </si>
  <si>
    <t>【哈电发电机】电动机\B3-YBX3-100L1-4P\380kV,2.2kW,50Hz,1500r/min</t>
  </si>
  <si>
    <t>【哈电发电机】电动机\B3-YBX3-100L2-4P\380kV,3kW,50Hz,1500r/min</t>
  </si>
  <si>
    <t>【哈电发电机】电动机\B3-YBX3-112M-4P\380kV,4kW,50Hz,1500r/min</t>
  </si>
  <si>
    <t>【哈电发电机】电动机\B3-YBX3-132S-4P\380kV,5.5kW,50Hz,1500r/min</t>
  </si>
  <si>
    <t>【哈电发电机】电动机\B3-YBX3-132M-4P\380kV,7.5kW,50Hz,1500r/min</t>
  </si>
  <si>
    <t>【哈电发电机】电动机\B3-YBX3-160M-4P\380kV,11kW,50Hz,1500r/min</t>
  </si>
  <si>
    <t>【哈电发电机】电动机\B3-YBX3-160L-4P\380kV,15kW,50Hz,1500r/min</t>
  </si>
  <si>
    <t>【哈电发电机】电动机\B3-YBX3-180M-4P\380kV,18.5kW,50Hz,1500r/min</t>
  </si>
  <si>
    <t>【哈电发电机】电动机\B3-YBX3-180L-4P\380kV,22kW,50Hz,1500r/min</t>
  </si>
  <si>
    <t>【哈电发电机】电动机\B3-YBX3-200L-4P\380kV,30kW,50Hz,1500r/min</t>
  </si>
  <si>
    <t>【哈电发电机】电动机\B3-YBX3-225S-4P\380kV,37kW,50Hz,1500r/min</t>
  </si>
  <si>
    <t>【哈电发电机】电动机\B3-YBX3-225M-4P\380kV,45kW,50Hz,1500r/min</t>
  </si>
  <si>
    <t>【哈电发电机】电动机\B3-YBX3-250M-4P\380kV,55kW,50Hz,1500r/min</t>
  </si>
  <si>
    <t>【哈电发电机】电动机\B3-YBX3-280S-4P\380kV,75kW,50Hz,1500r/min</t>
  </si>
  <si>
    <t>【哈电发电机】电动机\B3-YBX3-280M-4P\380kV,90kW,50Hz,1500r/min</t>
  </si>
  <si>
    <t>【哈电发电机】电动机\B3-YBX3-315S-4P\380kV,110kW,50Hz,1500r/min</t>
  </si>
  <si>
    <t>【哈电发电机】电动机\B3-YBX3-315M-4P\380kV,132kW,50Hz,1500r/min</t>
  </si>
  <si>
    <t>【哈电发电机】电动机\B3-YBX3-315L1-4P\380kV,160kW,50Hz,1500r/min</t>
  </si>
  <si>
    <t>【哈电发电机】电动机\B3-YBX3-355S1-4P\380kV,185kW,50Hz,1500r/min</t>
  </si>
  <si>
    <t>【哈电发电机】电动机\B3-YBX3-355S2-4P\380kV,200kW,50Hz,1500r/min</t>
  </si>
  <si>
    <t>【哈电发电机】电动机\B3-YBX3-355M1-4P\380kV,220kW,50Hz,1500r/min</t>
  </si>
  <si>
    <t>【哈电发电机】电动机\B3-YBX3-355M2-4P\380kV,250kW,50Hz,1500r/min</t>
  </si>
  <si>
    <t>【哈电发电机】电动机\B3-YBX3-355L1-4P\380kV,280kW,50Hz,1500r/min</t>
  </si>
  <si>
    <t>【哈电发电机】电动机\B3-YBX3-355L2-4P\380kV,315kW,50Hz,1500r/min</t>
  </si>
  <si>
    <t>【哈电发电机】电动机\B3-YBX3-100L-6P\380kV,1.5kW,50Hz,1000r/min</t>
  </si>
  <si>
    <t>【哈电发电机】电动机\B3-YBX3-112M-6P\380kV,2.2kW,50Hz,1000r/min</t>
  </si>
  <si>
    <t>【哈电发电机】电动机\B3-YBX3-132S-6P\380kV,3kW,50Hz,1000r/min</t>
  </si>
  <si>
    <t>【哈电发电机】电动机\B3-YBX3-132M1-6P\380kV,4kW,50Hz,1000r/min</t>
  </si>
  <si>
    <t>【哈电发电机】电动机\B3-YBX3-132M2-6P\380kV,5.5kW,50Hz,1000r/min</t>
  </si>
  <si>
    <t>【哈电发电机】电动机\B3-YBX3-160M-6P\380kV,7.5kW,50Hz,1000r/min</t>
  </si>
  <si>
    <t>【哈电发电机】电动机\B3-YBX3-160L-6P\380kV,11kW,50Hz,1000r/min</t>
  </si>
  <si>
    <t>【哈电发电机】电动机\B3-YBX3-180L-6P\380kV,15kW,50Hz,1000r/min</t>
  </si>
  <si>
    <t>【哈电发电机】电动机\B3-YBX3-200L1-6P\380kV,18.5kW,50Hz,1000r/min</t>
  </si>
  <si>
    <t>【哈电发电机】电动机\B3-YBX3-200L2-6P\380kV,22kW,50Hz,1000r/min</t>
  </si>
  <si>
    <t>【哈电发电机】电动机\B3-YBX3-225M-6P\380kV,30kW,50Hz,1000r/min</t>
  </si>
  <si>
    <t>【哈电发电机】电动机\B3-YBX3-250M-6P\380kV,37kW,50Hz,1000r/min</t>
  </si>
  <si>
    <t>【哈电发电机】电动机\B3-YBX3-280S-6P\380kV,45kW,50Hz,1000r/min</t>
  </si>
  <si>
    <t>【哈电发电机】电动机\B3-YBX3-280M-6P\380kV,55kW,50Hz,1000r/min</t>
  </si>
  <si>
    <t>【哈电发电机】电动机\B3-YBX3-315S-6P\380kV,75kW,50Hz,1000r/min</t>
  </si>
  <si>
    <t>【哈电发电机】电动机\B3-YBX3-315M-6P\380kV,90kW,50Hz,1000r/min</t>
  </si>
  <si>
    <t>【哈电发电机】电动机\B3-YBX3-315L1-6P\380kV,110kW,50Hz,1000r/min</t>
  </si>
  <si>
    <t>【哈电发电机】电动机\B3-YBX3-315L2-6P\380kV,132kW,50Hz,1000r/min</t>
  </si>
  <si>
    <t>【哈电发电机】电动机\B3-YBX3-355S-6P\380kV,160kW,50Hz,1000r/min</t>
  </si>
  <si>
    <t>【哈电发电机】电动机\B3-YBX3-355M1-6P\380kV,185kW,50Hz,1000r/min</t>
  </si>
  <si>
    <t>【哈电发电机】电动机\B3-YBX3-355M2-6P\380kV,200kW,50Hz,1000r/min</t>
  </si>
  <si>
    <t>【哈电发电机】电动机\B3-YBX3-355L1-6P\380kV,220kW,50Hz,1000r/min</t>
  </si>
  <si>
    <t>【哈电发电机】电动机\B3-YBX3-355L2-6P\380kV,250kW,50Hz,1000r/min</t>
  </si>
  <si>
    <t>【哈电发电机】主接线盒\7.5KW/380V/B3/IP55/F级\YE3-132S2-2P</t>
  </si>
  <si>
    <t>【哈电发电机】接线柱\280KW/380V/B3/IP55/F级\YE3-400S-6P</t>
  </si>
  <si>
    <t>【哈电发电机】接线柱\315KW/380V/B3/IP55/F级\YE3-400M-6P</t>
  </si>
  <si>
    <t>【哈电发电机】接线柱\355KW/380V/B3/IP55/F级\YE3-400L-6P</t>
  </si>
  <si>
    <t>【哈电发电机】主接线盒\11KW/380V/B3/IP55/F级\YE3-160M1-2P</t>
  </si>
  <si>
    <t>【哈电发电机】主接线盒\15KW/380V/B3/IP55/F级\YE3-160M2-2P</t>
  </si>
  <si>
    <t>【哈电发电机】主接线盒\18.5KW/380V/B3/IP55/F级\YE3-160L-2P</t>
  </si>
  <si>
    <t>【哈电发电机】主接线盒\22KW/380V/B3/IP55/F级\YE3-180M-2P</t>
  </si>
  <si>
    <t>【哈电发电机】主接线盒\30KW/380V/B3/IP55/F级\YE3-200L1-2P</t>
  </si>
  <si>
    <t>【哈电发电机】主接线盒\37KW/380V/B3/IP55/F级\YE3-200L2-2P</t>
  </si>
  <si>
    <t>【哈电发电机】主接线盒\45KW/380V/B3/IP55/F级\YE3-225M-2P</t>
  </si>
  <si>
    <t>【哈电发电机】主接线盒\55KW/380V/B3/IP55/F级\YE3-250M-2P</t>
  </si>
  <si>
    <t>【哈电发电机】主接线盒\75KW/380V/B3/IP55/F级\YE3-280S-2P</t>
  </si>
  <si>
    <t>【哈电发电机】主接线盒\90KW/380V/B3/IP55/F级\YE3-280M-2P</t>
  </si>
  <si>
    <t>【哈电发电机】主接线盒\110KW/380V/B3/IP55/F级\YE3-315S-2P</t>
  </si>
  <si>
    <t>【哈电发电机】主接线盒\160KW/380V/B3/IP55/F级\YE3-355S-6P</t>
  </si>
  <si>
    <t>【哈电发电机】主接线盒\185KW/380V/B3/IP55/F级\YE3-355M1-6P</t>
  </si>
  <si>
    <t>【哈电发电机】主接线盒\200KW/380V/B3/IP55/F级\YE3-355M2-6P</t>
  </si>
  <si>
    <t>【哈电发电机】主接线盒\315KW/380V/B3/IP55/F级\YE3-355L2-4P</t>
  </si>
  <si>
    <t>【哈电发电机】主接线盒\250KW/380V/B3/IP55/F级\YE3-355L2-6P</t>
  </si>
  <si>
    <t>【哈电发电机】主接线盒\280KW/380V/B3/IP55/F级\YE3-400S-6P</t>
  </si>
  <si>
    <t>【哈电发电机】主接线盒\315KW/380V/B3/IP55/F级\YE3-400M-6P</t>
  </si>
  <si>
    <t>【哈电发电机】主接线盒\355KW/380V/B3/IP55/F级\YE3-400L-6P</t>
  </si>
  <si>
    <t>【哈电发电机】接线柱\160KW/380V/B3/IP55/F级\YE3-355S-6P</t>
  </si>
  <si>
    <t>【哈电发电机】接线柱\185KW/380V/B3/IP55/F级\YE3-355M1-6P</t>
  </si>
  <si>
    <t>【哈电发电机】接线柱\200KW/380V/B3/IP55/F级\YE3-355M2-6P</t>
  </si>
  <si>
    <t>【哈电发电机】接线柱\220KW/380V/B3/IP55/F级\YE3-355L1-6P</t>
  </si>
  <si>
    <t>【哈电发电机】接线柱\250KW/380V/B3/IP55/F级\YE3-355L2-6P</t>
  </si>
  <si>
    <t>【哈电发电机】主接线盒\18.5KW/380V/B3/IP55/F级\YE3-200L1-6P</t>
  </si>
  <si>
    <t>【哈电发电机】主接线盒\22KW/380V/B3/IP55/F级\YE3-200L2-6P</t>
  </si>
  <si>
    <t>【哈电发电机】主接线盒\30KW/380V/B3/IP55/F级\YE3-225M-6P</t>
  </si>
  <si>
    <t>【哈电发电机】主接线盒\37KW/380V/B3/IP55/F级\YE3-250M-6P</t>
  </si>
  <si>
    <t>【哈电发电机】主接线盒\45KW/380V/B3/IP55/F级\YE3-280S-6P</t>
  </si>
  <si>
    <t>【哈电发电机】主接线盒\55KW/380V/B3/IP55/F级\YE3-280M-6P</t>
  </si>
  <si>
    <t>【哈电发电机】主接线盒\75KW/380V/B3/IP55/F级\YE3-315S-6P</t>
  </si>
  <si>
    <t>【哈电发电机】主接线盒\90KW/380V/B3/IP55/F级\YE3-315M-6P</t>
  </si>
  <si>
    <t>【哈电发电机】主接线盒\110KW/380V/B3/IP55/F级\YE3-315L1-6P</t>
  </si>
  <si>
    <t>【哈电发电机】主接线盒\132KW/380V/B3/IP55/F级\YE3-315L2-6P</t>
  </si>
  <si>
    <t>【哈电发电机】主接线盒\220KW/380V/B3/IP55/F级\YE3-355L1-6P</t>
  </si>
  <si>
    <t>【哈电发电机】主接线盒\132KW/380V/B3/IP55/F级\YE3-315M-4P</t>
  </si>
  <si>
    <t>【哈电发电机】主接线盒\160KW/380V/B3/IP55/F级\YE3-315L1-4P</t>
  </si>
  <si>
    <t>【哈电发电机】主接线盒\185KW/380V/B3/IP55/F级\YE3-355S1-4P</t>
  </si>
  <si>
    <t>【哈电发电机】主接线盒\315KW/380V/B3/IP55/F级\YE3-355L2-2P</t>
  </si>
  <si>
    <t>【哈电发电机】主接线盒\200KW/380V/B3/IP55/F级\YE3-355S2-4P</t>
  </si>
  <si>
    <t>【哈电发电机】主接线盒\220KW/380V/B3/IP55/F级\YE3-355M1-4P</t>
  </si>
  <si>
    <t>【哈电发电机】主接线盒\250KW/380V/B3/IP55/F级\YE3-355M2-4P</t>
  </si>
  <si>
    <t>【哈电发电机】主接线盒\280KW/380V/B3/IP55/F级\YE3-355L1-4P</t>
  </si>
  <si>
    <t>【哈电发电机】接线柱\132KW/380V/B3/IP55/F级\YE3-315M-4P</t>
  </si>
  <si>
    <t>【哈电发电机】接线柱\160KW/380V/B3/IP55/F级\YE3-315L1-4P</t>
  </si>
  <si>
    <t>【哈电发电机】接线柱\185KW/380V/B3/IP55/F级\YE3-355S1-4P</t>
  </si>
  <si>
    <t>【哈电发电机】接线柱\200KW/380V/B3/IP55/F级\YE3-355S2-4P</t>
  </si>
  <si>
    <t>【哈电发电机】接线柱\220KW/380V/B3/IP55/F级\YE3-355M1-4P</t>
  </si>
  <si>
    <t>【哈电发电机】接线柱\250KW/380V/B3/IP55/F级\YE3-355M2-4P</t>
  </si>
  <si>
    <t>【哈电发电机】接线柱\280KW/380V/B3/IP55/F级\YE3-355L1-4P</t>
  </si>
  <si>
    <t>【哈电发电机】接线柱\315KW/380V/B3/IP55/F级\YE3-355L2-4P</t>
  </si>
  <si>
    <t>【哈电发电机】主接线盒\11KW/380V/B3/IP55/F级\YE3-160M-4P</t>
  </si>
  <si>
    <t>【哈电发电机】主接线盒\15KW/380V/B3/IP55/F级\YE3-160L-4P</t>
  </si>
  <si>
    <t>【哈电发电机】主接线盒\18.5KW/380V/B3/IP55/F级\YE3-180M-4P</t>
  </si>
  <si>
    <t>【哈电发电机】主接线盒\22KW/380V/B3/IP55/F级\YE3-180L-4P</t>
  </si>
  <si>
    <t>【哈电发电机】主接线盒\30KW/380V/B3/IP55/F级\YE3-200L-4P</t>
  </si>
  <si>
    <t>【哈电发电机】主接线盒\37KW/380V/B3/IP55/F级\YE3-225S-4P</t>
  </si>
  <si>
    <t>【哈电发电机】主接线盒\45KW/380V/B3/IP55/F级\YE3-225M-4P</t>
  </si>
  <si>
    <t>【哈电发电机】主接线盒\55KW/380V/B3/IP55/F级\YE3-250M-4P</t>
  </si>
  <si>
    <t>【哈电发电机】主接线盒\75KW/380V/B3/IP55/F级\YE3-280S-4P</t>
  </si>
  <si>
    <t>【哈电发电机】主接线盒\90KW/380V/B3/IP55/F级\YE3-280M-4P</t>
  </si>
  <si>
    <t>【哈电发电机】主接线盒\132KW/380V/B3/IP55/F级\YE3-315M-2P</t>
  </si>
  <si>
    <t>【哈电发电机】主接线盒\160KW/380V/B3/IP55/F级\YE3-315L1-2P</t>
  </si>
  <si>
    <t>【哈电发电机】主接线盒\200KW/380V/B3/IP55/F级\YE3-315L2-2P</t>
  </si>
  <si>
    <t>【哈电发电机】主接线盒\110KW/380V/B3/IP55/F级\YE3-315S-4P</t>
  </si>
  <si>
    <t>【哈电发电机】主接线盒\200KW/380V/B3/IP55/F级\YE3-355S2-2P</t>
  </si>
  <si>
    <t>【哈电发电机】主接线盒\220KW/380V/B3/IP55/F级\YE3-355M1-2P</t>
  </si>
  <si>
    <t>【哈电发电机】主接线盒\250KW/380V/B3/IP55/F级\YE3-355M2-2P</t>
  </si>
  <si>
    <t>【哈电发电机】主接线盒\280KW/380V/B3/IP55/F级\YE3-355L1-2P</t>
  </si>
  <si>
    <t>【哈电发电机】接线柱\5.5KW/380V/B3/IP55/F级\YE3-132M2-6P</t>
  </si>
  <si>
    <t>【哈电发电机】接线柱\7.5KW/380V/B3/IP55/F级\YE3-160M-6P</t>
  </si>
  <si>
    <t>【哈电发电机】接线柱\11KW/380V/B3/IP55/F级\YE3-160L-6P</t>
  </si>
  <si>
    <t>【哈电发电机】接线柱\15KW/380V/B3/IP55/F级\YE3-180L-6P</t>
  </si>
  <si>
    <t>【哈电发电机】接线柱\18.5KW/380V/B3/IP55/F级\YE3-200L1-6P</t>
  </si>
  <si>
    <t>【哈电发电机】接线柱\22KW/380V/B3/IP55/F级\YE3-200L2-6P</t>
  </si>
  <si>
    <t>【哈电发电机】接线柱\30KW/380V/B3/IP55/F级\YE3-225M-6P</t>
  </si>
  <si>
    <t>【哈电发电机】接线柱\37KW/380V/B3/IP55/F级\YE3-250M-6P</t>
  </si>
  <si>
    <t>【哈电发电机】接线柱\45KW/380V/B3/IP55/F级\YE3-280S-6P</t>
  </si>
  <si>
    <t>【哈电发电机】接线柱\55KW/380V/B3/IP55/F级\YE3-280M-6P</t>
  </si>
  <si>
    <t>【哈电发电机】接线柱\75KW/380V/B3/IP55/F级\YE3-315S-6P</t>
  </si>
  <si>
    <t>【哈电发电机】接线柱\90KW/380V/B3/IP55/F级\YE3-315M-6P</t>
  </si>
  <si>
    <t>【哈电发电机】接线柱\110KW/380V/B3/IP55/F级\YE3-315L1-6P</t>
  </si>
  <si>
    <t>【哈电发电机】接线柱\132KW/380V/B3/IP55/F级\YE3-315L2-6P</t>
  </si>
  <si>
    <t>【哈电发电机】接线柱\220KW/380V/B3/IP55/F级\YE3-355M1-2P</t>
  </si>
  <si>
    <t>【哈电发电机】接线柱\250KW/380V/B3/IP55/F级\YE3-355M2-2P</t>
  </si>
  <si>
    <t>【哈电发电机】接线柱\280KW/380V/B3/IP55/F级\YE3-355L1-2P</t>
  </si>
  <si>
    <t>【哈电发电机】接线柱\315KW/380V/B3/IP55/F级\YE3-355L2-2P</t>
  </si>
  <si>
    <t>【哈电发电机】接线柱\110KW/380V/B3/IP55/F级\YE3-315S-4P</t>
  </si>
  <si>
    <t>【哈电发电机】主接线盒\1.5KW/380V/B3/IP55/F级\YE3-100L-6P</t>
  </si>
  <si>
    <t>【哈电发电机】主接线盒\2.2KW/380V/B3/IP55/F级\YE3-112M-6P</t>
  </si>
  <si>
    <t>【哈电发电机】主接线盒\3KW/380V/B3/IP55/F级\YE3-132S-6P</t>
  </si>
  <si>
    <t>【哈电发电机】主接线盒\4KW/380V/B3/IP55/F级\YE3-132M1-6P</t>
  </si>
  <si>
    <t>【哈电发电机】接线柱\4KW/380V/B3/IP55/F级\YE3-132M1-6P</t>
  </si>
  <si>
    <t>【哈电发电机】接线柱\3KW/380V/B3/IP55/F级\YE3-100L2-4P</t>
  </si>
  <si>
    <t>【哈电发电机】接线柱\4KW/380V/B3/IP55/F级\YE3-112M-4P</t>
  </si>
  <si>
    <t>【哈电发电机】接线柱\5.5KW/380V/B3/IP55/F级\YE3-132S-4P</t>
  </si>
  <si>
    <t>【哈电发电机】接线柱\7.5KW/380V/B3/IP55/F级\YE3-132M-4P</t>
  </si>
  <si>
    <t>【哈电发电机】接线柱\11KW/380V/B3/IP55/F级\YE3-160M-4P</t>
  </si>
  <si>
    <t>【哈电发电机】接线柱\15KW/380V/B3/IP55/F级\YE3-160L-4P</t>
  </si>
  <si>
    <t>【哈电发电机】接线柱\18.5KW/380V/B3/IP55/F级\YE3-180M-4P</t>
  </si>
  <si>
    <t>【哈电发电机】接线柱\22KW/380V/B3/IP55/F级\YE3-180L-4P</t>
  </si>
  <si>
    <t>【哈电发电机】接线柱\30KW/380V/B3/IP55/F级\YE3-200L-4P</t>
  </si>
  <si>
    <t>【哈电发电机】接线柱\37KW/380V/B3/IP55/F级\YE3-225S-4P</t>
  </si>
  <si>
    <t>【哈电发电机】接线柱\45KW/380V/B3/IP55/F级\YE3-225M-4P</t>
  </si>
  <si>
    <t>【哈电发电机】接线柱\55KW/380V/B3/IP55/F级\YE3-250M-4P</t>
  </si>
  <si>
    <t>【哈电发电机】接线柱\75KW/380V/B3/IP55/F级\YE3-280S-4P</t>
  </si>
  <si>
    <t>【哈电发电机】接线柱\90KW/380V/B3/IP55/F级\YE3-280M-4P</t>
  </si>
  <si>
    <t>【哈电发电机】主接线盒\5.5KW/380V/B3/IP55/F级\YE3-132M2-6P</t>
  </si>
  <si>
    <t>【哈电发电机】主接线盒\7.5KW/380V/B3/IP55/F级\YE3-160M-6P</t>
  </si>
  <si>
    <t>【哈电发电机】主接线盒\11KW/380V/B3/IP55/F级\YE3-160L-6P</t>
  </si>
  <si>
    <t>【哈电发电机】主接线盒\15KW/380V/B3/IP55/F级\YE3-180L-6P</t>
  </si>
  <si>
    <t>【哈电发电机】接线柱\110KW/380V/B3/IP55/F级\YE3-315S-2P</t>
  </si>
  <si>
    <t>【哈电发电机】接线柱\132KW/380V/B3/IP55/F级\YE3-315M-2P</t>
  </si>
  <si>
    <t>【哈电发电机】接线柱\160KW/380V/B3/IP55/F级\YE3-315L1-2P</t>
  </si>
  <si>
    <t>【哈电发电机】接线柱\200KW/380V/B3/IP55/F级\YE3-315L2-2P</t>
  </si>
  <si>
    <t>【哈电发电机】接线柱\200KW/380V/B3/IP55/F级\YE3-355S2-2P</t>
  </si>
  <si>
    <t>【哈电发电机】接线柱\2.2KW/380V/B3/IP55/F级\YE3-100L1-4P</t>
  </si>
  <si>
    <t>【哈电发电机】接线柱\1.5KW/380V/B3/IP55/F级\YE3-100L-6P</t>
  </si>
  <si>
    <t>【哈电发电机】接线柱\2.2KW/380V/B3/IP55/F级\YE3-112M-6P</t>
  </si>
  <si>
    <t>【哈电发电机】接线柱\3KW/380V/B3/IP55/F级\YE3-132S-6P</t>
  </si>
  <si>
    <t>【哈电发电机】接线柱\3KW/380V/B3/IP55/F级\YE3-100L-2P</t>
  </si>
  <si>
    <t>【哈电发电机】接线柱\4KW/380V/B3/IP55/F级\YE3-112M-2P</t>
  </si>
  <si>
    <t>【哈电发电机】接线柱\5.5KW/380V/B3/IP55/F级\YE3-132S1-2P</t>
  </si>
  <si>
    <t>【哈电发电机】接线柱\7.5KW/380V/B3/IP55/F级\YE3-132S2-2P</t>
  </si>
  <si>
    <t>【哈电发电机】接线柱\11KW/380V/B3/IP55/F级\YE3-160M1-2P</t>
  </si>
  <si>
    <t>【哈电发电机】接线柱\15KW/380V/B3/IP55/F级\YE3-160M2-2P</t>
  </si>
  <si>
    <t>【哈电发电机】接线柱\18.5KW/380V/B3/IP55/F级\YE3-160L-2P</t>
  </si>
  <si>
    <t>【哈电发电机】接线柱\22KW/380V/B3/IP55/F级\YE3-180M-2P</t>
  </si>
  <si>
    <t>【哈电发电机】接线柱\30KW/380V/B3/IP55/F级\YE3-200L1-2P</t>
  </si>
  <si>
    <t>【哈电发电机】接线柱\37KW/380V/B3/IP55/F级\YE3-200L2-2P</t>
  </si>
  <si>
    <t>【哈电发电机】接线柱\45KW/380V/B3/IP55/F级\YE3-225M-2P</t>
  </si>
  <si>
    <t>【哈电发电机】接线柱\55KW/380V/B3/IP55/F级\YE3-250M-2P</t>
  </si>
  <si>
    <t>【哈电发电机】接线柱\75KW/380V/B3/IP55/F级\YE3-280S-2P</t>
  </si>
  <si>
    <t>【哈电发电机】接线柱\90KW/380V/B3/IP55/F级\YE3-280M-2P</t>
  </si>
  <si>
    <t>【哈电发电机】主接线盒\2.2KW/380V/B3/IP55/F级\YE3-100L1-4P</t>
  </si>
  <si>
    <t>【哈电发电机】主接线盒\3KW/380V/B3/IP55/F级\YE3-100L2-4P</t>
  </si>
  <si>
    <t>【哈电发电机】主接线盒\4KW/380V/B3/IP55/F级\YE3-112M-4P</t>
  </si>
  <si>
    <t>【哈电发电机】主接线盒\5.5KW/380V/B3/IP55/F级\YE3-132S-4P</t>
  </si>
  <si>
    <t>【哈电发电机】主接线盒\7.5KW/380V/B3/IP55/F级\YE3-132M-4P</t>
  </si>
  <si>
    <t>【哈电发电机】主接线盒\3KW/380V/B3/IP55/F级\YE3-100L-2P</t>
  </si>
  <si>
    <t>【哈电发电机】主接线盒\4KW/380V/B3/IP55/F级\YE3-112M-2P</t>
  </si>
  <si>
    <t>【哈电发电机】主接线盒\5.5KW/380V/B3/IP55/F级\YE3-132S1-2P</t>
  </si>
  <si>
    <t>【哈电发电机】主接线盒\1.5KW/380V/B3/IP55/F级/DIIBT4\YBX3-100L-6P</t>
  </si>
  <si>
    <t>【哈电发电机】主接线盒\2.2KW/380V/B3/IP55/F级/DIIBT4\YBX3-112M-6P</t>
  </si>
  <si>
    <t>【哈电发电机】主接线盒\3KW/380V/B3/IP55/F级/DIIBT4\YBX3-132S-6P</t>
  </si>
  <si>
    <t>【哈电发电机】主接线盒\4KW/380V/B3/IP55/F级/DIIBT4\YBX3-132M1-6P</t>
  </si>
  <si>
    <t>【哈电发电机】主接线盒\5.5KW/380V/B3/IP55/F级/DIIBT4\YBX3-132M2-6P</t>
  </si>
  <si>
    <t>【哈电发电机】主接线盒\7.5KW/380V/B3/IP55/F级/DIIBT4\YBX3-160M-6P</t>
  </si>
  <si>
    <t>【哈电发电机】主接线盒\11KW/380V/B3/IP55/F级/DIIBT4\YBX3-160L-6P</t>
  </si>
  <si>
    <t>【哈电发电机】主接线盒\15KW/380V/B3/IP55/F级/DIIBT4\YBX3-180M-6P</t>
  </si>
  <si>
    <t>【哈电发电机】主接线盒\18.5KW/380V/B3/IP55/F级/DIIBT4\YBX3-200L1-6P</t>
  </si>
  <si>
    <t>【哈电发电机】主接线盒\22KW/380V/B3/IP55/F级/DIIBT4\YBX3-200L2-6P</t>
  </si>
  <si>
    <t>【哈电发电机】主接线盒\30KW/380V/B3/IP55/F级/DIIBT4\YBX3-225M-6P</t>
  </si>
  <si>
    <t>【哈电发电机】主接线盒\37KW/380V/B3/IP55/F级/DIIBT4\YBX3-250M-6P</t>
  </si>
  <si>
    <t>【哈电发电机】主接线盒\45KW/380V/B3/IP55/F级/DIIBT4\YBX3-280S-6P</t>
  </si>
  <si>
    <t>【哈电发电机】主接线盒\55KW/380V/B3/IP55/F级/DIIBT4\YBX3-280M-6P</t>
  </si>
  <si>
    <t>【哈电发电机】主接线盒\75KW/380V/B3/IP55/F级/DIIBT4\YBX3-315S-6P</t>
  </si>
  <si>
    <t>【哈电发电机】主接线盒\90KW/380V/B3/IP55/F级/DIIBT4\YBX3-315M-6P</t>
  </si>
  <si>
    <t>【哈电发电机】主接线盒\110KW/380V/B3/IP55/F级/DIIBT4\YBX3-315L1-6P</t>
  </si>
  <si>
    <t>【哈电发电机】主接线盒\132KW/380V/B3/IP55/F级/DIIBT4\YBX3-315L2-6P</t>
  </si>
  <si>
    <t>【哈电发电机】主接线盒\160KW/380V/B3/IP55/F级/DIIBT4\YBX3-355S-6P</t>
  </si>
  <si>
    <t>【哈电发电机】主接线盒\185KW/380V/B3/IP55/F级/DIIBT4\YBX3-355M1-6P</t>
  </si>
  <si>
    <t>【哈电发电机】主接线盒\200KW/380V/B3/IP55/F级/DIIBT4\YBX3-355M2-6P</t>
  </si>
  <si>
    <t>【哈电发电机】主接线盒\220KW/380V/B3/IP55/F级/DIIBT4\YBX3-355L1-6P</t>
  </si>
  <si>
    <t>【哈电发电机】主接线盒\250KW/380V/B3/IP55/F级/DIIBT4\YBX3-355L2-6P</t>
  </si>
  <si>
    <t>【哈电发电机】主接线盒\4KW/380V/B3/IP55/F级/DIIBT4\YBX3-112M-2P</t>
  </si>
  <si>
    <t>【哈电发电机】主接线盒\2.2KW/380V/B3/IP55/F级/DIIBT4\YBX3-100L1-4P</t>
  </si>
  <si>
    <t>【哈电发电机】主接线盒\3KW/380V/B3/IP55/F级/DIIBT4\YBX3-100L2-4P</t>
  </si>
  <si>
    <t>【哈电发电机】主接线盒\5.5KW/380V/B3/IP55/F级/DIIBT4\YBX3-132S-4P</t>
  </si>
  <si>
    <t>【哈电发电机】主接线盒\7.5KW/380V/B3/IP55/F级/DIIBT4\YBX3-132M-4P</t>
  </si>
  <si>
    <t>【哈电发电机】主接线盒\11KW/380V/B3/IP55/F级/DIIBT4\YBX3-160M-4P</t>
  </si>
  <si>
    <t>【哈电发电机】主接线盒\15KW/380V/B3/IP55/F级/DIIBT4\YBX3-160L-4P</t>
  </si>
  <si>
    <t>【哈电发电机】主接线盒\18.5KW/380V/B3/IP55/F级/DIIBT4\YBX3-180M-4P</t>
  </si>
  <si>
    <t>【哈电发电机】主接线盒\22KW/380V/B3/IP55/F级/DIIBT4\YBX3-180L-4P</t>
  </si>
  <si>
    <t>【哈电发电机】主接线盒\30KW/380V/B3/IP55/F级/DIIBT4\YBX3-200L-4P</t>
  </si>
  <si>
    <t>【哈电发电机】主接线盒\37KW/380V/B3/IP55/F级/DIIBT4\YBX3-225S-4P</t>
  </si>
  <si>
    <t>【哈电发电机】主接线盒\45KW/380V/B3/IP55/F级/DIIBT4\YBX3-225M-4P</t>
  </si>
  <si>
    <t>【哈电发电机】主接线盒\55KW/380V/B3/IP55/F级/DIIBT4\YBX3-250M-4P</t>
  </si>
  <si>
    <t>【哈电发电机】主接线盒\75KW/380V/B3/IP55/F级/DIIBT4\YBX3-280S-4P</t>
  </si>
  <si>
    <t>【哈电发电机】主接线盒\90KW/380V/B3/IP55/F级/DIIBT4\YBX3-280M-4P</t>
  </si>
  <si>
    <t>【哈电发电机】主接线盒\110KW/380V/B3/IP55/F级/DIIBT4\YBX3-315S-4P</t>
  </si>
  <si>
    <t>【哈电发电机】主接线盒\132KW/380V/B3/IP55/F级/DIIBT4\YBX3-315M-4P</t>
  </si>
  <si>
    <t>【哈电发电机】主接线盒\160KW/380V/B3/IP55/F级/DIIBT4\YBX3-315L1-4P</t>
  </si>
  <si>
    <t>【哈电发电机】主接线盒\185KW/380V/B3/IP55/F级/DIIBT4\YBX3-355S1-4P</t>
  </si>
  <si>
    <t>【哈电发电机】主接线盒\200KW/380V/B3/IP55/F级/DIIBT4\YBX3-355S2-4P</t>
  </si>
  <si>
    <t>【哈电发电机】主接线盒\220KW/380V/B3/IP55/F级/DIIBT4\YBX3-355M1-4P</t>
  </si>
  <si>
    <t>【哈电发电机】主接线盒\250KW/380V/B3/IP55/F级/DIIBT4\YBX3-355M2-4P</t>
  </si>
  <si>
    <t>【哈电发电机】主接线盒\280KW/380V/B3/IP55/F级/DIIBT4\YBX3-355L1-4P</t>
  </si>
  <si>
    <t>【哈电发电机】主接线盒\315KW/380V/B3/IP55/F级/DIIBT4\YBX3-355L2-4P</t>
  </si>
  <si>
    <t>【哈电发电机】主接线盒\4KW/380V/B3/IP55/F级/DIIBT4\YBX3-112M-4P</t>
  </si>
  <si>
    <t>【哈电发电机】主接线盒\3KW/380V/B3/IP55/F级/DIIBT4\YBX3-100L-2P</t>
  </si>
  <si>
    <t>【哈电发电机】主接线盒\5.5KW/380V/B3/IP55/F级/DIIBT4\YBX3-132S1-2P</t>
  </si>
  <si>
    <t>【哈电发电机】主接线盒\7.5KW/380V/B3/IP55/F级/DIIBT4\YBX3-132S2-2P</t>
  </si>
  <si>
    <t>【哈电发电机】主接线盒\11KW/380V/B3/IP55/F级/DIIBT4\YBX3-160M1-2P</t>
  </si>
  <si>
    <t>【哈电发电机】主接线盒\15KW/380V/B3/IP55/F级/DIIBT4\YBX3-160M2-2P</t>
  </si>
  <si>
    <t>【哈电发电机】主接线盒\18.5KW/380V/B3/IP55/F级/DIIBT4\YBX3-160L-2P</t>
  </si>
  <si>
    <t>【哈电发电机】主接线盒\22KW/380V/B3/IP55/F级/DIIBT4\YBX3-180M-2P</t>
  </si>
  <si>
    <t>【哈电发电机】主接线盒\30KW/380V/B3/IP55/F级/DIIBT4\YBX3-200L1-2P</t>
  </si>
  <si>
    <t>【哈电发电机】主接线盒\37KW/380V/B3/IP55/F级/DIIBT4\YBX3-200L2-2P</t>
  </si>
  <si>
    <t>【哈电发电机】主接线盒\45KW/380V/B3/IP55/F级/DIIBT4\YBX3-225M-2P</t>
  </si>
  <si>
    <t>【哈电发电机】主接线盒\55KW/380V/B3/IP55/F级/DIIBT4\YBX3-250M-2P</t>
  </si>
  <si>
    <t>【哈电发电机】主接线盒\75KW/380V/B3/IP55/F级/DIIBT4\YBX3-280S-2P</t>
  </si>
  <si>
    <t>【哈电发电机】主接线盒\90KW/380V/B3/IP55/F级/DIIBT4\YBX3-280M-2P</t>
  </si>
  <si>
    <t>【哈电发电机】主接线盒\110KW/380V/B3/IP55/F级/DIIBT4\YBX3-315S-2P</t>
  </si>
  <si>
    <t>【哈电发电机】主接线盒\132KW/380V/B3/IP55/F级/DIIBT4\YBX3-315M-2P</t>
  </si>
  <si>
    <t>【哈电发电机】主接线盒\160KW/380V/B3/IP55/F级/DIIBT4\YBX3-315L1-2P</t>
  </si>
  <si>
    <t>【哈电发电机】主接线盒\200KW/380V/B3/IP55/F级/DIIBT4\YBX3-315L2-2P</t>
  </si>
  <si>
    <t>【哈电发电机】主接线盒\200KW/380V/B3/IP55/F级/DIIBT4\YBX3-355S2-2P</t>
  </si>
  <si>
    <t>【哈电发电机】主接线盒\220KW/380V/B3/IP55/F级/DIIBT4\YBX3-355M1-2P</t>
  </si>
  <si>
    <t>【哈电发电机】主接线盒\250KW/380V/B3/IP55/F级/DIIBT4\YBX3-355M2-2P</t>
  </si>
  <si>
    <t>【哈电发电机】主接线盒\280KW/380V/B3/IP55/F级/DIIBT4\YBX3-355L1-2P</t>
  </si>
  <si>
    <t>【哈电发电机】主接线盒\315KW/380V/B3/IP55/F级/DIIBT4\YBX3-355L2-2P</t>
  </si>
  <si>
    <t>【哈电发电机】接线柱\1.5KW/380V/B3/IP55/F级/DIIBT4\YBX3-100L-6P</t>
  </si>
  <si>
    <t>【哈电发电机】接线柱\2.2KW/380V/B3/IP55/F级/DIIBT4\YBX3-112M-6P</t>
  </si>
  <si>
    <t>【哈电发电机】接线柱\18.5KW/380V/B3/IP55/F级/DIIBT4\YBX3-200L1-6P</t>
  </si>
  <si>
    <t>【哈电发电机】接线柱\22KW/380V/B3/IP55/F级/DIIBT4\YBX3-200L2-6P</t>
  </si>
  <si>
    <t>【哈电发电机】接线柱\5.5KW/380V/B3/IP55/F级/DIIBT4\YBX3-132M2-6P</t>
  </si>
  <si>
    <t>【哈电发电机】接线柱\7.5KW/380V/B3/IP55/F级/DIIBT4\YBX3-160M-6P</t>
  </si>
  <si>
    <t>【哈电发电机】接线柱\11KW/380V/B3/IP55/F级/DIIBT4\YBX3-160L-6P</t>
  </si>
  <si>
    <t>【哈电发电机】接线柱\15KW/380V/B3/IP55/F级/DIIBT4\YBX3-180M-6P</t>
  </si>
  <si>
    <t>【哈电发电机】接线柱\37KW/380V/B3/IP55/F级/DIIBT4\YBX3-225S-4P</t>
  </si>
  <si>
    <t>【哈电发电机】接线柱\45KW/380V/B3/IP55/F级/DIIBT4\YBX3-225M-4P</t>
  </si>
  <si>
    <t>【哈电发电机】接线柱\30KW/380V/B3/IP55/F级/DIIBT4\YBX3-225M-6P</t>
  </si>
  <si>
    <t>【哈电发电机】接线柱\37KW/380V/B3/IP55/F级/DIIBT4\YBX3-250M-6P</t>
  </si>
  <si>
    <t>【哈电发电机】接线柱\45KW/380V/B3/IP55/F级/DIIBT4\YBX3-280S-6P</t>
  </si>
  <si>
    <t>【哈电发电机】接线柱\55KW/380V/B3/IP55/F级/DIIBT4\YBX3-280M-6P</t>
  </si>
  <si>
    <t>【哈电发电机】接线柱\315KW/380V/B3/IP55/F级/DIIBT4\YBX3-355L2-4P</t>
  </si>
  <si>
    <t>【哈电发电机】接线柱\75KW/380V/B3/IP55/F级/DIIBT4\YBX3-315S-6P</t>
  </si>
  <si>
    <t>【哈电发电机】接线柱\90KW/380V/B3/IP55/F级/DIIBT4\YBX3-315M-6P</t>
  </si>
  <si>
    <t>【哈电发电机】接线柱\110KW/380V/B3/IP55/F级/DIIBT4\YBX3-315L1-6P</t>
  </si>
  <si>
    <t>【哈电发电机】接线柱\132KW/380V/B3/IP55/F级/DIIBT4\YBX3-315L2-6P</t>
  </si>
  <si>
    <t>【哈电发电机】接线柱\160KW/380V/B3/IP55/F级/DIIBT4\YBX3-355S-6P</t>
  </si>
  <si>
    <t>【哈电发电机】接线柱\185KW/380V/B3/IP55/F级/DIIBT4\YBX3-355M1-6P</t>
  </si>
  <si>
    <t>【哈电发电机】接线柱\200KW/380V/B3/IP55/F级/DIIBT4\YBX3-355M2-6P</t>
  </si>
  <si>
    <t>【哈电发电机】接线柱\220KW/380V/B3/IP55/F级/DIIBT4\YBX3-355L1-6P</t>
  </si>
  <si>
    <t>【哈电发电机】接线柱\250KW/380V/B3/IP55/F级/DIIBT4\YBX3-355L2-6P</t>
  </si>
  <si>
    <t>【哈电发电机】接线柱\3KW/380V/B3/IP55/F级/DIIBT4\YBX3-100L2-4P</t>
  </si>
  <si>
    <t>【哈电发电机】接线柱\4KW/380V/B3/IP55/F级/DIIBT4\YBX3-112M-4P</t>
  </si>
  <si>
    <t>【哈电发电机】接线柱\5.5KW/380V/B3/IP55/F级/DIIBT4\YBX3-132S1-2P</t>
  </si>
  <si>
    <t>【哈电发电机】接线柱\7.5KW/380V/B3/IP55/F级/DIIBT4\YBX3-132S2-2P</t>
  </si>
  <si>
    <t>【哈电发电机】接线柱\11KW/380V/B3/IP55/F级/DIIBT4\YBX3-160M1-2P</t>
  </si>
  <si>
    <t>【哈电发电机】接线柱\15KW/380V/B3/IP55/F级/DIIBT4\YBX3-160M2-2P</t>
  </si>
  <si>
    <t>【哈电发电机】接线柱\18.5KW/380V/B3/IP55/F级/DIIBT4\YBX3-160L-2P</t>
  </si>
  <si>
    <t>【哈电发电机】接线柱\22KW/380V/B3/IP55/F级/DIIBT4\YBX3-180M-2P</t>
  </si>
  <si>
    <t>【哈电发电机】接线柱\5.5KW/380V/B3/IP55/F级/DIIBT4\YBX3-132S-4P</t>
  </si>
  <si>
    <t>【哈电发电机】接线柱\30KW/380V/B3/IP55/F级/DIIBT4\YBX3-200L1-2P</t>
  </si>
  <si>
    <t>【哈电发电机】接线柱\37KW/380V/B3/IP55/F级/DIIBT4\YBX3-200L2-2P</t>
  </si>
  <si>
    <t>【哈电发电机】接线柱\55KW/380V/B3/IP55/F级/DIIBT4\YBX3-250M-2P</t>
  </si>
  <si>
    <t>【哈电发电机】接线柱\75KW/380V/B3/IP55/F级/DIIBT4\YBX3-280S-2P</t>
  </si>
  <si>
    <t>【哈电发电机】接线柱\90KW/380V/B3/IP55/F级/DIIBT4\YBX3-280M-2P</t>
  </si>
  <si>
    <t>【哈电发电机】接线柱\110KW/380V/B3/IP55/F级/DIIBT4\YBX3-315S-2P</t>
  </si>
  <si>
    <t>【哈电发电机】接线柱\132KW/380V/B3/IP55/F级/DIIBT4\YBX3-315M-2P</t>
  </si>
  <si>
    <t>【哈电发电机】接线柱\160KW/380V/B3/IP55/F级/DIIBT4\YBX3-315L1-2P</t>
  </si>
  <si>
    <t>【哈电发电机】接线柱\200KW/380V/B3/IP55/F级/DIIBT4\YBX3-315L2-2P</t>
  </si>
  <si>
    <t>【哈电发电机】接线柱\200KW/380V/B3/IP55/F级/DIIBT4\YBX3-355S2-2P</t>
  </si>
  <si>
    <t>【哈电发电机】接线柱\220KW/380V/B3/IP55/F级/DIIBT4\YBX3-355M1-2P</t>
  </si>
  <si>
    <t>【哈电发电机】接线柱\250KW/380V/B3/IP55/F级/DIIBT4\YBX3-355M2-2P</t>
  </si>
  <si>
    <t>【哈电发电机】接线柱\280KW/380V/B3/IP55/F级/DIIBT4\YBX3-355L1-2P</t>
  </si>
  <si>
    <t>【哈电发电机】接线柱\315KW/380V/B3/IP55/F级/DIIBT4\YBX3-355L2-2P</t>
  </si>
  <si>
    <t>【哈电发电机】接线柱\3KW/380V/B3/IP55/F级/DIIBT4\YBX3-100L-2P</t>
  </si>
  <si>
    <t>【哈电发电机】接线柱\4KW/380V/B3/IP55/F级/DIIBT4\YBX3-112M-2P</t>
  </si>
  <si>
    <t>【哈电发电机】接线柱\7.5KW/380V/B3/IP55/F级/DIIBT4\YBX3-132M-4P</t>
  </si>
  <si>
    <t>【哈电发电机】接线柱\11KW/380V/B3/IP55/F级/DIIBT4\YBX3-160M-4P</t>
  </si>
  <si>
    <t>【哈电发电机】接线柱\15KW/380V/B3/IP55/F级/DIIBT4\YBX3-160L-4P</t>
  </si>
  <si>
    <t>【哈电发电机】接线柱\18.5KW/380V/B3/IP55/F级/DIIBT4\YBX3-180M-4P</t>
  </si>
  <si>
    <t>【哈电发电机】接线柱\22KW/380V/B3/IP55/F级/DIIBT4\YBX3-180L-4P</t>
  </si>
  <si>
    <t>【哈电发电机】接线柱\30KW/380V/B3/IP55/F级/DIIBT4\YBX3-200L-4P</t>
  </si>
  <si>
    <t>【哈电发电机】接线柱\3KW/380V/B3/IP55/F级/DIIBT4\YBX3-132S-6P</t>
  </si>
  <si>
    <t>【哈电发电机】接线柱\4KW/380V/B3/IP55/F级/DIIBT4\YBX3-132M1-6P</t>
  </si>
  <si>
    <t>【哈电发电机】接线柱\45KW/380V/B3/IP55/F级/DIIBT4\YBX3-225M-2P</t>
  </si>
  <si>
    <t>【哈电发电机】接线柱\55KW/380V/B3/IP55/F级/DIIBT4\YBX3-250M-4P</t>
  </si>
  <si>
    <t>【哈电发电机】接线柱\75KW/380V/B3/IP55/F级/DIIBT4\YBX3-280S-4P</t>
  </si>
  <si>
    <t>【哈电发电机】接线柱\90KW/380V/B3/IP55/F级/DIIBT4\YBX3-280M-4P</t>
  </si>
  <si>
    <t>【哈电发电机】接线柱\2.2KW/380V/B3/IP55/F级/DIIBT4\YBX3-100L1-4P</t>
  </si>
  <si>
    <t>【哈电发电机】接线柱\110KW/380V/B3/IP55/F级/DIIBT4\YBX3-315S-4P</t>
  </si>
  <si>
    <t>【哈电发电机】接线柱\132KW/380V/B3/IP55/F级/DIIBT4\YBX3-315M-4P</t>
  </si>
  <si>
    <t>【哈电发电机】接线柱\160KW/380V/B3/IP55/F级/DIIBT4\YBX3-315L1-4P</t>
  </si>
  <si>
    <t>【哈电发电机】接线柱\185KW/380V/B3/IP55/F级/DIIBT4\YBX3-355S1-4P</t>
  </si>
  <si>
    <t>【哈电发电机】接线柱\200KW/380V/B3/IP55/F级/DIIBT4\YBX3-355S2-4P</t>
  </si>
  <si>
    <t>【哈电发电机】接线柱\220KW/380V/B3/IP55/F级/DIIBT4\YBX3-355M1-4P</t>
  </si>
  <si>
    <t>【哈电发电机】接线柱\250KW/380V/B3/IP55/F级/DIIBT4\YBX3-355M2-4P</t>
  </si>
  <si>
    <t>【哈电发电机】接线柱\280KW/380V/B3/IP55/F级/DIIBT4\YBX3-355L1-4P</t>
  </si>
  <si>
    <t>【哈电发电机】空侧交流油泵\HSG940×2-42</t>
  </si>
  <si>
    <t>【哈电发电机】空侧油泵安全阀\AF-40</t>
  </si>
  <si>
    <t>【哈电发电机】空侧油泵进口蝶阀\DN100</t>
  </si>
  <si>
    <t>【哈电发电机】空侧油泵出口止回式截止阀\JC80-1.6P-00</t>
  </si>
  <si>
    <t>【哈电发电机】氢侧交流油泵\HSG120×4-42</t>
  </si>
  <si>
    <t>【哈电发电机】氢侧直流油泵\Z2-41</t>
  </si>
  <si>
    <t>【哈电发电机】氢侧油泵进口蝶阀\DN50</t>
  </si>
  <si>
    <t>【哈电发电机】氢侧油泵出口止回式截止阀\JC40-1.6P-00</t>
  </si>
  <si>
    <t>【哈电发电机】刮片式空侧过滤器\SQL-2/80</t>
  </si>
  <si>
    <t>【哈电发电机】刮片式氢侧过滤器\SQL-1/50</t>
  </si>
  <si>
    <t>【哈电发电机】空侧过滤器两端蝶阀\DN80</t>
  </si>
  <si>
    <t>【哈电发电机】氢侧过滤器两端蝶阀\DN50</t>
  </si>
  <si>
    <t>【哈电发电机】氢侧密封油箱\YFX-5\碳钢</t>
  </si>
  <si>
    <t>【哈电发电机】氢侧密封油箱磁翻板液位计\BPA31\含高、低位开关及变送器</t>
  </si>
  <si>
    <t>【哈电发电机】电动机\YX3\H132S-4P/5.5KW/380VkV,5.5KWkW,50Hz,1500r/min</t>
  </si>
  <si>
    <t>【哈电发电机】涤玻绳\φ2\300/600MW</t>
  </si>
  <si>
    <t>【哈电发电机】环氧树脂\53841YQ\300/600MW</t>
  </si>
  <si>
    <t>【哈电发电机】螺栓\M10×50/CU2\300MW</t>
  </si>
  <si>
    <t>【哈电发电机】外舌止动垫圈\M16/Q235\300MW</t>
  </si>
  <si>
    <t>【哈电发电机】螺栓\M16×45/4.8\300MW</t>
  </si>
  <si>
    <t>【哈电发电机】螺母\M16/5\300MW</t>
  </si>
  <si>
    <t>【哈电发电机】氯丁橡胶板\1000×1000×3\300MW</t>
  </si>
  <si>
    <t>【哈电发电机】氯丁橡胶板\1000×1000×5\300MW</t>
  </si>
  <si>
    <t>【哈电发电机】单耳止动垫圈\M16/Q235\300MW</t>
  </si>
  <si>
    <t>【哈电发电机】单耳止动垫圈\M12/Q235\300MW</t>
  </si>
  <si>
    <t>【哈电发电机】止动垫圈\M8×28/Q235\300MW</t>
  </si>
  <si>
    <t>【哈电发电机】外舌止动垫圈\M20/Q235\300MW</t>
  </si>
  <si>
    <t>【哈电发电机】外舌止动垫圈\M10/Q235\300MW</t>
  </si>
  <si>
    <t>【哈电发电机】本体滑块\04C4064\300MW</t>
  </si>
  <si>
    <t>【哈电发电机】外舌止动垫圈\M36/Q235\300MW</t>
  </si>
  <si>
    <t>【哈电发电机】层压板(楔下垫条)\2×44×1045\600MW</t>
  </si>
  <si>
    <t>【哈电发电机】槽楔打板\600MW</t>
  </si>
  <si>
    <t>【哈电发电机】锁片\07D5151\600MW</t>
  </si>
  <si>
    <t>【哈电发电机】金属软管\25JRL100F-600\600MW</t>
  </si>
  <si>
    <t>【哈电发电机】密封圈\06D3987\600MW</t>
  </si>
  <si>
    <t>【哈电发电机】密封垫\04C9474\600MW</t>
  </si>
  <si>
    <t>【哈电发电机】挡风垫\04C9476\600MW</t>
  </si>
  <si>
    <t>【哈电发电机】密封垫\04C9477\600MW</t>
  </si>
  <si>
    <t>【哈电发电机】密封垫\04C9488\600MW</t>
  </si>
  <si>
    <t>【哈电发电机】密封胶\HDJ892\200MW</t>
  </si>
  <si>
    <t>【哈电发电机】汽轮发电机定子鼻端手包绝缘处理\工作量为处理5处以内\QFSN-300-2</t>
  </si>
  <si>
    <t>【哈电发电机】汽轮发电机定子汇流管密封垫更换\QFSN-300-2</t>
  </si>
  <si>
    <t>【哈电发电机】汽轮发电机定子汇流管密封垫更换\QFSN-600-2</t>
  </si>
  <si>
    <t>【哈电发电机】密封油真空泵\1000MW\不含电机\VC75\1000MW\哈尔滨电气股份有限公司</t>
  </si>
  <si>
    <t>【哈电发电机】汽轮发电机定子槽楔紧固\工作量为1台份-1/2台份以上\QF-200-2</t>
  </si>
  <si>
    <t>【哈电发电机】汽轮发电机定子槽楔紧固\工作量为1/2台份-1/3台份以上\QF-200-2</t>
  </si>
  <si>
    <t>【哈电发电机】汽轮发电机定子槽楔紧固\工作量为1/3台份及以下\QF-200-2</t>
  </si>
  <si>
    <t>【哈电发电机】汽轮发电机定子槽楔紧固\工作量为1台份-1/2台份以上\QFSN-300-2</t>
  </si>
  <si>
    <t>【哈电发电机】汽轮发电机定子槽楔紧固\工作量为1/2台份-1/3台份以上\QFSN-300-2</t>
  </si>
  <si>
    <t>【哈电发电机】汽轮发电机定子槽楔紧固\工作量为1/3台份及以下\QFSN-300-2</t>
  </si>
  <si>
    <t>【哈电发电机】汽轮发电机定子槽楔紧固\工作量为1台份-1/2台份以上\QFSN-600-2</t>
  </si>
  <si>
    <t>【哈电发电机】汽轮发电机定子槽楔紧固\工作量为1/2台份-1/3台份以上\QFSN-600-2</t>
  </si>
  <si>
    <t>【哈电发电机】汽轮发电机定子槽楔紧固\工作量为1/3台份及以下\QFSN-600-2</t>
  </si>
  <si>
    <t>【哈电发电机】汽轮发电机定子槽楔紧固\工作量为1台份-1/2台份以上\QFSN-1000-2</t>
  </si>
  <si>
    <t>【哈电发电机】汽轮发电机定子槽楔紧固\工作量为1/2台份-1/3台份以上\QFSN-1000-2</t>
  </si>
  <si>
    <t>【哈电发电机】汽轮发电机定子槽楔紧固\工作量为1/3台份及以下\QFSN-1000-2</t>
  </si>
  <si>
    <t>【哈电发电机】汽轮发电机定子上层线棒更换\工作量为更换1-3根\QFSN-600-2</t>
  </si>
  <si>
    <t>【哈电发电机】汽轮发电机定子铁芯EL-CID试验\工作量为试验1次\QFSN-1000-2</t>
  </si>
  <si>
    <t>【哈电发电机】汽轮发电机定子铁芯EL-CID试验\工作量为试验1次\QFSN-600-2</t>
  </si>
  <si>
    <t>【哈电发电机】汽轮发电机定子铁芯EL-CID试验\工作量为试验1次\QFSN-300-2</t>
  </si>
  <si>
    <t>【哈电发电机】汽轮发电机定子铁芯EL-CID试验\工作量为试验1次\QF-200-2</t>
  </si>
  <si>
    <t>【哈电发电机】汽轮发电机定子铁芯EL-CID试验\工作量为试验1次\QF-150-2</t>
  </si>
  <si>
    <t>【哈电发电机】汽轮发电机定子铁芯EL-CID试验\工作量为试验2次\QFSN-1000-2</t>
  </si>
  <si>
    <t>【哈电发电机】汽轮发电机定子铁芯EL-CID试验\工作量为试验2次\QFSN-600-2</t>
  </si>
  <si>
    <t>【哈电发电机】汽轮发电机定子铁芯EL-CID试验\工作量为试验2次\QFSN-300-2</t>
  </si>
  <si>
    <t>【哈电发电机】汽轮发电机定子铁芯EL-CID试验\工作量为试验2次\QF-200-2</t>
  </si>
  <si>
    <t>【哈电发电机】汽轮发电机定子铁芯EL-CID试验\工作量为试验2次\QF-150-2</t>
  </si>
  <si>
    <t>【哈电发电机】汽轮发电机定子铁芯拉伸\QFSN-600-2</t>
  </si>
  <si>
    <t>【哈电发电机】汽轮发电机可调撑块调紧点焊牢处理\工作量为处理1-2块\QFSN-300-2</t>
  </si>
  <si>
    <t>【哈电发电机】汽轮发电机可调撑块调紧点焊牢处理\工作量为处理3-4块\QFSN-300-2</t>
  </si>
  <si>
    <t>【哈电发电机】汽轮发电机转子引线导电螺钉与导电杆拆装处理\QFSN-600-2\QFSN-600-2</t>
  </si>
  <si>
    <t>【哈电发电机】汽轮发电机转子引线的导电螺钉返厂绝缘修复\QFSN-600-2\QFSN-600-2</t>
  </si>
  <si>
    <t>【哈电发电机】汽轮发电机转子引线的导电螺钉返厂绝缘修复\QFSN-300-2\QFSN-300-2</t>
  </si>
  <si>
    <t>【哈电发电机】汽轮发电机转子引线的导电螺钉密封处理\QFSN-300-2\工作量为处理1/2台份\QFSN-300-2</t>
  </si>
  <si>
    <t>【哈电发电机】汽轮发电机转子引线的导电螺钉密封处理\QFSN-300-2\工作量为处理1台份\QFSN-300-2</t>
  </si>
  <si>
    <t>【哈电发电机】汽轮发电机转子引线的导电螺钉密封处理\QFSN-600-2\工作量为处理1/2台份\QFSN-600-2</t>
  </si>
  <si>
    <t>【哈电发电机】汽轮发电机转子引线的导电螺钉密封处理\QFSN-600-2\工作量为处理1台份\QFSN-600-2</t>
  </si>
  <si>
    <t>【哈电发电机】梳齿\L3c000063P001\1000MW</t>
  </si>
  <si>
    <t>【哈电发电机】氢油差压调节阀\1000MW\HV03376</t>
  </si>
  <si>
    <t>【哈电发电机】发电机补氢调压阀\1000MW\627-1/627-2</t>
  </si>
  <si>
    <t>【哈电发电机】发电机出线套管及装配件\L3c000099/VRH/27/82.5-27\1000MW</t>
  </si>
  <si>
    <t>【哈电发电机】发电机轴瓦(汽端)\Z1c002364S01\1000MW</t>
  </si>
  <si>
    <t>【哈电发电机】发电机轴瓦(励端)\Z1c002363S01\1000MW</t>
  </si>
  <si>
    <t>【哈电发电机】梳齿\L3c000063P002\1000MW</t>
  </si>
  <si>
    <t>【哈电发电机】励磁机小轴轴承\L3c000154\Z1c000169\1000MW</t>
  </si>
  <si>
    <t>【哈电发电机】发电机密封瓦(汽端)\L1c000078S01-42/43/44/45\1000MW</t>
  </si>
  <si>
    <t>【哈电发电机】发电机密封瓦(励端)\L1c000078S01-52/53/54/55\1000MW</t>
  </si>
  <si>
    <t>【哈电发电机】密封圈\L4c001946\1000MW</t>
  </si>
  <si>
    <t>【哈电发电机】垫圈\Z1c000438序21\1000MW</t>
  </si>
  <si>
    <t>【哈电发电机】垫圈\L4c002071\1000MW</t>
  </si>
  <si>
    <t>【哈电发电机】垫圈\Z1c000438序27\1000MW</t>
  </si>
  <si>
    <t>【哈电发电机】密封胶\ET-1\1000MW</t>
  </si>
  <si>
    <t>【日照三奇】高效过滤口罩\一次性\50只/盒</t>
  </si>
  <si>
    <t>【东方汽轮机】VV阀密封件\D600A.276.031</t>
  </si>
  <si>
    <t>东方电气集团东方汽轮机有限公司</t>
  </si>
  <si>
    <t>WZSCCG-2020-BJ-016</t>
  </si>
  <si>
    <t>国家能源e购商城东气汽轮机备件商城铺货长协采购框架协议</t>
  </si>
  <si>
    <t>【东方汽轮机】金属缠绕垫片\D600C-799310A003</t>
  </si>
  <si>
    <t>【东方汽轮机】联轴器\D9.6B-221000C</t>
  </si>
  <si>
    <t>【东方汽轮机】支持轴承\M030-251000F-M1</t>
  </si>
  <si>
    <t>【东方汽轮机】旋入管接头\Q/D9111N-87DN32</t>
  </si>
  <si>
    <t>【东方汽轮机】旋入管接头\DN40\Q/D9111N-87DN40</t>
  </si>
  <si>
    <t>【东方汽轮机】联轴器\D3.6A.221Z-17T</t>
  </si>
  <si>
    <t>【东方汽轮机】阀杆\B2320E-271000C010</t>
  </si>
  <si>
    <t>【东方汽轮机】齿形垫片\D00-010900A019\600MW超临界机组</t>
  </si>
  <si>
    <t>【东方汽轮机】球面垫圈\D09.261.017.2\D09.261.017</t>
  </si>
  <si>
    <t>【东方汽轮机】定位键\D00.050.016</t>
  </si>
  <si>
    <t>【东方汽轮机】接头座\D20.181.013</t>
  </si>
  <si>
    <t>【东方汽轮机】螺母\M36×3\D00.050.210</t>
  </si>
  <si>
    <t>【东方汽轮机】平垫圈\16\GB00097.1W0016\D330F</t>
  </si>
  <si>
    <t>【东方汽轮机】浮动油档\D660X-180230A</t>
  </si>
  <si>
    <t>【东方汽轮机】浮动油档\D660X-180320A</t>
  </si>
  <si>
    <t>【东方汽轮机】六角头螺栓\D350A-011000A004</t>
  </si>
  <si>
    <t>【东方汽轮机】螺栓\D600B-210000A006</t>
  </si>
  <si>
    <t>【东方汽轮机】汽封圈\M005.114.1Z</t>
  </si>
  <si>
    <t>【东方汽轮机】轴瓦体\D210C-243200A</t>
  </si>
  <si>
    <t>【东方汽轮机】电动截止阀\DN80\B2320C-799100F006</t>
  </si>
  <si>
    <t>【东方汽轮机】支持轴承\Φ180\B2320E-243000A-M1</t>
  </si>
  <si>
    <t>【东方汽轮机】汽封圈\D600C-170140A</t>
  </si>
  <si>
    <t>【东方汽轮机】汽封圈\D600R-098510A\D600B</t>
  </si>
  <si>
    <t>【东方汽轮机】汽封圈\D660R-098207A</t>
  </si>
  <si>
    <t>【东方汽轮机】双头螺柱\M56×4×220\D00-010320A014</t>
  </si>
  <si>
    <t>【东方汽轮机】预启阀\D09.261.033</t>
  </si>
  <si>
    <t>【东方汽轮机】垫片\D20.021.017</t>
  </si>
  <si>
    <t>【东方汽轮机】挡油板\Φ152.4\D20.242.4Z</t>
  </si>
  <si>
    <t>【东方汽轮机】主汽阀杆导衬\D20.260.018</t>
  </si>
  <si>
    <t>【东方汽轮机】板弹簧\198×22×18\D300S-098300A003</t>
  </si>
  <si>
    <t>【东方汽轮机】六角头螺栓\D350A-011000A003</t>
  </si>
  <si>
    <t>【东方汽轮机】缠绕垫片\Φ316×276\D600A.024.101\D300N</t>
  </si>
  <si>
    <t>【东方汽轮机】梅花打击扳手\D600A.660.096</t>
  </si>
  <si>
    <t>【东方汽轮机】高温六角头螺栓\1 1/2-8UN\D600B-030500A010\D600B</t>
  </si>
  <si>
    <t>【东方汽轮机】双头螺柱\GH3\D600C-271000A002\D600B</t>
  </si>
  <si>
    <t>【东方汽轮机】挡油环\D7A-242300A</t>
  </si>
  <si>
    <t>【东方汽轮机】挡油环\D9.6B-242300A</t>
  </si>
  <si>
    <t>【东方汽轮机】挡油环\D9.6B-243300A</t>
  </si>
  <si>
    <t>【东方汽轮机】螺母\M036-219000B004</t>
  </si>
  <si>
    <t>【东方汽轮机】止动垫片\M053-217000B002</t>
  </si>
  <si>
    <t>【东方汽轮机】内六角螺栓\M054-011000A005\D300N</t>
  </si>
  <si>
    <t>【东方汽轮机】行程开关\M181.231.10Z</t>
  </si>
  <si>
    <t>【东方汽轮机】双头螺柱\M206-261000A041\D300N</t>
  </si>
  <si>
    <t>【东方汽轮机】高温用螺母\M206-261000A042\D300N</t>
  </si>
  <si>
    <t>【东方汽轮机】垫圈\φ36\B6E016A\D600B</t>
  </si>
  <si>
    <t>【东方汽轮机】垫圈\φ16\D00-600607A004\D600B</t>
  </si>
  <si>
    <t>【东方汽轮机】垫圈\φ36\D00-600607B012\D600B</t>
  </si>
  <si>
    <t>【东方汽轮机】垫圈\M054-021000A016\D600B</t>
  </si>
  <si>
    <t>【东方汽轮机】阀碟\A200A-261000A009</t>
  </si>
  <si>
    <t>【东方汽轮机】液位计\A200C-798200A005</t>
  </si>
  <si>
    <t>【东方汽轮机】油挡\B1310E-180000A</t>
  </si>
  <si>
    <t>【东方汽轮机】挡油环\B1320E-180300A</t>
  </si>
  <si>
    <t>【东方汽轮机】汽封圈\B2320F-160300E</t>
  </si>
  <si>
    <t>【东方汽轮机】汽封圈\B2320F-160400E</t>
  </si>
  <si>
    <t>【东方汽轮机】电动截止阀\DN50\B2320F-899100M001</t>
  </si>
  <si>
    <t>【东方汽轮机】阀碟\B2320G-281000B002</t>
  </si>
  <si>
    <t>【东方汽轮机】阀碟\B2360G-281000A001</t>
  </si>
  <si>
    <t>【东方汽轮机】预启阀碟\D350A-265510A</t>
  </si>
  <si>
    <t>【东方汽轮机】汽封圈\D350N-100407A</t>
  </si>
  <si>
    <t>【东方汽轮机】齿轮轴\D600A.231.025</t>
  </si>
  <si>
    <t>【东方汽轮机】叶片\D600F-203006A001</t>
  </si>
  <si>
    <t>【东方汽轮机】隔板汽封\D600R-098110A\D600B</t>
  </si>
  <si>
    <t>【东方汽轮机】隔栅\D7A-031220A</t>
  </si>
  <si>
    <t>【东方汽轮机】盘车装置\D3.6A.231Z</t>
  </si>
  <si>
    <t>【东方汽轮机】下套管\D660S-271300A003</t>
  </si>
  <si>
    <t>【东方汽轮机】盘车装置\D7A-231000A</t>
  </si>
  <si>
    <t>【东方汽轮机】转子半联轴器\D9.6C-211000A002</t>
  </si>
  <si>
    <t>【东方汽轮机】阀杆\D09.265.020</t>
  </si>
  <si>
    <t>【东方汽轮机】轴瓦\D09.511.3Z</t>
  </si>
  <si>
    <t>【东方汽轮机】电机\D135H-601101A001</t>
  </si>
  <si>
    <t>【东方汽轮机】汽封圈\D200Q-170200A</t>
  </si>
  <si>
    <t>【东方汽轮机】调节阀座\D200Q-261000A002</t>
  </si>
  <si>
    <t>【东方汽轮机】汽封圈\D330A-160100A</t>
  </si>
  <si>
    <t>【东方汽轮机】调节阀杆\D350A-271200A001</t>
  </si>
  <si>
    <t>【东方汽轮机】双头螺柱\41/2″-8UN\D350G-024000A001</t>
  </si>
  <si>
    <t>【东方汽轮机】齿轮轴\D600A.231.027</t>
  </si>
  <si>
    <t>【东方汽轮机】叶轮\D600A-506200B</t>
  </si>
  <si>
    <t>【东方汽轮机】双头螺柱\6″-8UN\D600B-028000A005</t>
  </si>
  <si>
    <t>【东方汽轮机】调节阀碟\D600B-271300A002</t>
  </si>
  <si>
    <t>【东方汽轮机】双头螺柱\6″-8UN\D600C-028000A013</t>
  </si>
  <si>
    <t>【东方汽轮机】汽封圈\D600E-098180A</t>
  </si>
  <si>
    <t>【东方汽轮机】汽封圈\D600R-170130A\D600B</t>
  </si>
  <si>
    <t>【东方汽轮机】汽封圈\D660R-098104A</t>
  </si>
  <si>
    <t>【东方汽轮机】隔板汽封\D660R-098328A</t>
  </si>
  <si>
    <t>【东方汽轮机】汽封圈\M001.011.3Z</t>
  </si>
  <si>
    <t>【东方汽轮机】调节阀预启阀盖\M237-265000A018\D300N</t>
  </si>
  <si>
    <t>【东方汽轮机】双头螺柱\4 1/2″-8UN\D600H-028000A003\D600B</t>
  </si>
  <si>
    <t>【东方汽轮机】密封环\D660X-294000A001</t>
  </si>
  <si>
    <t>【东方汽轮机】两半合成档油环\M165-241300A</t>
  </si>
  <si>
    <t>【东方汽轮机】有机玻璃板\B2350G-182000A006</t>
  </si>
  <si>
    <t>【东方汽轮机】双头螺柱\M20×75\D00-010104A008\D300N</t>
  </si>
  <si>
    <t>【东方汽轮机】双头螺柱\M42×3×150\D00-010113A010\D300N</t>
  </si>
  <si>
    <t>【东方汽轮机】罩螺母\M20\D00-010410A002\D300N</t>
  </si>
  <si>
    <t>【东方汽轮机】齿形垫片\D00-600132A004\D600B</t>
  </si>
  <si>
    <t>【东方汽轮机】球面垫圈(凹)\D20.260.025</t>
  </si>
  <si>
    <t>【东方汽轮机】球面垫圈(凸)\D20.260.026</t>
  </si>
  <si>
    <t>【东方汽轮机】凸球面垫圈\33\D20.291.009</t>
  </si>
  <si>
    <t>【东方汽轮机】凹球面垫圈\33\D20.291.010</t>
  </si>
  <si>
    <t>【东方汽轮机】垫圈\D20.291.011</t>
  </si>
  <si>
    <t>【东方汽轮机】圆柱型压缩弹簧\D300N-100000A001\D300N</t>
  </si>
  <si>
    <t>【东方汽轮机】高温六角头螺栓\D300S-030400A007</t>
  </si>
  <si>
    <t>【东方汽轮机】螺纹管接头\D600A.038.111</t>
  </si>
  <si>
    <t>【东方汽轮机】管接\D600C-029700A001</t>
  </si>
  <si>
    <t>【东方汽轮机】键\D600C-261200A006\D600B</t>
  </si>
  <si>
    <t>【东方汽轮机】弯管\M009-011000A013</t>
  </si>
  <si>
    <t>【东方汽轮机】耐震压力表\W06A0151A\D300N</t>
  </si>
  <si>
    <t>【东方汽轮机】缠绕垫片\B2320F-281000A016</t>
  </si>
  <si>
    <t>【东方汽轮机】汽封圈\B2320E-100100A</t>
  </si>
  <si>
    <t>【东方汽轮机】齿形垫片\M201.261.022</t>
  </si>
  <si>
    <t>【东方汽轮机】高温双头螺栓\M237-265000A012\D300N</t>
  </si>
  <si>
    <t>【东方汽轮机】止回阀\B1320D-522000A</t>
  </si>
  <si>
    <t>【东方汽轮机】滤芯\B1320D-539000B001</t>
  </si>
  <si>
    <t>【东方汽轮机】可调式止逆阀\B1320D-770000A</t>
  </si>
  <si>
    <t>【东方汽轮机】油封环\D20.185.3Z</t>
  </si>
  <si>
    <t>【东方汽轮机】无测温孔瓦块\Ф250\D200Q-241200A001</t>
  </si>
  <si>
    <t>【东方汽轮机】瓦块\D200Q-241200A002</t>
  </si>
  <si>
    <t>【东方汽轮机】双头螺柱\5″-8UN\D600B-028000A007</t>
  </si>
  <si>
    <t>【东方汽轮机】隔板汽封\D600B-098250A</t>
  </si>
  <si>
    <t>【东方汽轮机】开槽扳手\D300N-689300A001</t>
  </si>
  <si>
    <t>【东方汽轮机】六角杆板手\D600A.660.063</t>
  </si>
  <si>
    <t>【东方汽轮机】高温内六角螺栓\D600C-099150A001</t>
  </si>
  <si>
    <t>【东方汽轮机】压力真空表\D660E-705000A024</t>
  </si>
  <si>
    <t>【东方汽轮机】金属缠绕垫片\M006.011.013</t>
  </si>
  <si>
    <t>【东方汽轮机】密封圈\M009-295000A004</t>
  </si>
  <si>
    <t>【东方汽轮机】带孔垫块\M024.244.008</t>
  </si>
  <si>
    <t>【东方汽轮机】金属缠绕垫片\M024.296.124</t>
  </si>
  <si>
    <t>【东方汽轮机】压力真空表\M700-451000A022</t>
  </si>
  <si>
    <t>【东方汽轮机】销\D600B-098100A004</t>
  </si>
  <si>
    <t>【东方汽轮机】销\D600B-098100A005</t>
  </si>
  <si>
    <t>【东方汽轮机】开槽沉头螺钉\M6×16\GB0000068C0616</t>
  </si>
  <si>
    <t>【东方汽轮机】六角头螺栓\M20×65\GB0005783C2065</t>
  </si>
  <si>
    <t>【东方汽轮机】内齿圈\D09.512.103</t>
  </si>
  <si>
    <t>【东方汽轮机】双头螺柱\5"-8UN\D350A-020000A001</t>
  </si>
  <si>
    <t>【东方汽轮机】汽封圈\D600B-170100A</t>
  </si>
  <si>
    <t>【东方汽轮机】汽封圈\D600B-170200A</t>
  </si>
  <si>
    <t>【东方汽轮机】键装配图\D600C-029620A</t>
  </si>
  <si>
    <t>【东方汽轮机】汽封圈\D600C-170120A</t>
  </si>
  <si>
    <t>【东方汽轮机】后抽汽管\D600H-029110A</t>
  </si>
  <si>
    <t>【东方汽轮机】真空蝶阀\B2320B-784000D</t>
  </si>
  <si>
    <t>【东方汽轮机】切换阀\B2360G-270000A</t>
  </si>
  <si>
    <t>【东方汽轮机】双联滤油器\B1320D-539000B</t>
  </si>
  <si>
    <t>【东方汽轮机】汽封圈\D350C-160110A</t>
  </si>
  <si>
    <t>【东方汽轮机】汽封圈\D350E-160210A</t>
  </si>
  <si>
    <t>【东方汽轮机】挂齿齿轮轴\D600A.231.16Z</t>
  </si>
  <si>
    <t>【东方汽轮机】吊板\D600A.263.2Z</t>
  </si>
  <si>
    <t>【东方汽轮机】隔板汽封\D600E-098260A\D600B</t>
  </si>
  <si>
    <t>【东方汽轮机】压板\A200B-181000A002</t>
  </si>
  <si>
    <t>【东方汽轮机】预启阀挡板\D20.272.007</t>
  </si>
  <si>
    <t>【东方汽轮机】带孔垫片\D210C-243000A005</t>
  </si>
  <si>
    <t>【东方汽轮机】玻璃板\M181.231.054</t>
  </si>
  <si>
    <t>【东方汽轮机】节流组件\25×6\W28A0285A</t>
  </si>
  <si>
    <t>【东方汽轮机】节流组件\20×6\W28A0371A</t>
  </si>
  <si>
    <t>【东方汽轮机】节流组件\20×4\W28A0806A</t>
  </si>
  <si>
    <t>【东方汽轮机】开槽圆柱头螺钉\M6×16\GB0000065C0616</t>
  </si>
  <si>
    <t>【东方汽轮机】内六角圆柱头螺钉\M10×30,GB/T70.1C-2008\GB00070.1C1030</t>
  </si>
  <si>
    <t>【东方汽轮机】弹簧片\D600B-170000A001</t>
  </si>
  <si>
    <t>【东方汽轮机】管状电加热器\B1320D-899200B002</t>
  </si>
  <si>
    <t>【东方汽轮机】特殊套筒\D00-010934A014</t>
  </si>
  <si>
    <t>【东方汽轮机】调节阀杆导衬\D20.260.028</t>
  </si>
  <si>
    <t>【东方汽轮机】止动器棘爪\D600A.231.001</t>
  </si>
  <si>
    <t>【东方汽轮机】梅花打击扳手\D600A.660.095</t>
  </si>
  <si>
    <t>【东方汽轮机】锁紧环\D600C-295000A005\D600B</t>
  </si>
  <si>
    <t>【东方汽轮机】支持轴承\Φ150\B2320E-242000A-M1</t>
  </si>
  <si>
    <t>【东方汽轮机】支持轴承\Φ180\B2320E-243000B-M1</t>
  </si>
  <si>
    <t>【东方汽轮机】主汽阀碟\D600B-261220A</t>
  </si>
  <si>
    <t>【东方汽轮机】隔板汽封\D600E-098250A\D600B</t>
  </si>
  <si>
    <t>【东方汽轮机】隔板汽封\D660R-098330A</t>
  </si>
  <si>
    <t>【东方汽轮机】低压轴承箱挡油环\D300N-180300D</t>
  </si>
  <si>
    <t>【东方汽轮机】汽封圈\D350N-100503A</t>
  </si>
  <si>
    <t>【东方汽轮机】汽封圈\M030-103200A</t>
  </si>
  <si>
    <t>【东方汽轮机】锁紧环\D350G-295000A005</t>
  </si>
  <si>
    <t>【东方汽轮机】筒形扳手\46\D00-660000A118</t>
  </si>
  <si>
    <t>【东方汽轮机】平衡重块\D09.212.016</t>
  </si>
  <si>
    <t>【东方汽轮机】金属缠绕垫片\D300S-690300A052</t>
  </si>
  <si>
    <t>【东方汽轮机】弹簧片\D350G-011200A001</t>
  </si>
  <si>
    <t>【东方汽轮机】环\D600A.275.019</t>
  </si>
  <si>
    <t>【东方汽轮机】金属缠绕垫片\D600A.296.093</t>
  </si>
  <si>
    <t>【东方汽轮机】垫圈\D600B-261000A014</t>
  </si>
  <si>
    <t>【东方汽轮机】高温用螺母\3GH\D600B-271000A003</t>
  </si>
  <si>
    <t>【东方汽轮机】六角杆扳手\B=22\D600B-660000A009</t>
  </si>
  <si>
    <t>【东方汽轮机】锁紧环\D600C-029100A004</t>
  </si>
  <si>
    <t>【东方汽轮机】螺栓\M036-219000B003</t>
  </si>
  <si>
    <t>【东方汽轮机】六角螺栓\D600B-160000A012</t>
  </si>
  <si>
    <t>【东方汽轮机】挡圈\D600H-029300A001</t>
  </si>
  <si>
    <t>【东方汽轮机】轴套\D600B-231000A007</t>
  </si>
  <si>
    <t>【东方汽轮机】回转活塞\M181.231.5Z</t>
  </si>
  <si>
    <t>【东方汽轮机】封油板\B2310F-243200A</t>
  </si>
  <si>
    <t>【东方汽轮机】上衬套\B2320E-271000A009</t>
  </si>
  <si>
    <t>【东方汽轮机】双头螺柱\31/2″-8UN\D350G-025000A001</t>
  </si>
  <si>
    <t>【东方汽轮机】锁紧环\D350G-295000A004</t>
  </si>
  <si>
    <t>【东方汽轮机】双头螺柱\23/4″-8UN\D600B-028000A025</t>
  </si>
  <si>
    <t>【东方汽轮机】内外壁测温计导管\D600C-029660A</t>
  </si>
  <si>
    <t>【东方汽轮机】汽封\D660D-098222B\D600B</t>
  </si>
  <si>
    <t>【东方汽轮机】金属缠绕垫片\D660P-296000A005</t>
  </si>
  <si>
    <t>【东方汽轮机】汽封圈\D660R-170111A</t>
  </si>
  <si>
    <t>【东方汽轮机】垫片\M109-181000A011</t>
  </si>
  <si>
    <t>【东方汽轮机】锁紧套\M201.261.017</t>
  </si>
  <si>
    <t>【东方汽轮机】高温用带槽螺母\M237-265000A010\D300N</t>
  </si>
  <si>
    <t>【东方汽轮机】径向汽封片\B2360G-104100A001</t>
  </si>
  <si>
    <t>【东方汽轮机】径向汽封片\B2360G-104100A002</t>
  </si>
  <si>
    <t>【东方汽轮机】径向汽封片\B2360G-104100A003</t>
  </si>
  <si>
    <t>【东方汽轮机】双头螺柱\M20×130\D00-010104A016\D300N</t>
  </si>
  <si>
    <t>【东方汽轮机】止动垫片\D600B-210000A010\D600B</t>
  </si>
  <si>
    <t>【东方汽轮机】高温用双头螺栓\D600B-271000A010\D600B</t>
  </si>
  <si>
    <t>【东方汽轮机】油封弧片\M031-014100A001</t>
  </si>
  <si>
    <t>【东方汽轮机】销\M206-261000A019</t>
  </si>
  <si>
    <t>【东方汽轮机】销\M206-261000A044\D300N</t>
  </si>
  <si>
    <t>【东方汽轮机】罩螺母\M237-265000A031\D300N</t>
  </si>
  <si>
    <t>【东方汽轮机】高温用厚垫圈\M237-265000A044\D600B</t>
  </si>
  <si>
    <t>【东方汽轮机】缠绕垫片\A200C-502000A009</t>
  </si>
  <si>
    <t>【东方汽轮机】缠绕垫片\B2320F-021000A003</t>
  </si>
  <si>
    <t>【东方汽轮机】缠绕垫片\B2320F-281000E009</t>
  </si>
  <si>
    <t>【东方汽轮机】双头螺柱\M42×3×170\D00-010113A012\D300N</t>
  </si>
  <si>
    <t>【东方汽轮机】双头螺柱\M48×3×170\D00-010116A011\D300N</t>
  </si>
  <si>
    <t>【东方汽轮机】止动器棘抓\L=180\D600A.231.003</t>
  </si>
  <si>
    <t>【东方汽轮机】缠绕垫片\D7A-271000A001</t>
  </si>
  <si>
    <t>【东方汽轮机】罩螺母\M64×4\D00-010410A043</t>
  </si>
  <si>
    <t>【东方汽轮机】带孔垫块\D210C-243000A007</t>
  </si>
  <si>
    <t>【东方汽轮机】隔板汽封\D600B-098230A</t>
  </si>
  <si>
    <t>【东方汽轮机】双头螺栓\M56×4×180\D00-010120A010</t>
  </si>
  <si>
    <t>【东方汽轮机】推力瓦\D09.242.21Z</t>
  </si>
  <si>
    <t>【东方汽轮机】推力瓦\D09.242.23Z</t>
  </si>
  <si>
    <t>【东方汽轮机】开槽扳手\D300N-689300A022</t>
  </si>
  <si>
    <t>【东方汽轮机】开槽板手\D600A.660.088</t>
  </si>
  <si>
    <t>【东方汽轮机】六角头螺栓\D600B-028000A024</t>
  </si>
  <si>
    <t>【东方汽轮机】高温用带槽螺母\23/4″-8UN\D600B-028000A026</t>
  </si>
  <si>
    <t>【东方汽轮机】高温内六角螺栓\D600B-029000A005</t>
  </si>
  <si>
    <t>【东方汽轮机】销\D600B-362000A011</t>
  </si>
  <si>
    <t>【东方汽轮机】双头螺栓\D600C-029000A007</t>
  </si>
  <si>
    <t>【东方汽轮机】高温六角螺栓\D600C-029500A001</t>
  </si>
  <si>
    <t>【东方汽轮机】球面垫片\Y55-361000A002</t>
  </si>
  <si>
    <t>【东方汽轮机】阀碟螺母\D09.261.036</t>
  </si>
  <si>
    <t>【东方汽轮机】调节阀杆\D300S-271200A001</t>
  </si>
  <si>
    <t>【东方汽轮机】汽封圈\D350B-160120A</t>
  </si>
  <si>
    <t>【东方汽轮机】隔板汽封\D600B-098320A</t>
  </si>
  <si>
    <t>【东方汽轮机】隔板汽封\D660R-098319A</t>
  </si>
  <si>
    <t>【东方汽轮机】隔板汽封\D660R-098325A</t>
  </si>
  <si>
    <t>【东方汽轮机】支持轴承\B1320B-242000A</t>
  </si>
  <si>
    <t>【东方汽轮机】切换阀\B2320E-270000B</t>
  </si>
  <si>
    <t>【东方汽轮机】气动疏水阀\DN20\B2320E-899100P001</t>
  </si>
  <si>
    <t>【东方汽轮机】支持轴承\B2340C-243000A-M1</t>
  </si>
  <si>
    <t>【东方汽轮机】支持轴承\B2620C-242000A</t>
  </si>
  <si>
    <t>【东方汽轮机】汽封圈\D350N-160401B</t>
  </si>
  <si>
    <t>【东方汽轮机】汽封圈\D600C-170110A</t>
  </si>
  <si>
    <t>【东方汽轮机】汽封圈\D600R-098525A\D600B</t>
  </si>
  <si>
    <t>【东方汽轮机】汽封圈\D660R-098109A</t>
  </si>
  <si>
    <t>【东方汽轮机】汽封圈\D660R-170230A</t>
  </si>
  <si>
    <t>【东方汽轮机】双头螺柱\M48×3×230\D00-010116A017\D300N</t>
  </si>
  <si>
    <t>【东方汽轮机】柔性齿形石墨钢垫\D20.272.009\D600B</t>
  </si>
  <si>
    <t>【东方汽轮机】高温用带槽螺母\D600A.032.023\D300N</t>
  </si>
  <si>
    <t>【东方汽轮机】双头螺柱\D600P-296000A004\D600B</t>
  </si>
  <si>
    <t>【东方汽轮机】环\D7A-271000A012</t>
  </si>
  <si>
    <t>【东方汽轮机】定位套筒\D3.6A.411.004</t>
  </si>
  <si>
    <t>【东方汽轮机】弹簧片\D300S-170000A003</t>
  </si>
  <si>
    <t>【东方汽轮机】支撑螺钉\D7A-107000A003</t>
  </si>
  <si>
    <t>【东方汽轮机】弹簧座\M109-401100A002</t>
  </si>
  <si>
    <t>【东方汽轮机】衬套\M201.462.018</t>
  </si>
  <si>
    <t>【东方汽轮机】六角螺母\GB/T6170C-2000\GB0006170C0010</t>
  </si>
  <si>
    <t>【东方汽轮机】阀门螺母\D20.281.026</t>
  </si>
  <si>
    <t>【东方汽轮机】销\D600B-098100A003</t>
  </si>
  <si>
    <t>【东方汽轮机】销\D600C-261000A003\D600B</t>
  </si>
  <si>
    <t>【东方汽轮机】垫圈\M053-062000A001\D600B</t>
  </si>
  <si>
    <t>【东方汽轮机】双头螺柱\M36×3×160\D00-010111A013\D300N</t>
  </si>
  <si>
    <t>【东方汽轮机】双头螺柱\M36×3×170\D00-010111A014\D300N</t>
  </si>
  <si>
    <t>【东方汽轮机】双头螺柱\M36×3×190\D00-010112A016</t>
  </si>
  <si>
    <t>【东方汽轮机】齿型垫片\DN50\D00.600.050</t>
  </si>
  <si>
    <t>【东方汽轮机】筒形扳手\27\D00-660000A113</t>
  </si>
  <si>
    <t>【东方汽轮机】筒形扳手\36\D00-660000A116</t>
  </si>
  <si>
    <t>【东方汽轮机】调整垫片\D09.261.026</t>
  </si>
  <si>
    <t>【东方汽轮机】螺母\D09.261.028</t>
  </si>
  <si>
    <t>【东方汽轮机】调整垫片\D200Q-241000A004</t>
  </si>
  <si>
    <t>【东方汽轮机】高温螺栓\D350A-265000A005</t>
  </si>
  <si>
    <t>【东方汽轮机】罩螺母\D350B-061000A004</t>
  </si>
  <si>
    <t>【东方汽轮机】密封垫片\D600A.231.152</t>
  </si>
  <si>
    <t>【东方汽轮机】高温用厚垫圈\D600C-265000A001</t>
  </si>
  <si>
    <t>【东方汽轮机】销\D660S-271200A003</t>
  </si>
  <si>
    <t>【东方汽轮机】缠绕垫片\260.5×298.5\M053-290000A008</t>
  </si>
  <si>
    <t>【东方汽轮机】双头螺栓\M201.261.033</t>
  </si>
  <si>
    <t>【东方汽轮机】隔离套\M231.265.022</t>
  </si>
  <si>
    <t>【东方汽轮机】液位计\B2320E-899200D001</t>
  </si>
  <si>
    <t>【东方汽轮机】汽封圈\B2350G-100100A</t>
  </si>
  <si>
    <t>【东方汽轮机】挡油环\B2620C-243200A</t>
  </si>
  <si>
    <t>【东方汽轮机】挡油环\B2620C-243300A</t>
  </si>
  <si>
    <t>【东方汽轮机】双头螺柱\6″-8UN\D600B-028000A003</t>
  </si>
  <si>
    <t>【东方汽轮机】键\D600B-462000A004</t>
  </si>
  <si>
    <t>【东方汽轮机】密封环\D600B-511500B\D600B</t>
  </si>
  <si>
    <t>【东方汽轮机】双头螺柱\D600H-028000A007</t>
  </si>
  <si>
    <t>【东方汽轮机】隔板汽封\D600R-098140A\D600B</t>
  </si>
  <si>
    <t>【东方汽轮机】防水型温度开关\D660P-798410A001\D600B</t>
  </si>
  <si>
    <t>【东方汽轮机】汽封圈\D660R-098203A</t>
  </si>
  <si>
    <t>【东方汽轮机】瓦块\D9.6B-243400A</t>
  </si>
  <si>
    <t>【东方汽轮机】调节垫片\M021.014.028</t>
  </si>
  <si>
    <t>【东方汽轮机】垫片\Φ590/Φ750\M036-031000A001</t>
  </si>
  <si>
    <t>【东方汽轮机】调整垫片\M052-161000A003</t>
  </si>
  <si>
    <t>【东方汽轮机】支持轴承\D09.241Z-1</t>
  </si>
  <si>
    <t>【东方汽轮机】浮动轴承\D600B-511400B\D600B</t>
  </si>
  <si>
    <t>【东方汽轮机】双头螺柱\GH4 1/2\D600C-261000A008\D600B</t>
  </si>
  <si>
    <t>【东方汽轮机】汽封圈\D600E-098110A</t>
  </si>
  <si>
    <t>【东方汽轮机】隔板汽封\D600E-098235A\D600B</t>
  </si>
  <si>
    <t>【东方汽轮机】汽封\D660D-098225B\D600B</t>
  </si>
  <si>
    <t>【东方汽轮机】汽封圈\M009-163500A</t>
  </si>
  <si>
    <t>【东方汽轮机】滤网(前)\D300N-505120A\D300N</t>
  </si>
  <si>
    <t>【东方汽轮机】滤网(后)\D300N-505130A\D300N</t>
  </si>
  <si>
    <t>【东方汽轮机】导管\D600C-029670A002</t>
  </si>
  <si>
    <t>【东方汽轮机】定位环\D9.6B-271000A013</t>
  </si>
  <si>
    <t>【东方汽轮机】单向阀\W01K0034A\D600B</t>
  </si>
  <si>
    <t>【东方汽轮机】O型密封圈\5×1.8\W26G0066A</t>
  </si>
  <si>
    <t>【东方汽轮机】双头螺柱\M24×60\D00-010105A003\D300N</t>
  </si>
  <si>
    <t>【东方汽轮机】双头螺柱\M42×3×190\D00-010113A014\D300N</t>
  </si>
  <si>
    <t>【东方汽轮机】双头螺柱\M48×3×190\D00-010115A013\D300N</t>
  </si>
  <si>
    <t>【东方汽轮机】筒形扳手\32\D00-660000A115</t>
  </si>
  <si>
    <t>【东方汽轮机】导向键\D09.261.050</t>
  </si>
  <si>
    <t>【东方汽轮机】定位螺栓\D135B-145000A002</t>
  </si>
  <si>
    <t>【东方汽轮机】调整垫片\D600B-014100A005</t>
  </si>
  <si>
    <t>【东方汽轮机】厚垫圈\D600B-265000A014</t>
  </si>
  <si>
    <t>【东方汽轮机】螺钉\D600B-271400A005</t>
  </si>
  <si>
    <t>【东方汽轮机】金属缠绕垫片\D600C-029800A002\D600B</t>
  </si>
  <si>
    <t>【东方汽轮机】垫圈\M021.014.021\D600B</t>
  </si>
  <si>
    <t>【东方汽轮机】锁紧垫片\M237-265000A029\D600B</t>
  </si>
  <si>
    <t>【东方汽轮机】液位计\B1320B-501000B011</t>
  </si>
  <si>
    <t>【东方汽轮机】液位计\B1320B-501000B012</t>
  </si>
  <si>
    <t>【东方汽轮机】密封环\D350G-295000A002</t>
  </si>
  <si>
    <t>【东方汽轮机】衬套\M201.361.162</t>
  </si>
  <si>
    <t>【东方汽轮机】隔板汽封\D600B-098210A</t>
  </si>
  <si>
    <t>【东方汽轮机】梅花扳手\80\D00-660000A055</t>
  </si>
  <si>
    <t>【东方汽轮机】梅花扳手\90\D00-660000A057</t>
  </si>
  <si>
    <t>【东方汽轮机】双头螺柱\D00-010123A025</t>
  </si>
  <si>
    <t>【东方汽轮机】齿形垫片\D00-010925A002</t>
  </si>
  <si>
    <t>【东方汽轮机】定位螺栓\D00-050420A003</t>
  </si>
  <si>
    <t>【东方汽轮机】梅花扳手\46\D00-660000A048</t>
  </si>
  <si>
    <t>【东方汽轮机】六角杆板手\D600A.660.056</t>
  </si>
  <si>
    <t>【东方汽轮机】止动销\M231.265.014</t>
  </si>
  <si>
    <t>【东方汽轮机】密封套\B2320F-271000E006</t>
  </si>
  <si>
    <t>【东方汽轮机】六角厚螺母\M36×3\D00-190202A001</t>
  </si>
  <si>
    <t>【东方汽轮机】密封套\D20.272.022</t>
  </si>
  <si>
    <t>【东方汽轮机】密封套\D3.6B-261000A006</t>
  </si>
  <si>
    <t>【东方汽轮机】定位键\D7A-161000A003</t>
  </si>
  <si>
    <t>【东方汽轮机】弯管\M006.011.011</t>
  </si>
  <si>
    <t>【东方汽轮机】弯管\M006.011.012</t>
  </si>
  <si>
    <t>【东方汽轮机】主汽阀预启阀碟\M231.265.010</t>
  </si>
  <si>
    <t>【东方汽轮机】汽封圈\D200L-100500A</t>
  </si>
  <si>
    <t>【东方汽轮机】汽封圈\D210F-160120A</t>
  </si>
  <si>
    <t>【东方汽轮机】双头螺柱\31/2″-8UN\D600B-028000A012</t>
  </si>
  <si>
    <t>【东方汽轮机】隔板汽封\D600B-098290A</t>
  </si>
  <si>
    <t>【东方汽轮机】垫片\D600C-029760A001</t>
  </si>
  <si>
    <t>【东方汽轮机】汽封圈\M005.114.2Z</t>
  </si>
  <si>
    <t>【东方汽轮机】联轴器\B2320B-221000E</t>
  </si>
  <si>
    <t>【东方汽轮机】推力轴承\B2320F-241000E</t>
  </si>
  <si>
    <t>【东方汽轮机】两半合成轴瓦套\D09.242.15Z</t>
  </si>
  <si>
    <t>【东方汽轮机】汽封圈\D660R-098304A</t>
  </si>
  <si>
    <t>【东方汽轮机】汽封圈\D660R-098312A</t>
  </si>
  <si>
    <t>【东方汽轮机】支持瓦块\B2350G-242200A</t>
  </si>
  <si>
    <t>【东方汽轮机】阀套\D09.261.014</t>
  </si>
  <si>
    <t>【东方汽轮机】预启阀碟\D350C-265510A</t>
  </si>
  <si>
    <t>【东方汽轮机】隔膜板\A454A-037000A002</t>
  </si>
  <si>
    <t>【东方汽轮机】汽封圈\B2320C-160100A</t>
  </si>
  <si>
    <t>【东方汽轮机】双头螺柱\M56×4×180\D00-010119A010\D300N</t>
  </si>
  <si>
    <t>【东方汽轮机】双头螺柱\2 1/2″-8UN\D1000A-028000A021</t>
  </si>
  <si>
    <t>【东方汽轮机】无测温点推力瓦\D20.241.10Z</t>
  </si>
  <si>
    <t>【东方汽轮机】衬套\D20.260.017</t>
  </si>
  <si>
    <t>【东方汽轮机】端面铂热电阻\D300AL-240000A001</t>
  </si>
  <si>
    <t>【东方汽轮机】螺栓\D600B-271000A030</t>
  </si>
  <si>
    <t>【东方汽轮机】挡油环\D600C-241300A\D600B</t>
  </si>
  <si>
    <t>【东方汽轮机】锁紧环\D600C-295000A017\D600B</t>
  </si>
  <si>
    <t>【东方汽轮机】双头螺柱\4 1/2″-8UN\D600H-028000A002\D600B</t>
  </si>
  <si>
    <t>【东方汽轮机】金属缠绕垫片\M033-031000B007</t>
  </si>
  <si>
    <t>【东方汽轮机】双头螺柱GH4\M054-021000A005\D300N</t>
  </si>
  <si>
    <t>【东方汽轮机】垫圈\D00-600607C001</t>
  </si>
  <si>
    <t>【东方汽轮机】双头螺柱\M33×215\B3320D-021000A002</t>
  </si>
  <si>
    <t>【东方汽轮机】罩螺母\M30\D00.010.004</t>
  </si>
  <si>
    <t>【东方汽轮机】罩螺母\M30\D00.010.034</t>
  </si>
  <si>
    <t>【东方汽轮机】螺钉\D1000A-098300B003\D600B</t>
  </si>
  <si>
    <t>【东方汽轮机】弹簧片\D350B-100100A001</t>
  </si>
  <si>
    <t>【东方汽轮机】弹簧片\D600A.160.065</t>
  </si>
  <si>
    <t>【东方汽轮机】喷嘴\D600A.231.22Z</t>
  </si>
  <si>
    <t>【东方汽轮机】六角杆板手\D600A.660.054</t>
  </si>
  <si>
    <t>【东方汽轮机】平头开槽小螺钉\D660S-098300A001</t>
  </si>
  <si>
    <t>【东方汽轮机】双头螺柱\M20×75\GB0000901G2075</t>
  </si>
  <si>
    <t>【东方汽轮机】六角头螺栓\M20×45\GB0005783C2045</t>
  </si>
  <si>
    <t>【东方汽轮机】螺母\M39×3\M016-216000A004</t>
  </si>
  <si>
    <t>【东方汽轮机】止动垫圈\M206-261000A046\D600B</t>
  </si>
  <si>
    <t>【东方汽轮机】密封接线盒\W22B0064A</t>
  </si>
  <si>
    <t>【东方汽轮机】切换阀\D20.765Z</t>
  </si>
  <si>
    <t>【东方汽轮机】单头扳手\D600C-660000A011</t>
  </si>
  <si>
    <t>【东方汽轮机】衬套\M237-265000A026</t>
  </si>
  <si>
    <t>【东方汽轮机】推力瓦\B1320E-241200A</t>
  </si>
  <si>
    <t>【东方汽轮机】隔板汽封\D600E-098290A\D600B</t>
  </si>
  <si>
    <t>【东方汽轮机】汽封圈\D600R-098545A\D600B</t>
  </si>
  <si>
    <t>【东方汽轮机】汽封圈\D660X-170105A</t>
  </si>
  <si>
    <t>【东方汽轮机】推力轴承\D9.6C-241000A-M1</t>
  </si>
  <si>
    <t>【东方汽轮机】汽封圈\X300E-176100B\D300N</t>
  </si>
  <si>
    <t>【东方汽轮机】轴承\Φ52×Φ40×35\B2320G-284000B012</t>
  </si>
  <si>
    <t>【东方汽轮机】轴承\Φ52×Φ40×35\B2350G-281000A036</t>
  </si>
  <si>
    <t>【东方汽轮机】轴承\Φ52×Φ40×35\B2360G-281000A014</t>
  </si>
  <si>
    <t>【东方汽轮机】双头螺柱\M36×3×130\D00-010112A010</t>
  </si>
  <si>
    <t>【东方汽轮机】罩螺母\M36×3\D00-010410A020</t>
  </si>
  <si>
    <t>【东方汽轮机】磨光钢带\δ0.05\D1000H-241000A001</t>
  </si>
  <si>
    <t>【东方汽轮机】磨光钢带\δ0.1\D1000H-241000A002</t>
  </si>
  <si>
    <t>【东方汽轮机】磨光钢带\δ0.05\D1000H-241000A003</t>
  </si>
  <si>
    <t>【东方汽轮机】磨光钢带\δ0.1\D1000H-241000A004</t>
  </si>
  <si>
    <t>【东方汽轮机】磨光钢带\δ0.05\D1000H-241000A005</t>
  </si>
  <si>
    <t>【东方汽轮机】磨光钢带\δ0.1\D1000H-241000A006</t>
  </si>
  <si>
    <t>【东方汽轮机】六角杆板手\D600A.660.068</t>
  </si>
  <si>
    <t>【东方汽轮机】钢带\178×118\D600B-241000A005</t>
  </si>
  <si>
    <t>【东方汽轮机】弹簧\D600B-421000A006</t>
  </si>
  <si>
    <t>【东方汽轮机】节流孔板\D9.6C-799200C002</t>
  </si>
  <si>
    <t>【东方汽轮机】螺栓\M24\M021.105.011</t>
  </si>
  <si>
    <t>【东方汽轮机】钢带\0.10×120×230\M030-251000A012</t>
  </si>
  <si>
    <t>【东方汽轮机】端面铂热电阻\D350Y-240000A003</t>
  </si>
  <si>
    <t>【东方汽轮机】挡圈\M009-295000A008</t>
  </si>
  <si>
    <t>【东方汽轮机】螺栓\M201.462.014</t>
  </si>
  <si>
    <t>【东方汽轮机】油涡轮轴\D600A.506.073</t>
  </si>
  <si>
    <t>【东方汽轮机】齿轮轴\D600A.231.13Z</t>
  </si>
  <si>
    <t>【东方汽轮机】推力瓦\B2320E-241200A</t>
  </si>
  <si>
    <t>【东方汽轮机】推力瓦\B2320E-241300A</t>
  </si>
  <si>
    <t>【东方汽轮机】双头螺柱\4 1/2″-8UN\D600H-028000A001\D600B</t>
  </si>
  <si>
    <t>【东方汽轮机】双头螺柱\4″-8UN\D660D-028000A008\D600B</t>
  </si>
  <si>
    <t>【东方汽轮机】汽封圈\D660R-098310A</t>
  </si>
  <si>
    <t>【东方汽轮机】汽封圈\D660R-098311A</t>
  </si>
  <si>
    <t>【东方汽轮机】汽封圈\M001.102.1Z</t>
  </si>
  <si>
    <t>【东方汽轮机】密封环\M109-511600A</t>
  </si>
  <si>
    <t>【东方汽轮机】蒸汽滤网\M201.261.2Z</t>
  </si>
  <si>
    <t>【东方汽轮机】蜗杆组件\Y47-231100A</t>
  </si>
  <si>
    <t>【东方汽轮机】汽封圈\B2320C-160300A</t>
  </si>
  <si>
    <t>【东方汽轮机】测蒸汽温度用热电偶装置\B2350G-021130A</t>
  </si>
  <si>
    <t>【东方汽轮机】高温用带槽螺母\M206-261000A001\D300N</t>
  </si>
  <si>
    <t>【东方汽轮机】双头螺柱\M24×110\D00-010105A012\D300N</t>
  </si>
  <si>
    <t>【东方汽轮机】双头螺柱\M42×3×210\D00-010113A016\D300N</t>
  </si>
  <si>
    <t>【东方汽轮机】双头螺柱\M48×3×220\D00-010115A016\D300N</t>
  </si>
  <si>
    <t>【东方汽轮机】螺栓\D09.401.009</t>
  </si>
  <si>
    <t>【东方汽轮机】危急遮断器滑阀弹簧\D09.421.010</t>
  </si>
  <si>
    <t>【东方汽轮机】定位螺栓\M33×215\D3.6A.021.008</t>
  </si>
  <si>
    <t>【东方汽轮机】高温带垫圈螺栓\D600C-029660A004</t>
  </si>
  <si>
    <t>【东方汽轮机】平衡螺塞\D600C-210100A002</t>
  </si>
  <si>
    <t>【东方汽轮机】六角头螺栓\M16×45\GB0005783C1645</t>
  </si>
  <si>
    <t>【东方汽轮机】销套\M025.031.173</t>
  </si>
  <si>
    <t>【东方汽轮机】螺栓\M237-364100A001</t>
  </si>
  <si>
    <t>【东方汽轮机】六角螺母\M27,GB/T6170B-2000\GB0006170B0027</t>
  </si>
  <si>
    <t>【东方汽轮机】带槽螺母\6″-8UN\D660D-028000A002\D600B</t>
  </si>
  <si>
    <t>【东方汽轮机】轴瓦体\D600C-244100A\D600B</t>
  </si>
  <si>
    <t>【东方汽轮机】汽封圈\D200L-160200A</t>
  </si>
  <si>
    <t>【东方汽轮机】缠绕垫片\D350A-265600A004</t>
  </si>
  <si>
    <t>【东方汽轮机】缠绕垫片\D600A.276.045</t>
  </si>
  <si>
    <t>【东方汽轮机】铰制孔用双头螺栓\M25×120\D600B-160000A010</t>
  </si>
  <si>
    <t>【东方汽轮机】双头螺柱\M56×4×330\D00-010119A025</t>
  </si>
  <si>
    <t>【东方汽轮机】六角杆板手\D600A.660.061</t>
  </si>
  <si>
    <t>【东方汽轮机】平衡重块\M009-217000A004</t>
  </si>
  <si>
    <t>【东方汽轮机】挡圈\M009-295000A014</t>
  </si>
  <si>
    <t>【东方汽轮机】抽汽管锁紧圈\M053-290000A006</t>
  </si>
  <si>
    <t>【东方汽轮机】盘车箱挡油环\D300N-180700A</t>
  </si>
  <si>
    <t>【东方汽轮机】汽封圈\D350N-100120B</t>
  </si>
  <si>
    <t>【东方汽轮机】汽封圈\D350N-100210B</t>
  </si>
  <si>
    <t>【东方汽轮机】汽封圈\D660X-170103A</t>
  </si>
  <si>
    <t>【东方汽轮机】衬套\B2320E-281000B001</t>
  </si>
  <si>
    <t>【东方汽轮机】单舌止回阀\DN50\B2320E-522000A</t>
  </si>
  <si>
    <t>【东方汽轮机】汽封圈\B2320F-100100E</t>
  </si>
  <si>
    <t>【东方汽轮机】汽封圈\B2320F-100200E</t>
  </si>
  <si>
    <t>【东方汽轮机】汽封圈\B2320F-100300E</t>
  </si>
  <si>
    <t>【东方汽轮机】汽封圈\B2320F-100400E</t>
  </si>
  <si>
    <t>【东方汽轮机】汽封圈\B2320F-160200E</t>
  </si>
  <si>
    <t>【东方汽轮机】汽封圈\B2320F-160300A</t>
  </si>
  <si>
    <t>【东方汽轮机】汽封圈\B2320G-160200B</t>
  </si>
  <si>
    <t>【东方汽轮机】阀杆套筒\D20.272.014</t>
  </si>
  <si>
    <t>【东方汽轮机】密封环\D600B-511600B\D600B</t>
  </si>
  <si>
    <t>【东方汽轮机】高温蒸汽盘根\12mm×12mm,L=8000mm\D600C-029000A009</t>
  </si>
  <si>
    <t>【东方汽轮机】隔板汽封\D600E-098270A\D600B</t>
  </si>
  <si>
    <t>【东方汽轮机】汽封圈\M005.112.1Z</t>
  </si>
  <si>
    <t>【东方汽轮机】调节阀杆\M201.261.416</t>
  </si>
  <si>
    <t>【东方汽轮机】缠绕垫片\A200B-704120A006</t>
  </si>
  <si>
    <t>【东方汽轮机】缠绕垫片\A200C-502000A005</t>
  </si>
  <si>
    <t>【东方汽轮机】缠绕垫片\A200C-740000A004</t>
  </si>
  <si>
    <t>【东方汽轮机】双头螺柱\M48×3×85\D00-010115A001\D300N</t>
  </si>
  <si>
    <t>【东方汽轮机】倒锥双头螺栓\M45×3×185\D20.021.009</t>
  </si>
  <si>
    <t>【东方汽轮机】止动垫片\D300S-210000A017</t>
  </si>
  <si>
    <t>【东方汽轮机】内六角螺栓\M054-011000A011\D300N</t>
  </si>
  <si>
    <t>【东方汽轮机】O型密封圈\145×5.3\W26G0018A</t>
  </si>
  <si>
    <t>【东方汽轮机】高温内六角头螺栓\X300E-103000D001</t>
  </si>
  <si>
    <t>【东方汽轮机】螺钉\BZB025A</t>
  </si>
  <si>
    <t>【东方汽轮机】圆柱型压缩弹簧\D1000A-098100C001\D600B</t>
  </si>
  <si>
    <t>【东方汽轮机】垫片\M206-261000A015\D600B</t>
  </si>
  <si>
    <t>【东方汽轮机】汽封片\X300E-172620E004</t>
  </si>
  <si>
    <t>【东方汽轮机】螺钉\D00.010.301</t>
  </si>
  <si>
    <t>【东方汽轮机】定位键\D00-050210A001</t>
  </si>
  <si>
    <t>【东方汽轮机】密封键\D00.050.019</t>
  </si>
  <si>
    <t>【东方汽轮机】垫片\D00-050310A002</t>
  </si>
  <si>
    <t>【东方汽轮机】垫片\D00.050.062</t>
  </si>
  <si>
    <t>【东方汽轮机】油封弧片\D09.181.020</t>
  </si>
  <si>
    <t>【东方汽轮机】紧定螺钉\D09.265.023</t>
  </si>
  <si>
    <t>【东方汽轮机】紧定螺钉\D09.275.005</t>
  </si>
  <si>
    <t>【东方汽轮机】弹簧片\D350B-100200A004</t>
  </si>
  <si>
    <t>【东方汽轮机】垫圈\M12×L65\D600A.231.156</t>
  </si>
  <si>
    <t>【东方汽轮机】O型密封圈\D600A.506.068</t>
  </si>
  <si>
    <t>【东方汽轮机】O型密封圈\D600A.506.069</t>
  </si>
  <si>
    <t>【东方汽轮机】垫片\D600B-099300A007</t>
  </si>
  <si>
    <t>【东方汽轮机】垫片\D600B-099300A010</t>
  </si>
  <si>
    <t>【东方汽轮机】调整垫片\D600B-099400A009</t>
  </si>
  <si>
    <t>【东方汽轮机】高温内六角螺栓\D600B-099500A004</t>
  </si>
  <si>
    <t>【东方汽轮机】围带封口件\D600B-203005B004</t>
  </si>
  <si>
    <t>【东方汽轮机】铆钉\D600C-261400A009</t>
  </si>
  <si>
    <t>【东方汽轮机】扳手套座\D600C-660000A018</t>
  </si>
  <si>
    <t>【东方汽轮机】螺钉\M16×75\D600H-029300A002</t>
  </si>
  <si>
    <t>【东方汽轮机】汽封片\D7A-104100A001</t>
  </si>
  <si>
    <t>【东方汽轮机】双头螺柱\M48×150\GB0000898C48A5</t>
  </si>
  <si>
    <t>【东方汽轮机】双头螺柱\M24×160\GB0000901G24A6</t>
  </si>
  <si>
    <t>【东方汽轮机】垫片\M011.163.016</t>
  </si>
  <si>
    <t>【东方汽轮机】螺栓\M109-511000A007</t>
  </si>
  <si>
    <t>【东方汽轮机】销\M237-265000A021</t>
  </si>
  <si>
    <t>【东方汽轮机】螺母\B2350G-281000A014</t>
  </si>
  <si>
    <t>【东方汽轮机】倒锥双头螺栓\M27\D20.260.034</t>
  </si>
  <si>
    <t>【东方汽轮机】高温带槽螺母\D300S-030400A002</t>
  </si>
  <si>
    <t>【东方汽轮机】双头螺柱\D350B-021000A002</t>
  </si>
  <si>
    <t>【东方汽轮机】高压缸通风阀弹簧\D600A.276.026</t>
  </si>
  <si>
    <t>【东方汽轮机】板手套座\D600A.660.018</t>
  </si>
  <si>
    <t>【东方汽轮机】密封环\D600B-295000A011</t>
  </si>
  <si>
    <t>【东方汽轮机】密封环\D600B-295000A012</t>
  </si>
  <si>
    <t>【东方汽轮机】锁紧环\D600C-029200A006</t>
  </si>
  <si>
    <t>【东方汽轮机】双头螺柱\M48×3×500\D600P-296000A001</t>
  </si>
  <si>
    <t>【东方汽轮机】开槽螺母\M054-021000A010\D300N</t>
  </si>
  <si>
    <t>【东方汽轮机】定位板\M109-511100A004</t>
  </si>
  <si>
    <t>【东方汽轮机】气动疏水阀\B1310B-899100A001</t>
  </si>
  <si>
    <t>【东方汽轮机】盘车减速器\B1320B-231100A</t>
  </si>
  <si>
    <t>【东方汽轮机】电动真空密封截止阀\DN100\B2320E-799100P002</t>
  </si>
  <si>
    <t>【东方汽轮机】盘车减速器\D3.6A.231.1Z</t>
  </si>
  <si>
    <t>【东方汽轮机】汽封圈\D350N-100408A</t>
  </si>
  <si>
    <t>【东方汽轮机】挡油环\D600B-031923A</t>
  </si>
  <si>
    <t>【东方汽轮机】主汽阀杆\D600C-261200A007\D600B</t>
  </si>
  <si>
    <t>【东方汽轮机】汽封圈\D660R-170106A</t>
  </si>
  <si>
    <t>【东方汽轮机】盘车减速器\D9.6C-231100A</t>
  </si>
  <si>
    <t>【东方汽轮机】调节阀碟\M237-265000A040\D300N</t>
  </si>
  <si>
    <t>【东方汽轮机】汽封圈\X300E-176200B\D300N</t>
  </si>
  <si>
    <t>【东方汽轮机】调节阀碟\D350A-265410A</t>
  </si>
  <si>
    <t>【东方汽轮机】汽封圈\D350C-100110A</t>
  </si>
  <si>
    <t>【东方汽轮机】汽封圈\D350N-100402A</t>
  </si>
  <si>
    <t>【东方汽轮机】汽封圈\D600R-098515A\D600B</t>
  </si>
  <si>
    <t>【东方汽轮机】汽封圈\D660R-170105A</t>
  </si>
  <si>
    <t>【东方汽轮机】螺栓\D300S-099120A005</t>
  </si>
  <si>
    <t>【东方汽轮机】螺钉\M24×60\D00-010641A001</t>
  </si>
  <si>
    <t>【东方汽轮机】螺塞\D00-050410A001</t>
  </si>
  <si>
    <t>【东方汽轮机】销\D600A.231.129</t>
  </si>
  <si>
    <t>【东方汽轮机】套筒\Φ54\D600B-030500A014</t>
  </si>
  <si>
    <t>【东方汽轮机】销\D600B-243000A003</t>
  </si>
  <si>
    <t>【东方汽轮机】销\D600C-029600A002</t>
  </si>
  <si>
    <t>【东方汽轮机】双头螺柱\M27×70,GB897C-88\GB0000897C2770</t>
  </si>
  <si>
    <t>【东方汽轮机】六角头螺栓\GB/T5783C-2000\GB0005783C2050</t>
  </si>
  <si>
    <t>【东方汽轮机】汽封压块\M009-112000A001</t>
  </si>
  <si>
    <t>【东方汽轮机】垫圈\M016-216000A002</t>
  </si>
  <si>
    <t>【东方汽轮机】螺帽\M48×3\M021.219.005</t>
  </si>
  <si>
    <t>【东方汽轮机】垫片\A200B-181000A007</t>
  </si>
  <si>
    <t>【东方汽轮机】六角头圆柱端螺钉\M36×3×140\D00-010643A003\D300N</t>
  </si>
  <si>
    <t>【东方汽轮机】垫片\D600B-099300A009</t>
  </si>
  <si>
    <t>【东方汽轮机】导管\D600C-029700A002</t>
  </si>
  <si>
    <t>【东方汽轮机】垫片\D600C-109000A002</t>
  </si>
  <si>
    <t>【东方汽轮机】螺尾锥销\16×100\GB0000881G16A0</t>
  </si>
  <si>
    <t>【东方汽轮机】销\M201.261.044</t>
  </si>
  <si>
    <t>【东方汽轮机】销\M237-265000A004\D300N</t>
  </si>
  <si>
    <t>【东方汽轮机】汽封圈\B2320E-100200A</t>
  </si>
  <si>
    <t>【东方汽轮机】双头螺柱\M48×3×240\D00-010115A018\D300N</t>
  </si>
  <si>
    <t>【东方汽轮机】悬挂销\D00.050.050</t>
  </si>
  <si>
    <t>【东方汽轮机】梅花扳手\41\D00-660000A047</t>
  </si>
  <si>
    <t>【东方汽轮机】活塞\D20.539.054</t>
  </si>
  <si>
    <t>【东方汽轮机】双头螺栓\M33×215\D3.6A.021.007</t>
  </si>
  <si>
    <t>【东方汽轮机】液位计\D300L-501000A005</t>
  </si>
  <si>
    <t>【东方汽轮机】联轴器螺母\D300S-210000A014</t>
  </si>
  <si>
    <t>【东方汽轮机】梅花打击扳手\D600A.660.094</t>
  </si>
  <si>
    <t>【东方汽轮机】扳手座\19\D600B-660000A012</t>
  </si>
  <si>
    <t>【东方汽轮机】高温内六角螺栓\D600C-029300A006\D600B</t>
  </si>
  <si>
    <t>【东方汽轮机】汽封圈\M005.103.1Z</t>
  </si>
  <si>
    <t>【东方汽轮机】密封圈\M009-295000A011</t>
  </si>
  <si>
    <t>【东方汽轮机】金属缠绕垫圈\M021.014.023\D600B</t>
  </si>
  <si>
    <t>【东方汽轮机】双头螺柱\M76×4\M036-032000A003\D300N</t>
  </si>
  <si>
    <t>【东方汽轮机】双头螺柱\M036-032000A004\D300N</t>
  </si>
  <si>
    <t>【东方汽轮机】内六角螺栓\M053-011000A005\D300N</t>
  </si>
  <si>
    <t>【东方汽轮机】内六角螺栓\M053-011000A006\D300N</t>
  </si>
  <si>
    <t>【东方汽轮机】双头螺柱\M053-011000A010\D300N</t>
  </si>
  <si>
    <t>【东方汽轮机】带槽螺母\(GH)3 1/2\M053-020000A005\D300N</t>
  </si>
  <si>
    <t>【东方汽轮机】汽封套\M201.261.020</t>
  </si>
  <si>
    <t>【东方汽轮机】双头螺柱\21/2"-8UN\D300S-028000A007</t>
  </si>
  <si>
    <t>【东方汽轮机】高温双头螺栓\D300S-030400A003</t>
  </si>
  <si>
    <t>【东方汽轮机】高温双头螺栓\D600H-160200A001</t>
  </si>
  <si>
    <t>【东方汽轮机】螺栓\M036-219000B006</t>
  </si>
  <si>
    <t>【东方汽轮机】垫片\D600B-261000A005</t>
  </si>
  <si>
    <t>【东方汽轮机】端紧定螺钉\M20×100\GB0000085B20A0</t>
  </si>
  <si>
    <t>【东方汽轮机】垫块\D210C-243000A001</t>
  </si>
  <si>
    <t>【东方汽轮机】金属缠绕垫片\D300S-265000A009</t>
  </si>
  <si>
    <t>【东方汽轮机】垫片\D600A.275.020</t>
  </si>
  <si>
    <t>【东方汽轮机】高温螺母\D350A-265000A004</t>
  </si>
  <si>
    <t>【东方汽轮机】吊板\D600B-263100A</t>
  </si>
  <si>
    <t>【东方汽轮机】预启阀座\D600C-261240A</t>
  </si>
  <si>
    <t>【东方汽轮机】汽封圈\D660R-170110A</t>
  </si>
  <si>
    <t>【东方汽轮机】汽封圈\M009-111200A</t>
  </si>
  <si>
    <t>【东方汽轮机】汽封圈\B2360G-160100A</t>
  </si>
  <si>
    <t>【东方汽轮机】汽封圈\B2360G-160200A</t>
  </si>
  <si>
    <t>【东方汽轮机】汽封圈\B2360G-160400A</t>
  </si>
  <si>
    <t>【东方汽轮机】汽封圈\D350B-160180A</t>
  </si>
  <si>
    <t>【东方汽轮机】汽封圈\D660X-170106A</t>
  </si>
  <si>
    <t>【东方汽轮机】活塞环\D600A.275.037\D300N</t>
  </si>
  <si>
    <t>【东方汽轮机】金属缠绕垫片\D660P-296000A004</t>
  </si>
  <si>
    <t>【东方汽轮机】双头螺柱GH3\M054-021000A009\D300N</t>
  </si>
  <si>
    <t>【东方汽轮机】滤网\M612.X09.1Z\D300N</t>
  </si>
  <si>
    <t>【东方汽轮机】紧定螺钉\D00-050430A006\D00.050.165</t>
  </si>
  <si>
    <t>【东方汽轮机】汽封压板\D00.050.045</t>
  </si>
  <si>
    <t>【东方汽轮机】汽封压板\D00.050.048</t>
  </si>
  <si>
    <t>【东方汽轮机】齿形垫片\Dg32\D00-600132A005</t>
  </si>
  <si>
    <t>【东方汽轮机】连接螺母\DN20\D00-600306B002</t>
  </si>
  <si>
    <t>【东方汽轮机】连接螺母\DN32\D00-600308B002</t>
  </si>
  <si>
    <t>【东方汽轮机】垫圈\Φ52\D00-600607B017</t>
  </si>
  <si>
    <t>【东方汽轮机】配准垫片\D09.431.022</t>
  </si>
  <si>
    <t>【东方汽轮机】压板\D350B-161000A001</t>
  </si>
  <si>
    <t>【东方汽轮机】垫圈\φ52\D42.291.014\D300N</t>
  </si>
  <si>
    <t>【东方汽轮机】键\D600A.231.036</t>
  </si>
  <si>
    <t>【东方汽轮机】垫片\D600A.231.130</t>
  </si>
  <si>
    <t>【东方汽轮机】垫片\D600A.231.131</t>
  </si>
  <si>
    <t>【东方汽轮机】垫片\D600A.231.132</t>
  </si>
  <si>
    <t>【东方汽轮机】挡圈\D600A.231.139</t>
  </si>
  <si>
    <t>【东方汽轮机】金属缠绕垫片\D600B-029800A001</t>
  </si>
  <si>
    <t>【东方汽轮机】金属缠绕垫片\D600B-029800A005</t>
  </si>
  <si>
    <t>【东方汽轮机】六角螺栓\M24×60\D600B-160000A009</t>
  </si>
  <si>
    <t>【东方汽轮机】螺钉\M8×18\D660B-099150A007</t>
  </si>
  <si>
    <t>【东方汽轮机】开槽圆柱头螺钉\GB/T65C-2000\GB0000065C0645</t>
  </si>
  <si>
    <t>【东方汽轮机】螺钉\GB68C-85\GB0000068C1030</t>
  </si>
  <si>
    <t>【东方汽轮机】双头螺柱\M20×85\GB0000897C2085</t>
  </si>
  <si>
    <t>【东方汽轮机】双头螺柱\M20×95\GB0000901G2095</t>
  </si>
  <si>
    <t>【东方汽轮机】六角头螺栓\M16×80\GB0005782C1680</t>
  </si>
  <si>
    <t>【东方汽轮机】内六角圆柱头螺栓\M009-020000A005\D300N</t>
  </si>
  <si>
    <t>【东方汽轮机】垫圈\M024.222.007</t>
  </si>
  <si>
    <t>【东方汽轮机】金属缠绕垫片\M612-015000A002\D600B</t>
  </si>
  <si>
    <t>【东方汽轮机】凸球面垫圈\Y47-011000A009\D600B</t>
  </si>
  <si>
    <t>【东方汽轮机】双头螺柱\M42×3×95\D00-010113A004\D300N</t>
  </si>
  <si>
    <t>【东方汽轮机】梅花扳手\36\D00-660000A046</t>
  </si>
  <si>
    <t>【东方汽轮机】汽封套\D09.265.016</t>
  </si>
  <si>
    <t>【东方汽轮机】高温用螺母\23/4GE\D300S-271000A003</t>
  </si>
  <si>
    <t>【东方汽轮机】板手套座\D600A.660.021</t>
  </si>
  <si>
    <t>【东方汽轮机】六角杆板手\D600A.660.060</t>
  </si>
  <si>
    <t>【东方汽轮机】密封环\D600C-295000A014\D600B</t>
  </si>
  <si>
    <t>【东方汽轮机】扳手套座\D600C-660000A024</t>
  </si>
  <si>
    <t>【东方汽轮机】密封圈\M009-295000A010</t>
  </si>
  <si>
    <t>【东方汽轮机】销轴\M201.361.174</t>
  </si>
  <si>
    <t>【东方汽轮机】定位套\Y47-231000A018</t>
  </si>
  <si>
    <t>【东方汽轮机】缠绕垫片\B2320G-021000B001</t>
  </si>
  <si>
    <t>【东方汽轮机】单舌止回阀\DN50\D7A-522000A</t>
  </si>
  <si>
    <t>【东方汽轮机】挡油环\D9.6B-180300A</t>
  </si>
  <si>
    <t>【东方汽轮机】减速箱联轴器\B2320E-223000A</t>
  </si>
  <si>
    <t>【东方汽轮机】电动截止阀\DN25\B2320E-899100Q009</t>
  </si>
  <si>
    <t>【东方汽轮机】汽封圈\D350G-100140A</t>
  </si>
  <si>
    <t>【东方汽轮机】汽封圈\D350G-160140A</t>
  </si>
  <si>
    <t>【东方汽轮机】链条\D600A.231.007</t>
  </si>
  <si>
    <t>【东方汽轮机】叶片\D600C-203007A001</t>
  </si>
  <si>
    <t>【东方汽轮机】蒸汽滤网\D600C-261400A</t>
  </si>
  <si>
    <t>【东方汽轮机】汽封圈\D600R-098550A\D600B</t>
  </si>
  <si>
    <t>【东方汽轮机】汽封圈\D600R-098575A\D600B</t>
  </si>
  <si>
    <t>【东方汽轮机】主汽预启阀碟\M206-261000A009\D300N</t>
  </si>
  <si>
    <t>【东方汽轮机】汽封圈\D350G-160150A</t>
  </si>
  <si>
    <t>【东方汽轮机】阀杆\D600B-261200A002</t>
  </si>
  <si>
    <t>【东方汽轮机】罩螺母\M100×4\D00-010410A060</t>
  </si>
  <si>
    <t>【东方汽轮机】油封弧片\B1320B-180200A001</t>
  </si>
  <si>
    <t>【东方汽轮机】螺母\M42\BZG004A</t>
  </si>
  <si>
    <t>【东方汽轮机】双头螺柱\M16×110\D00-010101A014</t>
  </si>
  <si>
    <t>【东方汽轮机】销\D350B-117000A001</t>
  </si>
  <si>
    <t>【东方汽轮机】垫片\D600A.276.028</t>
  </si>
  <si>
    <t>【东方汽轮机】高压缸通风阀销子\D600A.276.035</t>
  </si>
  <si>
    <t>【东方汽轮机】销\D600B-029100A007</t>
  </si>
  <si>
    <t>【东方汽轮机】螺钉\M16×30\D600B-099500A011</t>
  </si>
  <si>
    <t>【东方汽轮机】开槽沉头螺钉\M6×25\GB0000068C0625</t>
  </si>
  <si>
    <t>【东方汽轮机】双头螺柱\M20×65\GB0000897C2065</t>
  </si>
  <si>
    <t>【东方汽轮机】双头螺柱\M20×80\GB0000901G2080</t>
  </si>
  <si>
    <t>【东方汽轮机】内六角圆柱头螺钉\M24×60\GB00070.1C2460</t>
  </si>
  <si>
    <t>【东方汽轮机】垫圈\Φ20\M005.162.010</t>
  </si>
  <si>
    <t>【东方汽轮机】密封垫\Φ210/Φ152\Y46-231000A001</t>
  </si>
  <si>
    <t>【东方汽轮机】密封垫\Φ225/Φ180\Y46-231000A002</t>
  </si>
  <si>
    <t>【东方汽轮机】密封垫\Φ240/Φ185\Y46-231000A003</t>
  </si>
  <si>
    <t>【东方汽轮机】六角头铰制孔用螺栓\GB27-88\GB0000027W1480</t>
  </si>
  <si>
    <t>【东方汽轮机】开槽沉头螺钉\M6×16\GB0000068W0616</t>
  </si>
  <si>
    <t>【东方汽轮机】开槽沉头螺钉\M6×25\GB0000068W0625</t>
  </si>
  <si>
    <t>【东方汽轮机】螺钉\GB73-85\GB0000073W0610</t>
  </si>
  <si>
    <t>【东方汽轮机】开槽平端紧定螺钉\M10×12\GB0000073W1012</t>
  </si>
  <si>
    <t>【东方汽轮机】螺钉\M6×10\GB0000075W0610</t>
  </si>
  <si>
    <t>【东方汽轮机】开口销\5×71\GB0000091W0571</t>
  </si>
  <si>
    <t>【东方汽轮机】弹簧垫圈\GB0000093W0008</t>
  </si>
  <si>
    <t>【东方汽轮机】弹簧垫圈\GB0000093W0010</t>
  </si>
  <si>
    <t>【东方汽轮机】弹簧垫圈\GB0000093W0012</t>
  </si>
  <si>
    <t>【东方汽轮机】弹簧垫圈\GB0000093W0016</t>
  </si>
  <si>
    <t>【东方汽轮机】弹簧垫圈\GB0000093W0018</t>
  </si>
  <si>
    <t>【东方汽轮机】内螺纹圆柱销\B8×50\GB0000120W0850</t>
  </si>
  <si>
    <t>【东方汽轮机】内螺纹圆柱销\B10×26\GB0000120W1026</t>
  </si>
  <si>
    <t>【东方汽轮机】内螺纹圆柱销\B12×40\GB0000120W1240</t>
  </si>
  <si>
    <t>【东方汽轮机】小垫圈\16\GB0000848W0016</t>
  </si>
  <si>
    <t>【东方汽轮机】小垫圈\24\GB0000848W0024</t>
  </si>
  <si>
    <t>【东方汽轮机】六角头螺栓\GB0005782W1250</t>
  </si>
  <si>
    <t>【东方汽轮机】六角头螺栓\M8×25\GB0005783W0825</t>
  </si>
  <si>
    <t>【东方汽轮机】六角螺母\M16\GB0006170W0016</t>
  </si>
  <si>
    <t>【东方汽轮机】平垫圈\20\GB00097.1W0020</t>
  </si>
  <si>
    <t>【东方汽轮机】止动环\D600B-265500A004</t>
  </si>
  <si>
    <t>【东方汽轮机】扭力扳手\D600B-899300A004</t>
  </si>
  <si>
    <t>【东方汽轮机】高温蒸汽盘根\15mm×15mm,L=13500mm\D600D-032000A003</t>
  </si>
  <si>
    <t>【东方汽轮机】汽封圈\D600E-098150A</t>
  </si>
  <si>
    <t>【东方汽轮机】汽封圈\D660X-170101A</t>
  </si>
  <si>
    <t>【东方汽轮机】高压进汽管\M009-295000A</t>
  </si>
  <si>
    <t>【东方汽轮机】主油泵转子\D09.511.10Z</t>
  </si>
  <si>
    <t>【东方汽轮机】挡油环\B2360G-180100A</t>
  </si>
  <si>
    <t>【东方汽轮机】汽封圈\D600B-170500A</t>
  </si>
  <si>
    <t>【东方汽轮机】汽封圈\D600E-170110D\D600B</t>
  </si>
  <si>
    <t>【东方汽轮机】双头螺柱GH6\M054-021000A001\D300N</t>
  </si>
  <si>
    <t>【东方汽轮机】弹簧片\δ=1.5,L=132\D00-160101A002</t>
  </si>
  <si>
    <t>【东方汽轮机】汽封弹簧片\D600C-098100A003</t>
  </si>
  <si>
    <t>【东方汽轮机】线夹子\D00-010900A044</t>
  </si>
  <si>
    <t>【东方汽轮机】螺钉\M6×12\D660B-099150A009</t>
  </si>
  <si>
    <t>【东方汽轮机】开槽沉头螺钉\M8×35\GB0000068C0835</t>
  </si>
  <si>
    <t>【东方汽轮机】双头螺柱\M16×50\GB0000897W1650</t>
  </si>
  <si>
    <t>【东方汽轮机】六角螺母\M16\GB0006170B0016</t>
  </si>
  <si>
    <t>【东方汽轮机】螺母\GB0006170B0020</t>
  </si>
  <si>
    <t>【东方汽轮机】保护锥套垫片\D00.010.750</t>
  </si>
  <si>
    <t>【东方汽轮机】紧定螺钉\D00-050430A002\D00.050.165</t>
  </si>
  <si>
    <t>【东方汽轮机】紧定螺钉\D00-050430A005\D00.050.165</t>
  </si>
  <si>
    <t>【东方汽轮机】连接螺母\DN25\D00-600307B002</t>
  </si>
  <si>
    <t>【东方汽轮机】销\D350B-104000A001</t>
  </si>
  <si>
    <t>【东方汽轮机】油封齿\δ2\D600B-033923A006</t>
  </si>
  <si>
    <t>【东方汽轮机】油封弧片\D600B-181600A002</t>
  </si>
  <si>
    <t>【东方汽轮机】双头螺柱\M24×110\GB0000901G24A1</t>
  </si>
  <si>
    <t>【东方汽轮机】螺钉\GB70C-85\GB00070.1C0835</t>
  </si>
  <si>
    <t>【东方汽轮机】油封弧片\δ1.5\M101.181.115</t>
  </si>
  <si>
    <t>【东方汽轮机】缠绕垫片\A200C-740000A006</t>
  </si>
  <si>
    <t>【东方汽轮机】双头螺柱\M48×3×170\D00-010115A011\D300N</t>
  </si>
  <si>
    <t>【东方汽轮机】罩螺螺母\D00-010410A025</t>
  </si>
  <si>
    <t>【东方汽轮机】垫片\D350A-265000A002</t>
  </si>
  <si>
    <t>【东方汽轮机】梅花打击扳手\D600A.660.100</t>
  </si>
  <si>
    <t>【东方汽轮机】金属缠绕垫\D600B-296000A002</t>
  </si>
  <si>
    <t>【东方汽轮机】键\D600B-364000A007</t>
  </si>
  <si>
    <t>【东方汽轮机】销\D600B-364000A009</t>
  </si>
  <si>
    <t>【东方汽轮机】挡圈\D600C-029100A007</t>
  </si>
  <si>
    <t>【东方汽轮机】锁紧环\D600C-029300A005\D600B</t>
  </si>
  <si>
    <t>【东方汽轮机】挡圈\D660X-295000A012</t>
  </si>
  <si>
    <t>【东方汽轮机】定位螺栓\M20\M001.161.016</t>
  </si>
  <si>
    <t>【东方汽轮机】带孔垫片\M024.244.009</t>
  </si>
  <si>
    <t>【东方汽轮机】销\M201-261000A003</t>
  </si>
  <si>
    <t>【东方汽轮机】高温带垫圈螺栓\M206-261000A047\D300N</t>
  </si>
  <si>
    <t>【东方汽轮机】高温用厚垫圈\M237-265000A011\D600B</t>
  </si>
  <si>
    <t>【东方汽轮机】内六角圆柱头螺钉\M237-265000A017\D300N</t>
  </si>
  <si>
    <t>【东方汽轮机】六角头螺栓\Y47-011000A014\D300N</t>
  </si>
  <si>
    <t>【东方汽轮机】叶片\D600C-203014A001</t>
  </si>
  <si>
    <t>【东方汽轮机】高速盘车装置\B2320D-231000B</t>
  </si>
  <si>
    <t>【东方汽轮机】汽封圈\B2310F-160100A</t>
  </si>
  <si>
    <t>【东方汽轮机】汽封圈\B2320G-100100B</t>
  </si>
  <si>
    <t>【东方汽轮机】汽封圈\B2320G-100200B</t>
  </si>
  <si>
    <t>【东方汽轮机】密封环\B2360G-021200A</t>
  </si>
  <si>
    <t>【东方汽轮机】高温蒸汽盘根\D350G-014000A002</t>
  </si>
  <si>
    <t>【东方汽轮机】高温蒸汽盘根\15mm×15mm,L=13500mm\D600B-014000A008</t>
  </si>
  <si>
    <t>【东方汽轮机】双头螺柱\M56×4×220\D00-010120A014</t>
  </si>
  <si>
    <t>【东方汽轮机】单头板手\D600A.660.072</t>
  </si>
  <si>
    <t>【东方汽轮机】销\D600B-265400A002\D600B</t>
  </si>
  <si>
    <t>【东方汽轮机】带槽螺母\(GH)4 1/2\M053-020000A007\D300N</t>
  </si>
  <si>
    <t>【东方汽轮机】挂重螺钉\D00-010900A004\D600B</t>
  </si>
  <si>
    <t>【东方汽轮机】垫片\D00-600607A006</t>
  </si>
  <si>
    <t>【东方汽轮机】螺栓\D300S-271000A016</t>
  </si>
  <si>
    <t>【东方汽轮机】压板\D600B-034100A002\D600B</t>
  </si>
  <si>
    <t>【东方汽轮机】压板\D600B-160000A026\D600B</t>
  </si>
  <si>
    <t>【东方汽轮机】压板\D600B-160000A036\D600B</t>
  </si>
  <si>
    <t>【东方汽轮机】双头螺柱\D600B-271000A020\D600B</t>
  </si>
  <si>
    <t>【东方汽轮机】键\D600C-029750A002\D600B</t>
  </si>
  <si>
    <t>【东方汽轮机】金属缠绕垫片\D600C-029800A005\D600B</t>
  </si>
  <si>
    <t>【东方汽轮机】压板\D600C-160110A001\D600B</t>
  </si>
  <si>
    <t>【东方汽轮机】压板\D600C-160120A002\D600B</t>
  </si>
  <si>
    <t>【东方汽轮机】开槽圆柱头螺钉\GB/T65C-2000\GB0000065C0410</t>
  </si>
  <si>
    <t>【东方汽轮机】圆锥销\20×70\GB0000117B2070</t>
  </si>
  <si>
    <t>【东方汽轮机】凸球面垫圈\Φ16\GB849-88</t>
  </si>
  <si>
    <t>【东方汽轮机】双头螺柱\(bm=1.25d) M20×70\GB0000898C2070\D300N</t>
  </si>
  <si>
    <t>【东方汽轮机】双头螺柱\M14×35\GB0000898W1435</t>
  </si>
  <si>
    <t>【东方汽轮机】双头螺柱\M16×35\GB0000898W1635</t>
  </si>
  <si>
    <t>【东方汽轮机】六角头螺栓\M24×70\GB0005783W2470</t>
  </si>
  <si>
    <t>【东方汽轮机】六角螺母\M20\GB0006170A0020</t>
  </si>
  <si>
    <t>【东方汽轮机】内六角圆柱头螺栓\M009-011000A014\D300N</t>
  </si>
  <si>
    <t>【东方汽轮机】轴承\Φ36×Φ32×25\B1320E-281200A001</t>
  </si>
  <si>
    <t>【东方汽轮机】环\B2320E-271000A011</t>
  </si>
  <si>
    <t>【东方汽轮机】双头螺柱\M42×3×110\D00-010113A006\D300N</t>
  </si>
  <si>
    <t>【东方汽轮机】双头螺柱\M48×3×130\D00-010115A007\D300N</t>
  </si>
  <si>
    <t>【东方汽轮机】双头螺柱\M48×3×90\D00-010116A002\D300N</t>
  </si>
  <si>
    <t>【东方汽轮机】罩螺母\M36\D00-010410A019</t>
  </si>
  <si>
    <t>【东方汽轮机】罩螺母\M72×4\D00-010410A048</t>
  </si>
  <si>
    <t>【东方汽轮机】衬套\D09.275.002</t>
  </si>
  <si>
    <t>【东方汽轮机】板弹簧\212×24×23\D300S-098200A001</t>
  </si>
  <si>
    <t>【东方汽轮机】高温内六角螺栓\D600B-029000A004</t>
  </si>
  <si>
    <t>【东方汽轮机】高温内六角螺栓\D600B-029000A006</t>
  </si>
  <si>
    <t>【东方汽轮机】高温六角头螺钉\D600B-261000A007</t>
  </si>
  <si>
    <t>【东方汽轮机】高温内六角螺钉\D600B-261000A013</t>
  </si>
  <si>
    <t>【东方汽轮机】联轴节连接螺栓\D600B-464000A010</t>
  </si>
  <si>
    <t>【东方汽轮机】密封环\D600C-295000A015\D600B</t>
  </si>
  <si>
    <t>【东方汽轮机】双头螺柱\D660C-028000A013</t>
  </si>
  <si>
    <t>【东方汽轮机】圆锥螺销\M054-021000A011</t>
  </si>
  <si>
    <t>【东方汽轮机】节流组件\20×8\W28A0286A</t>
  </si>
  <si>
    <t>【东方汽轮机】汽封圈\B2320D-100100A</t>
  </si>
  <si>
    <t>【东方汽轮机】汽封圈\B2350G-100500A</t>
  </si>
  <si>
    <t>【东方汽轮机】开槽扳手\D600A.660.085</t>
  </si>
  <si>
    <t>【东方汽轮机】隔热板\D600B-181630A</t>
  </si>
  <si>
    <t>【东方汽轮机】轴承座\M181.231.048</t>
  </si>
  <si>
    <t>【东方汽轮机】滤网\M612.X10.1Z\D300N</t>
  </si>
  <si>
    <t>【东方汽轮机】真空密封电动截止阀\DN25\B1310B-799300A001</t>
  </si>
  <si>
    <t>【东方汽轮机】支持轴承\Φ180\B2320E-243000A</t>
  </si>
  <si>
    <t>【东方汽轮机】支持轴承\Φ180\B2320E-243000B</t>
  </si>
  <si>
    <t>【东方汽轮机】外衬套\B2320E-271000C011</t>
  </si>
  <si>
    <t>【东方汽轮机】双联滤油器\B2320F-539000M</t>
  </si>
  <si>
    <t>【东方汽轮机】切换阀\B2320F-765000M</t>
  </si>
  <si>
    <t>【东方汽轮机】气动溢流调节阀\B2320F-899100M003</t>
  </si>
  <si>
    <t>【东方汽轮机】汽封圈\D330B-160200A</t>
  </si>
  <si>
    <t>【东方汽轮机】汽封圈\D350E-160230A</t>
  </si>
  <si>
    <t>【东方汽轮机】汽封圈\D350E-160280A</t>
  </si>
  <si>
    <t>【东方汽轮机】汽封圈\D350N-100504A</t>
  </si>
  <si>
    <t>【东方汽轮机】标准叶片\D600B-203012C001</t>
  </si>
  <si>
    <t>【东方汽轮机】高压主汽门操纵座弹簧\D600B-462000A008</t>
  </si>
  <si>
    <t>【东方汽轮机】汽封圈\D600C-170180A\D600B</t>
  </si>
  <si>
    <t>【东方汽轮机】可倾瓦块\D600C-242200A\D600B</t>
  </si>
  <si>
    <t>【东方汽轮机】汽封圈\D660R-098305A</t>
  </si>
  <si>
    <t>【东方汽轮机】汽封圈\D660R-170102A</t>
  </si>
  <si>
    <t>【东方汽轮机】支持瓦块\D9.6B-242400A</t>
  </si>
  <si>
    <t>【东方汽轮机】轴瓦体\M024.244.2Z</t>
  </si>
  <si>
    <t>【东方汽轮机】主汽阀碟\M206-261000A011\D300N</t>
  </si>
  <si>
    <t>【东方汽轮机】柱塞泵\W02A0025A\D600B</t>
  </si>
  <si>
    <t>【东方汽轮机】齿形垫片\D09.261.043</t>
  </si>
  <si>
    <t>【东方汽轮机】双头螺柱\21/4"-8UN\D300S-028000A017</t>
  </si>
  <si>
    <t>【东方汽轮机】双头螺柱\3″-8UN\D350G-024000A003</t>
  </si>
  <si>
    <t>【东方汽轮机】隔板汽封\D350G-100230A</t>
  </si>
  <si>
    <t>【东方汽轮机】螺栓\D350G-220000A001</t>
  </si>
  <si>
    <t>【东方汽轮机】预启阀碟\D600B-265510A</t>
  </si>
  <si>
    <t>【东方汽轮机】导流套\M201.361.109</t>
  </si>
  <si>
    <t>【东方汽轮机】销\D9.6B-271000A010</t>
  </si>
  <si>
    <t>【东方汽轮机】罩螺母\M33\B1320B-021000A002</t>
  </si>
  <si>
    <t>【东方汽轮机】弹簧片\D300S-170000A004</t>
  </si>
  <si>
    <t>【东方汽轮机】金属缠绕垫片\D300S-271000A021</t>
  </si>
  <si>
    <t>【东方汽轮机】导管\D600C-029690A001</t>
  </si>
  <si>
    <t>【东方汽轮机】螺栓\M021.014.027</t>
  </si>
  <si>
    <t>【东方汽轮机】阀座\Φ440\D09.265.007</t>
  </si>
  <si>
    <t>【东方汽轮机】支持轴承\Φ381×230\D600B-241000A</t>
  </si>
  <si>
    <t>【东方汽轮机】衬套\D600C-265532A</t>
  </si>
  <si>
    <t>【东方汽轮机】汽封圈\D600R-098570A\D600B</t>
  </si>
  <si>
    <t>【东方汽轮机】汽封圈\D660R-170107A</t>
  </si>
  <si>
    <t>【东方汽轮机】两半合成推力基环\B2320E-241100A</t>
  </si>
  <si>
    <t>【东方汽轮机】汽封圈\B2350G-160300A</t>
  </si>
  <si>
    <t>【东方汽轮机】高压调节阀操纵座小弹簧\D600B-361000A008</t>
  </si>
  <si>
    <t>【东方汽轮机】双头螺柱\D660X-021000A002</t>
  </si>
  <si>
    <t>【东方汽轮机】衬套\M201.361.112</t>
  </si>
  <si>
    <t>【东方汽轮机】双头螺柱\M206-261000A003\D300N</t>
  </si>
  <si>
    <t>【东方汽轮机】密封条\B1310B-690200A002</t>
  </si>
  <si>
    <t>【东方汽轮机】窥视盖板\B2350G-181000A001</t>
  </si>
  <si>
    <t>【东方汽轮机】窥视窗盖板\B2350G-182000A008</t>
  </si>
  <si>
    <t>【东方汽轮机】密封环\B2360G-021200A001</t>
  </si>
  <si>
    <t>【东方汽轮机】密封环\B2360G-021200A002</t>
  </si>
  <si>
    <t>【东方汽轮机】梅花扳手\65\D00-660000A052</t>
  </si>
  <si>
    <t>【东方汽轮机】压板\D1000A-098300B001\D600B</t>
  </si>
  <si>
    <t>【东方汽轮机】销\D350A-265500A003</t>
  </si>
  <si>
    <t>【东方汽轮机】双头螺栓\D600A.275.044</t>
  </si>
  <si>
    <t>【东方汽轮机】扳手座\D600A.660.046</t>
  </si>
  <si>
    <t>【东方汽轮机】弹簧片\D600B-098100A009</t>
  </si>
  <si>
    <t>【东方汽轮机】高温内六角螺栓\D600C-029000A002</t>
  </si>
  <si>
    <t>【东方汽轮机】密封环\D600C-029400A006</t>
  </si>
  <si>
    <t>【东方汽轮机】密封环\D600C-029400A007</t>
  </si>
  <si>
    <t>【东方汽轮机】罩螺母\D600C-029640A004</t>
  </si>
  <si>
    <t>【东方汽轮机】悬挂销\D7A-102000A004</t>
  </si>
  <si>
    <t>【东方汽轮机】悬挂销\M053-108000A001</t>
  </si>
  <si>
    <t>【东方汽轮机】垫片\M206-261000A005\D600B</t>
  </si>
  <si>
    <t>【东方汽轮机】垫片\M206-261000A023\D600B</t>
  </si>
  <si>
    <t>【东方汽轮机】汽封圈\D660D-170120B\D600B</t>
  </si>
  <si>
    <t>【东方汽轮机】汽封圈\X300E-171410E</t>
  </si>
  <si>
    <t>【东方汽轮机】热电偶\B2350G-798300A001</t>
  </si>
  <si>
    <t>【东方汽轮机】热电偶\B2350G-798300A002</t>
  </si>
  <si>
    <t>【东方汽轮机】定位螺栓\D00.050.153</t>
  </si>
  <si>
    <t>【东方汽轮机】螺栓\D330A-218000A002</t>
  </si>
  <si>
    <t>【东方汽轮机】汽封圈\D600B-170900A</t>
  </si>
  <si>
    <t>【东方汽轮机】套筒扳手\75\D600B-660000A004</t>
  </si>
  <si>
    <t>【东方汽轮机】法兰螺母\D600C-029200A009</t>
  </si>
  <si>
    <t>【东方汽轮机】高温内六角螺栓\D660C-029000A006</t>
  </si>
  <si>
    <t>【东方汽轮机】密封环\D660X-295000A006</t>
  </si>
  <si>
    <t>【东方汽轮机】螺栓\M16\D7A-180100A004</t>
  </si>
  <si>
    <t>【东方汽轮机】汽封圈\M001.108.1Z</t>
  </si>
  <si>
    <t>【东方汽轮机】进汽管\M009-295000A001</t>
  </si>
  <si>
    <t>【东方汽轮机】导柱\M021.032.134</t>
  </si>
  <si>
    <t>【东方汽轮机】推力瓦\M162.242.4Z</t>
  </si>
  <si>
    <t>【东方汽轮机】危急遮断器滑阀\D3.6A.411Z</t>
  </si>
  <si>
    <t>【东方汽轮机】隔板汽封\D600E-098280A\D600B</t>
  </si>
  <si>
    <t>【东方汽轮机】预启阀碟\D7A-271000A005</t>
  </si>
  <si>
    <t>【东方汽轮机】滤芯\W99A0088A\D300N</t>
  </si>
  <si>
    <t>【东方汽轮机】调门螺栓\M42×3×130\D00-010314A008</t>
  </si>
  <si>
    <t>【东方汽轮机】罩螺母\M20\D00-010410A004\D300N</t>
  </si>
  <si>
    <t>【东方汽轮机】罩螺母\M48\D00.010.027</t>
  </si>
  <si>
    <t>【东方汽轮机】锥销\20×130\D20.021.012</t>
  </si>
  <si>
    <t>【东方汽轮机】开槽沉头螺钉\M16×40\D300S-160100A008</t>
  </si>
  <si>
    <t>【东方汽轮机】高温用铰孔螺栓\D600A.031.001</t>
  </si>
  <si>
    <t>【东方汽轮机】开槽沉头螺钉\M6×12\D600B-160000A008</t>
  </si>
  <si>
    <t>【东方汽轮机】六角螺栓\D600B-160000A031</t>
  </si>
  <si>
    <t>【东方汽轮机】测温用法兰\D600C-029650A001</t>
  </si>
  <si>
    <t>【东方汽轮机】垫片\D600C-261000A004\D600B</t>
  </si>
  <si>
    <t>【东方汽轮机】密封环\D600C-295000A016\D600B</t>
  </si>
  <si>
    <t>【东方汽轮机】防转销\D600C-295000A019\D600B</t>
  </si>
  <si>
    <t>【东方汽轮机】棘  爪\D9.6C-231200A004</t>
  </si>
  <si>
    <t>【东方汽轮机】开槽螺母GH4\M054-021000A006\D300N</t>
  </si>
  <si>
    <t>【东方汽轮机】销\M237-265000A015\D300N</t>
  </si>
  <si>
    <t>【东方汽轮机】旋转接头\W99A0788A</t>
  </si>
  <si>
    <t>【东方汽轮机】液位计\B2320D-501000J002</t>
  </si>
  <si>
    <t>【东方汽轮机】挡油环\B2320E-180100A</t>
  </si>
  <si>
    <t>【东方汽轮机】油封环\B2320E-180200A</t>
  </si>
  <si>
    <t>【东方汽轮机】活塞环\D09.295.005</t>
  </si>
  <si>
    <t>【东方汽轮机】汽封圈\D200L-100300A</t>
  </si>
  <si>
    <t>【东方汽轮机】电加热器\D3.6A.501.068</t>
  </si>
  <si>
    <t>【东方汽轮机】高温双头螺栓\D600B-030500A005\D600B</t>
  </si>
  <si>
    <t>【东方汽轮机】反向垫环\D600C-243600A\D600B</t>
  </si>
  <si>
    <t>【东方汽轮机】调节预启阀蝶\M206-261000A028\D300N</t>
  </si>
  <si>
    <t>【东方汽轮机】波形膨胀节\M701.X12.114</t>
  </si>
  <si>
    <t>【东方汽轮机】节流阀\W01F0079A\D600B</t>
  </si>
  <si>
    <t>【东方汽轮机】电动真空密封截止阀\DN50\B2320E-899100R004</t>
  </si>
  <si>
    <t>【东方汽轮机】支持轴承\Φ220\B2320F-243000E</t>
  </si>
  <si>
    <t>【东方汽轮机】汽封圈\D600R-098565A\D600B</t>
  </si>
  <si>
    <t>【东方汽轮机】油动机\D300N-331000A</t>
  </si>
  <si>
    <t>【东方汽轮机】油动机\D300N-333000A</t>
  </si>
  <si>
    <t>【东方汽轮机】油动机\D300N-431000A</t>
  </si>
  <si>
    <t>【东方汽轮机】油动机\D300N-432000A</t>
  </si>
  <si>
    <t>【东方汽轮机】油动机\D300N-433000A</t>
  </si>
  <si>
    <t>【东方汽轮机】蒸汽滤网\D600C-265200A</t>
  </si>
  <si>
    <t>【东方汽轮机】中压动叶片\M019-205000A</t>
  </si>
  <si>
    <t>【东方汽轮机】中压动叶片\M019-207000A</t>
  </si>
  <si>
    <t>【东方汽轮机】汽封圈\D350N-100409A</t>
  </si>
  <si>
    <t>【东方汽轮机】金属缠绕垫片\M035-296000A002</t>
  </si>
  <si>
    <t>【东方汽轮机】调整垫片\M052-161000A001</t>
  </si>
  <si>
    <t>【东方汽轮机】汽封圈\D350G-160270A</t>
  </si>
  <si>
    <t>【东方汽轮机】轴套\D600B-231000A002</t>
  </si>
  <si>
    <t>【东方汽轮机】平衡重块（外弧）\M009-217000A002</t>
  </si>
  <si>
    <t>【东方汽轮机】平衡重块（内弧）\M009-217000A003</t>
  </si>
  <si>
    <t>【东方汽轮机】汽封圈\M021.101.1Z</t>
  </si>
  <si>
    <t>【东方汽轮机】汽封圈\M021.103.1Z</t>
  </si>
  <si>
    <t>【东方汽轮机】汽封圈\M021.104.1Z</t>
  </si>
  <si>
    <t>【东方汽轮机】蒸汽滤网\D09.265.1Z</t>
  </si>
  <si>
    <t>【东方汽轮机】瓦块分割加工图\D200Q-241200A</t>
  </si>
  <si>
    <t>【东方汽轮机】前轴承箱挡汽板\D300N-180130A</t>
  </si>
  <si>
    <t>【东方汽轮机】汽封圈\D350G-160190A</t>
  </si>
  <si>
    <t>【东方汽轮机】汽封圈\D350N-100507A</t>
  </si>
  <si>
    <t>【东方汽轮机】叶轮\D600A-506000B004</t>
  </si>
  <si>
    <t>【东方汽轮机】汽封圈\D600B-170110A</t>
  </si>
  <si>
    <t>【东方汽轮机】汽封圈\D600B-170120A</t>
  </si>
  <si>
    <t>【东方汽轮机】汽封圈\D660X-170320A</t>
  </si>
  <si>
    <t>【东方汽轮机】油封环\B1220B-180300A</t>
  </si>
  <si>
    <t>【东方汽轮机】汽封圈\D20.105.1Z</t>
  </si>
  <si>
    <t>【东方汽轮机】高温用罩螺母\(GH)4\M053-020000A011\D300N</t>
  </si>
  <si>
    <t>【东方汽轮机】缠绕垫片\B1320D-281000A001</t>
  </si>
  <si>
    <t>【东方汽轮机】销螺栓\B2320G-284000B002</t>
  </si>
  <si>
    <t>【东方汽轮机】销轴\B2320G-284000B005</t>
  </si>
  <si>
    <t>【东方汽轮机】主轴\D600A.231.119</t>
  </si>
  <si>
    <t>【东方汽轮机】轴承\D600A.231.141</t>
  </si>
  <si>
    <t>【东方汽轮机】高温六角头螺栓\2-8UN\D600B-030500A009\D600B</t>
  </si>
  <si>
    <t>【东方汽轮机】高温双头螺栓\D600B-030500A019\D600B</t>
  </si>
  <si>
    <t>【东方汽轮机】销\D600B-265000A015</t>
  </si>
  <si>
    <t>【东方汽轮机】高温六角头螺栓\M24\D600C-271000A009</t>
  </si>
  <si>
    <t>【东方汽轮机】套筒扳手\D600C-660000A012</t>
  </si>
  <si>
    <t>【东方汽轮机】六角头螺栓\M24×150\GB0005782G24A5</t>
  </si>
  <si>
    <t>【东方汽轮机】三通\M009-011000A010</t>
  </si>
  <si>
    <t>【东方汽轮机】六角头螺栓\BAE009A\D600B</t>
  </si>
  <si>
    <t>【东方汽轮机】弹簧垫圈\φ20\GB0000093W0020\D600B</t>
  </si>
  <si>
    <t>【东方汽轮机】弹簧垫圈\φ48\GB0000093W0048\D600B</t>
  </si>
  <si>
    <t>【东方汽轮机】双头螺柱\M20×65\GB0000897W2065</t>
  </si>
  <si>
    <t>【东方汽轮机】双头螺柱\M20×85\GB0000897W2085</t>
  </si>
  <si>
    <t>【东方汽轮机】六角头螺栓\M12×55,GB5782-86\GB0005782W1255</t>
  </si>
  <si>
    <t>【东方汽轮机】六角头螺栓\M12×40,GB/T5783-2000\GB0005783W1240</t>
  </si>
  <si>
    <t>【东方汽轮机】六角头螺栓\M16×50,GB/T5783-2000\GB0005783W1650</t>
  </si>
  <si>
    <t>【东方汽轮机】六角螺母\GB0006170A0024\D600B</t>
  </si>
  <si>
    <t>【东方汽轮机】六角螺母\M22\GB0006170B0022\D300N</t>
  </si>
  <si>
    <t>【东方汽轮机】六角螺母\M30\GB0006170C0030</t>
  </si>
  <si>
    <t>【东方汽轮机】六角螺母\M20\GB0006170W0020</t>
  </si>
  <si>
    <t>【东方汽轮机】双头螺柱\M100×4×400\D00-010136A025</t>
  </si>
  <si>
    <t>【东方汽轮机】高温内六角螺栓\D600B-029000A002</t>
  </si>
  <si>
    <t>【东方汽轮机】可调式止逆阀\D20.770Z</t>
  </si>
  <si>
    <t>【东方汽轮机】支持轴承\Φ431.8×254\D600B-242000A</t>
  </si>
  <si>
    <t>【东方汽轮机】瓦块分割加工图\D660R-242200A</t>
  </si>
  <si>
    <t>【东方汽轮机】给水泵联轴器\B2320E-221000H</t>
  </si>
  <si>
    <t>【东方汽轮机】阀碟螺母\A200C-271000A008</t>
  </si>
  <si>
    <t>【东方汽轮机】联接头\B1320E-281400A</t>
  </si>
  <si>
    <t>【东方汽轮机】汽封圈\B2320C-100100A</t>
  </si>
  <si>
    <t>【东方汽轮机】调节阀碟\B2340C-281000A001</t>
  </si>
  <si>
    <t>【东方汽轮机】调节阀碟\B2340C-281000A002</t>
  </si>
  <si>
    <t>【东方汽轮机】调节阀碟\B2340C-281000A003</t>
  </si>
  <si>
    <t>【东方汽轮机】调节阀碟\B2340C-281000A004</t>
  </si>
  <si>
    <t>【东方汽轮机】调节阀碟\B2340C-281000A005</t>
  </si>
  <si>
    <t>【东方汽轮机】汽封圈\B2350G-100300A</t>
  </si>
  <si>
    <t>【东方汽轮机】双头螺柱\M36×3×210\D00-010111A018\D300N</t>
  </si>
  <si>
    <t>【东方汽轮机】高温用六角头螺栓\D1000A-029600A011</t>
  </si>
  <si>
    <t>【东方汽轮机】瓦块\D20.242.1Z</t>
  </si>
  <si>
    <t>【东方汽轮机】带测温元件瓦块\D20.242.2Z</t>
  </si>
  <si>
    <t>【东方汽轮机】提升杆\D20.281.019\D300N</t>
  </si>
  <si>
    <t>【东方汽轮机】螺栓\D29.217.003</t>
  </si>
  <si>
    <t>【东方汽轮机】汽封片\D350A-041100A001</t>
  </si>
  <si>
    <t>【东方汽轮机】高温用带槽螺母\D600B-028000A015\D600B</t>
  </si>
  <si>
    <t>【东方汽轮机】扳手套座\D600C-660000A032</t>
  </si>
  <si>
    <t>【东方汽轮机】推力轴承油封环(右旋)\D9.6B-181300A</t>
  </si>
  <si>
    <t>【东方汽轮机】定位螺栓\M053-062000A002\D300N</t>
  </si>
  <si>
    <t>【东方汽轮机】双头螺柱\M30×80\GB0000898W3080</t>
  </si>
  <si>
    <t>【东方汽轮机】弹簧\B1320B-272000A004</t>
  </si>
  <si>
    <t>【东方汽轮机】双头螺柱\M20×80\D00-010104A009\D300N</t>
  </si>
  <si>
    <t>【东方汽轮机】螺母\M42×3\D00-050440A003\D300N</t>
  </si>
  <si>
    <t>【东方汽轮机】气动疏水阀\A200C-799100A003</t>
  </si>
  <si>
    <t>【东方汽轮机】气动疏水阀\A200C-799100A004</t>
  </si>
  <si>
    <t>【东方汽轮机】止回阀\B1320D-522000B</t>
  </si>
  <si>
    <t>【东方汽轮机】瓦块\分割加工图\B2320F-242500B</t>
  </si>
  <si>
    <t>【东方汽轮机】预启阀碟\B2320F-281000A003</t>
  </si>
  <si>
    <t>【东方汽轮机】预启阀碟\B2320F-281000A004</t>
  </si>
  <si>
    <t>【东方汽轮机】预启阀碟\B2320F-281000A005</t>
  </si>
  <si>
    <t>【东方汽轮机】预启阀碟\B2320F-281000A006</t>
  </si>
  <si>
    <t>【东方汽轮机】预启阀碟\B2320F-281000A007</t>
  </si>
  <si>
    <t>【东方汽轮机】瓦块\分割加工图\B2340C-243200A</t>
  </si>
  <si>
    <t>【东方汽轮机】套筒\B2350G-281000A016</t>
  </si>
  <si>
    <t>【东方汽轮机】双舌止回阀\DN80\D25L-521000A</t>
  </si>
  <si>
    <t>【东方汽轮机】汽封圈\D300N-100200A</t>
  </si>
  <si>
    <t>【东方汽轮机】止回阀\DN80 PN0.6\D30A-715000B007</t>
  </si>
  <si>
    <t>【东方汽轮机】汽封圈\D600R-098520A\D600B</t>
  </si>
  <si>
    <t>【东方汽轮机】汽封圈\D600R-098560A\D600B</t>
  </si>
  <si>
    <t>【东方汽轮机】隔板汽封\D660R-098321A</t>
  </si>
  <si>
    <t>【东方汽轮机】汽封圈\M001.110.1Z</t>
  </si>
  <si>
    <t>【东方汽轮机】联轴器\B2320C-221000B</t>
  </si>
  <si>
    <t>【东方汽轮机】汽封圈\D300N-160400A</t>
  </si>
  <si>
    <t>【东方汽轮机】承载板\D300N-270000A002</t>
  </si>
  <si>
    <t>【东方汽轮机】轴套\D600B-231000A003</t>
  </si>
  <si>
    <t>【东方汽轮机】高压调节阀操纵座大弹簧\D600B-361000A007</t>
  </si>
  <si>
    <t>【东方汽轮机】双头螺柱\D660X-020000A004</t>
  </si>
  <si>
    <t>【东方汽轮机】平衡块\M022.219.010</t>
  </si>
  <si>
    <t>【东方汽轮机】平衡重块\M022.219.011</t>
  </si>
  <si>
    <t>【东方汽轮机】O型密封圈\115×3.1\W26G0013A</t>
  </si>
  <si>
    <t>【东方汽轮机】O型密封圈\118×5.3\W26G0065A</t>
  </si>
  <si>
    <t>【东方汽轮机】螺尾锥销\D350A-020000A005</t>
  </si>
  <si>
    <t>【东方汽轮机】双头螺柱\3″-8UN\D600B-028000A016</t>
  </si>
  <si>
    <t>【东方汽轮机】下衬套\D600C-261320A</t>
  </si>
  <si>
    <t>【东方汽轮机】阀杆\D350A-265500A007</t>
  </si>
  <si>
    <t>【东方汽轮机】汽封圈\D350E-160260A</t>
  </si>
  <si>
    <t>【东方汽轮机】隔板汽封\D350G-100210A</t>
  </si>
  <si>
    <t>【东方汽轮机】汽封圈\D660R-098101A</t>
  </si>
  <si>
    <t>【东方汽轮机】齿形垫片\M231.265.016</t>
  </si>
  <si>
    <t>【东方汽轮机】盘车齿轮啮合装置\D20.185.1Z</t>
  </si>
  <si>
    <t>【东方汽轮机】螺栓\D300S-099120A002</t>
  </si>
  <si>
    <t>【东方汽轮机】高温双头螺栓\2-8UN\D600B-030500A013\D600B</t>
  </si>
  <si>
    <t>【东方汽轮机】隔膜板\D600B-037000A002\D600B</t>
  </si>
  <si>
    <t>【东方汽轮机】压板\D600B-160000A001\D600B</t>
  </si>
  <si>
    <t>【东方汽轮机】螺母\D600C-029000A008\D600B</t>
  </si>
  <si>
    <t>【东方汽轮机】导管\D600C-029660A001</t>
  </si>
  <si>
    <t>【东方汽轮机】双头螺柱\M009-041000A003\D600B</t>
  </si>
  <si>
    <t>【东方汽轮机】螺钉\M054-011000A010</t>
  </si>
  <si>
    <t>【东方汽轮机】套筒\M181.231.064</t>
  </si>
  <si>
    <t>【东方汽轮机】开槽沉头螺钉\D600B-160000A002\D600B</t>
  </si>
  <si>
    <t>【东方汽轮机】开槽沉头螺钉\D600B-160000A020\D600B</t>
  </si>
  <si>
    <t>【东方汽轮机】螺钉\D600C-098100A009\D600B</t>
  </si>
  <si>
    <t>【东方汽轮机】开槽圆柱头螺钉\M6×10\GB0000065C0610</t>
  </si>
  <si>
    <t>【东方汽轮机】螺母\M52×3\M206-261000A055</t>
  </si>
  <si>
    <t>【东方汽轮机】梅花扳手\D300N-689300A016</t>
  </si>
  <si>
    <t>【东方汽轮机】开槽扳手\D600A.660.086</t>
  </si>
  <si>
    <t>【东方汽轮机】转块\D600B-421000A013</t>
  </si>
  <si>
    <t>【东方汽轮机】拉板\D600C-263200A</t>
  </si>
  <si>
    <t>【东方汽轮机】正向推力瓦\M165-242600A\D300N</t>
  </si>
  <si>
    <t>【东方汽轮机】衬套\M237-265000A023</t>
  </si>
  <si>
    <t>【东方汽轮机】螺母\M120×4\D00-010420A006</t>
  </si>
  <si>
    <t>【东方汽轮机】阀碟\Φ440\D09.265.008</t>
  </si>
  <si>
    <t>【东方汽轮机】双头螺柱\6″-8UN\D600B-028000A020</t>
  </si>
  <si>
    <t>【东方汽轮机】汽封圈\M005.161.5Z</t>
  </si>
  <si>
    <t>【东方汽轮机】叶片\M019-204000A002</t>
  </si>
  <si>
    <t>【东方汽轮机】汽封圈\M021.105.1Z</t>
  </si>
  <si>
    <t>【东方汽轮机】销子\M021.206.004</t>
  </si>
  <si>
    <t>【东方汽轮机】汽封套\D09.261.023</t>
  </si>
  <si>
    <t>【东方汽轮机】键\D600A.231.026</t>
  </si>
  <si>
    <t>【东方汽轮机】内六角螺钉\D600B-014100A006</t>
  </si>
  <si>
    <t>【东方汽轮机】垫片\M021.014.024</t>
  </si>
  <si>
    <t>【东方汽轮机】叶轮\D600A.506.076</t>
  </si>
  <si>
    <t>【东方汽轮机】隔板汽封\D600B-098310A</t>
  </si>
  <si>
    <t>【东方汽轮机】中压调节汽门十字头\D600B-343300A</t>
  </si>
  <si>
    <t>【东方汽轮机】调节阀杆\D600C-271200A001\D6OOB</t>
  </si>
  <si>
    <t>【东方汽轮机】阀碟盖\A200A-261000A002</t>
  </si>
  <si>
    <t>【东方汽轮机】隔离套\A200C-271000A011</t>
  </si>
  <si>
    <t>【东方汽轮机】液位计\B2320E-501000A011</t>
  </si>
  <si>
    <t>【东方汽轮机】溢油阀\B2320F-536000M</t>
  </si>
  <si>
    <t>【东方汽轮机】阀碟盖\B2320G-281000B003</t>
  </si>
  <si>
    <t>【东方汽轮机】汽封圈\B2360G-160500A</t>
  </si>
  <si>
    <t>【东方汽轮机】双头螺柱\4″-8UN\D600B-028000A018</t>
  </si>
  <si>
    <t>【东方汽轮机】双头螺柱\21/2″-8UN\D600B-028000A027</t>
  </si>
  <si>
    <t>【东方汽轮机】双头螺柱\D600C-028000A007</t>
  </si>
  <si>
    <t>【东方汽轮机】带槽螺母\5″-8UN\D660D-028000A001\D600B</t>
  </si>
  <si>
    <t>【东方汽轮机】挡油环\D7A-180100A</t>
  </si>
  <si>
    <t>【东方汽轮机】挡油环\D7A-180200A</t>
  </si>
  <si>
    <t>【东方汽轮机】挡油环\D7A-180300A</t>
  </si>
  <si>
    <t>【东方汽轮机】有机玻璃盖板\A200B-181000A001</t>
  </si>
  <si>
    <t>【东方汽轮机】窥视窗垫片\B2350G-182000A007</t>
  </si>
  <si>
    <t>【东方汽轮机】双头螺柱\M20×140\D00-010104A017\D300N</t>
  </si>
  <si>
    <t>【东方汽轮机】弹簧\D3.6A.411.002</t>
  </si>
  <si>
    <t>【东方汽轮机】衬套\D3.6A.411.007</t>
  </si>
  <si>
    <t>【东方汽轮机】高温内六角头螺栓\D600B-099500A008\D600B</t>
  </si>
  <si>
    <t>【东方汽轮机】汽封弹簧片\D600C-098100A004</t>
  </si>
  <si>
    <t>【东方汽轮机】金属缠绕垫片\D600C-271000A001\D600B</t>
  </si>
  <si>
    <t>【东方汽轮机】金属缠绕垫片\D660R-029000A003</t>
  </si>
  <si>
    <t>【东方汽轮机】轴承\Φ85×Φ75×50\D7A-281300A001</t>
  </si>
  <si>
    <t>【东方汽轮机】轴承\Φ85×Φ75×50\D7A-281400A001</t>
  </si>
  <si>
    <t>【东方汽轮机】螺纹管\M009-011000A005</t>
  </si>
  <si>
    <t>【东方汽轮机】O型密封圈\85×5.3\W26G0025A</t>
  </si>
  <si>
    <t>【东方汽轮机】螺母\M48×3\Y47-030000A008</t>
  </si>
  <si>
    <t>【东方汽轮机】弹簧垫圈\GB0000093W0027</t>
  </si>
  <si>
    <t>【东方汽轮机】小垫圈\30\GB0000848W0030</t>
  </si>
  <si>
    <t>【东方汽轮机】小垫圈\36\GB0000848W0036</t>
  </si>
  <si>
    <t>【东方汽轮机】双头螺柱\M48×3×150\D00-010115A009\D300N</t>
  </si>
  <si>
    <t>【东方汽轮机】罩螺母\D00-010410A029</t>
  </si>
  <si>
    <t>【东方汽轮机】球面垫圈\D09.265.011</t>
  </si>
  <si>
    <t>【东方汽轮机】套筒板手\D600A.660.049</t>
  </si>
  <si>
    <t>【东方汽轮机】六角杆板手\D600A.660.059</t>
  </si>
  <si>
    <t>【东方汽轮机】高温六角螺钉\D600C-261000A006\D600B</t>
  </si>
  <si>
    <t>【东方汽轮机】汽封圈\B2310F-160200A</t>
  </si>
  <si>
    <t>【东方汽轮机】汽封圈\B2320D-160200B</t>
  </si>
  <si>
    <t>【东方汽轮机】推力轴承\B2320E-241000A</t>
  </si>
  <si>
    <t>【东方汽轮机】瓦块\分割加工图\B2320F-243200B</t>
  </si>
  <si>
    <t>【东方汽轮机】气动喷水调节阀\B2320F-899100M004</t>
  </si>
  <si>
    <t>【东方汽轮机】预启阀碟\B2350G-281000A003</t>
  </si>
  <si>
    <t>【东方汽轮机】预启阀碟\B2350G-281000A006</t>
  </si>
  <si>
    <t>【东方汽轮机】预启阀碟\B2350G-281000A007</t>
  </si>
  <si>
    <t>【东方汽轮机】预启阀碟\B2350G-281000A009</t>
  </si>
  <si>
    <t>【东方汽轮机】预启阀碟\B2350G-281000A010</t>
  </si>
  <si>
    <t>【东方汽轮机】预启阀碟\B2360G-281000A003</t>
  </si>
  <si>
    <t>【东方汽轮机】支持轴承\B2620C-243000A</t>
  </si>
  <si>
    <t>【东方汽轮机】双联滤油器\D20.539Z-1</t>
  </si>
  <si>
    <t>【东方汽轮机】汽封圈\D350B-100240A</t>
  </si>
  <si>
    <t>【东方汽轮机】调整垫片\D600B-029000A007</t>
  </si>
  <si>
    <t>【东方汽轮机】离合器\D9.6C-231200A</t>
  </si>
  <si>
    <t>【东方汽轮机】法兰通孔等长螺柱\(GH)6\M053-020000A019\D300N</t>
  </si>
  <si>
    <t>【东方汽轮机】阀杆\D600C-265400A001\D600B</t>
  </si>
  <si>
    <t>【东方汽轮机】瓦块分割加工图\D350A-241200A</t>
  </si>
  <si>
    <t>【东方汽轮机】惰轮\D600A.231.14Z</t>
  </si>
  <si>
    <t>【东方汽轮机】电磁阀\D660AG-231200A</t>
  </si>
  <si>
    <t>【东方汽轮机】隔板汽封\D660R-098329A</t>
  </si>
  <si>
    <t>【东方汽轮机】调节阀杆\D660S-271200A001</t>
  </si>
  <si>
    <t>【东方汽轮机】汽机侧末级叶片\M029-206000B001</t>
  </si>
  <si>
    <t>【东方汽轮机】蜗轮\Y47-231200A</t>
  </si>
  <si>
    <t>【东方汽轮机】内六角螺栓\M053-011000A001\D300N</t>
  </si>
  <si>
    <t>【东方汽轮机】铆钉\D600C-261400A006</t>
  </si>
  <si>
    <t>【东方汽轮机】六角厚螺母\D7A-271000A003</t>
  </si>
  <si>
    <t>【东方汽轮机】垫片\D00-010900A008\D600B</t>
  </si>
  <si>
    <t>【东方汽轮机】内螺纹圆锥销\GB0000118W2080\D300N</t>
  </si>
  <si>
    <t>【东方汽轮机】垫圈\M054-061000A002\D600B</t>
  </si>
  <si>
    <t>【东方汽轮机】推力轴承垫片\B2360G-031300A</t>
  </si>
  <si>
    <t>【东方汽轮机】罩螺母\M42\D00.010.026</t>
  </si>
  <si>
    <t>【东方汽轮机】地脚螺栓\M48×980\D00-190111A040</t>
  </si>
  <si>
    <t>【东方汽轮机】盖板\D09.212.029</t>
  </si>
  <si>
    <t>【东方汽轮机】油封弧片\δ1.5\D200L-183200A001</t>
  </si>
  <si>
    <t>【东方汽轮机】密封垫片\D600A.231.084</t>
  </si>
  <si>
    <t>【东方汽轮机】垫圈\D600A.231.125</t>
  </si>
  <si>
    <t>【东方汽轮机】内六角螺栓\D600C-029000A003</t>
  </si>
  <si>
    <t>【东方汽轮机】上衬套\B2320F-271000E010</t>
  </si>
  <si>
    <t>【东方汽轮机】下衬套\B2320F-271000E011</t>
  </si>
  <si>
    <t>【东方汽轮机】双头螺柱\M56×4×190\D00-010120A011</t>
  </si>
  <si>
    <t>【东方汽轮机】调节阀碟\D3.6A.281.002</t>
  </si>
  <si>
    <t>【东方汽轮机】调节阀碟\D3.6A.281.003</t>
  </si>
  <si>
    <t>【东方汽轮机】调节阀碟\D3.6A.281.004</t>
  </si>
  <si>
    <t>【东方汽轮机】调节阀碟\D3.6A.281.005</t>
  </si>
  <si>
    <t>【东方汽轮机】调节阀碟\D3.6A.281.006</t>
  </si>
  <si>
    <t>【东方汽轮机】调节阀碟\D3.6A.281.007</t>
  </si>
  <si>
    <t>【东方汽轮机】调节阀碟\D3.6A.281.008</t>
  </si>
  <si>
    <t>【东方汽轮机】调节阀碟\D3.6A.281.009</t>
  </si>
  <si>
    <t>【东方汽轮机】锁紧环\D350A-294000A004</t>
  </si>
  <si>
    <t>【东方汽轮机】汽封圈\D350N-100406A</t>
  </si>
  <si>
    <t>【东方汽轮机】小链轮\D600A.231.005</t>
  </si>
  <si>
    <t>【东方汽轮机】开槽板手\D600A.660.083</t>
  </si>
  <si>
    <t>【东方汽轮机】双头螺柱\4″-8UN\D600B-028000A011</t>
  </si>
  <si>
    <t>【东方汽轮机】垫片\D600C-122000A001</t>
  </si>
  <si>
    <t>【东方汽轮机】预启阀碟\D600C-261210A\D600B</t>
  </si>
  <si>
    <t>【东方汽轮机】隔板汽封\D600E-098225A\D600B</t>
  </si>
  <si>
    <t>【东方汽轮机】汽封圈\D660D-029310A\D600B</t>
  </si>
  <si>
    <t>【东方汽轮机】汽封圈\D660D-029410A\D600B</t>
  </si>
  <si>
    <t>【东方汽轮机】汽封圈\M001.011.2Z</t>
  </si>
  <si>
    <t>【东方汽轮机】金属缠绕垫片\M033-031000B005</t>
  </si>
  <si>
    <t>【东方汽轮机】垫片\M036-295000A002</t>
  </si>
  <si>
    <t>【东方汽轮机】摆杆\M181.231.062</t>
  </si>
  <si>
    <t>【东方汽轮机】调节阀杆\M201.261.014</t>
  </si>
  <si>
    <t>【东方汽轮机】浮动油档\D300N-180220A</t>
  </si>
  <si>
    <t>【东方汽轮机】主轴\D600A.231.037</t>
  </si>
  <si>
    <t>【东方汽轮机】扭力扳手\D600B-899300A003</t>
  </si>
  <si>
    <t>【东方汽轮机】汽封圈\D600E-098160A</t>
  </si>
  <si>
    <t>【东方汽轮机】螺母\M100×4\D00-010420A004</t>
  </si>
  <si>
    <t>【东方汽轮机】金属缠绕垫片\D350G-295000A006</t>
  </si>
  <si>
    <t>【东方汽轮机】围带\D600C-203010A005</t>
  </si>
  <si>
    <t>【东方汽轮机】卡环\D600C-261200A003</t>
  </si>
  <si>
    <t>【东方汽轮机】销\D9.6B-271000A017</t>
  </si>
  <si>
    <t>【东方汽轮机】槽形螺母\D20.281.020</t>
  </si>
  <si>
    <t>【东方汽轮机】六角杆扳手\B=19\D600B-660000A008</t>
  </si>
  <si>
    <t>【东方汽轮机】高温内六角螺栓\D660X-029000A003</t>
  </si>
  <si>
    <t>【东方汽轮机】六角螺母\M36\GB0006175B0036</t>
  </si>
  <si>
    <t>【东方汽轮机】垫圈\Φ30\M054-062000A003</t>
  </si>
  <si>
    <t>【东方汽轮机】推力瓦\D350A-243300A</t>
  </si>
  <si>
    <t>【东方汽轮机】推力瓦\D350A-243400A</t>
  </si>
  <si>
    <t>【东方汽轮机】瓦块分割加工图\D350G-241200A</t>
  </si>
  <si>
    <t>【东方汽轮机】齿轮轴\D600A.231.11Z</t>
  </si>
  <si>
    <t>【东方汽轮机】挡油环主体\D600B-033923A</t>
  </si>
  <si>
    <t>【东方汽轮机】高速盘车装置\B1310B-231000A</t>
  </si>
  <si>
    <t>【东方汽轮机】联轴器\B2320E-221000L</t>
  </si>
  <si>
    <t>【东方汽轮机】调节阀碟\D600B-265410B</t>
  </si>
  <si>
    <t>【东方汽轮机】瓦块分割加工图\D660X-242200A</t>
  </si>
  <si>
    <t>【东方汽轮机】汽封圈\B2320B-160100A</t>
  </si>
  <si>
    <t>【东方汽轮机】开槽扳手\D600A.660.081</t>
  </si>
  <si>
    <t>【东方汽轮机】高温用罩螺母\(GH)4 1/2\M053-020000A012\D300N</t>
  </si>
  <si>
    <t>【东方汽轮机】汽封套\D09.265.015</t>
  </si>
  <si>
    <t>【东方汽轮机】高温罩螺母\2 1/2-8UN\D600B-030500A008\D600B</t>
  </si>
  <si>
    <t>【东方汽轮机】垫圈\B3320D-021000A001</t>
  </si>
  <si>
    <t>【东方汽轮机】止动螺钉\M6\D20.260.019</t>
  </si>
  <si>
    <t>【东方汽轮机】双头螺柱\M24×90\GB0000897W2490</t>
  </si>
  <si>
    <t>【东方汽轮机】六角螺母\M30\GB0006170W0030</t>
  </si>
  <si>
    <t>【东方汽轮机】推力轴承垫片\A200B-181300A</t>
  </si>
  <si>
    <t>【东方汽轮机】汽封套\A200C-271000A013</t>
  </si>
  <si>
    <t>【东方汽轮机】卡环\B2320E-271000A013</t>
  </si>
  <si>
    <t>【东方汽轮机】双头螺柱\M24×80\D00-010105A007\D300N</t>
  </si>
  <si>
    <t>【东方汽轮机】双头螺柱\M30×110\D00.010.164</t>
  </si>
  <si>
    <t>【东方汽轮机】垫片\D3.6A.031.041</t>
  </si>
  <si>
    <t>【东方汽轮机】高温螺栓用螺塞\D300N-689300A020</t>
  </si>
  <si>
    <t>【东方汽轮机】高温内六角螺栓\D350B-011000A001</t>
  </si>
  <si>
    <t>【东方汽轮机】孔板\D600A.038.057</t>
  </si>
  <si>
    <t>【东方汽轮机】高温罩螺母\D600B-160000A025\D600B</t>
  </si>
  <si>
    <t>【东方汽轮机】金属缠绕垫片\D600B-261000A006</t>
  </si>
  <si>
    <t>【东方汽轮机】高温用螺母\D600B-271000A028</t>
  </si>
  <si>
    <t>【东方汽轮机】弹簧片\D600C-029750A001\D600B</t>
  </si>
  <si>
    <t>【东方汽轮机】高温内六角头螺栓\D600C-099150A002</t>
  </si>
  <si>
    <t>【东方汽轮机】弹簧片\D600D-098100A002</t>
  </si>
  <si>
    <t>【东方汽轮机】支撑螺钉\D7A-102000A005</t>
  </si>
  <si>
    <t>【东方汽轮机】阀碟螺母\D7A-281000A006</t>
  </si>
  <si>
    <t>【东方汽轮机】推力轴承垫片\D9.6B-181400A</t>
  </si>
  <si>
    <t>【东方汽轮机】推力轴承垫片\D9.6B-181500A</t>
  </si>
  <si>
    <t>【东方汽轮机】垫片\M206-261000A039\D600B</t>
  </si>
  <si>
    <t>【东方汽轮机】汽封圈\B2350G-160400A</t>
  </si>
  <si>
    <t>【东方汽轮机】悬挂销\Φ36\D00.050.058</t>
  </si>
  <si>
    <t>【东方汽轮机】高温内六角螺栓\D350A-265400A004</t>
  </si>
  <si>
    <t>【东方汽轮机】橡胶板\D600B-037000A001</t>
  </si>
  <si>
    <t>【东方汽轮机】高温内六角螺栓\D600C-029000A005</t>
  </si>
  <si>
    <t>【东方汽轮机】挡圈\D600C-029100A005</t>
  </si>
  <si>
    <t>【东方汽轮机】衬套\D7A-281000A009</t>
  </si>
  <si>
    <t>【东方汽轮机】推力轴承\A200C-241000A</t>
  </si>
  <si>
    <t>【东方汽轮机】外衬套\B2320F-271000C004</t>
  </si>
  <si>
    <t>【东方汽轮机】瓦块\分割加工图\B2340C-242300A</t>
  </si>
  <si>
    <t>【东方汽轮机】汽封圈\D210F-160110A</t>
  </si>
  <si>
    <t>【东方汽轮机】汽封圈\D350G-160110A</t>
  </si>
  <si>
    <t>【东方汽轮机】汽封圈\D350N-160501B</t>
  </si>
  <si>
    <t>【东方汽轮机】齿轮\D600A.231.103</t>
  </si>
  <si>
    <t>【东方汽轮机】隔板汽封\D600R-098130A\D600B</t>
  </si>
  <si>
    <t>【东方汽轮机】汽封\D660D-098226B\D600B</t>
  </si>
  <si>
    <t>【东方汽轮机】汽封圈\D660R-098210A</t>
  </si>
  <si>
    <t>【东方汽轮机】挡油环\D9.6B-180000A</t>
  </si>
  <si>
    <t>【东方汽轮机】调节预启阀碟\M237-265000A041\D300N</t>
  </si>
  <si>
    <t>【东方汽轮机】轴瓦体\Φ300\D200Q-243100A</t>
  </si>
  <si>
    <t>【东方汽轮机】阀杆\D350A-265400A001</t>
  </si>
  <si>
    <t>【东方汽轮机】调整垫片\D660P-221000A001</t>
  </si>
  <si>
    <t>【东方汽轮机汽封\X300E-172660E</t>
  </si>
  <si>
    <t>【东方汽轮机】汽封圈\D300N-160300A</t>
  </si>
  <si>
    <t>【东方汽轮机】汽封圈\D350N-100140B</t>
  </si>
  <si>
    <t>【东方汽轮机】汽封圈\D350N-100230B</t>
  </si>
  <si>
    <t>【东方汽轮机】上轴承\D600A.506.4Z</t>
  </si>
  <si>
    <t>【东方汽轮机】推力轴承\D600A-506400B</t>
  </si>
  <si>
    <t>【东方汽轮机】汽封圈\D600B-170600A</t>
  </si>
  <si>
    <t>【东方汽轮机】汽封圈\M001.109.1Z</t>
  </si>
  <si>
    <t>【东方汽轮机】六角杆板手\D600A.660.053</t>
  </si>
  <si>
    <t>【东方汽轮机】高温用开槽螺母\6″-8UN\D600C-028000A023</t>
  </si>
  <si>
    <t>【东方汽轮机】金属缠绕垫片\Y47-030000A002</t>
  </si>
  <si>
    <t>【东方汽轮机】螺柱\M36×125\B2350G-021000A003</t>
  </si>
  <si>
    <t>【东方汽轮机】调整垫片\M181.231.075</t>
  </si>
  <si>
    <t>【东方汽轮机】汽封圈\D350N-100502A</t>
  </si>
  <si>
    <t>【东方汽轮机】隔板汽封\D660R-098317A</t>
  </si>
  <si>
    <t>【东方汽轮机】汽封圈\D350B-160190A</t>
  </si>
  <si>
    <t>【东方汽轮机】主汽阀碟\M231.265.408</t>
  </si>
  <si>
    <t>【东方汽轮机】圆锥螺销\D00.010.331</t>
  </si>
  <si>
    <t>【东方汽轮机】筒形扳手\22\D00-660000A111</t>
  </si>
  <si>
    <t>【东方汽轮机】螺塞\D09.261.020</t>
  </si>
  <si>
    <t>【东方汽轮机】圆柱型压缩弹簧\D1000A-098100C003\D600B</t>
  </si>
  <si>
    <t>【东方汽轮机】垫圈\Φ30\D135B-145000A005</t>
  </si>
  <si>
    <t>【东方汽轮机】内六角油塞\D600A.231.150</t>
  </si>
  <si>
    <t>【东方汽轮机】套筒板手\D600A.660.048</t>
  </si>
  <si>
    <t>【东方汽轮机】销子\D600B-203014A008</t>
  </si>
  <si>
    <t>【东方汽轮机】止动销\D600C-295000A020\D600B</t>
  </si>
  <si>
    <t>【东方汽轮机】金属缠绕垫片\D660S-271000A001</t>
  </si>
  <si>
    <t>【东方汽轮机】密封键\D7A-103000A001</t>
  </si>
  <si>
    <t>【东方汽轮机】密封键\D9.6B-102000A001</t>
  </si>
  <si>
    <t>【东方汽轮机】密封键\D9.6B-106000A001</t>
  </si>
  <si>
    <t>【东方汽轮机】双头螺柱\(bm=1.25d) M22×75\GB0000898C2275\D300N</t>
  </si>
  <si>
    <t>【东方汽轮机】双头螺柱\M30×130\GB0000901B30A3\D300N</t>
  </si>
  <si>
    <t>【东方汽轮机】开槽螺母\GH11/2\M054-021000A013</t>
  </si>
  <si>
    <t>【东方汽轮机】密封垫\M181.231.037\D600B</t>
  </si>
  <si>
    <t>【东方汽轮机】密封垫\M181.231.056\D600B</t>
  </si>
  <si>
    <t>【东方汽轮机】高温内六角螺钉\M206-261000A008\D300N</t>
  </si>
  <si>
    <t>【东方汽轮机】螺钉\M231.265.034</t>
  </si>
  <si>
    <t>【东方汽轮机】圆柱弹簧\X300E-172400E001\D600B</t>
  </si>
  <si>
    <t>【东方汽轮机】双头螺柱\M48×3×300\D00-010116A024\D300N</t>
  </si>
  <si>
    <t>【东方汽轮机】罩螺母M\76×4\D00-010410A052</t>
  </si>
  <si>
    <t>【东方汽轮机】梅花扳手\105\D00-660000A059</t>
  </si>
  <si>
    <t>【东方汽轮机】调整块\D09.020.310</t>
  </si>
  <si>
    <t>【东方汽轮机】阀碟\D20.272.023</t>
  </si>
  <si>
    <t>【东方汽轮机】阀芯\D20.539.063</t>
  </si>
  <si>
    <t>【东方汽轮机】销\D350A-265400A002</t>
  </si>
  <si>
    <t>【东方汽轮机】双头螺柱\21/2″-8UN″\D600B-028000A022</t>
  </si>
  <si>
    <t>【东方汽轮机】高温内六角螺栓\D600B-029000A001</t>
  </si>
  <si>
    <t>【东方汽轮机】高温铰孔螺栓\Φ41\D600B-030500A015</t>
  </si>
  <si>
    <t>【东方汽轮机】密封环\D600B-295000A005</t>
  </si>
  <si>
    <t>【东方汽轮机】密封环\D600B-295000A013</t>
  </si>
  <si>
    <t>【东方汽轮机】高温内六角螺栓\D600C-029000A006</t>
  </si>
  <si>
    <t>【东方汽轮机】密封环\D600C-029200A002</t>
  </si>
  <si>
    <t>【东方汽轮机】金属缠绕垫片\D600C-160130A005\D600B</t>
  </si>
  <si>
    <t>【东方汽轮机】双支端面铂热电阻\D660H-242000A002</t>
  </si>
  <si>
    <t>【东方汽轮机】挡圈\D660X-295000A005</t>
  </si>
  <si>
    <t>【东方汽轮机】汽封圈\M022.102.1Z</t>
  </si>
  <si>
    <t>【东方汽轮机】罩螺母\M054-021000A002\D300N</t>
  </si>
  <si>
    <t>【东方汽轮机】汽封圈\D300W-160100A</t>
  </si>
  <si>
    <t>【东方汽轮机】汽封圈\D350G-160260A</t>
  </si>
  <si>
    <t>【东方汽轮机】瓦块分割加工图\D350G-243200A</t>
  </si>
  <si>
    <t>【东方汽轮机】多功能水位计\M705.X05.4Z\D300N</t>
  </si>
  <si>
    <t>【东方汽轮机】汽封圈\D200L-160400A</t>
  </si>
  <si>
    <t>【东方汽轮机】调节阀碟\D350A-271200A002</t>
  </si>
  <si>
    <t>【东方汽轮机】汽封圈\D350C-100120A</t>
  </si>
  <si>
    <t>【东方汽轮机】汽封圈\D350G-160180A</t>
  </si>
  <si>
    <t>【东方汽轮机】隔板汽封\D600B-098260A</t>
  </si>
  <si>
    <t>【东方汽轮机】低压汽机侧叶片\D600B-203005C001</t>
  </si>
  <si>
    <t>【东方汽轮机】汽封圈\D660R-098314A</t>
  </si>
  <si>
    <t>【东方汽轮机】锁紧环\D660X-295000A013</t>
  </si>
  <si>
    <t>【东方汽轮机】汽封圈\M021.102.10Z</t>
  </si>
  <si>
    <t>【东方汽轮机】调节阀杆\M231.265.411</t>
  </si>
  <si>
    <t>【东方汽轮机】双头螺柱\M76×4×370\D00-010130A025</t>
  </si>
  <si>
    <t>【东方汽轮机】梅花打击扳手\D600A.660.093</t>
  </si>
  <si>
    <t>【东方汽轮机】梅花打击扳手\D600A.660.097</t>
  </si>
  <si>
    <t>【东方汽轮机】螺钉\M24×160\D00.010.301</t>
  </si>
  <si>
    <t>【东方汽轮机】喷水头\D09.018.001</t>
  </si>
  <si>
    <t>【东方汽轮机】释放弹簧\D09.411.006</t>
  </si>
  <si>
    <t>【东方汽轮机】高温螺栓用螺塞\D300N-689300A021</t>
  </si>
  <si>
    <t>【东方汽轮机】弹簧片\D350B-100100A002</t>
  </si>
  <si>
    <t>【东方汽轮机】销\D600A.231.126</t>
  </si>
  <si>
    <t>【东方汽轮机】喷嘴\D600A.231.23Z</t>
  </si>
  <si>
    <t>【东方汽轮机】垫片\D600B-099300A008</t>
  </si>
  <si>
    <t>【东方汽轮机】销子\D600B-203013A006</t>
  </si>
  <si>
    <t>【东方汽轮机】高温内六角螺栓\D660C-029000A004</t>
  </si>
  <si>
    <t>【东方汽轮机】螺尾锥销\16×160\GB0000881G16A6</t>
  </si>
  <si>
    <t>【东方汽轮机】双头螺柱\M30×140\GB0000898C30A4</t>
  </si>
  <si>
    <t>【东方汽轮机】止动块\M024.014.023</t>
  </si>
  <si>
    <t>【东方汽轮机】手动遮断阀弹簧\M101.412.012</t>
  </si>
  <si>
    <t>【东方汽轮机】螺母\M201.261.030</t>
  </si>
  <si>
    <t>【东方汽轮机】开槽沉头螺钉\M8×18\D600B-160000A007</t>
  </si>
  <si>
    <t>【东方汽轮机】高温蒸汽盘根\D600H-029000A001</t>
  </si>
  <si>
    <t>【东方汽轮机】推力基环\A200C-241100A</t>
  </si>
  <si>
    <t>【东方汽轮机】推力基环\A200C-241400A</t>
  </si>
  <si>
    <t>【东方汽轮机】大气阀\A454A-037000A</t>
  </si>
  <si>
    <t>【东方汽轮机】主汽阀碟盖\B2320E-271000A002</t>
  </si>
  <si>
    <t>【东方汽轮机】气动疏水阀\B2320E-899100Q005</t>
  </si>
  <si>
    <t>【东方汽轮机】后汽封体\B2360G-164000A</t>
  </si>
  <si>
    <t>【东方汽轮机】汽封圈\D3.6A.105.1Z</t>
  </si>
  <si>
    <t>【东方汽轮机】挡油环\D9.6C-180100A</t>
  </si>
  <si>
    <t>【东方汽轮机】挡油环\D9.6C-180200A</t>
  </si>
  <si>
    <t>【东方汽轮机】挡油环\D9.6C-180300A</t>
  </si>
  <si>
    <t>【东方汽轮机】六角螺母\B1320B-021000A003</t>
  </si>
  <si>
    <t>【东方汽轮机】双头螺柱\M24×130\D00-010105A014\D300N</t>
  </si>
  <si>
    <t>【东方汽轮机】密封垫圈\D20.539.066</t>
  </si>
  <si>
    <t>【东方汽轮机】高温螺栓\D600A.295.015\D300N</t>
  </si>
  <si>
    <t>【东方汽轮机】弹簧片\D600B-098200A003</t>
  </si>
  <si>
    <t>【东方汽轮机】弹簧片\D600B-098200A004</t>
  </si>
  <si>
    <t>【东方汽轮机】弹簧片\D600B-098200A005</t>
  </si>
  <si>
    <t>【东方汽轮机】弹簧片\D600B-098200A006</t>
  </si>
  <si>
    <t>【东方汽轮机】弹簧片\D600B-098200A007</t>
  </si>
  <si>
    <t>【东方汽轮机】调整垫片\D600B-099400A008</t>
  </si>
  <si>
    <t>【东方汽轮机】销子\D600B-203014A006</t>
  </si>
  <si>
    <t>【东方汽轮机】高温六角头螺栓\M30\D600B-271000A004\D600B</t>
  </si>
  <si>
    <t>【东方汽轮机】弹簧片\D600C-170100A002\D600B</t>
  </si>
  <si>
    <t>【东方汽轮机】双头螺柱\M24×100\GB0000898W24A0</t>
  </si>
  <si>
    <t>【东方汽轮机】盖板\M016-216000A003</t>
  </si>
  <si>
    <t>【东方汽轮机】双头螺栓\M021.032.133</t>
  </si>
  <si>
    <t>【东方汽轮机】圆锥螺销\50 L=406\M053-020000A020\D300N</t>
  </si>
  <si>
    <t>【东方汽轮机】销\A200A-261000A011</t>
  </si>
  <si>
    <t>【东方汽轮机】轴承\Φ36×Φ32×25\B1320E-281300A002</t>
  </si>
  <si>
    <t>【东方汽轮机】轴承\Φ36×Φ32×25\B1320E-281400A002</t>
  </si>
  <si>
    <t>【东方汽轮机】轴承\Φ42×Φ30×35\B2320G-284000B013</t>
  </si>
  <si>
    <t>【东方汽轮机】轴承\Φ42×Φ30×35\B2350G-281000A038</t>
  </si>
  <si>
    <t>【东方汽轮机】螺钉\M36×3×120\D00-010643A002</t>
  </si>
  <si>
    <t>【东方汽轮机】定位键\D7A-102000A002</t>
  </si>
  <si>
    <t>【东方汽轮机】轴承\Φ36×Φ32×25\D7A-281500A002</t>
  </si>
  <si>
    <t>【东方汽轮机】轴承\Φ36×Φ32X×25\D7A-281900A002</t>
  </si>
  <si>
    <t>【东方汽轮机】端面铂热电阻\D330N-242000A005</t>
  </si>
  <si>
    <t>【东方汽轮机】齿形垫片\Dg200\D42.291.012\D300N</t>
  </si>
  <si>
    <t>【东方汽轮机】密封圈\M009-295000A012</t>
  </si>
  <si>
    <t>【东方汽轮机】螺栓\M48×3\M021.219.008</t>
  </si>
  <si>
    <t>【东方汽轮机】平衡重块（内弧）\M022.219.009</t>
  </si>
  <si>
    <t>【东方汽轮机】瓦块\分割加工图\B1320E-242400A</t>
  </si>
  <si>
    <t>【东方汽轮机】滤网\B2320E-271300A</t>
  </si>
  <si>
    <t>【东方汽轮机】汽封圈\B2360G-160300A</t>
  </si>
  <si>
    <t>【东方汽轮机】汽封圈\D210F-160130A</t>
  </si>
  <si>
    <t>【东方汽轮机】汽封圈\D600E-170130C</t>
  </si>
  <si>
    <t>【东方汽轮机】隔板汽封\D600F-098210A</t>
  </si>
  <si>
    <t>【东方汽轮机】汽封圈\D660R-098315A</t>
  </si>
  <si>
    <t>【东方汽轮机】滤网\D7A-271300A</t>
  </si>
  <si>
    <t>【东方汽轮机】支持轴承\Φ140\D9.6C-242000A</t>
  </si>
  <si>
    <t>【东方汽轮机】支持轴承\Φ180\D9.6C-243000B-M1</t>
  </si>
  <si>
    <t>【东方汽轮机】汽封圈\X300H-172310A</t>
  </si>
  <si>
    <t>【东方汽轮机】高速盘车装置\B1320B-231000A</t>
  </si>
  <si>
    <t>【东方汽轮机】真空蝶阀\B2320B-784000C</t>
  </si>
  <si>
    <t>【东方汽轮机】挡油环\B1320E-243200A</t>
  </si>
  <si>
    <t>【东方汽轮机】弹簧\B2350G-281000A027</t>
  </si>
  <si>
    <t>【东方汽轮机】压圈\D09.020.302</t>
  </si>
  <si>
    <t>【东方汽轮机】万向连杆\D20.281.1Z</t>
  </si>
  <si>
    <t>【东方汽轮机】轴\D600A.231.035</t>
  </si>
  <si>
    <t>【东方汽轮机】隔板汽封\D600B-098120A</t>
  </si>
  <si>
    <t>【东方汽轮机】平衡螺塞装拆工具\D600B-689310A</t>
  </si>
  <si>
    <t>【东方汽轮机】汽封圈\D600E-098170A</t>
  </si>
  <si>
    <t>【东方汽轮机】汽封圈\M005.161.4Z</t>
  </si>
  <si>
    <t>【东方汽轮机】汽封圈\M028.164.2Z</t>
  </si>
  <si>
    <t>【东方汽轮机】压块\M030-251200A003</t>
  </si>
  <si>
    <t>【东方汽轮机】密封环\M109-511500A</t>
  </si>
  <si>
    <t>【东方汽轮机】套筒\M237-265000A038</t>
  </si>
  <si>
    <t>【东方汽轮机】单舌止回阀\M522.X02Z</t>
  </si>
  <si>
    <t>【东方汽轮机】双头螺柱\M42×3×80\D00-010113A001\D300N</t>
  </si>
  <si>
    <t>【东方汽轮机】双头螺柱\M48×3×95\D00-010115A003\D300N</t>
  </si>
  <si>
    <t>【东方汽轮机】高温六角螺母\D600B-261000A009\D600B</t>
  </si>
  <si>
    <t>【东方汽轮机】密封条\Φ6/660\A200B-181000A011</t>
  </si>
  <si>
    <t>【东方汽轮机】真空表\B1320B-501000D001</t>
  </si>
  <si>
    <t>【东方汽轮机】垫片\190×130\B1320E-181000A004</t>
  </si>
  <si>
    <t>【东方汽轮机】定位销\B2320B-105000C001</t>
  </si>
  <si>
    <t>【东方汽轮机】垫片\B2320F-271000A013</t>
  </si>
  <si>
    <t>【东方汽轮机】旋入管接头\DN6\D00-600302A</t>
  </si>
  <si>
    <t>【东方汽轮机】弹簧\D20.102.010</t>
  </si>
  <si>
    <t>【东方汽轮机】悬挂螺钉\D20.102.012</t>
  </si>
  <si>
    <t>【东方汽轮机】圆柱销\16×50\D20.260.038</t>
  </si>
  <si>
    <t>【东方汽轮机】销\D600B-265600A001\D600B</t>
  </si>
  <si>
    <t>【东方汽轮机】销\D600B-362000A015</t>
  </si>
  <si>
    <t>【东方汽轮机】弹簧\D600B-421000A021</t>
  </si>
  <si>
    <t>【东方汽轮机】铆钉\D600C-265200A007</t>
  </si>
  <si>
    <t>【东方汽轮机】铆钉\D600C-265200A012</t>
  </si>
  <si>
    <t>【东方汽轮机】有机玻璃板\D7A-181000A004</t>
  </si>
  <si>
    <t>【东方汽轮机】垫片\D9.6B-271000A015</t>
  </si>
  <si>
    <t>【东方汽轮机】垫片\D9.6B-271000A016</t>
  </si>
  <si>
    <t>【东方汽轮机】轴承\Φ36×Φ32×25\D9.6C-281200A001</t>
  </si>
  <si>
    <t>【东方汽轮机】盘簧\M109-511000A004</t>
  </si>
  <si>
    <t>【东方汽轮机】凹球面垫圈\Y47-011000A010\D600B</t>
  </si>
  <si>
    <t>【东方汽轮机】密封键\A200A-102000A001</t>
  </si>
  <si>
    <t>【东方汽轮机】密封键\A200C-102000A001</t>
  </si>
  <si>
    <t>【东方汽轮机】密封键\B1320D-105000B001</t>
  </si>
  <si>
    <t>【东方汽轮机】密封键\B2320D-105000B001</t>
  </si>
  <si>
    <t>【东方汽轮机】密封键\B2320D-106000B001</t>
  </si>
  <si>
    <t>【东方汽轮机】密封键\B2320F-106000A001</t>
  </si>
  <si>
    <t>【东方汽轮机】密封键\B2320G-021000B002</t>
  </si>
  <si>
    <t>【东方汽轮机】密封键\B2350G-105000A001</t>
  </si>
  <si>
    <t>【东方汽轮机】密封键\B2350G-106000A001</t>
  </si>
  <si>
    <t>【东方汽轮机】密封键\B2360G-102000A001</t>
  </si>
  <si>
    <t>【东方汽轮机】定位销\D00.050.006</t>
  </si>
  <si>
    <t>【东方汽轮机】密封键\D00-050220A005</t>
  </si>
  <si>
    <t>【东方汽轮机】密封键\D00-050220A006</t>
  </si>
  <si>
    <t>【东方汽轮机】密封键\D00-050220A007</t>
  </si>
  <si>
    <t>【东方汽轮机】密封键\D00-050220A008</t>
  </si>
  <si>
    <t>【东方汽轮机】密封键\D00-050220A012</t>
  </si>
  <si>
    <t>【东方汽轮机】密封键\D00-050220A013</t>
  </si>
  <si>
    <t>【东方汽轮机】螺母\M33\D20.021.016</t>
  </si>
  <si>
    <t>【东方汽轮机】罩螺母\M33\D20.021.018</t>
  </si>
  <si>
    <t>【东方汽轮机】密封键\D20.102.009</t>
  </si>
  <si>
    <t>【东方汽轮机】密封键\D20.105.007</t>
  </si>
  <si>
    <t>【东方汽轮机】密封键\D20.106.004</t>
  </si>
  <si>
    <t>【东方汽轮机】压缩弹簧\D20.185.003</t>
  </si>
  <si>
    <t>【东方汽轮机】销\D600A.275.022</t>
  </si>
  <si>
    <t>【东方汽轮机】调整垫片\D600B-099400A010</t>
  </si>
  <si>
    <t>【东方汽轮机】密封键\D7A-102000A001</t>
  </si>
  <si>
    <t>【东方汽轮机】六角头螺栓\M20×110\GB0005782C20A1</t>
  </si>
  <si>
    <t>【东方汽轮机】垫圈\M201.261.028</t>
  </si>
  <si>
    <t>【东方汽轮机】垫片\Φ50/Φ27\M732-079000A012</t>
  </si>
  <si>
    <t>【东方汽轮机】罩螺母\M56×4\D00-010410A037</t>
  </si>
  <si>
    <t>【东方汽轮机】内六角螺栓\D600B-041000A001</t>
  </si>
  <si>
    <t>【东方汽轮机】双金属温度计\D660E-501000B009</t>
  </si>
  <si>
    <t>【东方汽轮机】垫块\M024.244.013</t>
  </si>
  <si>
    <t>【东方汽轮机】管接\M053-011000A003</t>
  </si>
  <si>
    <t>【东方汽轮机】齿形垫片\M201.261.053</t>
  </si>
  <si>
    <t>【东方汽轮机】垫环\M201.361.111</t>
  </si>
  <si>
    <t>【东方汽轮机】汽封圈\D350B-100130A</t>
  </si>
  <si>
    <t>【东方汽轮机】挡油环主体\D600B-031913A</t>
  </si>
  <si>
    <t>【东方汽轮机】汽封圈\D660R-098205A</t>
  </si>
  <si>
    <t>【东方汽轮机】汽封圈\D660R-098302A</t>
  </si>
  <si>
    <t>【东方汽轮机】汽封圈\D660R-098307A</t>
  </si>
  <si>
    <t>【东方汽轮机】隔板汽封\D660R-098322A</t>
  </si>
  <si>
    <t>【东方汽轮机】汽封\X300E-172630E</t>
  </si>
  <si>
    <t>【东方汽轮机】汽封圈\D350G-100110A</t>
  </si>
  <si>
    <t>【东方汽轮机】汽封圈\D600C-170170A</t>
  </si>
  <si>
    <t>【东方汽轮机】汽封圈\M006.111.1Z</t>
  </si>
  <si>
    <t>【东方汽轮机】轴承\Φ42×Φ30×35\B2360G-281000A015</t>
  </si>
  <si>
    <t>【东方汽轮机】螺塞\M45×2\D00-600602A016</t>
  </si>
  <si>
    <t>【东方汽轮机】螺钉\D09.212.028</t>
  </si>
  <si>
    <t>【东方汽轮机】销\D09.231.062</t>
  </si>
  <si>
    <t>【东方汽轮机】支持弹簧\D09.242.083</t>
  </si>
  <si>
    <t>【东方汽轮机】油封片\D350A-180100A002</t>
  </si>
  <si>
    <t>【东方汽轮机】油封弧片(铜)\δ1.5\D350A-180200A001</t>
  </si>
  <si>
    <t>【东方汽轮机】密封柱销\D600A.031.061</t>
  </si>
  <si>
    <t>【东方汽轮机】双头螺柱\M20×100\GB0000901G20A0</t>
  </si>
  <si>
    <t>【东方汽轮机】六角头螺栓\GB/T5783C-2000\GB0005783C2080</t>
  </si>
  <si>
    <t>【东方汽轮机】内六角圆柱头螺钉\GB/T70.1C-2008\GB00070.1C1040</t>
  </si>
  <si>
    <t>【东方汽轮机】销\M162.242.015</t>
  </si>
  <si>
    <t>【东方汽轮机】销\M162.242.016</t>
  </si>
  <si>
    <t>【东方汽轮机】夹紧环\M201.261.025</t>
  </si>
  <si>
    <t>【东方汽轮机】铆钉\M206-261200A010</t>
  </si>
  <si>
    <t>【东方汽轮机】基环止动键\D20.241.025</t>
  </si>
  <si>
    <t>【东方汽轮机】紧定螺钉\8×16\D600C-109000A005</t>
  </si>
  <si>
    <t>【东方汽轮机】金属缠绕垫片\D600H-029300B008</t>
  </si>
  <si>
    <t>【东方汽轮机】汽封齿\Y46-108100A002</t>
  </si>
  <si>
    <t>【东方汽轮机】汽封片\Y46-109100A002</t>
  </si>
  <si>
    <t>【东方汽轮机】双头螺柱\M27×120\D00.010.103</t>
  </si>
  <si>
    <t>【东方汽轮机】凹球面垫圈\Φ76\D00-010533A007</t>
  </si>
  <si>
    <t>【东方汽轮机】垫片\D00-050310A003</t>
  </si>
  <si>
    <t>【东方汽轮机】盖板\D09.221.005</t>
  </si>
  <si>
    <t>【东方汽轮机】高温六角头螺母\D1000A-029600A012</t>
  </si>
  <si>
    <t>【东方汽轮机】螺纹销\M107-241000A009</t>
  </si>
  <si>
    <t>【东方汽轮机】垫圈\Y47-030000A007</t>
  </si>
  <si>
    <t>【东方汽轮机】联轴器扳手\Ф76\D00-660000A302</t>
  </si>
  <si>
    <t>【东方汽轮机】螺栓\D09.291.008</t>
  </si>
  <si>
    <t>【东方汽轮机】密封环\D350A-294000A001</t>
  </si>
  <si>
    <t>【东方汽轮机】密封环\D350A-294000A002</t>
  </si>
  <si>
    <t>【东方汽轮机】高压缸通风阀弹簧\D600A.276.025</t>
  </si>
  <si>
    <t>【东方汽轮机】锥销\31/2″\D600A.660.038</t>
  </si>
  <si>
    <t>【东方汽轮机】挡汽板\D600B-182730A</t>
  </si>
  <si>
    <t>【东方汽轮机】轴套\D600B-231000A005</t>
  </si>
  <si>
    <t>【东方汽轮机】扭力扳手\D600B-899300A002</t>
  </si>
  <si>
    <t>【东方汽轮机】推力瓦\D660P-251300A</t>
  </si>
  <si>
    <t>【东方汽轮机】推力瓦\D660P-251400A</t>
  </si>
  <si>
    <t>【东方汽轮机】支持推力轴承\D20.241Z</t>
  </si>
  <si>
    <t>【东方汽轮机】摆动齿轮\Y47-231400A</t>
  </si>
  <si>
    <t>【东方汽轮机】挡油环\B1320E-242300A</t>
  </si>
  <si>
    <t>【东方汽轮机】电加热器\D7A-899200B003</t>
  </si>
  <si>
    <t>【东方汽轮机】定位螺栓\M054-061000A003\D300N</t>
  </si>
  <si>
    <t>【东方汽轮机】高温用厚垫圈\M206-261000A002\D600B</t>
  </si>
  <si>
    <t>【东方汽轮机】推力轴承垫片\B1320E-181300A</t>
  </si>
  <si>
    <t>【东方汽轮机】推力轴承垫片\B1320E-181400A</t>
  </si>
  <si>
    <t>【东方汽轮机】弹簧片\D600B-170000A005</t>
  </si>
  <si>
    <t>【东方汽轮机】弹簧垫圈\GB0000093W0030</t>
  </si>
  <si>
    <t>【东方汽轮机】双头螺柱\M16×45\GB0000897W1645</t>
  </si>
  <si>
    <t>【东方汽轮机】双头螺柱\M20×70\GB0000897W2070</t>
  </si>
  <si>
    <t>【东方汽轮机】六角头螺栓\M12×60\GB0005782W1260</t>
  </si>
  <si>
    <t>【东方汽轮机】六角螺母\GB/T6170C-2000\GB0006170C0012</t>
  </si>
  <si>
    <t>【东方汽轮机】内六角圆柱头螺钉\M20×70\GB00070.1W2070</t>
  </si>
  <si>
    <t>【东方汽轮机】双头螺栓\M30×120\D00.010.104</t>
  </si>
  <si>
    <t>【东方汽轮机】双头螺柱\M36×3×80\D00-010111A003\D300N</t>
  </si>
  <si>
    <t>【东方汽轮机】罩盖螺母\D00.010.032</t>
  </si>
  <si>
    <t>【东方汽轮机】小六角螺母\M42×3\D00-050440A004</t>
  </si>
  <si>
    <t>【东方汽轮机】弹簧片\δ=2,L=132\D00.160.012</t>
  </si>
  <si>
    <t>【东方汽轮机】弹簧片\D00-160103A003</t>
  </si>
  <si>
    <t>【东方汽轮机】双头螺柱\M20×75\D00-160103A004</t>
  </si>
  <si>
    <t>【东方汽轮机】梅花扳手\19\D00-660000A040</t>
  </si>
  <si>
    <t>【东方汽轮机】平衡重块\D09.211.005</t>
  </si>
  <si>
    <t>【东方汽轮机】球面垫圈\D09.261.016</t>
  </si>
  <si>
    <t>【东方汽轮机】垫圈\D09.261.030</t>
  </si>
  <si>
    <t>【东方汽轮机】压板\D09.261.051</t>
  </si>
  <si>
    <t>【东方汽轮机】沉头螺钉\D09.265.029</t>
  </si>
  <si>
    <t>【东方汽轮机】螺母\M20×1.5\D20.181.014</t>
  </si>
  <si>
    <t>【东方汽轮机】螺母\M48×3\D300W-014000A003</t>
  </si>
  <si>
    <t>【东方汽轮机】金属缠绕垫片\D350A-294000A007</t>
  </si>
  <si>
    <t>【东方汽轮机】弹簧片\D350B-100100A003</t>
  </si>
  <si>
    <t>【东方汽轮机】弹簧片\D350B-100200A002</t>
  </si>
  <si>
    <t>【东方汽轮机】弹簧片\D350B-100200A003</t>
  </si>
  <si>
    <t>【东方汽轮机】弹簧片\D350B-160100A001</t>
  </si>
  <si>
    <t>【东方汽轮机】弹簧片\D350B-160100A002</t>
  </si>
  <si>
    <t>【东方汽轮机】弹簧片\D350B-160100A003</t>
  </si>
  <si>
    <t>【东方汽轮机】弹簧片\D350B-160100A004</t>
  </si>
  <si>
    <t>【东方汽轮机】弹簧片\D350B-160100A005</t>
  </si>
  <si>
    <t>【东方汽轮机】垫板\D600A.180.016</t>
  </si>
  <si>
    <t>【东方汽轮机】键\D600A.231.004</t>
  </si>
  <si>
    <t>【东方汽轮机】垫片\D600B-030400A004</t>
  </si>
  <si>
    <t>【东方汽轮机】垫片\D600B-030400A005</t>
  </si>
  <si>
    <t>【东方汽轮机】垫片\D600B-030400A006</t>
  </si>
  <si>
    <t>【东方汽轮机】垫片\D600B-030400A007</t>
  </si>
  <si>
    <t>【东方汽轮机】垫片\D600B-030400A008</t>
  </si>
  <si>
    <t>【东方汽轮机】垫片\D600B-030400A009</t>
  </si>
  <si>
    <t>【东方汽轮机】垫片\D600B-030400A010</t>
  </si>
  <si>
    <t>【东方汽轮机】油封齿\δ2\D600B-031923A004</t>
  </si>
  <si>
    <t>【东方汽轮机】油封弧片\D600B-182700A002</t>
  </si>
  <si>
    <t>【东方汽轮机】销\D600B-203005B006</t>
  </si>
  <si>
    <t>【东方汽轮机】高温螺栓\D600B-265000A007\D600B</t>
  </si>
  <si>
    <t>【东方汽轮机】导管\D600C-029660A003</t>
  </si>
  <si>
    <t>【东方汽轮机】导管\D600C-029700A003</t>
  </si>
  <si>
    <t>【东方汽轮机】螺塞\13/4-8UN\D600C-160110A002</t>
  </si>
  <si>
    <t>【东方汽轮机】密封圈\D600C-720000A003</t>
  </si>
  <si>
    <t>【东方汽轮机】垫片\D600D-032000A001</t>
  </si>
  <si>
    <t>【东方汽轮机】垫片\D600D-032000A002</t>
  </si>
  <si>
    <t>【东方汽轮机】螺母\M009-011000A006\D300N</t>
  </si>
  <si>
    <t>【东方汽轮机】螺塞\M021.032.135</t>
  </si>
  <si>
    <t>【东方汽轮机】止动垫片\M036-219000B005</t>
  </si>
  <si>
    <t>【东方汽轮机】弹簧片\M038-101100A005</t>
  </si>
  <si>
    <t>【东方汽轮机】耐震压力表\W06A0152A\D300N</t>
  </si>
  <si>
    <t>【东方汽轮机】双头螺柱\M48×3×250\D00-010115A019\D300N</t>
  </si>
  <si>
    <t>【东方汽轮机】双头螺柱\M48×3×160\D00-010116A010\D300N</t>
  </si>
  <si>
    <t>【东方汽轮机】转接器\D600A.231.002</t>
  </si>
  <si>
    <t>【东方汽轮机】金属缠绕垫片\D600B-265000A009\D600B</t>
  </si>
  <si>
    <t>【东方汽轮机】双头螺柱\D600B-265000A012\D600B</t>
  </si>
  <si>
    <t>【东方汽轮机】衬套\D7A-271000A014</t>
  </si>
  <si>
    <t>【东方汽轮机】汽封圈\A200C-160100A</t>
  </si>
  <si>
    <t>【东方汽轮机】汽封圈\A200C-160200A</t>
  </si>
  <si>
    <t>【东方汽轮机】液位计\A200C-798200A003</t>
  </si>
  <si>
    <t>【东方汽轮机】液位计\A200C-798200A004</t>
  </si>
  <si>
    <t>【东方汽轮机】气动疏水阀\A200C-799100A005</t>
  </si>
  <si>
    <t>【东方汽轮机】气动疏水阀\A200C-799100A006</t>
  </si>
  <si>
    <t>【东方汽轮机】气动疏水阀\A200C-799100A007</t>
  </si>
  <si>
    <t>【东方汽轮机】气动疏水阀\A200C-799100A008</t>
  </si>
  <si>
    <t>【东方汽轮机】气动疏水阀\A200C-799100A009</t>
  </si>
  <si>
    <t>【东方汽轮机】电动调节阀\B2320E-899100Q006</t>
  </si>
  <si>
    <t>【东方汽轮机】止回阀\B2320F-522000M</t>
  </si>
  <si>
    <t>【东方汽轮机】可调式止逆阀\B2320F-770000M</t>
  </si>
  <si>
    <t>【东方汽轮机】支持轴承\B2350G-242000A</t>
  </si>
  <si>
    <t>【东方汽轮机】挡油环\B2360G-180400A</t>
  </si>
  <si>
    <t>【东方汽轮机】法兰通孔螺栓\M120×4×1030\D00-010147A011</t>
  </si>
  <si>
    <t>【东方汽轮机】汽封圈\D200L-100100A</t>
  </si>
  <si>
    <t>【东方汽轮机】汽封圈\D350G-011210A</t>
  </si>
  <si>
    <t>【东方汽轮机】汽封圈\D600C-098290A</t>
  </si>
  <si>
    <t>【东方汽轮机】汽封\D660D-098118B\D600B</t>
  </si>
  <si>
    <t>【东方汽轮机】汽封\D660D-098224B\D600B</t>
  </si>
  <si>
    <t>【东方汽轮机】隔板汽封\D660R-098320A</t>
  </si>
  <si>
    <t>【东方汽轮机】汽封圈\D660R-170101A</t>
  </si>
  <si>
    <t>【东方汽轮机】汽封圈\D660R-170108A</t>
  </si>
  <si>
    <t>【东方汽轮机】预启阀碟\D9.6B-271000A011</t>
  </si>
  <si>
    <t>【东方汽轮机】阀碟\D9.6B-281000A010</t>
  </si>
  <si>
    <t>【东方汽轮机】汽封圈\M021.106.2Z</t>
  </si>
  <si>
    <t>【东方汽轮机】调节阀杆\M237-265000A037\D300N</t>
  </si>
  <si>
    <t>【东方汽轮机】滤网\M612-015100A\D600B</t>
  </si>
  <si>
    <t>【东方汽轮机】切换阀\M765-007000A</t>
  </si>
  <si>
    <t>【东方汽轮机】汽封圈\D350N-100401A</t>
  </si>
  <si>
    <t>【东方汽轮机】汽封圈\M001.107.1Z</t>
  </si>
  <si>
    <t>【东方汽轮机】主轴\D600B-231500A</t>
  </si>
  <si>
    <t>【东方汽轮机】调整垫片\M052-161000A002</t>
  </si>
  <si>
    <t>【东方汽轮机】弹簧片\D300S-170000A002</t>
  </si>
  <si>
    <t>【东方汽轮机】高温内六角螺栓\D300S-265000A010</t>
  </si>
  <si>
    <t>【东方汽轮机】高温内六角螺栓\D350A-265500A006</t>
  </si>
  <si>
    <t>【东方汽轮机】密封环\D600C-029100A003</t>
  </si>
  <si>
    <t>【东方汽轮机】密封环\D600C-029100A006</t>
  </si>
  <si>
    <t>【东方汽轮机】锁紧环\D600C-029200A004</t>
  </si>
  <si>
    <t>【东方汽轮机】锁紧环\D600C-029200A005</t>
  </si>
  <si>
    <t>【东方汽轮机】螺栓\D600C-271000A007</t>
  </si>
  <si>
    <t>【东方汽轮机】危急遮断器飞环组件\M109-401100A001</t>
  </si>
  <si>
    <t>【东方汽轮机】预启阀碟\M201.261.041</t>
  </si>
  <si>
    <t>【东方汽轮机】汽缸起重设备\D300N-661000A</t>
  </si>
  <si>
    <t>【东方汽轮机】主汽阀碟\D350A-265530A</t>
  </si>
  <si>
    <t>【东方汽轮机】汽封圈\D350N-100310B</t>
  </si>
  <si>
    <t>【东方汽轮机】调节阀杆\D600B-271300A001</t>
  </si>
  <si>
    <t>【东方汽轮机】汽封圈\D300S-170300A</t>
  </si>
  <si>
    <t>【东方汽轮机】油压千斤顶装置\50t\D600A.689.3Z</t>
  </si>
  <si>
    <t>【东方汽轮机】内侧挡油环\D600B-182710A</t>
  </si>
  <si>
    <t>【东方汽轮机】汽封圈\D660R-098112A</t>
  </si>
  <si>
    <t>【东方汽轮机】汽封圈\M030-101200A</t>
  </si>
  <si>
    <t>【东方汽轮机】螺母\D00-667000A019\D300N</t>
  </si>
  <si>
    <t>【东方汽轮机】锁紧环\D660X-295000A009</t>
  </si>
  <si>
    <t>【东方汽轮机】密封环\D660X-295000A014</t>
  </si>
  <si>
    <t>【东方汽轮机】止动块\D00-010900A005\D600B</t>
  </si>
  <si>
    <t>【东方汽轮机】密封穿线管\D20.181.6Z</t>
  </si>
  <si>
    <t>【东方汽轮机】高温用螺母\D600B-271000A009\D600B</t>
  </si>
  <si>
    <t>【东方汽轮机】销\M206-261000A006\D300N</t>
  </si>
  <si>
    <t>【东方汽轮机】销\A200C-271000A009</t>
  </si>
  <si>
    <t>【东方汽轮机】旋入管接头\DN4\D00-600301A</t>
  </si>
  <si>
    <t>【东方汽轮机】销钉\30×65\D28.011.011</t>
  </si>
  <si>
    <t>【东方汽轮机】螺钉\M6×12\D600B-099500A013</t>
  </si>
  <si>
    <t>【东方汽轮机】销\D600C-098100A008</t>
  </si>
  <si>
    <t>【东方汽轮机】螺钉\M16×30\D660B-099150A005</t>
  </si>
  <si>
    <t>【东方汽轮机】开槽圆柱头螺钉\GB/T65C-2000\GB0000065C1020</t>
  </si>
  <si>
    <t>【东方汽轮机】双头螺柱\M42×160\GB0000897W42A6</t>
  </si>
  <si>
    <t>【东方汽轮机】六角螺母\M24\GB0006170C0024</t>
  </si>
  <si>
    <t>【东方汽轮机】六角螺母\M16\GB0006175G0016</t>
  </si>
  <si>
    <t>【东方汽轮机】销子\M019-204000A003</t>
  </si>
  <si>
    <t>【东方汽轮机】销\M165-242000A002</t>
  </si>
  <si>
    <t>【东方汽轮机】销\M165-242000A003</t>
  </si>
  <si>
    <t>【东方汽轮机】定位螺栓\M33×215\B3320D-021000A004</t>
  </si>
  <si>
    <t>【东方汽轮机】双头螺柱\M48×3×120\D00-010115A006\D300N</t>
  </si>
  <si>
    <t>【东方汽轮机】弹簧\D09.231.063\D300N</t>
  </si>
  <si>
    <t>【东方汽轮机】金属缠绕垫片\D600B-029800A002</t>
  </si>
  <si>
    <t>【东方汽轮机】高温内六角螺钉\D600B-261200A006</t>
  </si>
  <si>
    <t>【东方汽轮机】金属缠绕垫片\D600C-029800A011\D300N</t>
  </si>
  <si>
    <t>【东方汽轮机】电磁换向阀\W01E0003A\D300N</t>
  </si>
  <si>
    <t>【东方汽轮机】超声波液位探测仪\B2340D-899200A001</t>
  </si>
  <si>
    <t>【东方汽轮机】主汽阀蝶\D09.261.034</t>
  </si>
  <si>
    <t>【东方汽轮机】汽封圈\D300R-160100A</t>
  </si>
  <si>
    <t>【东方汽轮机】汽封圈\D350G-160170A</t>
  </si>
  <si>
    <t>【东方汽轮机】汽封\D660D-098111B\D600B</t>
  </si>
  <si>
    <t>【东方汽轮机】汽封圈\D660R-098103A</t>
  </si>
  <si>
    <t>【东方汽轮机】瓦块\D600B-241200A</t>
  </si>
  <si>
    <t>【东方汽轮机】阀杆\D600B-265500A006</t>
  </si>
  <si>
    <t>【东方汽轮机】轴瓦套\D210C-243100A</t>
  </si>
  <si>
    <t>【东方汽轮机】瓦块分割加工图\D350B-242200A</t>
  </si>
  <si>
    <t>【东方汽轮机】汽封圈\D350G-160250A</t>
  </si>
  <si>
    <t>【东方汽轮机】叶轮\D600A.506.3Z</t>
  </si>
  <si>
    <t>【东方汽轮机】双头螺柱\D660P-024000A002</t>
  </si>
  <si>
    <t>【东方汽轮机】汽封圈\D660R-098201A</t>
  </si>
  <si>
    <t>【东方汽轮机】隔板汽封\D660R-098324A</t>
  </si>
  <si>
    <t>【东方汽轮机】隔板汽封\D660R-098327A</t>
  </si>
  <si>
    <t>【东方汽轮机】隔板汽封\D660R-098331A</t>
  </si>
  <si>
    <t>【东方汽轮机】节流孔板\Φ6\D30F-799210A001</t>
  </si>
  <si>
    <t>【东方汽轮机】双头螺柱\M30×80\GB0000897W3080</t>
  </si>
  <si>
    <t>【东方汽轮机】六角头螺栓\GB/T5783C-2000\GB0005783C1270</t>
  </si>
  <si>
    <t>【东方汽轮机】凹球面垫圈\D00-010534A001</t>
  </si>
  <si>
    <t>【东方汽轮机】管接\NPT3/8L=60\D20.181.030</t>
  </si>
  <si>
    <t>【东方汽轮机】销\D350B-106000A001</t>
  </si>
  <si>
    <t>【东方汽轮机】销\D350B-116000A001</t>
  </si>
  <si>
    <t>【东方汽轮机】注油装置螺塞\D600B-029580A004</t>
  </si>
  <si>
    <t>【东方汽轮机】导管\D600C-029670A003</t>
  </si>
  <si>
    <t>【东方汽轮机】销\D600C-098100A007</t>
  </si>
  <si>
    <t>【东方汽轮机】开槽沉头螺钉\M6×14\GB0000068C0614</t>
  </si>
  <si>
    <t>【东方汽轮机】内六角圆柱头螺钉\GB/T70.1C-2008\GB00070.1C1635</t>
  </si>
  <si>
    <t>【东方汽轮机】梅花扳手\D300N-689300A017</t>
  </si>
  <si>
    <t>【东方汽轮机】双头螺栓\D600C-029200A008</t>
  </si>
  <si>
    <t>【东方汽轮机】双头螺栓\D600C-029640A003</t>
  </si>
  <si>
    <t>【东方汽轮机】轴套\M181.231.049</t>
  </si>
  <si>
    <t>【东方汽轮机】真空蝶阀\B2320C-784000A</t>
  </si>
  <si>
    <t>【东方汽轮机】推力轴承\B2350G-241000A</t>
  </si>
  <si>
    <t>【东方汽轮机】真空蝶阀\M784-518000A</t>
  </si>
  <si>
    <t>【东方汽轮机】汽封圈\B2320F-160100E</t>
  </si>
  <si>
    <t>【东方汽轮机】挡油环\B2350G-180200A</t>
  </si>
  <si>
    <t>【东方汽轮机】挡油环\B2350G-180300A</t>
  </si>
  <si>
    <t>【东方汽轮机】螺栓\M100×4×1285\D00-010145A030</t>
  </si>
  <si>
    <t>【东方汽轮机】挡汽板\D300N-180230A</t>
  </si>
  <si>
    <t>【东方汽轮机】调整垫片\D350B-163000A001</t>
  </si>
  <si>
    <t>【东方汽轮机】双头螺柱\6″-8UN\D600B-028000A001</t>
  </si>
  <si>
    <t>【东方汽轮机】浮动油封\M165-242800A\D300N</t>
  </si>
  <si>
    <t>【东方汽轮机】联接头\B1320E-281300A</t>
  </si>
  <si>
    <t>【东方汽轮机】定位环\B2320E-271000A007</t>
  </si>
  <si>
    <t>【东方汽轮机】梅花扳手\55\D00-660000A050</t>
  </si>
  <si>
    <t>【东方汽轮机】密封接线盒\D20.181.5Z</t>
  </si>
  <si>
    <t>【东方汽轮机】双头螺栓\D20.291.008</t>
  </si>
  <si>
    <t>【东方汽轮机】螺栓\D600B-031920A001</t>
  </si>
  <si>
    <t>【东方汽轮机】螺栓\M037-219000D003</t>
  </si>
  <si>
    <t>【东方汽轮机】压紧环\M201.261.019</t>
  </si>
  <si>
    <t>【东方汽轮机】压板\B2350G-181000A004</t>
  </si>
  <si>
    <t>【东方汽轮机】垫圈\Φ45\D00-600607A015</t>
  </si>
  <si>
    <t>【东方汽轮机】垫圈\Φ48\D00-600607B016</t>
  </si>
  <si>
    <t>【东方汽轮机】螺钉\M12×40\D17A-020000A003</t>
  </si>
  <si>
    <t>【东方汽轮机】销\D20.272.026</t>
  </si>
  <si>
    <t>【东方汽轮机】金属缠绕垫片\D210B-261000A017</t>
  </si>
  <si>
    <t>【东方汽轮机】销\D350B-102000A001</t>
  </si>
  <si>
    <t>【东方汽轮机】键\D600B-231500A002</t>
  </si>
  <si>
    <t>【东方汽轮机】节流孔板\D600E-799100B007</t>
  </si>
  <si>
    <t>【东方汽轮机】垫圈\D7A-031000A009</t>
  </si>
  <si>
    <t>【东方汽轮机】螺尾锥销\16×160\GB0000881B16A6</t>
  </si>
  <si>
    <t>【东方汽轮机】双头螺柱\M20×55\GB0000898B2055</t>
  </si>
  <si>
    <t>【东方汽轮机】双头螺柱\M20×60\GB0000898W2060</t>
  </si>
  <si>
    <t>【东方汽轮机】内六角圆柱头螺钉\GB/T70.1C-2008\GB00070.1C1225</t>
  </si>
  <si>
    <t>【东方汽轮机】螺栓\M054-011000A001</t>
  </si>
  <si>
    <t>【东方汽轮机】密封垫\Φ360/Φ300\Y46-231000A004</t>
  </si>
  <si>
    <t>【东方汽轮机】套环\A200C-271000A007</t>
  </si>
  <si>
    <t>【东方汽轮机】缠绕垫片\B2320E-271000C001</t>
  </si>
  <si>
    <t>【东方汽轮机】缠绕垫片\B2320F-271000E002</t>
  </si>
  <si>
    <t>【东方汽轮机】双头螺柱\M42×3×240\D00-010113A019\D300N</t>
  </si>
  <si>
    <t>【东方汽轮机】双头螺柱\M48×3×270\D00-010115A021\D300N</t>
  </si>
  <si>
    <t>【东方汽轮机】平衡重块\D09.212.015</t>
  </si>
  <si>
    <t>【东方汽轮机】调整垫片\D09.242.089</t>
  </si>
  <si>
    <t>【东方汽轮机】双头螺栓\D12.291.008</t>
  </si>
  <si>
    <t>【东方汽轮机】铅板\D3.6A.031.040</t>
  </si>
  <si>
    <t>【东方汽轮机】铰链\D600B-231000A001</t>
  </si>
  <si>
    <t>【东方汽轮机】弹簧片\D600R-029300A001\D600B</t>
  </si>
  <si>
    <t>【东方汽轮机】弹簧片\D600R-029400A001\D600B</t>
  </si>
  <si>
    <t>【东方汽轮机】节流组件\20×4\W28A0284A</t>
  </si>
  <si>
    <t>【东方汽轮机】节流组件\40×4\W28A0428A</t>
  </si>
  <si>
    <t>【东方汽轮机】油封环\B1220B-180200A</t>
  </si>
  <si>
    <t>【东方汽轮机】汽封圈\B2310F-100200B</t>
  </si>
  <si>
    <t>【东方汽轮机】汽封圈\B2320E-160200A</t>
  </si>
  <si>
    <t>【东方汽轮机】挡油环\B2350G-180400A</t>
  </si>
  <si>
    <t>【东方汽轮机】两半合成推力基环\D20.241.14Z</t>
  </si>
  <si>
    <t>【东方汽轮机】双头螺柱\21/2″-8UN\D350G-025000A002</t>
  </si>
  <si>
    <t>【东方汽轮机】定位环\D7A-271000A010</t>
  </si>
  <si>
    <t>【东方汽轮机】支持轴承\Φ180\B1320E-243000C</t>
  </si>
  <si>
    <t>【东方汽轮机】支持轴承\B2320D-242000A</t>
  </si>
  <si>
    <t>【东方汽轮机】支持轴承\B2320D-243000A-M1</t>
  </si>
  <si>
    <t>【东方汽轮机】支持轴承\B2320D-243000B</t>
  </si>
  <si>
    <t>【东方汽轮机】联轴器\B2320E-221000J</t>
  </si>
  <si>
    <t>【东方汽轮机】预启阀碟\B2360G-281000A006</t>
  </si>
  <si>
    <t>【东方汽轮机】预启阀碟\B2360G-281000A007</t>
  </si>
  <si>
    <t>【东方汽轮机】预启阀碟\B2360G-281000A009</t>
  </si>
  <si>
    <t>【东方汽轮机】预启阀碟\B2360G-281000A010</t>
  </si>
  <si>
    <t>【东方汽轮机】转子起吊设备\D300N-665000A</t>
  </si>
  <si>
    <t>【东方汽轮机】中压主汽管法兰用垫片\D350A-293100A</t>
  </si>
  <si>
    <t>【东方汽轮机】油涡轮轴\D600A-506000B006</t>
  </si>
  <si>
    <t>【东方汽轮机】隔板汽封\D600B-098280A</t>
  </si>
  <si>
    <t>【东方汽轮机】汽封圈\D600B-170800A</t>
  </si>
  <si>
    <t>【东方汽轮机】调节阀碟\Φ203.2\D600B-271400A002</t>
  </si>
  <si>
    <t>【东方汽轮机】卡环\D600C-261250A</t>
  </si>
  <si>
    <t>【东方汽轮机】隔板汽封\D660D-098211B\D600B</t>
  </si>
  <si>
    <t>【东方汽轮机】隔板汽封\D660R-098326A</t>
  </si>
  <si>
    <t>【东方汽轮机】调节阀碟\D660S-271200A002</t>
  </si>
  <si>
    <t>【东方汽轮机】汽封圈\M030-106200A</t>
  </si>
  <si>
    <t>【东方汽轮机】主汽阀杆\M237-265000A013\D300N</t>
  </si>
  <si>
    <t>【东方汽轮机】汽封圈\X300E-177100A</t>
  </si>
  <si>
    <t>【东方汽轮机】齿轮\Y47-231000A017</t>
  </si>
  <si>
    <t>【东方汽轮机】汽封圈\D660R-098208A</t>
  </si>
  <si>
    <t>【东方汽轮机】超声波液位探测仪\B1320D-899200B001</t>
  </si>
  <si>
    <t>【东方汽轮机】双头螺柱\4″-8UN\D600B-028000A021</t>
  </si>
  <si>
    <t>【东方汽轮机】高温双头螺栓\D600B-265000A002\D600B</t>
  </si>
  <si>
    <t>【东方汽轮机】双头螺柱\4 1/2″-8UN\D600H-028000A004\D600B</t>
  </si>
  <si>
    <t>【东方汽轮机】内衬套\D7A-271000A011</t>
  </si>
  <si>
    <t>【东方汽轮机】汽封圈\M001.104.1Z</t>
  </si>
  <si>
    <t>【东方汽轮机】放气旋塞\M14×1.5\D00-600601A001</t>
  </si>
  <si>
    <t>【东方汽轮机】压紧螺母\A200C-271000A010</t>
  </si>
  <si>
    <t>【东方汽轮机】推力轴承垫片\B2320F-181400A</t>
  </si>
  <si>
    <t>【东方汽轮机】罩螺母\M27\D00-010410A011</t>
  </si>
  <si>
    <t>【东方汽轮机】罩螺母\M90×4\D00.010.046</t>
  </si>
  <si>
    <t>【东方汽轮机】螺母\M36×3\D00-050440A002\D300N</t>
  </si>
  <si>
    <t>【东方汽轮机】矩形弹簧片\D00-160103A002\D600B</t>
  </si>
  <si>
    <t>【东方汽轮机】金属缠绕垫片\D350A-293100A002</t>
  </si>
  <si>
    <t>【东方汽轮机】高温用六角螺柱\D600A.024.028\D300N</t>
  </si>
  <si>
    <t>【东方汽轮机】螺钉\D600B-210000A012</t>
  </si>
  <si>
    <t>【东方汽轮机】金属缠绕垫片\D600B-261000A010</t>
  </si>
  <si>
    <t>【东方汽轮机】锁紧垫片\D600B-265000A008\D600B</t>
  </si>
  <si>
    <t>【东方汽轮机】金属缠绕垫片\D600B-265000A010\D600B</t>
  </si>
  <si>
    <t>【东方汽轮机】金属缠绕垫片\D600C-029800A001\D600B</t>
  </si>
  <si>
    <t>【东方汽轮机】金属缠绕垫片\D600C-029800A003\D600B</t>
  </si>
  <si>
    <t>【东方汽轮机】压板\D600C-098100A010\D600B</t>
  </si>
  <si>
    <t>【东方汽轮机】内六角圆柱头螺钉\GB00070.1G0616\D600B</t>
  </si>
  <si>
    <t>【东方汽轮机】垫片\M053-011000A002\D600B</t>
  </si>
  <si>
    <t>【东方汽轮机】螺母\M053-011000A009\D300N</t>
  </si>
  <si>
    <t>【东方汽轮机】垫圈\M053-062000A003\D600B</t>
  </si>
  <si>
    <t>【东方汽轮机】密封垫\M181.231.059\D600B</t>
  </si>
  <si>
    <t>【东方汽轮机】弹性垫圈\M201.261.052\D600B</t>
  </si>
  <si>
    <t>【东方汽轮机】汽封圈\D600B-170300A</t>
  </si>
  <si>
    <t>【东方汽轮机】隔板汽封\D300S-098220A</t>
  </si>
  <si>
    <t>【东方汽轮机】汽封圈\D660R-170104A</t>
  </si>
  <si>
    <t>【东方汽轮机】汽封圈\D660R-170210A</t>
  </si>
  <si>
    <t>【东方汽轮机】叶片\M019-205000A002</t>
  </si>
  <si>
    <t>【东方汽轮机】垫片\Φ330/Φ252\B2610C-224000A001</t>
  </si>
  <si>
    <t>【东方汽轮机】双头螺柱\M27×85\D00-010107A007</t>
  </si>
  <si>
    <t>【东方汽轮机】弹簧片\D600B-170000A007</t>
  </si>
  <si>
    <t>【东方汽轮机】O型密封圈\109×3.55\W26G0015A</t>
  </si>
  <si>
    <t>【东方汽轮机】汽封圈\D300P-160100A</t>
  </si>
  <si>
    <t>【东方汽轮机】螺栓\(BJ)X300N-221100E</t>
  </si>
  <si>
    <t>【东方汽轮机】罩螺母\M45×3\B1320B-021000A001</t>
  </si>
  <si>
    <t>【东方汽轮机】键\B1320E-281000A010</t>
  </si>
  <si>
    <t>【东方汽轮机】螺栓\M36×120\B1F159A\D300P</t>
  </si>
  <si>
    <t>【东方汽轮机】切换阀\B2320B-270000A</t>
  </si>
  <si>
    <t>【东方汽轮机】汽封圈\B2320D-100100D</t>
  </si>
  <si>
    <t>【东方汽轮机】汽封圈\B2320D-160100A</t>
  </si>
  <si>
    <t>【东方汽轮机】电动调节阀\B2320E-899100Q012</t>
  </si>
  <si>
    <t>【东方汽轮机】液位计\B2320E-899200D002</t>
  </si>
  <si>
    <t>【东方汽轮机】汽封圈\B2350G-160500A</t>
  </si>
  <si>
    <t>【东方汽轮机】汽封圈\B2360G-100100A</t>
  </si>
  <si>
    <t>【东方汽轮机】汽封圈\B2360G-100200A</t>
  </si>
  <si>
    <t>【东方汽轮机】汽封圈\B2360G-100300A</t>
  </si>
  <si>
    <t>【东方汽轮机】汽封圈\B2360G-100400A</t>
  </si>
  <si>
    <t>【东方汽轮机】汽封圈\B2620C-100200B</t>
  </si>
  <si>
    <t>【东方汽轮机】内六角圆柱头螺钉\M5×12\B3L166A\600MW超临界机组</t>
  </si>
  <si>
    <t>【东方汽轮机】垫圈\20\B6E013A\D300P</t>
  </si>
  <si>
    <t>【东方汽轮机】重型弹簧垫圈\B6X011A\600MW超临界机组</t>
  </si>
  <si>
    <t>【东方汽轮机】内六角螺塞\BAG002A\D600F</t>
  </si>
  <si>
    <t>【东方汽轮机】内六角螺塞\BAG003A\D600F</t>
  </si>
  <si>
    <t>【东方汽轮机】螺钉\M10×45\BKA00453\D600F</t>
  </si>
  <si>
    <t>【东方汽轮机】六角螺母\M48×3\BWG0273\600MW超临界机组</t>
  </si>
  <si>
    <t>【东方汽轮机】双头螺柱\M48×3×280\BWG0274\D600F</t>
  </si>
  <si>
    <t>【东方汽轮机】双头螺柱\M48×3×300\BWG0275\D600F</t>
  </si>
  <si>
    <t>【东方汽轮机】双头螺柱\M48×3×500\BWG0276\D600F</t>
  </si>
  <si>
    <t>【东方汽轮机】螺栓\M12×60\BWG1041\X300N</t>
  </si>
  <si>
    <t>【东方汽轮机】螺钉\22×35\BZB003A\X300N</t>
  </si>
  <si>
    <t>【东方汽轮机】双头螺柱\M24×130\D00-010106A014\X300N</t>
  </si>
  <si>
    <t>【东方汽轮机】双头螺柱\M30×110\D00-010109A009\X300P</t>
  </si>
  <si>
    <t>【东方汽轮机】双头螺柱\M36×3×100\D00-010111A007\D300N</t>
  </si>
  <si>
    <t>【东方汽轮机】双头螺柱\M36×3×110\D00-010111A008\D300N</t>
  </si>
  <si>
    <t>【东方汽轮机】双头螺柱\M36×3×120\D00-010111A009\D300N</t>
  </si>
  <si>
    <t>【东方汽轮机】双头螺柱\M36×3×100\D00-010112A007\X300P</t>
  </si>
  <si>
    <t>【东方汽轮机】双头螺柱\M36×3×110\D00-010112A008\X300N</t>
  </si>
  <si>
    <t>【东方汽轮机】双头螺柱\M48×3×320\D00-010115A026\D300N</t>
  </si>
  <si>
    <t>【东方汽轮机】双头螺柱\M52×3×160\D00-010118A009\600MW超临界机组</t>
  </si>
  <si>
    <t>【东方汽轮机】双头螺柱\M56×4×140\D00-010119A006\600MW超临界机组</t>
  </si>
  <si>
    <t>【东方汽轮机】双头螺柱\M56×4×200\D00-010119A012\X300P</t>
  </si>
  <si>
    <t>【东方汽轮机】双头螺柱\M56×4×310\D00-010120A023\X300P</t>
  </si>
  <si>
    <t>【东方汽轮机】双头螺柱\M76×4×370\D00-010129A025\600MW超临界机组</t>
  </si>
  <si>
    <t>【东方汽轮机】法兰通孔螺柱\M100×4×905\D00-010145A011\600MW超临界机组</t>
  </si>
  <si>
    <t>【东方汽轮机】法兰通孔螺柱\M100×4×1185\D00-010145A025\600MW超临界机组</t>
  </si>
  <si>
    <t>【东方汽轮机】法兰通孔螺栓\M120×4×950\D00-010147A007\600MW超临界机组</t>
  </si>
  <si>
    <t>【东方汽轮机】六角头螺栓\M6×50\D00-010147A036\600MW超临界机组</t>
  </si>
  <si>
    <t>【东方汽轮机】罩螺母\M64×4\D00-010410A044\600MW超临界机组</t>
  </si>
  <si>
    <t>【东方汽轮机】凸球面垫圈\D00-010531A001\600MW超临界机组</t>
  </si>
  <si>
    <t>【东方汽轮机】凸球面垫圈\D00-010531A009\600MW超临界机组</t>
  </si>
  <si>
    <t>【东方汽轮机】凸球面垫圈\120\D00-010531A012\X300H</t>
  </si>
  <si>
    <t>【东方汽轮机】凸球面垫圈\D00-010532A007\600MW超临界机组</t>
  </si>
  <si>
    <t>【东方汽轮机】凹球面垫圈\D00-010533A001\600MW超临界机组</t>
  </si>
  <si>
    <t>【东方汽轮机】凹球面垫圈\D00-010533A009\600MW超临界机组</t>
  </si>
  <si>
    <t>【东方汽轮机】凹球面垫圈\120\D00-010533A012\X300H</t>
  </si>
  <si>
    <t>【东方汽轮机】凹球面垫圈\D00-010534A007\600MW超临界机组</t>
  </si>
  <si>
    <t>【东方汽轮机】垫片\D00-010540A002\D600F</t>
  </si>
  <si>
    <t>【东方汽轮机】导柱\Φ60×1100\D00-010620A003\X300N</t>
  </si>
  <si>
    <t>【东方汽轮机】导柱\Φ60×700\D00-010620A007\X300N</t>
  </si>
  <si>
    <t>【东方汽轮机】汽缸螺钉\Tr40×7×400\D00-010630A004\X300H</t>
  </si>
  <si>
    <t>【东方汽轮机】螺钉\M24×100\D00-010641A005\X300H</t>
  </si>
  <si>
    <t>【东方汽轮机】螺钉\M24×120\D00-010641A006\X300N</t>
  </si>
  <si>
    <t>【东方汽轮机】六角头圆柱端螺钉\M30×120\D00-010642A004\D300N</t>
  </si>
  <si>
    <t>【东方汽轮机】螺钉\M36×3×200\D00-010643A006\X300P</t>
  </si>
  <si>
    <t>【东方汽轮机】管道蠕变测定器\D00-010900A001\600MW超临界机组</t>
  </si>
  <si>
    <t>【东方汽轮机】热电偶装置\D00-010916A\600MW超临界机组</t>
  </si>
  <si>
    <t>【东方汽轮机】悬挂销\D00-050130A007\600MW超临界机组</t>
  </si>
  <si>
    <t>【东方汽轮机】悬挂销\D00-050130A022\X300N</t>
  </si>
  <si>
    <t>【东方汽轮机】悬挂销\D00-050130A024\X300N</t>
  </si>
  <si>
    <t>【东方汽轮机】定位键\D00-050210A005\X300N</t>
  </si>
  <si>
    <t>【东方汽轮机】定位键\D00-050210A006\X300N</t>
  </si>
  <si>
    <t>【东方汽轮机】压板\D00-050320A001\600MW超临界机组</t>
  </si>
  <si>
    <t>【东方汽轮机】圆柱型压缩弹簧\D00-160102B203\X300P</t>
  </si>
  <si>
    <t>【东方汽轮机】法兰用垫片\Dg250×Pg1.57\D00-600143B016\D600F</t>
  </si>
  <si>
    <t>【东方汽轮机】旋入管接头\D00-600303B\600MW超临界机组</t>
  </si>
  <si>
    <t>【东方汽轮机】旋入管接头\D00-600306B\600MW超临界机组</t>
  </si>
  <si>
    <t>【东方汽轮机】管接\DN20\D00-600306B001\X300N</t>
  </si>
  <si>
    <t>【东方汽轮机】密封接头\DN20\D00-600306B003\X300N</t>
  </si>
  <si>
    <t>【东方汽轮机】旋入管接头\D00-600307B\600MW超临界机组</t>
  </si>
  <si>
    <t>【东方汽轮机】管接\D00-600307B001\600MW超临界机组</t>
  </si>
  <si>
    <t>【东方汽轮机】密封接头\D00-600307B003\600MW超临界机组</t>
  </si>
  <si>
    <t>【东方汽轮机】管接\D00-600308B001\600MW超临界机组</t>
  </si>
  <si>
    <t>【东方汽轮机】密封接头\D00-600308B003\600MW超临界机组</t>
  </si>
  <si>
    <t>【东方汽轮机】管接\D00-600309B001\600MW超临界机组</t>
  </si>
  <si>
    <t>【东方汽轮机】密封接头\D00-600309B003\600MW超临界机组</t>
  </si>
  <si>
    <t>【东方汽轮机】螺塞\M20×1.5\D00-600602B006\X300H</t>
  </si>
  <si>
    <t>【东方汽轮机】垫圈\D00-600607B013\600MW超临界机组</t>
  </si>
  <si>
    <t>【东方汽轮机】垫圈\D00-600607C004\600MW超临界机组</t>
  </si>
  <si>
    <t>【东方汽轮机】梅花敲击扳手(O型)\D00-660200A150\600MW超临界机组</t>
  </si>
  <si>
    <t>【东方汽轮机】隔板起吊工具\D00-668000C\600MW超临界机组</t>
  </si>
  <si>
    <t>【东方汽轮机】喷水头压盖\D09.018.002\600MW超临界机组</t>
  </si>
  <si>
    <t>【东方汽轮机】旋转槽盘\D09.018.003\600MW超临界机组</t>
  </si>
  <si>
    <t>【东方汽轮机】压板\D09.081.006</t>
  </si>
  <si>
    <t>【东方汽轮机】平衡重块\D09.212.014</t>
  </si>
  <si>
    <t>【东方汽轮机】预启阀座\D09.261.015</t>
  </si>
  <si>
    <t>【东方汽轮机】管子\Φ245×25\D09.291.001</t>
  </si>
  <si>
    <t>【东方汽轮机】管子\Φ245×25\D09.291.002</t>
  </si>
  <si>
    <t>【东方汽轮机】管子\Φ245×25\D09.291.003</t>
  </si>
  <si>
    <t>【东方汽轮机】管子\Φ245×25\D09.291.004</t>
  </si>
  <si>
    <t>【东方汽轮机】管子\Φ245×25\D09.291.005</t>
  </si>
  <si>
    <t>【东方汽轮机】弯头法兰\D09.291.011</t>
  </si>
  <si>
    <t>【东方汽轮机】管子\Φ426×16\D09.293.001</t>
  </si>
  <si>
    <t>【东方汽轮机】管子\Φ426×16\D09.293.002</t>
  </si>
  <si>
    <t>【东方汽轮机】管子\Φ426×16\D09.293.003</t>
  </si>
  <si>
    <t>【东方汽轮机】管子\Φ426×16\D09.293.004</t>
  </si>
  <si>
    <t>【东方汽轮机】管子\Φ426×16\D09.293.005</t>
  </si>
  <si>
    <t>【东方汽轮机】管子\Φ426×16\D09.293.006</t>
  </si>
  <si>
    <t>【东方汽轮机】大弹簧\D09.431.038\600MW超临界机组</t>
  </si>
  <si>
    <t>【东方汽轮机】小弹簧\D09.431.040\600MW超临界机组</t>
  </si>
  <si>
    <t>【东方汽轮机】双头螺柱\5 1/2″-8UN\D1000A-028000A001\1000MW超超临界机组</t>
  </si>
  <si>
    <t>【东方汽轮机】双头螺柱\5 1/2″-8UN\D1000A-028000A002\1000MW超超临界机组</t>
  </si>
  <si>
    <t>【东方汽轮机】双头螺柱\5 1/2″-8UN\D1000A-028000A003\1000MW超超临界机组</t>
  </si>
  <si>
    <t>【东方汽轮机】双头螺柱\5 1/2″-8UN\D1000A-028000A004\1000MW超超临界机组</t>
  </si>
  <si>
    <t>【东方汽轮机】高温用双头螺栓\5 1/2″-8UN\D1000A-028000A005\1000MW超超临界机组</t>
  </si>
  <si>
    <t>【东方汽轮机】双头螺柱\5 1/2″-8UN\D1000A-028000A006\1000MW超超临界机组</t>
  </si>
  <si>
    <t>【东方汽轮机】双头螺柱\3 1/2″-8UN\D1000A-028000A007\1000MW超超临界机组</t>
  </si>
  <si>
    <t>【东方汽轮机】双头螺柱\5″-8UN\D1000A-028000A008\1000MW超超临界机组</t>
  </si>
  <si>
    <t>【东方汽轮机】双头螺柱\5 1/2″-8UN\D1000A-028000A009\1000MW超超临界机组</t>
  </si>
  <si>
    <t>【东方汽轮机】双头螺柱\5 1/2″-8UN\D1000A-028000A010\1000MW超超临界机组</t>
  </si>
  <si>
    <t>【东方汽轮机】双头螺柱\3″-8UN\D1000A-028000A011\1000MW超超临界机组</t>
  </si>
  <si>
    <t>【东方汽轮机】双头螺柱\4″-8UN\D1000A-028000A012\1000MW超超临界机组</t>
  </si>
  <si>
    <t>【东方汽轮机】双头螺柱\4″-8UN\D1000A-028000A013\1000MW超超临界机组</t>
  </si>
  <si>
    <t>【东方汽轮机】双头螺柱\4″-8UN\D1000A-028000A014\1000MW超超临界机组</t>
  </si>
  <si>
    <t>【东方汽轮机】双头螺柱\4 1/2″-8UN\D1000A-028000A015\1000MW超超临界机组</t>
  </si>
  <si>
    <t>【东方汽轮机】双头螺柱\4 1/2″-8UN\D1000A-028000A016\1000MW超超临界机组</t>
  </si>
  <si>
    <t>【东方汽轮机】双头螺柱\5″-8UN\D1000A-028000A017\1000MW超超临界机组</t>
  </si>
  <si>
    <t>【东方汽轮机】双头螺柱\5″-8UN\D1000A-028000A018\1000MW超超临界机组</t>
  </si>
  <si>
    <t>【东方汽轮机】双头螺柱\3″-8UN\D1000A-028000A019\1000MW超超临界机组</t>
  </si>
  <si>
    <t>【东方汽轮机】双头螺柱\5 1/2″-8UN\D1000A-028000A020\1000MW超超临界机组</t>
  </si>
  <si>
    <t>【东方汽轮机】高温用开槽螺母\5 1/2″-8UN\D1000A-028000A022\1000MW超超临界机组</t>
  </si>
  <si>
    <t>【东方汽轮机】高温用开槽螺母\5 1/2″-8UN\D1000A-028000A023\1000MW超超临界机组</t>
  </si>
  <si>
    <t>【东方汽轮机】高温用开槽螺母\5″-8UN\D1000A-028000A024\1000MW超超临界机组</t>
  </si>
  <si>
    <t>【东方汽轮机】平垫圈\3 1/2″-8UN\D1000A-028000A025\1000MW超超临界机组</t>
  </si>
  <si>
    <t>【东方汽轮机】高温用开槽螺母\3″-8UN\D1000A-028000A026\1000MW超超临界机组</t>
  </si>
  <si>
    <t>【东方汽轮机】高温用开槽螺母\4″-8UN\D1000A-028000A027\1000MW超超临界机组</t>
  </si>
  <si>
    <t>【东方汽轮机】高温用开槽螺母\4 1/2″-8UN\D1000A-028000A028\1000MW超超临界机组</t>
  </si>
  <si>
    <t>【东方汽轮机】高温用开槽螺母\3″-8UN\D1000A-028000A029\1000MW超超临界机组</t>
  </si>
  <si>
    <t>【东方汽轮机】平垫圈\2 1/2″-8UN\D1000A-028000A030\1000MW超超临界机组</t>
  </si>
  <si>
    <t>【东方汽轮机】密封环\D1000A-029200A001\1000MW超超临界机组</t>
  </si>
  <si>
    <t>【东方汽轮机】密封环\D1000A-029200A002\1000MW超超临界机组</t>
  </si>
  <si>
    <t>【东方汽轮机】密封环\D1000A-029200A003\1000MW超超临界机组</t>
  </si>
  <si>
    <t>【东方汽轮机】锁紧环\D1000A-029200A004\1000MW超超临界机组</t>
  </si>
  <si>
    <t>【东方汽轮机】挡圈\D1000A-029200A005\1000MW超超临界机组</t>
  </si>
  <si>
    <t>【东方汽轮机】销\D1000A-029200A006\1000MW超超临界机组</t>
  </si>
  <si>
    <t>【东方汽轮机】密封环\D1000A-029200A007\1000MW超超临界机组</t>
  </si>
  <si>
    <t>【东方汽轮机】锁紧环\D1000A-029200A008\1000MW超超临界机组</t>
  </si>
  <si>
    <t>【东方汽轮机】销\D1000A-029200A009\1000MW超超临界机组</t>
  </si>
  <si>
    <t>【东方汽轮机】高温带垫圈螺栓\D1000A-029430A004\1000MW超超临界机组</t>
  </si>
  <si>
    <t>【东方汽轮机】高温用六角螺栓\D1000A-029500A002\1000MW超超临界机组</t>
  </si>
  <si>
    <t>【东方汽轮机】六角头螺栓\D1000A-029520A002\1000MW超超临界机组</t>
  </si>
  <si>
    <t>【东方汽轮机】密封环\D1000A-029600A001\1000MW超超临界机组</t>
  </si>
  <si>
    <t>【东方汽轮机】密封环\D1000A-029600A002\1000MW超超临界机组</t>
  </si>
  <si>
    <t>【东方汽轮机】密封环\D1000A-029600A003\1000MW超超临界机组</t>
  </si>
  <si>
    <t>【东方汽轮机】锁紧环\D1000A-029600A004\1000MW超超临界机组</t>
  </si>
  <si>
    <t>【东方汽轮机】销\D1000A-029600A006\1000MW超超临界机组</t>
  </si>
  <si>
    <t>【东方汽轮机】锁紧环\D1000A-029600A007\1000MW超超临界机组</t>
  </si>
  <si>
    <t>【东方汽轮机】双头螺柱\D1000A-029600A008\1000MW超超临界机组</t>
  </si>
  <si>
    <t>【东方汽轮机】罩螺母\D1000A-029600A009\1000MW超超临界机组</t>
  </si>
  <si>
    <t>【东方汽轮机】端盖\D1000A-029600A010\1000MW超超临界机组</t>
  </si>
  <si>
    <t>【东方汽轮机】缠绕垫\D1000A-029900A001\1000MW超超临界机组</t>
  </si>
  <si>
    <t>【东方汽轮机】金属缠绕垫片\D1000A-029900A002\1000MW超超临界机组</t>
  </si>
  <si>
    <t>【东方汽轮机】缠绕垫\D1000A-029900A003\1000MW超超临界机组</t>
  </si>
  <si>
    <t>【东方汽轮机】金属缠绕垫片\D1000A-029900A004\1000MW超超临界机组</t>
  </si>
  <si>
    <t>【东方汽轮机】金属缠绕垫片\D1000A-029900A005\1000MW超超临界机组</t>
  </si>
  <si>
    <t>【东方汽轮机】双头螺柱\D1000A-030500A001\1000MW超超临界机组</t>
  </si>
  <si>
    <t>【东方汽轮机】高温开槽螺母\D1000A-030500A002\1000MW超超临界机组</t>
  </si>
  <si>
    <t>【东方汽轮机】双头螺柱\D1000A-030500A003\1000MW超超临界机组</t>
  </si>
  <si>
    <t>【东方汽轮机】高温开槽螺母\D1000A-030500A004\1000MW超超临界机组</t>
  </si>
  <si>
    <t>【东方汽轮机】双头螺柱\D1000A-030500A005\1000MW超超临界机组</t>
  </si>
  <si>
    <t>【东方汽轮机】高温用罩螺母\D1000A-030500A006\1000MW超超临界机组</t>
  </si>
  <si>
    <t>【东方汽轮机】高温螺栓\D1000A-030500A007\1000MW超超临界机组</t>
  </si>
  <si>
    <t>【东方汽轮机】高温螺栓\D1000A-030500A008\1000MW超超临界机组</t>
  </si>
  <si>
    <t>【东方汽轮机】定位螺栓\D1000A-030500A009\1000MW超超临界机组</t>
  </si>
  <si>
    <t>【东方汽轮机】高温用六角头螺母\D1000A-030500A010\1000MW超超临界机组</t>
  </si>
  <si>
    <t>【东方汽轮机】螺栓\D1000A-030500A011\1000MW超超临界机组</t>
  </si>
  <si>
    <t>【东方汽轮机】高温用六角头螺母\D1000A-030500A012\1000MW超超临界机组</t>
  </si>
  <si>
    <t>【东方汽轮机】双头螺柱\D1000A-030500A013\1000MW超超临界机组</t>
  </si>
  <si>
    <t>【东方汽轮机】双头螺柱\D1000A-030500A015\1000MW超超临界机组</t>
  </si>
  <si>
    <t>【东方汽轮机】高温用罩螺母\D1000A-030500A016\1000MW超超临界机组</t>
  </si>
  <si>
    <t>【东方汽轮机】双头螺柱\D1000A-030500A017\1000MW超超临界机组</t>
  </si>
  <si>
    <t>【东方汽轮机】双头螺柱\D1000A-030500A018\1000MW超超临界机组</t>
  </si>
  <si>
    <t>【东方汽轮机】高温开槽螺母\D1000A-030500A019\1000MW超超临界机组</t>
  </si>
  <si>
    <t>【东方汽轮机】高温定位螺栓\D1000A-030500A020\1000MW超超临界机组</t>
  </si>
  <si>
    <t>【东方汽轮机】油封片\D1000A-031531A006\1000MW超超临界机组</t>
  </si>
  <si>
    <t>【东方汽轮机】油封弧片\D1000A-033351A006\1000MW超超临界机组</t>
  </si>
  <si>
    <t>【东方汽轮机】弹簧片\D1000A-034100A001\1000MW超超临界机组</t>
  </si>
  <si>
    <t>【东方汽轮机】汽封圈\D1000A-034110A\1000MW超超临界机组</t>
  </si>
  <si>
    <t>【东方汽轮机】橡胶板\D1000A-037000A001\1000MW超超临界机组</t>
  </si>
  <si>
    <t>【东方汽轮机】隔膜板\D1000A-037000A002\1000MW超超临界机组</t>
  </si>
  <si>
    <t>【东方汽轮机】橡胶板\D1000A-037000A003\1000MW超超临界机组</t>
  </si>
  <si>
    <t>【东方汽轮机】内六角螺栓\D1000A-041000A001\1000MW超超临界机组</t>
  </si>
  <si>
    <t>【东方汽轮机】双头螺柱\D1000A-041000A003\1000MW超超临界机组</t>
  </si>
  <si>
    <t>【东方汽轮机】高温开槽螺母\D1000A-041000A004\1000MW超超临界机组</t>
  </si>
  <si>
    <t>【东方汽轮机】销\D1000A-098100B002\1000MW超超临界机组</t>
  </si>
  <si>
    <t>【东方汽轮机】销\D1000A-098100B004\1000MW超超临界机组</t>
  </si>
  <si>
    <t>【东方汽轮机】销\D1000A-098100B005\1000MW超超临界机组</t>
  </si>
  <si>
    <t>【东方汽轮机】压板\D1000A-098100B008\1000MW超超临界机组</t>
  </si>
  <si>
    <t>【东方汽轮机】汽封\D1000A-098101C\1000MW超超临界机组</t>
  </si>
  <si>
    <t>【东方汽轮机】汽封\D1000A-098102C\1000MW超超临界机组</t>
  </si>
  <si>
    <t>【东方汽轮机】汽封\D1000A-098103C\1000MW超超临界机组</t>
  </si>
  <si>
    <t>【东方汽轮机】汽封\D1000A-098104C\1000MW超超临界机组</t>
  </si>
  <si>
    <t>【东方汽轮机】汽封\D1000A-098105C\1000MW超超临界机组</t>
  </si>
  <si>
    <t>【东方汽轮机】汽封\D1000A-098106C\1000MW超超临界机组</t>
  </si>
  <si>
    <t>【东方汽轮机】隔板汽封\D1000A-098107B\1000MW超超临界机组</t>
  </si>
  <si>
    <t>【东方汽轮机】隔板汽封\D1000A-098107C\1000MW超超临界机组</t>
  </si>
  <si>
    <t>【东方汽轮机】隔板汽封\D1000A-098108B\1000MW超超临界机组</t>
  </si>
  <si>
    <t>【东方汽轮机】隔板汽封\D1000A-098108C\1000MW超超临界机组</t>
  </si>
  <si>
    <t>【东方汽轮机】隔板汽封\D1000A-098109C\1000MW超超临界机组</t>
  </si>
  <si>
    <t>【东方汽轮机】隔板汽封\D1000A-098110C\1000MW超超临界机组</t>
  </si>
  <si>
    <t>【东方汽轮机】隔板汽封\D1000A-098111C\1000MW超超临界机组</t>
  </si>
  <si>
    <t>【东方汽轮机】隔板汽封\D1000A-098112C\1000MW超超临界机组</t>
  </si>
  <si>
    <t>【东方汽轮机】隔板汽封\D1000A-098113B\1000MW超超临界机组</t>
  </si>
  <si>
    <t>【东方汽轮机】隔板汽封\D1000A-098113C\1000MW超超临界机组</t>
  </si>
  <si>
    <t>【东方汽轮机】隔板汽封\D1000A-098114B\1000MW超超临界机组</t>
  </si>
  <si>
    <t>【东方汽轮机】隔板汽封\D1000A-098201C\1000MW超超临界机组</t>
  </si>
  <si>
    <t>【东方汽轮机】隔板汽封\D1000A-098202C\1000MW超超临界机组</t>
  </si>
  <si>
    <t>【东方汽轮机】隔板汽封\D1000A-098203C\1000MW超超临界机组</t>
  </si>
  <si>
    <t>【东方汽轮机】压板\D1000A-098300B002\1000MW超超临界机组</t>
  </si>
  <si>
    <t>【东方汽轮机】圆柱弹簧\D1000A-098300C001\1000MW超超临界机组</t>
  </si>
  <si>
    <t>【东方汽轮机】汽封\D1000A-098301C\1000MW超超临界机组</t>
  </si>
  <si>
    <t>【东方汽轮机】汽封\D1000A-098302C\1000MW超超临界机组</t>
  </si>
  <si>
    <t>【东方汽轮机】汽封\D1000A-098303C\1000MW超超临界机组</t>
  </si>
  <si>
    <t>【东方汽轮机】汽封\D1000A-098304C\1000MW超超临界机组</t>
  </si>
  <si>
    <t>【东方汽轮机】汽封\D1000A-098305C\1000MW超超临界机组</t>
  </si>
  <si>
    <t>【东方汽轮机】汽封\D1000A-098306C\1000MW超超临界机组</t>
  </si>
  <si>
    <t>【东方汽轮机】汽封\D1000A-098307C\1000MW超超临界机组</t>
  </si>
  <si>
    <t>【东方汽轮机】汽封\D1000A-098308C\1000MW超超临界机组</t>
  </si>
  <si>
    <t>【东方汽轮机】汽封\D1000A-098309C\1000MW超超临界机组</t>
  </si>
  <si>
    <t>【东方汽轮机】汽封\D1000A-098310C\1000MW超超临界机组</t>
  </si>
  <si>
    <t>【东方汽轮机】汽封\D1000A-098311C\1000MW超超临界机组</t>
  </si>
  <si>
    <t>【东方汽轮机】汽封\D1000A-098312C\1000MW超超临界机组</t>
  </si>
  <si>
    <t>【东方汽轮机】汽封\D1000A-098313C\1000MW超超临界机组</t>
  </si>
  <si>
    <t>【东方汽轮机】汽封\D1000A-098314C\1000MW超超临界机组</t>
  </si>
  <si>
    <t>【东方汽轮机】汽封\D1000A-098315C\1000MW超超临界机组</t>
  </si>
  <si>
    <t>【东方汽轮机】汽封\D1000A-098316C\1000MW超超临界机组</t>
  </si>
  <si>
    <t>【东方汽轮机】汽封\D1000A-098317C\1000MW超超临界机组</t>
  </si>
  <si>
    <t>【东方汽轮机】汽封\D1000A-098318C\1000MW超超临界机组</t>
  </si>
  <si>
    <t>【东方汽轮机】汽封\D1000A-098319C\1000MW超超临界机组</t>
  </si>
  <si>
    <t>【东方汽轮机】汽封\D1000A-098320C\1000MW超超临界机组</t>
  </si>
  <si>
    <t>【东方汽轮机】键\L=97\D1000A-099200A023\X300N</t>
  </si>
  <si>
    <t>【东方汽轮机】键\L=71\D1000A-099200A038\X300N</t>
  </si>
  <si>
    <t>【东方汽轮机】键\L=255\D1000A-099200A049\X300N</t>
  </si>
  <si>
    <t>【东方汽轮机】键\L=62\D1000A-099200A052\X300N</t>
  </si>
  <si>
    <t>【东方汽轮机】键\L=85\D1000A-099200A054\X300N</t>
  </si>
  <si>
    <t>【东方汽轮机】高温内六角头螺栓\D1000A-099500A001\X300P</t>
  </si>
  <si>
    <t>【东方汽轮机】高温内六角头螺栓\D1000A-099500A002\X300P</t>
  </si>
  <si>
    <t>【东方汽轮机】高温内六角头螺栓\D1000A-099500A003\X300P</t>
  </si>
  <si>
    <t>【东方汽轮机】高温内六角头螺栓\D1000A-099500A004\1000MW超超临界机组</t>
  </si>
  <si>
    <t>【东方汽轮机】高温内六角头螺栓\D1000A-099500A005\1000MW超超临界机组</t>
  </si>
  <si>
    <t>【东方汽轮机】高温内六角头螺栓\D1000A-099500A006\X300H</t>
  </si>
  <si>
    <t>【东方汽轮机】高温内六角头螺栓\D1000A-099500A008\1000MW超超临界机组</t>
  </si>
  <si>
    <t>【东方汽轮机】高温内六角头螺栓\D1000A-099500A009\1000MW超超临界机组</t>
  </si>
  <si>
    <t>【东方汽轮机】螺钉\D1000A-099600A001\1000MW超超临界机组</t>
  </si>
  <si>
    <t>【东方汽轮机】螺钉\D1000A-099600A002\1000MW超超临界机组</t>
  </si>
  <si>
    <t>【东方汽轮机】螺钉\D1000A-099600A003\1000MW超超临界机组</t>
  </si>
  <si>
    <t>【东方汽轮机】螺钉\D1000A-099600A004\1000MW超超临界机组</t>
  </si>
  <si>
    <t>【东方汽轮机】螺钉\D1000A-099600A005\1000MW超超临界机组</t>
  </si>
  <si>
    <t>【东方汽轮机】螺钉\D1000A-099600A006\1000MW超超临界机组</t>
  </si>
  <si>
    <t>【东方汽轮机】螺钉\D1000A-099600A007\1000MW超超临界机组</t>
  </si>
  <si>
    <t>【东方汽轮机】螺钉\D1000A-099600A008\1000MW超超临界机组</t>
  </si>
  <si>
    <t>【东方汽轮机】螺钉\D1000A-099600A009\1000MW超超临界机组</t>
  </si>
  <si>
    <t>【东方汽轮机】螺钉\D1000A-099600A010\1000MW超超临界机组</t>
  </si>
  <si>
    <t>【东方汽轮机】螺钉\D1000A-099600A011\1000MW超超临界机组</t>
  </si>
  <si>
    <t>【东方汽轮机】螺钉\D1000A-099600A012\1000MW超超临界机组</t>
  </si>
  <si>
    <t>【东方汽轮机】螺钉\D1000A-099600A013\1000MW超超临界机组</t>
  </si>
  <si>
    <t>【东方汽轮机】汽封圈\D1000A-099711A\1000MW超超临界机组</t>
  </si>
  <si>
    <t>【东方汽轮机】汽封圈\D1000A-099712A\1000MW超超临界机组</t>
  </si>
  <si>
    <t>【东方汽轮机】汽封圈\D1000A-099713A\1000MW超超临界机组</t>
  </si>
  <si>
    <t>【东方汽轮机】汽封圈\D1000A-099714A\1000MW超超临界机组</t>
  </si>
  <si>
    <t>【东方汽轮机】汽封圈\D1000A-099715A\1000MW超超临界机组</t>
  </si>
  <si>
    <t>【东方汽轮机】汽封圈\D1000A-099716A\1000MW超超临界机组</t>
  </si>
  <si>
    <t>【东方汽轮机】汽封圈\D1000A-099721A\1000MW超超临界机组</t>
  </si>
  <si>
    <t>【东方汽轮机】汽封圈\D1000A-099722A\1000MW超超临界机组</t>
  </si>
  <si>
    <t>【东方汽轮机】汽封圈\D1000A-099723A\1000MW超超临界机组</t>
  </si>
  <si>
    <t>【东方汽轮机】汽封圈\D1000A-099724A\1000MW超超临界机组</t>
  </si>
  <si>
    <t>【东方汽轮机】汽封圈\D1000A-099725A\1000MW超超临界机组</t>
  </si>
  <si>
    <t>【东方汽轮机】汽封圈\D1000A-099726A\1000MW超超临界机组</t>
  </si>
  <si>
    <t>【东方汽轮机】压板\D1000A-099730A001\1000MW超超临界机组</t>
  </si>
  <si>
    <t>【东方汽轮机】压板\D1000A-099730A002\1000MW超超临界机组</t>
  </si>
  <si>
    <t>【东方汽轮机】弹簧片\D1000A-099730A003\1000MW超超临界机组</t>
  </si>
  <si>
    <t>【东方汽轮机】压板\D1000A-160110A001\1000MW超超临界机组</t>
  </si>
  <si>
    <t>【东方汽轮机】双头螺柱\D1000A-160110A008\1000MW超超临界机组</t>
  </si>
  <si>
    <t>【东方汽轮机】六角头螺栓\M24X160\D1000A-160110A009\1000MW超超临界机组</t>
  </si>
  <si>
    <t>【东方汽轮机】双头螺柱\D1000A-160110A010\1000MW超超临界机组</t>
  </si>
  <si>
    <t>【东方汽轮机】高温罩螺母\D1000A-160110A011\1000MW超超临界机组</t>
  </si>
  <si>
    <t>【东方汽轮机】双头螺柱\D1000A-160110A012\1000MW超超临界机组</t>
  </si>
  <si>
    <t>【东方汽轮机】缠绕垫\D1000A-160110A014\1000MW超超临界机组</t>
  </si>
  <si>
    <t>【东方汽轮机】压板\D1000A-160120A001\1000MW超超临界机组</t>
  </si>
  <si>
    <t>【东方汽轮机】开槽沉头螺钉\M6×18\D1000A-160120A002\1000MW超超临界机组</t>
  </si>
  <si>
    <t>【东方汽轮机】六角头螺栓\M24X180\D1000A-160120A005\1000MW超超临界机组</t>
  </si>
  <si>
    <t>【东方汽轮机】缠绕垫\D1000A-160120A007\1000MW超超临界机组</t>
  </si>
  <si>
    <t>【东方汽轮机】压板\D1000A-160130A001\1000MW超超临界机组</t>
  </si>
  <si>
    <t>【东方汽轮机】六角头螺栓\M20X55\D1000A-160130A011\1000MW超超临界机组</t>
  </si>
  <si>
    <t>【东方汽轮机】六角头螺栓\M20X45\D1000A-160130A012\1000MW超超临界机组</t>
  </si>
  <si>
    <t>【东方汽轮机】双头螺柱\D1000A-160130A013\1000MW超超临界机组</t>
  </si>
  <si>
    <t>【东方汽轮机】双头螺柱\D1000A-160130A014\1000MW超超临界机组</t>
  </si>
  <si>
    <t>【东方汽轮机】弹簧片\D1000A-170100A001\1000MW超超临界机组</t>
  </si>
  <si>
    <t>【东方汽轮机】弹簧片\D1000A-170100A002\1000MW超超临界机组</t>
  </si>
  <si>
    <t>【东方汽轮机】弹簧片\D1000A-170100A003\1000MW超超临界机组</t>
  </si>
  <si>
    <t>【东方汽轮机】汽封圈\D1000A-170101B\1000MW超超临界机组</t>
  </si>
  <si>
    <t>【东方汽轮机】汽封圈\D1000A-170101C\1000MW超超临界机组</t>
  </si>
  <si>
    <t>【东方汽轮机】汽封圈\D1000A-170102C\1000MW超超临界机组</t>
  </si>
  <si>
    <t>【东方汽轮机】汽封圈\D1000A-170103C\1000MW超超临界机组</t>
  </si>
  <si>
    <t>【东方汽轮机】汽封圈\D1000A-170104C\1000MW超超临界机组</t>
  </si>
  <si>
    <t>【东方汽轮机】汽封圈\D1000A-170105C\1000MW超超临界机组</t>
  </si>
  <si>
    <t>【东方汽轮机】汽封圈\D1000A-170106C\1000MW超超临界机组</t>
  </si>
  <si>
    <t>【东方汽轮机】汽封圈\D1000A-170107B\1000MW超超临界机组</t>
  </si>
  <si>
    <t>【东方汽轮机】汽封圈\D1000A-170107C\1000MW超超临界机组</t>
  </si>
  <si>
    <t>【东方汽轮机】汽封圈\D1000A-170108B\1000MW超超临界机组</t>
  </si>
  <si>
    <t>【东方汽轮机】汽封圈\D1000A-170111B\1000MW超超临界机组</t>
  </si>
  <si>
    <t>【东方汽轮机】汽封圈\D1000A-170210A\1000MW超超临界机组</t>
  </si>
  <si>
    <t>【东方汽轮机】油封齿\D1000A-182510A007\1000MW超超临界机组</t>
  </si>
  <si>
    <t>【东方汽轮机】油封齿\D1000A-182520A005\1000MW超超临界机组</t>
  </si>
  <si>
    <t>【东方汽轮机】止动垫片\D1000A-210000A004\1000MW超超临界机组</t>
  </si>
  <si>
    <t>【东方汽轮机】螺栓(短轴用)\D1000A-210000A005\1000MW超超临界机组</t>
  </si>
  <si>
    <t>【东方汽轮机】螺栓\D1000A-210000A014\1000MW超超临界机组</t>
  </si>
  <si>
    <t>【东方汽轮机】螺栓\D1000A-210000A015\1000MW超超临界机组</t>
  </si>
  <si>
    <t>【东方汽轮机】螺栓\D1000A-210000A016\1000MW超超临界机组</t>
  </si>
  <si>
    <t>【东方汽轮机】螺母\(3GH)\D1000A-210000A017\1000MW超超临界机组</t>
  </si>
  <si>
    <t>【东方汽轮机】螺母\(3 1/2GH带沟槽)\D1000A-210000A018\1000MW超超临界机组</t>
  </si>
  <si>
    <t>【东方汽轮机】止动垫片\D1000A-210000A019\1000MW超超临界机组</t>
  </si>
  <si>
    <t>【东方汽轮机】止动垫片\D1000A-210000A020\1000MW超超临界机组</t>
  </si>
  <si>
    <t>【东方汽轮机】止动垫片\D1000A-210000A021\1000MW超超临界机组</t>
  </si>
  <si>
    <t>【东方汽轮机】止动垫片\D1000A-210000A022\1000MW超超临界机组</t>
  </si>
  <si>
    <t>【东方汽轮机】定位销\D1000A-210000A026\1000MW超超临界机组</t>
  </si>
  <si>
    <t>【东方汽轮机】调整垫片\D1000A-222000A001\1000MW超超临界机组</t>
  </si>
  <si>
    <t>【东方汽轮机】调整垫片\D1000A-223000A001\1000MW超超临界机组</t>
  </si>
  <si>
    <t>【东方汽轮机】弹簧\D1000A-231000B020\1000MW超超临界机组</t>
  </si>
  <si>
    <t>【东方汽轮机】弹簧\D1000A-231000B036\1000MW超超临界机组</t>
  </si>
  <si>
    <t>【东方汽轮机】调整垫片\D1000A-241000A006\1000MW超超临界机组</t>
  </si>
  <si>
    <t>【东方汽轮机】调整垫片\D1000A-241000A007\1000MW超超临界机组</t>
  </si>
  <si>
    <t>【东方汽轮机】调整垫片\D1000A-241000A008\1000MW超超临界机组</t>
  </si>
  <si>
    <t>【东方汽轮机】调整垫片\D1000A-241000A009\1000MW超超临界机组</t>
  </si>
  <si>
    <t>【东方汽轮机】调整垫片\D1000A-241000A010\1000MW超超临界机组</t>
  </si>
  <si>
    <t>【东方汽轮机】调整垫片\D1000A-241000A011\1000MW超超临界机组</t>
  </si>
  <si>
    <t>【东方汽轮机】调整垫片\D1000A-241000A012\1000MW超超临界机组</t>
  </si>
  <si>
    <t>【东方汽轮机】调整垫片\D1000A-241000A013\1000MW超超临界机组</t>
  </si>
  <si>
    <t>【东方汽轮机】调整垫片\D1000A-241000A014\1000MW超超临界机组</t>
  </si>
  <si>
    <t>【东方汽轮机】可倾瓦块\D1000A-241100A\1000MW超超临界机组</t>
  </si>
  <si>
    <t>【东方汽轮机】轴承可倾瓦块\D1000A-241100C\1000MW超超临界机组</t>
  </si>
  <si>
    <t>【东方汽轮机】调整垫片\D1000A-242000A003\1000MW超超临界机组</t>
  </si>
  <si>
    <t>【东方汽轮机】调整垫片\D1000A-242000A004\1000MW超超临界机组</t>
  </si>
  <si>
    <t>【东方汽轮机】调整垫片\D1000A-242000A005\1000MW超超临界机组</t>
  </si>
  <si>
    <t>【东方汽轮机】可倾瓦块\D1000A-242100A\1000MW超超临界机组</t>
  </si>
  <si>
    <t>【东方汽轮机】轴承可倾瓦块\D1000A-242100C\1000MW超超临界机组</t>
  </si>
  <si>
    <t>【东方汽轮机】销\D1000A-243000A001\1000MW超超临界机组</t>
  </si>
  <si>
    <t>【东方汽轮机】销\D1000A-243000A002\1000MW超超临界机组</t>
  </si>
  <si>
    <t>【东方汽轮机】双头螺柱\D1000A-243000A003\1000MW超超临界机组</t>
  </si>
  <si>
    <t>【东方汽轮机】正向推力瓦\D1000A-243300A\1000MW超超临界机组</t>
  </si>
  <si>
    <t>【东方汽轮机】反向推力瓦\D1000A-243400A\1000MW超超临界机组</t>
  </si>
  <si>
    <t>【东方汽轮机】正向垫环\D1000A-243500A\1000MW超超临界机组</t>
  </si>
  <si>
    <t>【东方汽轮机】反向垫环\D1000A-243600A\1000MW超超临界机组</t>
  </si>
  <si>
    <t>【东方汽轮机】可倾瓦块\D1000A-244100A\1000MW超超临界机组</t>
  </si>
  <si>
    <t>【东方汽轮机】轴承可倾瓦块\D1000A-244100C\1000MW超超临界机组</t>
  </si>
  <si>
    <t>【东方汽轮机】调整垫片\D1000A-245000A007\1000MW超超临界机组</t>
  </si>
  <si>
    <t>【东方汽轮机】调整垫片\D1000A-245000A008\1000MW超超临界机组</t>
  </si>
  <si>
    <t>【东方汽轮机】调整垫片\D1000A-245000A009\1000MW超超临界机组</t>
  </si>
  <si>
    <t>【东方汽轮机】调整垫片\D1000A-245000A010\1000MW超超临界机组</t>
  </si>
  <si>
    <t>【东方汽轮机】调整垫片\D1000A-245000A011\1000MW超超临界机组</t>
  </si>
  <si>
    <t>【东方汽轮机】调整垫片\D1000A-245000A012\1000MW超超临界机组</t>
  </si>
  <si>
    <t>【东方汽轮机】调整垫片\D1000A-245000A013\1000MW超超临界机组</t>
  </si>
  <si>
    <t>【东方汽轮机】调整垫片\D1000A-245000A014\1000MW超超临界机组</t>
  </si>
  <si>
    <t>【东方汽轮机】调整垫片\D1000A-245000A015\1000MW超超临界机组</t>
  </si>
  <si>
    <t>【东方汽轮机】可倾瓦块\D1000A-245100A\1000MW超超临界机组</t>
  </si>
  <si>
    <t>【东方汽轮机】轴承可倾瓦块\D1000A-245100C\1000MW超超临界机组</t>
  </si>
  <si>
    <t>【东方汽轮机】垫圈\D1000A-261000A001\1000MW超超临界机组</t>
  </si>
  <si>
    <t>【东方汽轮机】销\D1000A-261000A002\1000MW超超临界机组</t>
  </si>
  <si>
    <t>【东方汽轮机】垫片\D1000A-261000A003\1000MW超超临界机组</t>
  </si>
  <si>
    <t>【东方汽轮机】金属缠绕垫片\D1000A-261000A004\1000MW超超临界机组</t>
  </si>
  <si>
    <t>【东方汽轮机】高温六角螺钉\M22\D1000A-261000A005\1000MW超超临界机组</t>
  </si>
  <si>
    <t>【东方汽轮机】金属缠绕垫片\D1000A-261000A006\1000MW超超临界机组</t>
  </si>
  <si>
    <t>【东方汽轮机】双头螺柱\D1000A-261000A007\1000MW超超临界机组</t>
  </si>
  <si>
    <t>【东方汽轮机】高温内六角螺钉\D1000A-261000A008\1000MW超超临界机组</t>
  </si>
  <si>
    <t>【东方汽轮机】键\D1000A-261200A003\1000MW超超临界机组</t>
  </si>
  <si>
    <t>【东方汽轮机】垫片\D1000A-261200A004\1000MW超超临界机组</t>
  </si>
  <si>
    <t>【东方汽轮机】螺钉\D1000A-261200A005\1000MW超超临界机组</t>
  </si>
  <si>
    <t>【东方汽轮机】主汽阀杆\D1000A-261200A006\1000MW超超临界机组</t>
  </si>
  <si>
    <t>【东方汽轮机】主汽阀碟\D1000A-261220A\1000MW超超临界机组</t>
  </si>
  <si>
    <t>【东方汽轮机】垫片\D1000A-261300A002\1000MW超超临界机组</t>
  </si>
  <si>
    <t>【东方汽轮机】螺钉\D1000A-261300A003\1000MW超超临界机组</t>
  </si>
  <si>
    <t>【东方汽轮机】键\D1000A-261300A005\1000MW超超临界机组</t>
  </si>
  <si>
    <t>【东方汽轮机】主汽阀杆\D1000A-261300A006\1000MW超超临界机组</t>
  </si>
  <si>
    <t>【东方汽轮机】主汽阀碟\D1000A-261310A\1000MW超超临界机组</t>
  </si>
  <si>
    <t>【东方汽轮机】铆钉\D1000A-261500A009\1000MW超超临界机组</t>
  </si>
  <si>
    <t>【东方汽轮机】高温带槽螺母\(31/2"-GH)\D1000A-265000A001\1000MW超超临界机组</t>
  </si>
  <si>
    <t>【东方汽轮机】高温双头螺栓\(3 1/2″-GH)\D1000A-265000A002\1000MW超超临界机组</t>
  </si>
  <si>
    <t>【东方汽轮机】垫片\D1000A-265000A003\1000MW超超临界机组</t>
  </si>
  <si>
    <t>【东方汽轮机】高温双头螺栓\D1000A-265000A004\1000MW超超临界机组</t>
  </si>
  <si>
    <t>【东方汽轮机】高温螺母\D1000A-265000A005\1000MW超超临界机组</t>
  </si>
  <si>
    <t>【东方汽轮机】高温螺栓\D1000A-265000A006\1000MW超超临界机组</t>
  </si>
  <si>
    <t>【东方汽轮机】金属缠绕垫片\D1000A-265000A007\1000MW超超临界机组</t>
  </si>
  <si>
    <t>【东方汽轮机】金属缠绕垫片\D1000A-265000A008\1000MW超超临界机组</t>
  </si>
  <si>
    <t>【东方汽轮机】高温内六角螺栓\D1000A-265000A009\1000MW超超临界机组</t>
  </si>
  <si>
    <t>【东方汽轮机】双头螺柱\D1000A-265000A010\1000MW超超临界机组</t>
  </si>
  <si>
    <t>【东方汽轮机】螺母\D1000A-265000A011\1000MW超超临界机组</t>
  </si>
  <si>
    <t>【东方汽轮机】销\D1000A-265000A012\1000MW超超临界机组</t>
  </si>
  <si>
    <t>【东方汽轮机】调节阀杆\D1000A-265400A001\1000MW超超临界机组</t>
  </si>
  <si>
    <t>【东方汽轮机】销\D1000A-265400A002\1000MW超超临界机组</t>
  </si>
  <si>
    <t>【东方汽轮机】高温六角螺栓\D1000A-265400A004\1000MW超超临界机组</t>
  </si>
  <si>
    <t>【东方汽轮机】调节阀阀碟\D1000A-265410A\1000MW超超临界机组</t>
  </si>
  <si>
    <t>【东方汽轮机】衬套\D1000A-265500A002\1000MW超超临界机组</t>
  </si>
  <si>
    <t>【东方汽轮机】键\D1000A-265500A004\1000MW超超临界机组</t>
  </si>
  <si>
    <t>【东方汽轮机】阀杆\D1000A-265500A005\1000MW超超临界机组</t>
  </si>
  <si>
    <t>【东方汽轮机】高温六角螺栓\D1000A-265500A006\1000MW超超临界机组</t>
  </si>
  <si>
    <t>【东方汽轮机】预启阀碟\D1000A-265520A\1000MW超超临界机组</t>
  </si>
  <si>
    <t>【东方汽轮机】主汽阀碟\D1000A-265530A\1000MW超超临界机组</t>
  </si>
  <si>
    <t>【东方汽轮机】密封环\D1000A-265600A002\1000MW超超临界机组</t>
  </si>
  <si>
    <t>【东方汽轮机】高温内六角螺栓\D1000A-265600A003\1000MW超超临界机组</t>
  </si>
  <si>
    <t>【东方汽轮机】双头螺柱\M42X3X250\D1000A-265700A006\1000MW超超临界机组</t>
  </si>
  <si>
    <t>【东方汽轮机】金属缠绕垫片\D1000A-271000A002\1000MW超超临界机组</t>
  </si>
  <si>
    <t>【东方汽轮机】双头螺柱\2 3/4(GH)\D1000A-271000A004\1000MW超超临界机组</t>
  </si>
  <si>
    <t>【东方汽轮机】高温用带槽螺母\2 3/4(GH)\D1000A-271000A005\1000MW超超临界机组</t>
  </si>
  <si>
    <t>【东方汽轮机】销\D1000A-271000A006\1000MW超超临界机组</t>
  </si>
  <si>
    <t>【东方汽轮机】垫片\D1000A-271000A007\1000MW超超临界机组</t>
  </si>
  <si>
    <t>【东方汽轮机】高温六角头螺栓\M36x3\D1000A-271000A008\1000MW超超临界机组</t>
  </si>
  <si>
    <t>【东方汽轮机】金属缠绕垫片\D1000A-271000A009\1000MW超超临界机组</t>
  </si>
  <si>
    <t>【东方汽轮机】金属缠绕垫片\D1000A-271000A010\1000MW超超临界机组</t>
  </si>
  <si>
    <t>【东方汽轮机】双头螺柱\D1000A-271000A014\1000MW超超临界机组</t>
  </si>
  <si>
    <t>【东方汽轮机】双头螺柱\D1000A-271000A015\1000MW超超临界机组</t>
  </si>
  <si>
    <t>【东方汽轮机】高温用螺母\D1000A-271000A016\1000MW超超临界机组</t>
  </si>
  <si>
    <t>【东方汽轮机】高温用螺母\D1000A-271000A017\1000MW超超临界机组</t>
  </si>
  <si>
    <t>【东方汽轮机】调节阀杆\D1000A-271200A001\1000MW超超临界机组</t>
  </si>
  <si>
    <t>【东方汽轮机】调节阀碟\D1000A-271200A002\1000MW超超临界机组</t>
  </si>
  <si>
    <t>【东方汽轮机】销\D1000A-271200A003\1000MW超超临界机组</t>
  </si>
  <si>
    <t>【东方汽轮机】预启阀碟\D1000A-271200A004\1000MW超超临界机组</t>
  </si>
  <si>
    <t>【东方汽轮机】螺钉\D1000A-271200A005\1000MW超超临界机组</t>
  </si>
  <si>
    <t>【东方汽轮机】垫片\D1000A-271200A006\1000MW超超临界机组</t>
  </si>
  <si>
    <t>【东方汽轮机】六角头螺栓\M20\D1000A-271300A003\1000MW超超临界机组</t>
  </si>
  <si>
    <t>【东方汽轮机】螺柱\2 3/4(GH)\D1000A-271400A001\1000MW超超临界机组</t>
  </si>
  <si>
    <t>【东方汽轮机】螺母\2 3/4(GH)\D1000A-271400A002\1000MW超超临界机组</t>
  </si>
  <si>
    <t>【东方汽轮机】螺母\3(GH)\D1000A-271400A004\1000MW超超临界机组</t>
  </si>
  <si>
    <t>【东方汽轮机】密封环\D1000A-294000A001\1000MW超超临界机组</t>
  </si>
  <si>
    <t>【东方汽轮机】密封环\D1000A-294000A002\1000MW超超临界机组</t>
  </si>
  <si>
    <t>【东方汽轮机】密封环\D1000A-294000A003\1000MW超超临界机组</t>
  </si>
  <si>
    <t>【东方汽轮机】锁紧环\D1000A-294000A004\1000MW超超临界机组</t>
  </si>
  <si>
    <t>【东方汽轮机】挡圈\D1000A-294000A005\1000MW超超临界机组</t>
  </si>
  <si>
    <t>【东方汽轮机】销\D1000A-294000A006\1000MW超超临界机组</t>
  </si>
  <si>
    <t>【东方汽轮机】高温内六角螺栓\D1000A-294000A007\1000MW超超临界机组</t>
  </si>
  <si>
    <t>【东方汽轮机】金属缠绕垫片\D1000A-294000A008\1000MW超超临界机组</t>
  </si>
  <si>
    <t>【东方汽轮机】密封环\D1000A-295000A001\1000MW超超临界机组</t>
  </si>
  <si>
    <t>【东方汽轮机】密封环\D1000A-295000A002\1000MW超超临界机组</t>
  </si>
  <si>
    <t>【东方汽轮机】密封环\D1000A-295000A003\1000MW超超临界机组</t>
  </si>
  <si>
    <t>【东方汽轮机】锁紧环\D1000A-295000A004\1000MW超超临界机组</t>
  </si>
  <si>
    <t>【东方汽轮机】挡圈\D1000A-295000A005\1000MW超超临界机组</t>
  </si>
  <si>
    <t>【东方汽轮机】密封环\D1000A-295000A006\1000MW超超临界机组</t>
  </si>
  <si>
    <t>【东方汽轮机】锁紧环\D1000A-295000A007\1000MW超超临界机组</t>
  </si>
  <si>
    <t>【东方汽轮机】挡圈\D1000A-295000A008\1000MW超超临界机组</t>
  </si>
  <si>
    <t>【东方汽轮机】销\D1000A-295000A009\1000MW超超临界机组</t>
  </si>
  <si>
    <t>【东方汽轮机】密封环\D1000A-295000A010\1000MW超超临界机组</t>
  </si>
  <si>
    <t>【东方汽轮机】密封环\D1000A-295000A011\1000MW超超临界机组</t>
  </si>
  <si>
    <t>【东方汽轮机】密封环\D1000A-295000A012\1000MW超超临界机组</t>
  </si>
  <si>
    <t>【东方汽轮机】锁紧环\D1000A-295000A013\1000MW超超临界机组</t>
  </si>
  <si>
    <t>【东方汽轮机】挡圈\D1000A-295000A014\1000MW超超临界机组</t>
  </si>
  <si>
    <t>【东方汽轮机】高温内六角螺栓\D1000A-295000A015\1000MW超超临界机组</t>
  </si>
  <si>
    <t>【东方汽轮机】金属缠绕垫片\D1000A-295000A016\1000MW超超临界机组</t>
  </si>
  <si>
    <t>【东方汽轮机】双头螺柱\D1000A-296000A001\1000MW超超临界机组</t>
  </si>
  <si>
    <t>【东方汽轮机】双头螺柱\D1000A-296000A002\1000MW超超临界机组</t>
  </si>
  <si>
    <t>【东方汽轮机】双头螺柱\D1000A-296000A003\1000MW超超临界机组</t>
  </si>
  <si>
    <t>【东方汽轮机】金属缠绕垫片\D1000A-296000A004\1000MW超超临界机组</t>
  </si>
  <si>
    <t>【东方汽轮机】金属缠绕垫片\D1000A-296000A005\1000MW超超临界机组</t>
  </si>
  <si>
    <t>【东方汽轮机】金属缠绕垫片\D1000A-296000A006\1000MW超超临界机组</t>
  </si>
  <si>
    <t>【东方汽轮机】金属缠绕垫片\D1000A-296000A007\1000MW超超临界机组</t>
  </si>
  <si>
    <t>【东方汽轮机】垫片\D1000A-296000A008\1000MW超超临界机组</t>
  </si>
  <si>
    <t>【东方汽轮机】销\D1000A-369000B004\1000MW超超临界机组</t>
  </si>
  <si>
    <t>【东方汽轮机】热电偶\D1000A-798910B019\1000MW超超临界机组</t>
  </si>
  <si>
    <t>【东方汽轮机】热电偶\D1000A-798910B020\1000MW超超临界机组</t>
  </si>
  <si>
    <t>【东方汽轮机】热电偶\D1000A-798910B021\1000MW超超临界机组</t>
  </si>
  <si>
    <t>【东方汽轮机】热电偶\D1000A-798910B026\1000MW超超临界机组</t>
  </si>
  <si>
    <t>【东方汽轮机】热电偶\D1000A-798910B027\1000MW超超临界机组</t>
  </si>
  <si>
    <t>【东方汽轮机】热电偶\D1000A-798910B028\1000MW超超临界机组</t>
  </si>
  <si>
    <t>【东方汽轮机】热电阻\D1000A-798910D001\1000MW超超临界机组</t>
  </si>
  <si>
    <t>【东方汽轮机】热电阻\D1000A-798910D002\1000MW超超临界机组</t>
  </si>
  <si>
    <t>【东方汽轮机】热电阻\D1000A-798910D003\1000MW超超临界机组</t>
  </si>
  <si>
    <t>【东方汽轮机】热电阻\D1000A-798910D004\1000MW超超临界机组</t>
  </si>
  <si>
    <t>【东方汽轮机】热电阻\D1000A-798910D005\1000MW超超临界机组</t>
  </si>
  <si>
    <t>【东方汽轮机】热电阻\D1000A-798910D006\1000MW超超临界机组</t>
  </si>
  <si>
    <t>【东方汽轮机】热电阻\D1000A-798910D007\1000MW超超临界机组</t>
  </si>
  <si>
    <t>【东方汽轮机】热电阻\D1000A-798910D008\1000MW超超临界机组</t>
  </si>
  <si>
    <t>【东方汽轮机】热电阻\D1000A-798910D009\1000MW超超临界机组</t>
  </si>
  <si>
    <t>【东方汽轮机】热电阻\D1000A-798910D010\1000MW超超临界机组</t>
  </si>
  <si>
    <t>【东方汽轮机】热电阻\D1000A-798910D011\1000MW超超临界机组</t>
  </si>
  <si>
    <t>【东方汽轮机】热电阻\D1000A-798910D012\1000MW超超临界机组</t>
  </si>
  <si>
    <t>【东方汽轮机】热电阻\D1000A-798910D013\1000MW超超临界机组</t>
  </si>
  <si>
    <t>【东方汽轮机】热电阻\D1000A-798910D014\1000MW超超临界机组</t>
  </si>
  <si>
    <t>【东方汽轮机】热电阻\D1000A-798910D015\1000MW超超临界机组</t>
  </si>
  <si>
    <t>【东方汽轮机】热电阻\D1000A-798910D016\1000MW超超临界机组</t>
  </si>
  <si>
    <t>【东方汽轮机】热电阻\D1000A-798910D017\1000MW超超临界机组</t>
  </si>
  <si>
    <t>【东方汽轮机】热电阻\D1000A-798910D018\1000MW超超临界机组</t>
  </si>
  <si>
    <t>【东方汽轮机】热电阻\D1000A-798910D019\1000MW超超临界机组</t>
  </si>
  <si>
    <t>【东方汽轮机】热电阻\D1000A-798910D020\1000MW超超临界机组</t>
  </si>
  <si>
    <t>【东方汽轮机】热电阻\D1000A-798910D021\1000MW超超临界机组</t>
  </si>
  <si>
    <t>【东方汽轮机】热电阻\D1000A-798910D022\1000MW超超临界机组</t>
  </si>
  <si>
    <t>【东方汽轮机】热电阻\D1000A-798910D023\1000MW超超临界机组</t>
  </si>
  <si>
    <t>【东方汽轮机】热电阻\D1000A-798910D024\1000MW超超临界机组</t>
  </si>
  <si>
    <t>【东方汽轮机】热电阻\D1000A-798910D025\1000MW超超临界机组</t>
  </si>
  <si>
    <t>【东方汽轮机】热电阻\D1000A-798910D026\1000MW超超临界机组</t>
  </si>
  <si>
    <t>【东方汽轮机】热电阻\D1000A-798910D027\1000MW超超临界机组</t>
  </si>
  <si>
    <t>【东方汽轮机】热电阻\D1000A-798910D028\1000MW超超临界机组</t>
  </si>
  <si>
    <t>【东方汽轮机】热电阻\D1000A-798910D029\1000MW超超临界机组</t>
  </si>
  <si>
    <t>【东方汽轮机】热电阻\D1000A-798910D030\1000MW超超临界机组</t>
  </si>
  <si>
    <t>【东方汽轮机】汽封圈\D1000C-170103A\1000MW超超临界机组</t>
  </si>
  <si>
    <t>【东方汽轮机】汽封圈\D1000C-170104A\1000MW超超临界机组</t>
  </si>
  <si>
    <t>【东方汽轮机】汽封圈\D1000C-170105A\1000MW超超临界机组</t>
  </si>
  <si>
    <t>【东方汽轮机】销\D1000D-098100A001\1000MW超超临界机组</t>
  </si>
  <si>
    <t>【东方汽轮机】销\D1000D-098100A002\1000MW超超临界机组</t>
  </si>
  <si>
    <t>【东方汽轮机】销\D1000D-098100A003\1000MW超超临界机组</t>
  </si>
  <si>
    <t>【东方汽轮机】隔板汽封\D1000D-098110A\1000MW超超临界机组</t>
  </si>
  <si>
    <t>【东方汽轮机】隔板汽封\D1000D-098120A\1000MW超超临界机组</t>
  </si>
  <si>
    <t>【东方汽轮机】隔板汽封\D1000D-098130A\1000MW超超临界机组</t>
  </si>
  <si>
    <t>【东方汽轮机】隔板汽封\D1000D-098140A\1000MW超超临界机组</t>
  </si>
  <si>
    <t>【东方汽轮机】隔板汽封\D1000D-098150A\1000MW超超临界机组</t>
  </si>
  <si>
    <t>【东方汽轮机】隔板汽封\D1000D-098160A\1000MW超超临界机组</t>
  </si>
  <si>
    <t>【东方汽轮机】汽封\D1000D-098310A\1000MW超超临界机组</t>
  </si>
  <si>
    <t>【东方汽轮机】汽封\D1000D-098320A\1000MW超超临界机组</t>
  </si>
  <si>
    <t>【东方汽轮机】汽封\D1000D-098330A\1000MW超超临界机组</t>
  </si>
  <si>
    <t>【东方汽轮机】汽封\D1000D-098340A\1000MW超超临界机组</t>
  </si>
  <si>
    <t>【东方汽轮机】汽封\D1000D-098350A\1000MW超超临界机组</t>
  </si>
  <si>
    <t>【东方汽轮机】汽封\D1000D-098360A\1000MW超超临界机组</t>
  </si>
  <si>
    <t>【东方汽轮机】汽封\D1000D-098370A\1000MW超超临界机组</t>
  </si>
  <si>
    <t>【东方汽轮机】汽封\D1000D-098380A\1000MW超超临界机组</t>
  </si>
  <si>
    <t>【东方汽轮机】汽封圈\D1000D-170101A\1000MW超超临界机组</t>
  </si>
  <si>
    <t>【东方汽轮机】汽封圈\D1000D-170102A\1000MW超超临界机组</t>
  </si>
  <si>
    <t>【东方汽轮机】汽封圈\D1000D-170103A\1000MW超超临界机组</t>
  </si>
  <si>
    <t>【东方汽轮机】汽封圈\D1000D-170104A\1000MW超超临界机组</t>
  </si>
  <si>
    <t>【东方汽轮机】汽封\D1000E-098414A\1000MW超超临界机组</t>
  </si>
  <si>
    <t>【东方汽轮机】汽封\D1000E-098420A\1000MW超超临界机组</t>
  </si>
  <si>
    <t>【东方汽轮机】高压主汽调节阀\D125A-261000B\600MW超临界机组</t>
  </si>
  <si>
    <t>【东方汽轮机】阀碟\D125A-261000B001\600MW超临界机组</t>
  </si>
  <si>
    <t>【东方汽轮机】阀杆\D125A-261000B002\600MW超临界机组</t>
  </si>
  <si>
    <t>【东方汽轮机】阀碟\D125A-261000B003\600MW超临界机组</t>
  </si>
  <si>
    <t>【东方汽轮机】阀杆\D125A-261000B004\600MW超临界机组</t>
  </si>
  <si>
    <t>【东方汽轮机】导向键\D125A-261000B005\600MW超临界机组</t>
  </si>
  <si>
    <t>【东方汽轮机】导向键\D125A-261000B006\600MW超临界机组</t>
  </si>
  <si>
    <t>【东方汽轮机】主汽阀碟\D125A-265000A002\600MW超临界机组</t>
  </si>
  <si>
    <t>【东方汽轮机】主汽阀预启阀碟\D125A-265000A003\600MW超临界机组</t>
  </si>
  <si>
    <t>【东方汽轮机】主汽阀调整圈\D125A-265000A004\600MW超临界机组</t>
  </si>
  <si>
    <t>【东方汽轮机】调节阀预启阀碟\D125A-265000A010\600MW超临界机组</t>
  </si>
  <si>
    <t>【东方汽轮机】齿形垫片\D125A-265000A011\600MW超临界机组</t>
  </si>
  <si>
    <t>【东方汽轮机】调节阀杆\D125A-265000A012\600MW超临界机组</t>
  </si>
  <si>
    <t>【东方汽轮机】汽封圈\D125A-265000A014\600MW超临界机组</t>
  </si>
  <si>
    <t>【东方汽轮机】螺塞\D125A-265000A021\600MW超临界机组</t>
  </si>
  <si>
    <t>【东方汽轮机】密封块\D125A-265000A023\600MW超临界机组</t>
  </si>
  <si>
    <t>【东方汽轮机】齿形垫片\D125A-265000A026\600MW超临界机组</t>
  </si>
  <si>
    <t>【东方汽轮机】主汽阀阀杆\D125A-265000A028\600MW超临界机组</t>
  </si>
  <si>
    <t>【东方汽轮机】调节阀压紧螺母\D125A-265000A029\600MW超临界机组</t>
  </si>
  <si>
    <t>【东方汽轮机】销\D125A-265000A030\600MW超临界机组</t>
  </si>
  <si>
    <t>【东方汽轮机】齿形垫片\D125A-292000A003\600MW超临界机组</t>
  </si>
  <si>
    <t>【东方汽轮机】连接轴\D125A-361000A004\600MW超临界机组</t>
  </si>
  <si>
    <t>【东方汽轮机】垫圈\D125A-361000A006\600MW超临界机组</t>
  </si>
  <si>
    <t>【东方汽轮机】弹簧\D125A-361100A008\600MW超临界机组</t>
  </si>
  <si>
    <t>【东方汽轮机】弹簧\D125A-361100A009\600MW超临界机组</t>
  </si>
  <si>
    <t>【东方汽轮机】弹簧\D125A-364100A002\600MW超临界机组</t>
  </si>
  <si>
    <t>【东方汽轮机】弹簧\D125A-364100A003\600MW超临界机组</t>
  </si>
  <si>
    <t>【东方汽轮机】螺母\D125A-462000A006\600MW超临界机组</t>
  </si>
  <si>
    <t>【东方汽轮机】小衬套\D125A-464000A002\600MW超临界机组</t>
  </si>
  <si>
    <t>【东方汽轮机】小弹簧\D125A-464000A003\600MW超临界机组</t>
  </si>
  <si>
    <t>【东方汽轮机】大弹簧\D125A-464000A004\600MW超临界机组</t>
  </si>
  <si>
    <t>【东方汽轮机】大衬套\D125A-464000A009\600MW超临界机组</t>
  </si>
  <si>
    <t>【东方汽轮机】金属缠绕垫片\D135A-011000B001\600MW超临界机组</t>
  </si>
  <si>
    <t>【东方汽轮机】螺尾锥销\D135A-011000C003\600MW超临界机组</t>
  </si>
  <si>
    <t>【东方汽轮机】双头螺柱\D135A-021000A001\600MW超临界机组</t>
  </si>
  <si>
    <t>【东方汽轮机】双头螺柱\D135A-021000A002\600MW超临界机组</t>
  </si>
  <si>
    <t>【东方汽轮机】调整垫片\D135A-162000A001\600MW超临界机组</t>
  </si>
  <si>
    <t>【东方汽轮机】螺栓\M12×70\D135A-162000A009\600MW超临界机组</t>
  </si>
  <si>
    <t>【东方汽轮机】垫圈\D135A-162000A011\600MW超临界机组</t>
  </si>
  <si>
    <t>【东方汽轮机】调整垫片\D135A-164000A001\600MW超临界机组</t>
  </si>
  <si>
    <t>【东方汽轮机】弹簧片\D135A-166000B002\600MW超临界机组</t>
  </si>
  <si>
    <t>【东方汽轮机】汽封圈\D135A-166100C\600MW超临界机组</t>
  </si>
  <si>
    <t>【东方汽轮机】汽封圈\D135A-166200C\600MW超临界机组</t>
  </si>
  <si>
    <t>【东方汽轮机】汽封圈\D135A-168100C\600MW超临界机组</t>
  </si>
  <si>
    <t>【东方汽轮机】汽封圈\D135A-170100C\600MW超临界机组</t>
  </si>
  <si>
    <t>【东方汽轮机】汽封圈\D135A-170200C\600MW超临界机组</t>
  </si>
  <si>
    <t>【东方汽轮机】汽封圈\D135A-170300C\600MW超临界机组</t>
  </si>
  <si>
    <t>【东方汽轮机】汽封圈\D135A-170400C\600MW超临界机组</t>
  </si>
  <si>
    <t>【东方汽轮机】汽封圈\D135A-171100C\600MW超临界机组</t>
  </si>
  <si>
    <t>【东方汽轮机】汽封圈\D135A-171200C\600MW超临界机组</t>
  </si>
  <si>
    <t>【东方汽轮机】螺母\D135A-218000A002\600MW超临界机组</t>
  </si>
  <si>
    <t>【东方汽轮机】螺栓\D135A-218000A005\600MW超临界机组</t>
  </si>
  <si>
    <t>【东方汽轮机】带孔垫块\D135A-241000A001\600MW超临界机组</t>
  </si>
  <si>
    <t>【东方汽轮机】带孔垫片\D135A-241000A002\600MW超临界机组</t>
  </si>
  <si>
    <t>【东方汽轮机】销\D135A-241000A003\600MW超临界机组</t>
  </si>
  <si>
    <t>【东方汽轮机】垫块\D135A-241000A004\600MW超临界机组</t>
  </si>
  <si>
    <t>【东方汽轮机】垫片\D135A-241000A005\600MW超临界机组</t>
  </si>
  <si>
    <t>【东方汽轮机】钢带\D135A-241000A006\600MW超临界机组</t>
  </si>
  <si>
    <t>【东方汽轮机】钢带\D135A-241000A007\600MW超临界机组</t>
  </si>
  <si>
    <t>【东方汽轮机】带孔调整垫片\D135A-241000A008\600MW超临界机组</t>
  </si>
  <si>
    <t>【东方汽轮机】带孔调整垫块\D135A-241000A010\600MW超临界机组</t>
  </si>
  <si>
    <t>【东方汽轮机】带孔垫块\D135A-242000A002\600MW超临界机组</t>
  </si>
  <si>
    <t>【东方汽轮机】带孔垫片\D135A-242000A003\600MW超临界机组</t>
  </si>
  <si>
    <t>【东方汽轮机】垫块\D135A-242000A004\600MW超临界机组</t>
  </si>
  <si>
    <t>【东方汽轮机】垫片\D135A-242000A005\600MW超临界机组</t>
  </si>
  <si>
    <t>【东方汽轮机】带孔垫块\D135A-242000A008\600MW超临界机组</t>
  </si>
  <si>
    <t>【东方汽轮机】带孔垫片\D135A-242000A009\600MW超临界机组</t>
  </si>
  <si>
    <t>【东方汽轮机】支持轴承\D135A-244000A\600MW超临界机组</t>
  </si>
  <si>
    <t>【东方汽轮机】止动销\D135A-244000A001\600MW超临界机组</t>
  </si>
  <si>
    <t>【东方汽轮机】主汽阀杆\D135A-261000A001\600MW超临界机组</t>
  </si>
  <si>
    <t>【东方汽轮机】齿型垫片\D135A-261000A004\600MW超临界机组</t>
  </si>
  <si>
    <t>【东方汽轮机】止动圈\D135A-261000A005\600MW超临界机组</t>
  </si>
  <si>
    <t>【东方汽轮机】压紧环\D135A-261000A006\600MW超临界机组</t>
  </si>
  <si>
    <t>【东方汽轮机】密封环\D135A-261000A007\600MW超临界机组</t>
  </si>
  <si>
    <t>【东方汽轮机】销紧套\D135A-261000A008\600MW超临界机组</t>
  </si>
  <si>
    <t>【东方汽轮机】双头螺栓\D135A-261000A010\600MW超临界机组</t>
  </si>
  <si>
    <t>【东方汽轮机】止动销\D135A-261000A012\600MW超临界机组</t>
  </si>
  <si>
    <t>【东方汽轮机】阀碟螺母\D135A-261000A013\600MW超临界机组</t>
  </si>
  <si>
    <t>【东方汽轮机】法兰\D135A-261000A016\600MW超临界机组</t>
  </si>
  <si>
    <t>【东方汽轮机】隔离套\D135A-261000A018\600MW超临界机组</t>
  </si>
  <si>
    <t>【东方汽轮机】齿型垫片\D135A-261000A019\600MW超临界机组</t>
  </si>
  <si>
    <t>【东方汽轮机】止动圈\D135A-261000A021\600MW超临界机组</t>
  </si>
  <si>
    <t>【东方汽轮机】密封环\D135A-261000A022\600MW超临界机组</t>
  </si>
  <si>
    <t>【东方汽轮机】螺塞\D135A-261000A025\600MW超临界机组</t>
  </si>
  <si>
    <t>【东方汽轮机】阀碟\D135A-261000A027\600MW超临界机组</t>
  </si>
  <si>
    <t>【东方汽轮机】阀杆\D135A-261000A028\600MW超临界机组</t>
  </si>
  <si>
    <t>【东方汽轮机】预启阀碟\D135A-261000A029\600MW超临界机组</t>
  </si>
  <si>
    <t>【东方汽轮机】双头螺栓\D135A-261000A032\600MW超临界机组</t>
  </si>
  <si>
    <t>【东方汽轮机】压紧环\D135A-261000A033\600MW超临界机组</t>
  </si>
  <si>
    <t>【东方汽轮机】销紧套\D135A-261000A034\600MW超临界机组</t>
  </si>
  <si>
    <t>【东方汽轮机】汽封套\D135A-261000A035\600MW超临界机组</t>
  </si>
  <si>
    <t>【东方汽轮机】阀碟\D135A-261000A038\600MW超临界机组</t>
  </si>
  <si>
    <t>【东方汽轮机】预启阀碟\D135A-261000A039\600MW超临界机组</t>
  </si>
  <si>
    <t>【东方汽轮机】阀杆\D135A-261000A041\600MW超临界机组</t>
  </si>
  <si>
    <t>【东方汽轮机】螺母\M36×3\D135A-261000A042\600MW超临界机组</t>
  </si>
  <si>
    <t>【东方汽轮机】压板\D135A-261000A044\600MW超临界机组</t>
  </si>
  <si>
    <t>【东方汽轮机】螺钉\D135A-261000A045\600MW超临界机组</t>
  </si>
  <si>
    <t>【东方汽轮机】螺钉\D135A-261000A046\600MW超临界机组</t>
  </si>
  <si>
    <t>【东方汽轮机】螺塞\D135A-261000A047\600MW超临界机组</t>
  </si>
  <si>
    <t>【东方汽轮机】蒸汽滤网\D135A-261300A\600MW超临界机组</t>
  </si>
  <si>
    <t>【东方汽轮机】齿形垫片\D135A-291000B003\600MW超临界机组</t>
  </si>
  <si>
    <t>【东方汽轮机】弹簧片\D135C-167000A001\600MW超临界机组</t>
  </si>
  <si>
    <t>【东方汽轮机】汽封圈\D135C-167100A\600MW超临界机组</t>
  </si>
  <si>
    <t>【东方汽轮机】法兰通孔螺栓\M90X4X890\D135D-020000A001\600MW超临界机组</t>
  </si>
  <si>
    <t>【东方汽轮机】螺母\M90×4\D135D-020000A002\600MW超临界机组</t>
  </si>
  <si>
    <t>【东方汽轮机】圆锥螺销\D135D-021000A001\600MW超临界机组</t>
  </si>
  <si>
    <t>【东方汽轮机】圆锥螺销\D135D-021000A003\600MW超临界机组</t>
  </si>
  <si>
    <t>【东方汽轮机】双头螺柱\D135D-021000A004\600MW超临界机组</t>
  </si>
  <si>
    <t>【东方汽轮机】密封键\L=160\D135D-061000A001\X300H</t>
  </si>
  <si>
    <t>【东方汽轮机】密封键\D135D-065000A001\600MW超临界机组</t>
  </si>
  <si>
    <t>【东方汽轮机】调整垫片\D135D-163000A001\600MW超临界机组</t>
  </si>
  <si>
    <t>【东方汽轮机】双头螺栓\D135D-163000A003\600MW超临界机组</t>
  </si>
  <si>
    <t>【东方汽轮机】汽封圈\D135D-171100A\600MW超临界机组</t>
  </si>
  <si>
    <t>【东方汽轮机】高压进气管套圈\D135D-295000A002\600MW超临界机组</t>
  </si>
  <si>
    <t>【东方汽轮机】活塞环\D135D-295000A003\600MW超临界机组</t>
  </si>
  <si>
    <t>【东方汽轮机】高压调节阀油动机(左)\D135D-331000A\600MW超临界机组</t>
  </si>
  <si>
    <t>【东方汽轮机】垫片\D135F-031000A001\600MW超临界机组</t>
  </si>
  <si>
    <t>【东方汽轮机】汽封圈\D135F-166100A\600MW超临界机组</t>
  </si>
  <si>
    <t>【东方汽轮机】轴承盖密封条\D135F-183000A002\600MW超临界机组</t>
  </si>
  <si>
    <t>【东方汽轮机】支持轴承\Φ152.4\D20.242Z</t>
  </si>
  <si>
    <t>【东方汽轮机】双头螺柱\D20.260.010</t>
  </si>
  <si>
    <t>【东方汽轮机】垫片\Φ108/Φ96\D20.612.003\D600F</t>
  </si>
  <si>
    <t>【东方汽轮机】平衡螺塞装拆工具\D20.689.1Z/B\600MW超临界机组</t>
  </si>
  <si>
    <t>【东方汽轮机】汽封圈\D200P-100600A\600MW超临界机组</t>
  </si>
  <si>
    <t>【东方汽轮机】第一级叶轮平衡重块(外弧)\D28.211.002\X300N</t>
  </si>
  <si>
    <t>【东方汽轮机】第一级叶轮平衡重块(内弧)\D28.211.003\X300N</t>
  </si>
  <si>
    <t>【东方汽轮机】带槽螺母\(GH)6\D300AD-020000A001\X300N</t>
  </si>
  <si>
    <t>【东方汽轮机】高温用带槽螺母\(GH)6\D300AD-020000A002\X300N</t>
  </si>
  <si>
    <t>【东方汽轮机】汽封圈\D300AD-160324A\X300N</t>
  </si>
  <si>
    <t>【东方汽轮机】汽封圈\D300AD-160325A\X300N</t>
  </si>
  <si>
    <t>【东方汽轮机】汽封圈\D300AD-160326A\X300N</t>
  </si>
  <si>
    <t>【东方汽轮机】罩螺母\M36×3\D300AD-295000A001\X300N</t>
  </si>
  <si>
    <t>【东方汽轮机】高压进汽管\D300AD-295100A\X300N</t>
  </si>
  <si>
    <t>【东方汽轮机】油封弧片\δ=1.5\D300N-180600A001\D350H</t>
  </si>
  <si>
    <t>【东方汽轮机】板弹簧\198×24×21\D300S-098200A002</t>
  </si>
  <si>
    <t>【东方汽轮机】金属缠绕垫片\D300S-261000A006</t>
  </si>
  <si>
    <t>【东方汽轮机】汽封圈\D330N-100112A\X300N</t>
  </si>
  <si>
    <t>【东方汽轮机】汽封圈\D330N-100113A\X300N</t>
  </si>
  <si>
    <t>【东方汽轮机】汽封圈\D330N-100114A\X300N</t>
  </si>
  <si>
    <t>【东方汽轮机】汽封圈\D330N-160410A\D350H</t>
  </si>
  <si>
    <t>【东方汽轮机】蒸汽滤网\D350A-265200A\D350H</t>
  </si>
  <si>
    <t>【东方汽轮机】铆钉\D350A-265200A011\X300P</t>
  </si>
  <si>
    <t>【东方汽轮机】衬套\D350A-265500A002\D350H</t>
  </si>
  <si>
    <t>【东方汽轮机】止动环\D350A-265500A004\D330F</t>
  </si>
  <si>
    <t>【东方汽轮机】键\D350A-265500A005\D330F</t>
  </si>
  <si>
    <t>【东方汽轮机】密封环\D350A-294000A003</t>
  </si>
  <si>
    <t>【东方汽轮机】汽封圈\D350E-100110A\D350H</t>
  </si>
  <si>
    <t>【东方汽轮机】汽封圈\D350E-100120A\D350H</t>
  </si>
  <si>
    <t>【东方汽轮机】汽封圈\D350E-100130A\D350H</t>
  </si>
  <si>
    <t>【东方汽轮机】汽封圈\D350E-100210A\D350H</t>
  </si>
  <si>
    <t>【东方汽轮机】汽封圈\D350E-100220A\D350H</t>
  </si>
  <si>
    <t>【东方汽轮机】汽封圈\D350E-100230A\D350H</t>
  </si>
  <si>
    <t>【东方汽轮机】汽封圈\D350E-100240A\D350H</t>
  </si>
  <si>
    <t>【东方汽轮机】汽封圈\D350E-100310A\D350H</t>
  </si>
  <si>
    <t>【东方汽轮机】汽封圈\D350E-100320A\D350H</t>
  </si>
  <si>
    <t>【东方汽轮机】汽封圈\D350E-100330A\D350H</t>
  </si>
  <si>
    <t>【东方汽轮机】汽封圈\D350E-100340A\D350H</t>
  </si>
  <si>
    <t>【东方汽轮机】汽封圈\D350E-160110A\D350H</t>
  </si>
  <si>
    <t>【东方汽轮机】汽封圈\D350E-160250A\D350H</t>
  </si>
  <si>
    <t>【东方汽轮机】汽封圈\D350E-160290A\D350H</t>
  </si>
  <si>
    <t>【东方汽轮机】喷嘴\D350F-036100A005\D350H</t>
  </si>
  <si>
    <t>【东方汽轮机】带孔调整垫片\D350G-241000A002\D350H</t>
  </si>
  <si>
    <t>【东方汽轮机】调整垫片\D350G-241000A004\D350H</t>
  </si>
  <si>
    <t>【东方汽轮机】调整垫片\D350G-241000A006\D350H</t>
  </si>
  <si>
    <t>【东方汽轮机】热电阻温度计采购图\D350G-241000A007\D350H</t>
  </si>
  <si>
    <t>【东方汽轮机】热电阻温度计采购图\D350G-243000A001\D350H</t>
  </si>
  <si>
    <t>【东方汽轮机】带孔调整垫片\D350G-243000A003\D350H</t>
  </si>
  <si>
    <t>【东方汽轮机】调整垫片\D350G-243000A005\D350H</t>
  </si>
  <si>
    <t>【东方汽轮机】调整垫片\D350G-243000A007\D350H</t>
  </si>
  <si>
    <t>【东方汽轮机】密封环\D350G-511300A\D350H</t>
  </si>
  <si>
    <t>【东方汽轮机】顶轴油泵\D350H-690300A001\D350H</t>
  </si>
  <si>
    <t>【东方汽轮机】进油过滤器\DN50\D50X-799200A002</t>
  </si>
  <si>
    <t>【东方汽轮机】罩螺母\D600A.032.028\660MW超超临界机组</t>
  </si>
  <si>
    <t>【东方汽轮机】定位销\D600A.101.082\X300N</t>
  </si>
  <si>
    <t>【东方汽轮机】密封垫片\D600A.150.049\660MW超超临界机组</t>
  </si>
  <si>
    <t>【东方汽轮机】密封垫片\D600A.150.050\660MW超超临界机组</t>
  </si>
  <si>
    <t>【东方汽轮机】键\D600A.180.014</t>
  </si>
  <si>
    <t>【东方汽轮机】键\D600A.180.015</t>
  </si>
  <si>
    <t>【东方汽轮机】平衡螺塞\D600A.230.005\660MW超超临界机组</t>
  </si>
  <si>
    <t>【东方汽轮机】轴套\D600A.231.032\660MW超超临界机组</t>
  </si>
  <si>
    <t>【东方汽轮机】轴套\D600A.231.034\660MW超超临界机组</t>
  </si>
  <si>
    <t>【东方汽轮机】螺母\M30\D600A.275.028\660MW超超临界机组</t>
  </si>
  <si>
    <t>【东方汽轮机】事故排放阀(BDV)\D600A.275Z\D600F</t>
  </si>
  <si>
    <t>【东方汽轮机】螺母\M30\D600A.276.018\660MW超超临界机组</t>
  </si>
  <si>
    <t>【东方汽轮机】螺栓\M30×100\D600A.276.019\660MW超超临界机组</t>
  </si>
  <si>
    <t>【东方汽轮机】通风阀\D600A.276Z\D600F</t>
  </si>
  <si>
    <t>【东方汽轮机】电磁阀\D600A.277.2Z\D600F</t>
  </si>
  <si>
    <t>【东方汽轮机】电磁阀\D600A.277.3Z\D600F</t>
  </si>
  <si>
    <t>【东方汽轮机】套筒扳手\D600A.660.047\660MW超超临界机组</t>
  </si>
  <si>
    <t>【东方汽轮机】套筒扳手\D600A.660.050\660MW超超临界机组</t>
  </si>
  <si>
    <t>【东方汽轮机】套筒扳手\D600A.660.051\660MW超超临界机组</t>
  </si>
  <si>
    <t>【东方汽轮机】六角杆扳手\D600A.660.062\660MW超超临界机组</t>
  </si>
  <si>
    <t>【东方汽轮机】六角杆扳手\D600A.660.064\660MW超超临界机组</t>
  </si>
  <si>
    <t>【东方汽轮机】六角杆扳手\D600A.660.067\660MW超超临界机组</t>
  </si>
  <si>
    <t>【东方汽轮机】开槽扳手\D600A.660.082\660MW超超临界机组</t>
  </si>
  <si>
    <t>【东方汽轮机】顶开螺柱\D600A.673.001\660MW超超临界机组</t>
  </si>
  <si>
    <t>【东方汽轮机】螺栓伸长测量工具\D600A.687Z\660MW超超临界机组</t>
  </si>
  <si>
    <t>【东方汽轮机】开槽扳手\D600A.689.051\660MW超超临界机组</t>
  </si>
  <si>
    <t>【东方汽轮机】油涡轮(升压油泵)\D600A-506000B\D600F</t>
  </si>
  <si>
    <t>【东方汽轮机】调整垫片\D600B-029000A007F\D600F</t>
  </si>
  <si>
    <t>【东方汽轮机】密封环\D600B-029100A001\660MW超超临界机组</t>
  </si>
  <si>
    <t>【东方汽轮机】密封环\D600B-029100A002\660MW超超临界机组</t>
  </si>
  <si>
    <t>【东方汽轮机】密封环\D600B-029100A003\660MW超超临界机组</t>
  </si>
  <si>
    <t>【东方汽轮机】锁紧环\D600B-029100A004\660MW超超临界机组</t>
  </si>
  <si>
    <t>【东方汽轮机】挡圈\D600B-029100A005\660MW超超临界机组</t>
  </si>
  <si>
    <t>【东方汽轮机】挡圈\D600B-029100A006\660MW超超临界机组</t>
  </si>
  <si>
    <t>【东方汽轮机】密封环\D600B-029200A001\660MW超超临界机组</t>
  </si>
  <si>
    <t>【东方汽轮机】密封环\D600B-029200A002\660MW超超临界机组</t>
  </si>
  <si>
    <t>【东方汽轮机】密封环\D600B-029200A003\660MW超超临界机组</t>
  </si>
  <si>
    <t>【东方汽轮机】锁紧环\D600B-029200A004\660MW超超临界机组</t>
  </si>
  <si>
    <t>【东方汽轮机】挡圈\D600B-029200A005\660MW超超临界机组</t>
  </si>
  <si>
    <t>【东方汽轮机】密封环\D600B-029200A006\660MW超超临界机组</t>
  </si>
  <si>
    <t>【东方汽轮机】挡圈\D600B-029200A007\660MW超超临界机组</t>
  </si>
  <si>
    <t>【东方汽轮机】销\D600B-029200A008\660MW超超临界机组</t>
  </si>
  <si>
    <t>【东方汽轮机】排气管\D600B-029210A\660MW超超临界机组</t>
  </si>
  <si>
    <t>【东方汽轮机】销\D600B-029540A002\660MW超超临界机组</t>
  </si>
  <si>
    <t>【东方汽轮机】定位销\D600B-029560A001\660MW超超临界机组</t>
  </si>
  <si>
    <t>【东方汽轮机】内六角圆柱头螺栓\D600B-029570A002\660MW超超临界机组</t>
  </si>
  <si>
    <t>【东方汽轮机】键\D600B-029570A003\660MW超超临界机组</t>
  </si>
  <si>
    <t>【东方汽轮机】注油装置管接\D600B-029580A002\660MW超超临界机组</t>
  </si>
  <si>
    <t>【东方汽轮机】高温用六角螺栓\D600B-029600A002\660MW超超临界机组</t>
  </si>
  <si>
    <t>【东方汽轮机】高温带垫圈螺栓\D600B-029610A004\660MW超超临界机组</t>
  </si>
  <si>
    <t>【东方汽轮机】高温带槽螺母\D600B-030500A006\D600B</t>
  </si>
  <si>
    <t>【东方汽轮机】悬挂销\D600B-099100A001\660MW超超临界机组</t>
  </si>
  <si>
    <t>【东方汽轮机】悬挂销\D600B-099100A002\660MW超超临界机组</t>
  </si>
  <si>
    <t>【东方汽轮机】悬挂销\D600B-099100A003\660MW超超临界机组</t>
  </si>
  <si>
    <t>【东方汽轮机】悬挂销\D600B-099100A004\660MW超超临界机组</t>
  </si>
  <si>
    <t>【东方汽轮机】悬挂销\D600B-099100A005\660MW超超临界机组</t>
  </si>
  <si>
    <t>【东方汽轮机】悬挂销\D600B-099100A006\660MW超超临界机组</t>
  </si>
  <si>
    <t>【东方汽轮机】键\D600B-099200A001\660MW超超临界机组</t>
  </si>
  <si>
    <t>【东方汽轮机】键\D600B-099200A002\660MW超超临界机组</t>
  </si>
  <si>
    <t>【东方汽轮机】键\D600B-099200A003\660MW超超临界机组</t>
  </si>
  <si>
    <t>【东方汽轮机】键\D600B-099200A004\660MW超超临界机组</t>
  </si>
  <si>
    <t>【东方汽轮机】键\D600B-099200A005\660MW超超临界机组</t>
  </si>
  <si>
    <t>【东方汽轮机】键\D600B-099200A006\660MW超超临界机组</t>
  </si>
  <si>
    <t>【东方汽轮机】键\D600B-099200A007\660MW超超临界机组</t>
  </si>
  <si>
    <t>【东方汽轮机】键\D600B-099200A008\660MW超超临界机组</t>
  </si>
  <si>
    <t>【东方汽轮机】键\D600B-099200A011\660MW超超临界机组</t>
  </si>
  <si>
    <t>【东方汽轮机】密封键\D600B-099200A018\660MW超超临界机组</t>
  </si>
  <si>
    <t>【东方汽轮机】键\D600B-099200A023\660MW超超临界机组</t>
  </si>
  <si>
    <t>【东方汽轮机】键\D600B-099200A024\660MW超超临界机组</t>
  </si>
  <si>
    <t>【东方汽轮机】键\D600B-099200A026\660MW超超临界机组</t>
  </si>
  <si>
    <t>【东方汽轮机】垫片\D600B-099300A001\660MW超超临界机组</t>
  </si>
  <si>
    <t>【东方汽轮机】垫片\D600B-099300A002\660MW超超临界机组</t>
  </si>
  <si>
    <t>【东方汽轮机】垫片\D600B-099300A003\660MW超超临界机组</t>
  </si>
  <si>
    <t>【东方汽轮机】垫片\D600B-099300A004\660MW超超临界机组</t>
  </si>
  <si>
    <t>【东方汽轮机】垫片\D600B-099300A005\660MW超超临界机组</t>
  </si>
  <si>
    <t>【东方汽轮机】垫片\D600B-099300A006\660MW超超临界机组</t>
  </si>
  <si>
    <t>【东方汽轮机】调整垫片\D600B-099400A001\660MW超超临界机组</t>
  </si>
  <si>
    <t>【东方汽轮机】中分面定位销\D600B-099500A001\X300N</t>
  </si>
  <si>
    <t>【东方汽轮机】定位销\D600B-099500A002\660MW超超临界机组</t>
  </si>
  <si>
    <t>【东方汽轮机】定位销\D600B-099500A003\660MW超超临界机组</t>
  </si>
  <si>
    <t>【东方汽轮机】高温内六角头螺栓\D600B-099500A009\D600B</t>
  </si>
  <si>
    <t>【东方汽轮机】悬挂销\D600B-160000A003\660MW超超临界机组</t>
  </si>
  <si>
    <t>【东方汽轮机】垫块\D600B-160000A004\660MW超超临界机组</t>
  </si>
  <si>
    <t>【东方汽轮机】垫块\D600B-160000A005\660MW超超临界机组</t>
  </si>
  <si>
    <t>【东方汽轮机】定位螺栓\M6-25×65\D600B-160000A013\660MW超超临界机组</t>
  </si>
  <si>
    <t>【东方汽轮机】高温双头螺栓\D600B-160000A016\660MW超超临界机组</t>
  </si>
  <si>
    <t>【东方汽轮机】销子\D600B-160000A018\660MW超超临界机组</t>
  </si>
  <si>
    <t>【东方汽轮机】压板\D600B-160000A019\660MW超超临界机组</t>
  </si>
  <si>
    <t>【东方汽轮机】悬挂销\D600B-160000A021\660MW超超临界机组</t>
  </si>
  <si>
    <t>【东方汽轮机】垫块\D600B-160000A022\660MW超超临界机组</t>
  </si>
  <si>
    <t>【东方汽轮机】垫块\D600B-160000A023\660MW超超临界机组</t>
  </si>
  <si>
    <t>【东方汽轮机】双头螺柱\D600B-160000A024\660MW超超临界机组</t>
  </si>
  <si>
    <t>【东方汽轮机】压板\D600B-160000A027\660MW超超临界机组</t>
  </si>
  <si>
    <t>【东方汽轮机】悬挂销\D600B-160000A028\660MW超超临界机组</t>
  </si>
  <si>
    <t>【东方汽轮机】垫块\D600B-160000A029\660MW超超临界机组</t>
  </si>
  <si>
    <t>【东方汽轮机】垫块\D600B-160000A030\660MW超超临界机组</t>
  </si>
  <si>
    <t>【东方汽轮机】螺钉\D600B-160000A032</t>
  </si>
  <si>
    <t>【东方汽轮机】双头螺柱\D600B-160000A034\660MW超超临界机组</t>
  </si>
  <si>
    <t>【东方汽轮机】高温双头螺栓\D600B-160000A035\660MW超超临界机组</t>
  </si>
  <si>
    <t>【东方汽轮机】汽封圈\D600B-170700A</t>
  </si>
  <si>
    <t>【东方汽轮机】前轴承箱挡油环\D600B-181600A\660MW超超临界机组</t>
  </si>
  <si>
    <t>【东方汽轮机】中间轴承箱挡油环\D600B-182700A\660MW超超临界机组</t>
  </si>
  <si>
    <t>【东方汽轮机】平衡重块\A型\D600B-210000A001\660MW超超临界机组</t>
  </si>
  <si>
    <t>【东方汽轮机】平衡重块\D600B-210000A003</t>
  </si>
  <si>
    <t>【东方汽轮机】螺母\D600B-210000A009\D600B</t>
  </si>
  <si>
    <t>【东方汽轮机】平衡重块\A型\D600B-210000A015\660MW超超临界机组</t>
  </si>
  <si>
    <t>【东方汽轮机】平衡重块\C型\D600B-210000A018\660MW超超临界机组</t>
  </si>
  <si>
    <t>【东方汽轮机】平衡重块\A型\D600B-210000A019\660MW超超临界机组</t>
  </si>
  <si>
    <t>【东方汽轮机】高中压转子短轴螺栓\0\D600B-210000A021\660MW超超临界机组</t>
  </si>
  <si>
    <t>【东方汽轮机】止动垫片\D600B-210000A022\660MW超超临界机组</t>
  </si>
  <si>
    <t>【东方汽轮机】两半合成封油板\D600B-241300A\D600F</t>
  </si>
  <si>
    <t>【东方汽轮机】两半合成挡油环\D600B-241400A\D600F</t>
  </si>
  <si>
    <t>【东方汽轮机】热电偶测温组件\D600B-241500A\D600F</t>
  </si>
  <si>
    <t>【东方汽轮机】热电偶\D600B-242000A007\660MW超超临界机组</t>
  </si>
  <si>
    <t>【东方汽轮机】轴承可倾瓦块\D600B-242100A\660MW超超临界机组</t>
  </si>
  <si>
    <t>【东方汽轮机】两半合成封油板\D600B-242300A\D600F</t>
  </si>
  <si>
    <t>【东方汽轮机】两半合成挡油环\D600B-242400A\D600F</t>
  </si>
  <si>
    <t>【东方汽轮机】热电偶\D600B-243000A005\660MW超超临界机组</t>
  </si>
  <si>
    <t>【东方汽轮机】热电偶\D600B-243000A006\660MW超超临界机组</t>
  </si>
  <si>
    <t>【东方汽轮机】正向垫环\D600B-243300A\D600F</t>
  </si>
  <si>
    <t>【东方汽轮机】正向推力瓦\D600B-243400A\D601F</t>
  </si>
  <si>
    <t>【东方汽轮机】反向垫环\D600B-243500A\D602F</t>
  </si>
  <si>
    <t>【东方汽轮机】反向推力瓦\D600B-243600A\D603F</t>
  </si>
  <si>
    <t>【东方汽轮机】浮动油封\D600B-243700A\D604F</t>
  </si>
  <si>
    <t>【东方汽轮机】正向挡油环\D600B-243800A\D605F</t>
  </si>
  <si>
    <t>【东方汽轮机】反向挡油环\D600B-243900A\D602F</t>
  </si>
  <si>
    <t>【东方汽轮机】垫块\D600B-244000A001\660MW超超临界机组</t>
  </si>
  <si>
    <t>【东方汽轮机】带孔垫块\D600B-244000A003\660MW超超临界机组</t>
  </si>
  <si>
    <t>【东方汽轮机】垫片\D600B-244000A004\660MW超超临界机组</t>
  </si>
  <si>
    <t>【东方汽轮机】垫块\D600B-244000A006\660MW超超临界机组</t>
  </si>
  <si>
    <t>【东方汽轮机】热电偶\D600B-246000A019\660MW超超临界机组</t>
  </si>
  <si>
    <t>【东方汽轮机】热电偶\D600B-246000A020\660MW超超临界机组</t>
  </si>
  <si>
    <t>【东方汽轮机】支持轴承\Φ508×330(6#)\D600B-246000A-M1\D600F</t>
  </si>
  <si>
    <t>【东方汽轮机】轴瓦体\D600B-246200A\660MW超超临界机组</t>
  </si>
  <si>
    <t>【东方汽轮机】销\D600B-261000A003\660MW超超临界机组</t>
  </si>
  <si>
    <t>【东方汽轮机】双头螺柱\D600B-261000A011</t>
  </si>
  <si>
    <t>【东方汽轮机】销\D600B-261200A005\660MW超超临界机组</t>
  </si>
  <si>
    <t>【东方汽轮机】高温用厚垫圈\D600B-265000A003\D600F</t>
  </si>
  <si>
    <t>【东方汽轮机】高温双头螺栓\D600B-265000A005\D600B</t>
  </si>
  <si>
    <t>【东方汽轮机】密封环\D600B-265600A002\660MW超超临界机组</t>
  </si>
  <si>
    <t>【东方汽轮机】锁紧环\D600B-295000A006\D600F</t>
  </si>
  <si>
    <t>【东方汽轮机】挡圈\D600B-295000A007\D600F</t>
  </si>
  <si>
    <t>【东方汽轮机】锁紧环\D600B-295000A008\D600F</t>
  </si>
  <si>
    <t>【东方汽轮机】挡圈\D600B-295000A009\D600F</t>
  </si>
  <si>
    <t>【东方汽轮机】止动销\D600B-295000A010\D600F</t>
  </si>
  <si>
    <t>【东方汽轮机】锁紧环\D600B-295000A014\D600F</t>
  </si>
  <si>
    <t>【东方汽轮机】挡圈\D600B-295000A015\D600F</t>
  </si>
  <si>
    <t>【东方汽轮机】高温内六角头螺栓\11/4-8UN\D600B-295000A016\D600F</t>
  </si>
  <si>
    <t>【东方汽轮机】金属缠绕垫片\D600B-296000B001\D600F</t>
  </si>
  <si>
    <t>【东方汽轮机】销轴\D600B-361000A030\660MW超超临界机组</t>
  </si>
  <si>
    <t>【东方汽轮机】销子\D600B-369000A001\660MW超超临界机组</t>
  </si>
  <si>
    <t>【东方汽轮机】危急遮断器衬套\D600B-401000A002\660MW超超临界机组</t>
  </si>
  <si>
    <t>【东方汽轮机】危急遮断器衬套\D600B-401000A003\660MW超超临界机组</t>
  </si>
  <si>
    <t>【东方汽轮机】止动垫圈\D600B-462000A015\660MW超超临界机组</t>
  </si>
  <si>
    <t>【东方汽轮机】制动垫片\D600B-464000A001\660MW超超临界机组</t>
  </si>
  <si>
    <t>【东方汽轮机】顶开螺栓\2 1/4"-8UN\D600B-660000A013\660MW超超临界机组</t>
  </si>
  <si>
    <t>【东方汽轮机】顶开螺栓\2 1/4"-8UN\D600B-660000A014\660MW超超临界机组</t>
  </si>
  <si>
    <t>【东方汽轮机】顶开螺栓\1 3/4"-8UN\D600B-660000A015\660MW超超临界机组</t>
  </si>
  <si>
    <t>【东方汽轮机】顶开螺栓\1"-8UN\D600B-660000A016\660MW超超临界机组</t>
  </si>
  <si>
    <t>【东方汽轮机】顶开螺栓\1 1/4"-8UN\D600B-660000A017\660MW超超临界机组</t>
  </si>
  <si>
    <t>【东方汽轮机】顶开螺栓\1 1/4"-8UN\D600B-660000A018\660MW超超临界机组</t>
  </si>
  <si>
    <t>【东方汽轮机】顶开螺栓\1 1/4"-8UN\D600B-660000A019\660MW超超临界机组</t>
  </si>
  <si>
    <t>【东方汽轮机】磁式液位显示器\D600B-705300C\D600F</t>
  </si>
  <si>
    <t>【东方汽轮机】切换阀\D600B-765000A\660MW超超临界机组</t>
  </si>
  <si>
    <t>【东方汽轮机】垫片\￠132/￠78\D600B-799300A005\D600F</t>
  </si>
  <si>
    <t>【东方汽轮机】垫片\￠70/￠43\D600B-799300A006\D600F</t>
  </si>
  <si>
    <t>【东方汽轮机】双头螺柱\D600C-028000A021\D600B</t>
  </si>
  <si>
    <t>【东方汽轮机】销\D600C-098100A005</t>
  </si>
  <si>
    <t>【东方汽轮机】隔板汽封\D600C-098110A\660MW超超临界机组</t>
  </si>
  <si>
    <t>【东方汽轮机】隔板汽封\D600C-098120A\660MW超超临界机组</t>
  </si>
  <si>
    <t>【东方汽轮机】隔板汽封\D600C-098150A\660MW超超临界机组</t>
  </si>
  <si>
    <t>【东方汽轮机】隔板汽封\D600C-098160A\660MW超超临界机组</t>
  </si>
  <si>
    <t>【东方汽轮机】隔板汽封\D600C-098180A\660MW超超临界机组</t>
  </si>
  <si>
    <t>【东方汽轮机】汽封圈\D600C-098210A</t>
  </si>
  <si>
    <t>【东方汽轮机】汽封圈\D600C-170150A\660MW超超临界机组</t>
  </si>
  <si>
    <t>【东方汽轮机】螺钉\D600C-261200A005\D600B</t>
  </si>
  <si>
    <t>【东方汽轮机】衬套和密封环装配件\D600C-265531A\660MW超超临界机组</t>
  </si>
  <si>
    <t>【东方汽轮机】密封环\D600C-265600A001\660MW超超临界机组</t>
  </si>
  <si>
    <t>【东方汽轮机】密封环\D600C-265630A\660MW超超临界机组</t>
  </si>
  <si>
    <t>【东方汽轮机】套筒\D600C-271000A015\D350H</t>
  </si>
  <si>
    <t>【东方汽轮机】上套管\D600C-271300A002\660MW超超临界机组</t>
  </si>
  <si>
    <t>【东方汽轮机】下套管\D600C-271300A003\660MW超超临界机组</t>
  </si>
  <si>
    <t>【东方汽轮机】螺栓\M30\D600C-705000A001\660MW超超临界机组</t>
  </si>
  <si>
    <t>【东方汽轮机】垫片\D600C-705000A003\660MW超超临界机组</t>
  </si>
  <si>
    <t>【东方汽轮机】垫片\D600C-705000A004\660MW超超临界机组</t>
  </si>
  <si>
    <t>【东方汽轮机】冷却水管\φ38×3\D600D-036100A001\660MW超超临界机组</t>
  </si>
  <si>
    <t>【东方汽轮机】销\D600D-098100A003\660MW超超临界机组</t>
  </si>
  <si>
    <t>【东方汽轮机】隔板汽封\D600D-098110A\660MW超超临界机组</t>
  </si>
  <si>
    <t>【东方汽轮机】隔板汽封\D600D-098120A\660MW超超临界机组</t>
  </si>
  <si>
    <t>【东方汽轮机】隔板汽封\D600D-098130A\660MW超超临界机组</t>
  </si>
  <si>
    <t>【东方汽轮机】隔板汽封\D600D-098140A\660MW超超临界机组</t>
  </si>
  <si>
    <t>【东方汽轮机】汽封圈\D600D-170100A\660MW超超临界机组</t>
  </si>
  <si>
    <t>【东方汽轮机】挡油环\D600D-182300A\660MW超超临界机组</t>
  </si>
  <si>
    <t>【东方汽轮机】油封齿\D600D-184210B001\660MW超超临界机组</t>
  </si>
  <si>
    <t>【东方汽轮机】挡油环\D600D-184300A\660MW超超临界机组</t>
  </si>
  <si>
    <t>【东方汽轮机】汽封\D600E-098215A\D600B</t>
  </si>
  <si>
    <t>【东方汽轮机】双头螺柱\D600H-028000A006</t>
  </si>
  <si>
    <t>【东方汽轮机】销\D600H-098100A001</t>
  </si>
  <si>
    <t>【东方汽轮机】隔板汽封\D600H-098110A\660MW超超临界机组</t>
  </si>
  <si>
    <t>【东方汽轮机】隔板汽封\D600H-098120A\660MW超超临界机组</t>
  </si>
  <si>
    <t>【东方汽轮机】联轴器螺栓\D600H-210200A001\660MW超超临界机组</t>
  </si>
  <si>
    <t>【东方汽轮机】支持轴承\D600H-246000A\660MW超超临界机组</t>
  </si>
  <si>
    <t>【东方汽轮机】事故油泵(EOP)\D600K-513000A\D600F</t>
  </si>
  <si>
    <t>【东方汽轮机】启动油泵(MSP)\D600K-514000A\D600F</t>
  </si>
  <si>
    <t>【东方汽轮机】辅助油泵(TOP)\D600K-515000A\D600F</t>
  </si>
  <si>
    <t>【东方汽轮机】汽封圈\D600R-170210A\D600B</t>
  </si>
  <si>
    <t>【东方汽轮机】汽封圈\D600R-170220A\D600B</t>
  </si>
  <si>
    <t>【东方汽轮机】汽封圈\D600R-170230A\D600B</t>
  </si>
  <si>
    <t>【东方汽轮机】高温带槽螺母\(GH5)\D660B-261000A001\600MW超临界机组</t>
  </si>
  <si>
    <t>【东方汽轮机】高温双头螺栓\M42×3\D660B-261000A005\600MW超临界机组</t>
  </si>
  <si>
    <t>【东方汽轮机】高温用带槽螺母\3(GH)\D660B-271000A002\600MW超临界机组</t>
  </si>
  <si>
    <t>【东方汽轮机】带槽螺母\D660B-271000A004\600MW超临界机组</t>
  </si>
  <si>
    <t>【东方汽轮机】高温用螺母\D660B-271000A009\600MW超临界机组</t>
  </si>
  <si>
    <t>【东方汽轮机】高温用双头螺栓\D660B-271000A011\600MW超临界机组</t>
  </si>
  <si>
    <t>【东方汽轮机】高温用螺母\D660B-271000A014\600MW超临界机组</t>
  </si>
  <si>
    <t>【东方汽轮机】双头螺柱\D660B-271000A018\600MW超临界机组</t>
  </si>
  <si>
    <t>【东方汽轮机】密封环\D660X-295000A016</t>
  </si>
  <si>
    <t>【东方汽轮机】喷嘴\F10120508\D600F</t>
  </si>
  <si>
    <t>【东方汽轮机】螺钉\M6×12\GB0000068C0612\600MW超临界机组</t>
  </si>
  <si>
    <t>【东方汽轮机】开槽沉头螺钉\M5×16\GB0000068W0516\X300N</t>
  </si>
  <si>
    <t>【东方汽轮机】开槽平端紧定螺钉\M10×16\GB0000073W1016\X300N</t>
  </si>
  <si>
    <t>【东方汽轮机】方头长圆柱端紧定螺钉\M16×80\GB0000085B1680\X300H</t>
  </si>
  <si>
    <t>【东方汽轮机】开口销\6.3×50\GB0000091K0650\X300N</t>
  </si>
  <si>
    <t>【东方汽轮机】内螺纹圆锥销\A40×180\GB0000118W40A8\X300N</t>
  </si>
  <si>
    <t>【东方汽轮机】销子\B8×50\GB0000120B0850\600MW超临界机组</t>
  </si>
  <si>
    <t>【东方汽轮机】内螺纹圆柱销\GB0000120G0818\600MW超临界机组</t>
  </si>
  <si>
    <t>【东方汽轮机】销\GB120G-86\GB0000120G0822\600MW超临界机组</t>
  </si>
  <si>
    <t>【东方汽轮机】销子\GB120G-86\GB0000120G1045\600MW超临界机组</t>
  </si>
  <si>
    <t>【东方汽轮机】内螺纹圆柱销\B16×55\GB0000120G1655\X300N</t>
  </si>
  <si>
    <t>【东方汽轮机】内螺纹圆柱销\GB0000120G1660\600MW超临界机组</t>
  </si>
  <si>
    <t>【东方汽轮机】内螺纹圆柱销\GB0000120G2055\600MW超临界机组</t>
  </si>
  <si>
    <t>【东方汽轮机】内螺纹圆柱销\B12×120\GB0000120W12A2\X300N</t>
  </si>
  <si>
    <t>【东方汽轮机】内螺纹圆柱销\B16×50\GB0000120W1650\X300N</t>
  </si>
  <si>
    <t>【东方汽轮机】十字槽圆柱头螺钉\M6×16\GB0000822W0616\X300H</t>
  </si>
  <si>
    <t>【东方汽轮机】十字槽小盘头螺钉\M8×25\GB0000823W0825\X300N</t>
  </si>
  <si>
    <t>【东方汽轮机】单耳止动垫圈\GB0000854H0016\600MW超临界机组</t>
  </si>
  <si>
    <t>【东方汽轮机】单耳止动垫圈\GB0000854H0020\600MW超临界机组</t>
  </si>
  <si>
    <t>【东方汽轮机】垫圈\GB0000854H0030\600MW超临界机组</t>
  </si>
  <si>
    <t>【东方汽轮机】单耳止动垫圈\20\GB0000854K0020\X300N</t>
  </si>
  <si>
    <t>【东方汽轮机】单耳止动垫圈\GB0000854K0042\600MW超临界机组</t>
  </si>
  <si>
    <t>【东方汽轮机】单耳止动垫圈\12\GB0000854W0012\X300H</t>
  </si>
  <si>
    <t>【东方汽轮机】单耳止动垫圈\16\GB0000854W0016\D330F</t>
  </si>
  <si>
    <t>【东方汽轮机】垫片\GB0000854W0048</t>
  </si>
  <si>
    <t>【东方汽轮机】螺尾锥销\20×190\GB0000881B20A9\X300H</t>
  </si>
  <si>
    <t>【东方汽轮机】螺尾锥销\20×190\GB0000881G20A9\X300N</t>
  </si>
  <si>
    <t>【东方汽轮机】螺柱\M42×120\GB0000897C42A2\600MW超临界机组</t>
  </si>
  <si>
    <t>【东方汽轮机】螺栓\M48×3×300\GB0000897C48C0\600MW超临界机组</t>
  </si>
  <si>
    <t>【东方汽轮机】双头螺柱\bm=1d/M20×90\GB0000897W2090\X300H</t>
  </si>
  <si>
    <t>【东方汽轮机】双头螺柱\bm=1d/M24×100\GB0000897W24A0\X300H</t>
  </si>
  <si>
    <t>【东方汽轮机】双头螺柱\(bm=1.25d) M24×70\GB0000898B2470\600MW超临界机组</t>
  </si>
  <si>
    <t>【东方汽轮机】双头螺柱\(bm=1.25d) M30×80\GB0000898B3080\600MW超临界机组</t>
  </si>
  <si>
    <t>【东方汽轮机】双头螺柱\(bm=1.25d) M30×90\GB0000898C3090\600MW超临界机组</t>
  </si>
  <si>
    <t>【东方汽轮机】双头螺柱\bm=1.25d/M30×140\GB0000898W30A4\X300H</t>
  </si>
  <si>
    <t>【东方汽轮机】双头螺栓\M20×110\GB0000901G22A1\600MW超临界机组</t>
  </si>
  <si>
    <t>【东方汽轮机】双头螺栓\M36×220\GB0000901G36B2\600MW超临界机组</t>
  </si>
  <si>
    <t>【东方汽轮机】六角头螺栓\M42×220\GB0005782B42B2\600MW超临界机组</t>
  </si>
  <si>
    <t>【东方汽轮机】六角头螺栓\M48×180\GB0005782C48A8\X300P</t>
  </si>
  <si>
    <t>【东方汽轮机】六角头螺栓\M16×80\GB0005782G1680\600MW超临界机组</t>
  </si>
  <si>
    <t>【东方汽轮机】六角头螺栓\M16×100\GB0005782G16A0\600MW超临界机组</t>
  </si>
  <si>
    <t>【东方汽轮机】六角头螺栓\M20×80\GB0005782W2080\D350H</t>
  </si>
  <si>
    <t>【东方汽轮机】螺栓\M16×60\GB0005783C1660\600MW超临界机组</t>
  </si>
  <si>
    <t>【东方汽轮机】六角头螺栓\M12×35\GB0005783G1235\600MW超临界机组</t>
  </si>
  <si>
    <t>【东方汽轮机】六角头螺栓\GB0005783G2270\600MW超临界机组</t>
  </si>
  <si>
    <t>【东方汽轮机】六角头螺栓\M12×35\GB0005783W1235\X300H</t>
  </si>
  <si>
    <t>【东方汽轮机】六角螺母\M10\GB0006170A0010\600MW超临界机组</t>
  </si>
  <si>
    <t>【东方汽轮机】螺母\M16\GB6170A-86\D330F</t>
  </si>
  <si>
    <t>【东方汽轮机】螺母\M36\GB0006170A0036\600MW超临界机组</t>
  </si>
  <si>
    <t>【东方汽轮机】螺母\M30\GB0006170B0030\600MW超临界机组</t>
  </si>
  <si>
    <t>【东方汽轮机】六角螺母\M36\GB0006170B0036\X300N</t>
  </si>
  <si>
    <t>【东方汽轮机】六角螺母\M48\GB0006170B0048\X300P</t>
  </si>
  <si>
    <t>【东方汽轮机】螺母\M36\GB0006170C0036\600MW超临界机组</t>
  </si>
  <si>
    <t>【东方汽轮机】内六角圆柱头螺钉\M20×70\GB00070.1B2070\X300H</t>
  </si>
  <si>
    <t>【东方汽轮机】内六角圆柱头螺钉\M12×30\GB00070.1C1230\X300N</t>
  </si>
  <si>
    <t>【东方汽轮机】内六角圆柱头螺钉\M16×40\GB00070.1C1640\X300N</t>
  </si>
  <si>
    <t>【东方汽轮机】内六角圆柱头螺钉\M20×30\GB00070.1C2030\X300N</t>
  </si>
  <si>
    <t>【东方汽轮机】内六角圆柱头螺钉\M20×150\GB00070.1C20A5\X300N</t>
  </si>
  <si>
    <t>【东方汽轮机】螺钉\GB00070.1G1020</t>
  </si>
  <si>
    <t>【东方汽轮机】内六角圆柱头螺钉\M10×25\GB00070.1G1025\600MW超临界机组</t>
  </si>
  <si>
    <t>【东方汽轮机】螺钉\M10×30\GB00070.1G1030\600MW超临界机组</t>
  </si>
  <si>
    <t>【东方汽轮机】螺钉\M12×40\GB00070.1G1240\600MW超临界机组</t>
  </si>
  <si>
    <t>【东方汽轮机】螺钉\M16×90\GB00070.1G1690\600MW超临界机组</t>
  </si>
  <si>
    <t>【东方汽轮机】内六角圆柱头螺钉\M10×30\GB00070.1W1030\X300N</t>
  </si>
  <si>
    <t>【东方汽轮机】大垫圈\24\GB00096.1W0024\X300H</t>
  </si>
  <si>
    <t>【东方汽轮机】平垫圈\36\GB00097.1W0036\X300N</t>
  </si>
  <si>
    <t>【东方汽轮机】销\GB00119/1B0860\600MW超临界机组</t>
  </si>
  <si>
    <t>【东方汽轮机】销\GB00119/3G0635\600MW超临界机组</t>
  </si>
  <si>
    <t>【东方汽轮机】销\GB00119/3G1280\600MW超临界机组</t>
  </si>
  <si>
    <t>【东方汽轮机】十字槽沉头螺钉\M6×16\GB00819.1W0616\D350C</t>
  </si>
  <si>
    <t>【东方汽轮机】弹性圆柱销\12×60\GB00879.1W1260\X300N</t>
  </si>
  <si>
    <t>【东方汽轮机】弹性圆柱销\16×80\GB00879.1W1680\X300N</t>
  </si>
  <si>
    <t>【东方汽轮机】弹簧垫圈\GB93-87\600MW超临界机组</t>
  </si>
  <si>
    <t>【东方汽轮机】垫圈\16\GB97.1-85\D330F</t>
  </si>
  <si>
    <t>【东方汽轮机】法兰\M001.011.124\600MW超临界机组</t>
  </si>
  <si>
    <t>【东方汽轮机】紧圈\M001.020.007\X300H</t>
  </si>
  <si>
    <t>【东方汽轮机】键\M001.020.011\X300H</t>
  </si>
  <si>
    <t>【东方汽轮机】平衡重块(外弧)\M001.217.002\X300N</t>
  </si>
  <si>
    <t>【东方汽轮机】平衡重块(内弧)\M001.217.003\X300N</t>
  </si>
  <si>
    <t>【东方汽轮机】定位螺栓\20/L=145\M005.163.012\X300H</t>
  </si>
  <si>
    <t>【东方汽轮机】汽封圈\M005.163.4Z</t>
  </si>
  <si>
    <t>【东方汽轮机】键\M006.020.004\X300H</t>
  </si>
  <si>
    <t>【东方汽轮机】键\M006.020.005\X300H</t>
  </si>
  <si>
    <t>【东方汽轮机】键\M006.020.007\X300H</t>
  </si>
  <si>
    <t>【东方汽轮机】盖\M009-163000A002\X300N</t>
  </si>
  <si>
    <t>【东方汽轮机】方头螺塞\M009-163000A004\X300N</t>
  </si>
  <si>
    <t>【东方汽轮机】垫块\M021.014.031\X300H</t>
  </si>
  <si>
    <t>【东方汽轮机】油封弧片\δ=1.5\M021.014.103\D350H</t>
  </si>
  <si>
    <t>【东方汽轮机】窗口盖板\M021.032.131\X300N</t>
  </si>
  <si>
    <t>【东方汽轮机】垫片\M021.295.010\X300H</t>
  </si>
  <si>
    <t>【东方汽轮机】悬挂销\M022.102.008\X300N</t>
  </si>
  <si>
    <t>【东方汽轮机】螺钉\M10×10\M024.217.018\X300N</t>
  </si>
  <si>
    <t>【东方汽轮机】L型调整垫片\M028.014.008\600MW超临界机组</t>
  </si>
  <si>
    <t>【东方汽轮机】猫爪压紧螺栓\M035-014000A002\600MW超临界机组</t>
  </si>
  <si>
    <t>【东方汽轮机】调整垫片\M035-014000A003\600MW超临界机组</t>
  </si>
  <si>
    <t>【东方汽轮机】L型调整垫片\M035-014000A004\600MW超临界机组</t>
  </si>
  <si>
    <t>【东方汽轮机】L型垫片\M035-014000A005\600MW超临界机组</t>
  </si>
  <si>
    <t>【东方汽轮机】高温用双头螺栓\M035-032000A001\600MW超临界机组</t>
  </si>
  <si>
    <t>【东方汽轮机】高温用双头螺栓\M035-032000A002\600MW超临界机组</t>
  </si>
  <si>
    <t>【东方汽轮机】波形管\M035-165210A\600MW超临界机组</t>
  </si>
  <si>
    <t>【东方汽轮机】平衡块\M035-217000A002\600MW超临界机组</t>
  </si>
  <si>
    <t>【东方汽轮机】平衡块\M035-217000A003\600MW超临界机组</t>
  </si>
  <si>
    <t>【东方汽轮机】带内外环金属缠绕垫\M035-295000A002\600MW超临界机组</t>
  </si>
  <si>
    <t>【东方汽轮机】L型垫片\M036-014000A004\600MW超临界机组</t>
  </si>
  <si>
    <t>【东方汽轮机】窗口盖板\M036-032000A005\X300N</t>
  </si>
  <si>
    <t>【东方汽轮机】L型键\M036-032000A006\X300N</t>
  </si>
  <si>
    <t>【东方汽轮机】螺纹销\M036-032000A008\X300N</t>
  </si>
  <si>
    <t>【东方汽轮机】调整垫片\M036-032000A009\X300N</t>
  </si>
  <si>
    <t>【东方汽轮机】L型键\M036-032000A010\X300N</t>
  </si>
  <si>
    <t>【东方汽轮机】石棉橡胶板\δ2/JC125-66\M036-032000A011\X300N</t>
  </si>
  <si>
    <t>【东方汽轮机】石棉橡胶板\δ2/JC125-66\M036-032000A012\X300N</t>
  </si>
  <si>
    <t>【东方汽轮机】低压进汽管\M036-295000A\X300N</t>
  </si>
  <si>
    <t>【东方汽轮机】外法兰\M036-295000A001\X300N</t>
  </si>
  <si>
    <t>【东方汽轮机】进汽管\M036-295100A\X300N</t>
  </si>
  <si>
    <t>【东方汽轮机】石棉橡胶板\M038-014000A001\600MW超临界机组</t>
  </si>
  <si>
    <t>【东方汽轮机】罩螺母\M053-011000A008\D300N</t>
  </si>
  <si>
    <t>【东方汽轮机】密封环\M053-290000A001</t>
  </si>
  <si>
    <t>【东方汽轮机】内六角螺栓\M054-011000A003\D300N</t>
  </si>
  <si>
    <t>【东方汽轮机】瓦块分割加工图\M107-241200A\X300N</t>
  </si>
  <si>
    <t>【东方汽轮机】弹簧\M109-401000A001\600MW超临界机组</t>
  </si>
  <si>
    <t>【东方汽轮机】销钉\M109-406000A001\600MW超临界机组</t>
  </si>
  <si>
    <t>【东方汽轮机】销钉\M109-411000A002\600MW超临界机组</t>
  </si>
  <si>
    <t>【东方汽轮机】销钉\M109-411000A008\600MW超临界机组</t>
  </si>
  <si>
    <t>【东方汽轮机】销钉\M109-411000A015\600MW超临界机组</t>
  </si>
  <si>
    <t>【东方汽轮机】轴套\M109-411000A019\600MW超临界机组</t>
  </si>
  <si>
    <t>【东方汽轮机】轴套\M109-411000A021\600MW超临界机组</t>
  </si>
  <si>
    <t>【东方汽轮机】弹簧\M109-412000A006\600MW超临界机组</t>
  </si>
  <si>
    <t>【东方汽轮机】弹簧\M109-421000A019\600MW超临界机组</t>
  </si>
  <si>
    <t>【东方汽轮机】弹簧\M109-421000A021\600MW超临界机组</t>
  </si>
  <si>
    <t>【东方汽轮机】弹簧\M109-421000A031\600MW超临界机组</t>
  </si>
  <si>
    <t>【东方汽轮机】导油环\M109-454000A\600MW超临界机组</t>
  </si>
  <si>
    <t>【东方汽轮机】瓦块分割加工图\M165-241200A\X300N</t>
  </si>
  <si>
    <t>【东方汽轮机】两半合成正向垫环\M165-242700A\D300N</t>
  </si>
  <si>
    <t>【东方汽轮机】柱销\M181.231.041\600MW超临界机组</t>
  </si>
  <si>
    <t>【东方汽轮机】挡圈\M181.231.043\600MW超临界机组</t>
  </si>
  <si>
    <t>【东方汽轮机】小轴\M181.231.057\X300N</t>
  </si>
  <si>
    <t>【东方汽轮机】曲柄\M181.231.058\X300N</t>
  </si>
  <si>
    <t>【东方汽轮机】隔块\M181.231.073\X300N</t>
  </si>
  <si>
    <t>【东方汽轮机】活塞盖\M181.231.4Z\X300N</t>
  </si>
  <si>
    <t>【东方汽轮机】上联块\M201.261.412\600MW超临界机组</t>
  </si>
  <si>
    <t>【东方汽轮机】下联块\M201.261.413\600MW超临界机组</t>
  </si>
  <si>
    <t>【东方汽轮机】轴承\M201.261.414\600MW超临界机组</t>
  </si>
  <si>
    <t>【东方汽轮机】垫块\M201.261.421\600MW超临界机组</t>
  </si>
  <si>
    <t>【东方汽轮机】销\M201.261.423\600MW超临界机组</t>
  </si>
  <si>
    <t>【东方汽轮机】接头\M201.261.43Z\600MW超临界机组</t>
  </si>
  <si>
    <t>【东方汽轮机】阀盖\M206-261000A010\600MW超临界机组</t>
  </si>
  <si>
    <t>【东方汽轮机】持环\M206-261000A012\600MW超临界机组</t>
  </si>
  <si>
    <t>【东方汽轮机】主汽阀座\M206-261000A013\600MW超临界机组</t>
  </si>
  <si>
    <t>【东方汽轮机】衬套\M206-261000A016\600MW超临界机组</t>
  </si>
  <si>
    <t>【东方汽轮机】密封环\M206-261000A020\600MW超临界机组</t>
  </si>
  <si>
    <t>【东方汽轮机】阀杆外套筒\M206-261000A021\600MW超临界机组</t>
  </si>
  <si>
    <t>【东方汽轮机】上衬套\M206-261000A022\600MW超临界机组</t>
  </si>
  <si>
    <t>【东方汽轮机】下衬套\M206-261000A024\600MW超临界机组</t>
  </si>
  <si>
    <t>【东方汽轮机】压板\M206-261000A025\600MW超临界机组</t>
  </si>
  <si>
    <t>【东方汽轮机】阀套\M206-261000A032\600MW超临界机组</t>
  </si>
  <si>
    <t>【东方汽轮机】套筒\M206-261000A034\600MW超临界机组</t>
  </si>
  <si>
    <t>【东方汽轮机】套筒\M206-261000A035\600MW超临界机组</t>
  </si>
  <si>
    <t>【东方汽轮机】调节阀盖\M206-261000A036\600MW超临界机组</t>
  </si>
  <si>
    <t>【东方汽轮机】卡环\M206-261000A045\600MW超临界机组</t>
  </si>
  <si>
    <t>【东方汽轮机】支撑板\M206-261000A051\600MW超临界机组</t>
  </si>
  <si>
    <t>【东方汽轮机】托架\M206-261000A052\600MW超临界机组</t>
  </si>
  <si>
    <t>【东方汽轮机】套筒\M206-261000A053\600MW超临界机组</t>
  </si>
  <si>
    <t>【东方汽轮机】压板\M206-261000A054\600MW超临界机组</t>
  </si>
  <si>
    <t>【东方汽轮机】键\M231.265.033\600MW超临界机组</t>
  </si>
  <si>
    <t>【东方汽轮机】衬套\M237-265000A006\600MW超临界机组</t>
  </si>
  <si>
    <t>【东方汽轮机】衬套\M237-265000A007\600MW超临界机组</t>
  </si>
  <si>
    <t>【东方汽轮机】接头短管\M237-265000A008\600MW超临界机组</t>
  </si>
  <si>
    <t>【东方汽轮机】内六角管塞\M237-265000A009\600MW超临界机组</t>
  </si>
  <si>
    <t>【东方汽轮机】阀碟套筒\M237-265000A016\600MW超临界机组</t>
  </si>
  <si>
    <t>【东方汽轮机】止动环\M237-265000A020\600MW超临界机组</t>
  </si>
  <si>
    <t>【东方汽轮机】压环\M237-265000A032\600MW超临界机组</t>
  </si>
  <si>
    <t>【东方汽轮机】阀座\M237-265000A034\600MW超临界机组</t>
  </si>
  <si>
    <t>【东方汽轮机】主汽阀预启阀盖\M237-265000A035\600MW超临界机组</t>
  </si>
  <si>
    <t>【东方汽轮机】套筒\M237-265000A039\600MW超临界机组</t>
  </si>
  <si>
    <t>【东方汽轮机】滤网\M237-265300A</t>
  </si>
  <si>
    <t>【东方汽轮机】螺栓\M237-364100A014\600MW超临界机组</t>
  </si>
  <si>
    <t>【东方汽轮机】滑阀\M500.536.008\600MW超临界机组</t>
  </si>
  <si>
    <t>【东方汽轮机】滤网\M612.X11.1Z\D350H</t>
  </si>
  <si>
    <t>【东方汽轮机】滤网\M612.X12.1Z\D350H</t>
  </si>
  <si>
    <t>【东方汽轮机】滤网\M612-021100A\D350H</t>
  </si>
  <si>
    <t>【东方汽轮机】喷嘴\M701-166800A001\600MW超临界机组</t>
  </si>
  <si>
    <t>【东方汽轮机】喷水减温器\M730-076000A\D600F</t>
  </si>
  <si>
    <t>【东方汽轮机】切换伐\M765-004000A\600MW超临界机组</t>
  </si>
  <si>
    <t>【东方汽轮机】柱塞泵\A10VSO100DR/32R-VPB12N00\SYY0100100003\D600F</t>
  </si>
  <si>
    <t>【东方汽轮机】高压蓄能器皮囊\W.42.B.0002\600MW超临界机组</t>
  </si>
  <si>
    <t>【东方汽轮机】电机\TFO-KK.180M\W000250\D600F</t>
  </si>
  <si>
    <t>【东方汽轮机】仪表截止阀\J21W-32P(V)\W01A1146A\D600F</t>
  </si>
  <si>
    <t>【东方汽轮机】中低压球阀\Q21F-16P-50\W01N0027A\D600F</t>
  </si>
  <si>
    <t>【东方汽轮机】电机\W03A0075A\600MW超临界机组</t>
  </si>
  <si>
    <t>【东方汽轮机】汽轮机螺栓电加热器\W05A0007A\D350H</t>
  </si>
  <si>
    <t>【东方汽轮机】汽轮机螺栓电加热器\W05A0055A\D600F</t>
  </si>
  <si>
    <t>【东方汽轮机】汽轮机螺栓电加热器\W05A0056A\D350H</t>
  </si>
  <si>
    <t>【东方汽轮机】汽轮机螺栓电加热器\W05A0057A\D350G</t>
  </si>
  <si>
    <t>【东方汽轮机】汽轮机螺栓电加热器\ZJ-20-1\W05A0059A\D600F</t>
  </si>
  <si>
    <t>【东方汽轮机】汽轮机螺栓电加热器\W05A0060A\D350G</t>
  </si>
  <si>
    <t>【东方汽轮机】汽轮机螺栓电加热器\W05A0061A\D600F</t>
  </si>
  <si>
    <t>【东方汽轮机】汽轮机螺栓电加热器\W05A0071A\D330F</t>
  </si>
  <si>
    <t>【东方汽轮机】汽轮机螺栓电加热器\W05A0072A\D330F</t>
  </si>
  <si>
    <t>【东方汽轮机】汽轮机螺栓电加热器\W05A0073A\D330F</t>
  </si>
  <si>
    <t>【东方汽轮机】汽轮机螺栓电加热器\W05A0074A\D330F</t>
  </si>
  <si>
    <t>【东方汽轮机】汽轮机螺栓电加热器\W05A0075A\D330F</t>
  </si>
  <si>
    <t>【东方汽轮机】汽轮机螺栓电加热器\W05A0076A\D330F</t>
  </si>
  <si>
    <t>【东方汽轮机】汽轮机螺栓电加热器\ZJ-20-T12\W05A0081A\D600F</t>
  </si>
  <si>
    <t>【东方汽轮机】汽轮机螺栓电加热器\ZJ-20-T13\W05A0082A\D600F</t>
  </si>
  <si>
    <t>【东方汽轮机】汽轮机螺栓电加热器\ZJ-20-T16\W05A0085A\D600F</t>
  </si>
  <si>
    <t>【东方汽轮机】汽轮机螺栓电加热器\ZJ-20-T17\W05A0086A\D600F</t>
  </si>
  <si>
    <t>【东方汽轮机】汽轮机螺栓电加热器\W05A0087A\D350G</t>
  </si>
  <si>
    <t>【东方汽轮机】汽轮机螺栓电加热器\W05A0088A\D600F</t>
  </si>
  <si>
    <t>【东方汽轮机】汽轮机螺栓电加热器\W05A0089A\D600F</t>
  </si>
  <si>
    <t>【东方汽轮机】汽轮机螺栓电加热器\W05A0090A\D600F</t>
  </si>
  <si>
    <t>【东方汽轮机】汽轮机螺栓电加热器\W05A0091A\D600F</t>
  </si>
  <si>
    <t>【东方汽轮机】汽轮机螺栓电加热器\ZJ-20-T19\W05A0106A\D600F</t>
  </si>
  <si>
    <t>【东方汽轮机】汽轮机螺栓电加热器\ZJ-20-T20\W05A0107A\D600F</t>
  </si>
  <si>
    <t>【东方汽轮机】汽轮机螺栓电加热器\ZJ-20-T21\W05A0108A\D600F</t>
  </si>
  <si>
    <t>【东方汽轮机】汽轮机螺栓电加热器\ZJ-20-T22\W05A0109A\D600F</t>
  </si>
  <si>
    <t>【东方汽轮机】汽轮机螺栓电加热器\W05A0121A\D350H</t>
  </si>
  <si>
    <t>【东方汽轮机】汽轮机螺栓电加热器\W05A0122A\D350H</t>
  </si>
  <si>
    <t>【东方汽轮机】汽轮机螺栓电加热器\W05A0127A\D350H</t>
  </si>
  <si>
    <t>【东方汽轮机】汽轮机螺栓电加热器\W05A0129A\D350H</t>
  </si>
  <si>
    <t>【东方汽轮机】汽轮机螺栓电加热器\W05A0130A\D350H</t>
  </si>
  <si>
    <t>【东方汽轮机】汽轮机螺栓电加热器\W05A0132A\D350H</t>
  </si>
  <si>
    <t>【东方汽轮机】汽轮机螺栓电加热器\W05A0133A\D350H</t>
  </si>
  <si>
    <t>【东方汽轮机】汽轮机螺栓电加热器\W05A0134A\D350H</t>
  </si>
  <si>
    <t>【东方汽轮机】汽轮机螺栓电加热器\W05A0135A\D350H</t>
  </si>
  <si>
    <t>【东方汽轮机】汽轮机螺栓电加热器\W05A0137A\D350H</t>
  </si>
  <si>
    <t>【东方汽轮机】汽轮机螺栓电加热器\W05A0140A\D350H</t>
  </si>
  <si>
    <t>【东方汽轮机】汽轮机螺栓电加热器\W05A0141A\D350H</t>
  </si>
  <si>
    <t>【东方汽轮机】汽轮机螺栓电加热器\W05A0149A\600MW超临界机组</t>
  </si>
  <si>
    <t>【东方汽轮机】汽轮机螺栓电加热器\W05A0151A\600MW超临界机组</t>
  </si>
  <si>
    <t>【东方汽轮机】汽轮机螺栓电加热器\W05A0152A\600MW超临界机组</t>
  </si>
  <si>
    <t>【东方汽轮机】汽轮机螺栓电加热器\W05A0153A\600MW超临界机组</t>
  </si>
  <si>
    <t>【东方汽轮机】汽轮机螺栓电加热器\W05A0154A\600MW超临界机组</t>
  </si>
  <si>
    <t>【东方汽轮机】汽轮机螺栓电加热器\W05A0155A\600MW超临界机组</t>
  </si>
  <si>
    <t>【东方汽轮机】汽轮机螺栓电加热器\W05A0156A\600MW超临界机组</t>
  </si>
  <si>
    <t>【东方汽轮机】汽轮机螺栓电加热器\W05A0157A\600MW超临界机组</t>
  </si>
  <si>
    <t>【东方汽轮机】汽轮机螺栓电加热器\W05A0159A\600MW超临界机组</t>
  </si>
  <si>
    <t>【东方汽轮机】汽轮机螺栓电加热器\W05A0160A\600MW超临界机组</t>
  </si>
  <si>
    <t>【东方汽轮机】汽轮机螺栓电加热器\W05A0161A\600MW超临界机组</t>
  </si>
  <si>
    <t>【东方汽轮机】汽轮机螺栓电加热器\W05A0162A\600MW超临界机组</t>
  </si>
  <si>
    <t>【东方汽轮机】汽轮机螺栓电加热器\W05A0163A\600MW超临界机组</t>
  </si>
  <si>
    <t>【东方汽轮机】汽轮机螺栓电加热器\W05A0164A\600MW超临界机组</t>
  </si>
  <si>
    <t>【东方汽轮机】汽轮机螺栓电加热器\W05A0165A\600MW超临界机组</t>
  </si>
  <si>
    <t>【东方汽轮机】汽轮机螺栓电加热器\W05A0166A\600MW超临界机组</t>
  </si>
  <si>
    <t>【东方汽轮机】汽轮机螺栓电加热器\W05A0167A\600MW超临界机组</t>
  </si>
  <si>
    <t>【东方汽轮机】汽轮机螺栓电加热器\W05A0168A\600MW超临界机组</t>
  </si>
  <si>
    <t>【东方汽轮机】汽轮机螺栓电加热器\W05A0169A\600MW超临界机组</t>
  </si>
  <si>
    <t>【东方汽轮机】汽轮机螺栓电加热器\W05A0170A\600MW超临界机组</t>
  </si>
  <si>
    <t>【东方汽轮机】汽轮机螺栓电加热器\W05A0171A\600MW超临界机组</t>
  </si>
  <si>
    <t>【东方汽轮机】汽轮机螺栓电加热器\W05A0172A\600MW超临界机组</t>
  </si>
  <si>
    <t>【东方汽轮机】汽轮机螺栓电加热器\W05A0173A\600MW超临界机组</t>
  </si>
  <si>
    <t>【东方汽轮机】电加热棒\ZJ-20-1(R)\W05A0174A\D600F</t>
  </si>
  <si>
    <t>【东方汽轮机】螺栓加热棒\W05A0176A\600MW超临界机组</t>
  </si>
  <si>
    <t>【东方汽轮机】螺栓加热棒\W05A0177A\600MW超临界机组</t>
  </si>
  <si>
    <t>【东方汽轮机】螺栓加热棒\W05A0178A\600MW超临界机组</t>
  </si>
  <si>
    <t>【东方汽轮机】螺栓加热棒\W05A0179A\600MW超临界机组</t>
  </si>
  <si>
    <t>【东方汽轮机】螺栓加热棒\W05A0180A\600MW超临界机组</t>
  </si>
  <si>
    <t>【东方汽轮机】螺栓加热棒\W05A0181A\600MW超临界机组</t>
  </si>
  <si>
    <t>【东方汽轮机】螺栓加热棒\W05A0182A\600MW超临界机组</t>
  </si>
  <si>
    <t>【东方汽轮机】螺栓加热棒\W05A0183A\600MW超临界机组</t>
  </si>
  <si>
    <t>【东方汽轮机】螺栓加热棒\W05A0184A\600MW超临界机组</t>
  </si>
  <si>
    <t>【东方汽轮机】螺栓加热棒\W05A0185A\600MW超临界机组</t>
  </si>
  <si>
    <t>【东方汽轮机】螺栓加热棒\W05A0186A\600MW超临界机组</t>
  </si>
  <si>
    <t>【东方汽轮机】螺栓加热棒\W05A0187A\600MW超临界机组</t>
  </si>
  <si>
    <t>【东方汽轮机】螺栓加热棒\W05A0188A\600MW超临界机组</t>
  </si>
  <si>
    <t>【东方汽轮机】汽轮机螺栓电加热器\W05A0211A\D350H</t>
  </si>
  <si>
    <t>【东方汽轮机】汽轮机螺栓电加热器\W05A0214A\D350H</t>
  </si>
  <si>
    <t>【东方汽轮机】汽轮机大螺栓电加热器\W05A0228A\D350H</t>
  </si>
  <si>
    <t>【东方汽轮机】压力表\YTN-100ZT/1.0\W06A0193A\D600F</t>
  </si>
  <si>
    <t>【东方汽轮机】压力表\YNT-100ZT/40\W06A0194A\D600F</t>
  </si>
  <si>
    <t>【东方汽轮机】压力真空表\YZ-150\W06B0005A\D600F</t>
  </si>
  <si>
    <t>【东方汽轮机】双金属温度计\W07B0001A\D300P</t>
  </si>
  <si>
    <t>【东方汽轮机】双金属温度计\W07B0021A\600MW超临界机组</t>
  </si>
  <si>
    <t>【东方汽轮机】双金属温度计\W07B0030A\D600F</t>
  </si>
  <si>
    <t>【东方汽轮机】双金属温度计\W07B0033A\D600F</t>
  </si>
  <si>
    <t>【东方汽轮机】双金属温度计\W07B0095A\600MW超临界机组</t>
  </si>
  <si>
    <t>【东方汽轮机】双金属温度计\W07B0108A\D350H</t>
  </si>
  <si>
    <t>【东方汽轮机】铠装热电偶\W08A0021A\600MW超临界机组</t>
  </si>
  <si>
    <t>【东方汽轮机】铠装热电偶\W08B0003A\600MW超临界机组</t>
  </si>
  <si>
    <t>【东方汽轮机】铠装热电偶\WRNK2-294\W08B0017A\D300P</t>
  </si>
  <si>
    <t>【东方汽轮机】铠装热电偶\W08C0001A\600MW超临界机组</t>
  </si>
  <si>
    <t>【东方汽轮机】铠装热电偶\W08C0002A\600MW超临界机组</t>
  </si>
  <si>
    <t>【东方汽轮机】铠装热电偶\W08C0004A\D350G</t>
  </si>
  <si>
    <t>【东方汽轮机】铠装热电偶\W08C0005A\D600F</t>
  </si>
  <si>
    <t>【东方汽轮机】铠装热电偶\W08C0006A\600MW超临界机组</t>
  </si>
  <si>
    <t>【东方汽轮机】铠装热电偶\W08C0012A\600MW超临界机组</t>
  </si>
  <si>
    <t>【东方汽轮机】铠装热电偶\W08C0018A\600MW超临界机组</t>
  </si>
  <si>
    <t>【东方汽轮机】铠装热电偶\W08C0021A\600MW超临界机组</t>
  </si>
  <si>
    <t>【东方汽轮机】铠装热电偶\W08H0006A\600MW超临界机组</t>
  </si>
  <si>
    <t>【东方汽轮机】热电偶\W08L0008A\600MW超临界机组</t>
  </si>
  <si>
    <t>【东方汽轮机】双支端面热电偶\W08M0024A\D330F</t>
  </si>
  <si>
    <t>【东方汽轮机】双支端面热电偶\W08M0027A\D350C</t>
  </si>
  <si>
    <t>【东方汽轮机】双支端面热电偶\W08M0028A\D350C</t>
  </si>
  <si>
    <t>【东方汽轮机】双支端面热电偶\W08M0030A\D330F</t>
  </si>
  <si>
    <t>【东方汽轮机】双支端面热电偶\W08M0031A\D350C</t>
  </si>
  <si>
    <t>【东方汽轮机】双支端面热电偶\W08M0050A\D330F</t>
  </si>
  <si>
    <t>【东方汽轮机】端面铂热电阻\WZPM2-001(Pt100)\W09A0004A\X300N</t>
  </si>
  <si>
    <t>【东方汽轮机】端面铂热电阻\W09A0011A\D350H</t>
  </si>
  <si>
    <t>【东方汽轮机】端面铂热电阻\WZPM2-001(Pt100)\W09A0012A\X300N</t>
  </si>
  <si>
    <t>【东方汽轮机】端面铂热电阻\WZPM2-001(Pt100)\W09A0013A\D300P</t>
  </si>
  <si>
    <t>【东方汽轮机】端面铂热电阻\WZPM2-001(Pt100)\W09A0048A\X300N</t>
  </si>
  <si>
    <t>【东方汽轮机】端面铂热电阻\WZPM2-001(Pt100)\W09A0059A\D300P</t>
  </si>
  <si>
    <t>【东方汽轮机】端面铂热电阻\W09A0139A\D350H</t>
  </si>
  <si>
    <t>【东方汽轮机】端面铂热电阻\W09A0140A\D350H</t>
  </si>
  <si>
    <t>【东方汽轮机】双支端面铂热电阻\W09A0155A\D350H</t>
  </si>
  <si>
    <t>【东方汽轮机】端面铂热电阻\W09A0162A\D350H</t>
  </si>
  <si>
    <t>【东方汽轮机】双支端面铂热电阻\W09A0166A\D350H</t>
  </si>
  <si>
    <t>【东方汽轮机】双支端面铂热电阻\W09A0167A\D350G</t>
  </si>
  <si>
    <t>【东方汽轮机】双支端面铂热电阻\W09A0170A\D350H</t>
  </si>
  <si>
    <t>【东方汽轮机】双支端面铂热电阻\W09A0173A\D350H</t>
  </si>
  <si>
    <t>【东方汽轮机】双支端面铂热电阻\W09A0174A\D350G</t>
  </si>
  <si>
    <t>【东方汽轮机】双支铂热电阻\W09C0004A\600MW超临界机组</t>
  </si>
  <si>
    <t>【东方汽轮机】双支铂热电阻\W09C0005A\600MW超临界机组</t>
  </si>
  <si>
    <t>【东方汽轮机】铠装铂热电阻\W09D0001A\D300P</t>
  </si>
  <si>
    <t>【东方汽轮机】铠装铂热电阻\W09D0002A\D300P</t>
  </si>
  <si>
    <t>【东方汽轮机】铠装铂热电阻\W09D0006A\600MW超临界机组</t>
  </si>
  <si>
    <t>【东方汽轮机】铠装铂热电阻\W09D0007A\X300N</t>
  </si>
  <si>
    <t>【东方汽轮机】铠装铂热电阻\W09D0017A\D350H</t>
  </si>
  <si>
    <t>【东方汽轮机】铠装铂热电阻\W09D0026A\600MW超临界机组</t>
  </si>
  <si>
    <t>【东方汽轮机】铠装铂热电阻\W09D0040A\600MW超临界机组</t>
  </si>
  <si>
    <t>【东方汽轮机】铠装铂热电阻\W09D0041A\X300N</t>
  </si>
  <si>
    <t>【东方汽轮机】铠装铂热电阻\WZPK2-323(Pt100)\W09D0067A\X300N</t>
  </si>
  <si>
    <t>【东方汽轮机】限位开关\W20A0046A\600MW超临界机组</t>
  </si>
  <si>
    <t>【东方汽轮机】限位开关\W20A0047A\600MW超临界机组</t>
  </si>
  <si>
    <t>【东方汽轮机】圆形连接器插头\W22C0016A\600MW超临界机组</t>
  </si>
  <si>
    <t>【东方汽轮机】圆形连接器插座\W22C0017A\600MW超临界机组</t>
  </si>
  <si>
    <t>【东方汽轮机】直流电加热器控制柜\W23A0002A\D350H</t>
  </si>
  <si>
    <t>【东方汽轮机】O型密封圈\65×3.55\W26B0003A\X300N</t>
  </si>
  <si>
    <t>【东方汽轮机】O型密封圈\80×5.3\W26B0004A\D350H</t>
  </si>
  <si>
    <t>【东方汽轮机】O型密封圈\60×3.55\W26G0060A\X300N</t>
  </si>
  <si>
    <t>【东方汽轮机】O型密封圈\40×3.55\橡胶\W26J0008A\D300P</t>
  </si>
  <si>
    <t>【东方汽轮机】O型密封圈\71×3.55\橡胶\W26J0011A\D300P</t>
  </si>
  <si>
    <t>【东方汽轮机】O型密封圈\80×3.55\橡胶\W26J0012A\D300P</t>
  </si>
  <si>
    <t>【东方汽轮机】口型密封圈\W26J0049A\X300N</t>
  </si>
  <si>
    <t>【东方汽轮机】金属缠绕垫片\W29A0036A\D600F</t>
  </si>
  <si>
    <t>【东方汽轮机】带内外环金属缠绕垫\W29B0123A\600MW超临界机组</t>
  </si>
  <si>
    <t>【东方汽轮机】金属缠绕垫\W29B0124A\600MW超临界机组</t>
  </si>
  <si>
    <t>【东方汽轮机】带内外环金属缠绕垫\W29B0125A\600MW超临界机组</t>
  </si>
  <si>
    <t>【东方汽轮机】双筒过滤器\707FM164GATDN50H1.5F0.08C\W38A0028A\D600F</t>
  </si>
  <si>
    <t>【东方汽轮机】反冲洗滤油器\ZCL-Ⅰ-450\W38B0017A\D600F</t>
  </si>
  <si>
    <t>【东方汽轮机】单筒过滤器\W38C0035C\600MW超临界机组</t>
  </si>
  <si>
    <t>【东方汽轮机】双联过滤器\DQ6803GA20H1.5C\W38C0040C\600MW超临界机组</t>
  </si>
  <si>
    <t>【东方汽轮机】滤芯\W38C0059A\600MW超临界机组</t>
  </si>
  <si>
    <t>【东方汽轮机】滤芯\W38C0079A\600MW超临界机组</t>
  </si>
  <si>
    <t>【东方汽轮机】压力开关\W45A0003A\D600F</t>
  </si>
  <si>
    <t>【东方汽轮机】压力开关\H100-189\W45A0036A\D600F</t>
  </si>
  <si>
    <t>【东方汽轮机】压力开关\H100-188\W45A0037A\D600F</t>
  </si>
  <si>
    <t>【东方汽轮机】铠装热电偶\W99A0410A\600MW超临界机组</t>
  </si>
  <si>
    <t>【东方汽轮机】铠装热电偶\W99A0411A\600MW超临界机组</t>
  </si>
  <si>
    <t>【东方汽轮机】铠装热电偶\W99A0412A\600MW超临界机组</t>
  </si>
  <si>
    <t>【东方汽轮机】铠装热电偶\W99A0413A\600MW超临界机组</t>
  </si>
  <si>
    <t>【东方汽轮机】铠装热电偶\W99A0414A\600MW超临界机组</t>
  </si>
  <si>
    <t>【东方汽轮机】铠装热电偶\W99A0415A\600MW超临界机组</t>
  </si>
  <si>
    <t>【东方汽轮机】铠装热电偶\W99A0416A\600MW超临界机组</t>
  </si>
  <si>
    <t>【东方汽轮机】铠装热电偶\W99A0417A\600MW超临界机组</t>
  </si>
  <si>
    <t>【东方汽轮机】铠装热电偶\W99A0418A\600MW超临界机组</t>
  </si>
  <si>
    <t>【东方汽轮机】铠装热电偶\W99A0419A\600MW超临界机组</t>
  </si>
  <si>
    <t>【东方汽轮机】铠装热电偶\W99A0420A\600MW超临界机组</t>
  </si>
  <si>
    <t>【东方汽轮机】铠装热电偶\W99A0421A\600MW超临界机组</t>
  </si>
  <si>
    <t>【东方汽轮机】铠装热电偶\W99A0422A\600MW超临界机组</t>
  </si>
  <si>
    <t>【东方汽轮机】铠装热电偶\W99A0423A\600MW超临界机组</t>
  </si>
  <si>
    <t>【东方汽轮机】铠装热电偶\W99A0424A\600MW超临界机组</t>
  </si>
  <si>
    <t>【东方汽轮机】铠装热电偶\W99A0425A\600MW超临界机组</t>
  </si>
  <si>
    <t>【东方汽轮机】铠装热电偶\W99A0426A\600MW超临界机组</t>
  </si>
  <si>
    <t>【东方汽轮机】铠装热电偶\W99A0427A\600MW超临界机组</t>
  </si>
  <si>
    <t>【东方汽轮机】铠装热电偶\W99A0428A\600MW超临界机组</t>
  </si>
  <si>
    <t>【东方汽轮机】铠装热电偶\W99A0429A\600MW超临界机组</t>
  </si>
  <si>
    <t>【东方汽轮机】铠装热电偶\W99A0430A\600MW超临界机组</t>
  </si>
  <si>
    <t>【东方汽轮机】铠装热电偶\W99A0431A\600MW超临界机组</t>
  </si>
  <si>
    <t>【东方汽轮机】铠装热电偶\W99A0432A\600MW超临界机组</t>
  </si>
  <si>
    <t>【东方汽轮机】铠装热电偶\W99A0433A\600MW超临界机组</t>
  </si>
  <si>
    <t>【东方汽轮机】铠装热电偶\W99A0434A\600MW超临界机组</t>
  </si>
  <si>
    <t>【东方汽轮机】铠装热电偶\W99A0435A\600MW超临界机组</t>
  </si>
  <si>
    <t>【东方汽轮机】铠装热电偶\W99A0436A\600MW超临界机组</t>
  </si>
  <si>
    <t>【东方汽轮机】铠装热电偶\W99A0437A\600MW超临界机组</t>
  </si>
  <si>
    <t>【东方汽轮机】铠装热电偶\W99A0438A\600MW超临界机组</t>
  </si>
  <si>
    <t>【东方汽轮机】铠装热电偶\W99A0439A\600MW超临界机组</t>
  </si>
  <si>
    <t>【东方汽轮机】外螺纹直通接头\WB0289A\D600F</t>
  </si>
  <si>
    <t>【东方汽轮机】弯头\WB0290A\D600F</t>
  </si>
  <si>
    <t>【东方汽轮机】喷嘴\WK01724\600MW超临界机组</t>
  </si>
  <si>
    <t>【东方汽轮机】压力表开关\WZJ0035\D600F</t>
  </si>
  <si>
    <t>【东方汽轮机】平衡螺塞\X200D.217.007\600MW超临界机组</t>
  </si>
  <si>
    <t>【东方汽轮机】挡板\X300E-020000A004\X300N</t>
  </si>
  <si>
    <t>【东方汽轮机】销\X300E-034000E001\X300N</t>
  </si>
  <si>
    <t>【东方汽轮机】矩形弹簧片\X300E-034000E003\X300N</t>
  </si>
  <si>
    <t>【东方汽轮机】密封键\L=240\X300E-061000A001\X300H</t>
  </si>
  <si>
    <t>【东方汽轮机】键\L=35\X300E-103000D002\X300N</t>
  </si>
  <si>
    <t>【东方汽轮机】键\L=43\X300E-106000E001\X300N</t>
  </si>
  <si>
    <t>【东方汽轮机】键\L=245\X300E-112000F001\X300N</t>
  </si>
  <si>
    <t>【东方汽轮机】垫片\X300E-123000A001\X300N</t>
  </si>
  <si>
    <t>【东方汽轮机】汽封圈\X300E-171100D\X300H</t>
  </si>
  <si>
    <t>【东方汽轮机】汽封圈\X300E-171110E\X300H</t>
  </si>
  <si>
    <t>【东方汽轮机】汽封圈\X300E-171120E\X300H</t>
  </si>
  <si>
    <t>【东方汽轮机】汽封圈\X300E-171200D\X300H</t>
  </si>
  <si>
    <t>【东方汽轮机】汽封圈\X300E-171210E\X300H</t>
  </si>
  <si>
    <t>【东方汽轮机】汽封圈\X300E-171310E\X300H</t>
  </si>
  <si>
    <t>【东方汽轮机】汽封圈\X300E-172110E\X300N</t>
  </si>
  <si>
    <t>【东方汽轮机】汽封圈\X300E-172120E\X300N</t>
  </si>
  <si>
    <t>【东方汽轮机】汽封圈\X300E-172310E\X300N</t>
  </si>
  <si>
    <t>【东方汽轮机】汽封圈\X300E-172320E\X300N</t>
  </si>
  <si>
    <t>【东方汽轮机】高压第2级径向汽封\X300E-172410E\X300H</t>
  </si>
  <si>
    <t>【东方汽轮机】高压第3级径向汽封\X300E-172420E\X300H</t>
  </si>
  <si>
    <t>【东方汽轮机】高压第4级径向汽封\X300E-172430E\X300H</t>
  </si>
  <si>
    <t>【东方汽轮机汽封\X300E-172440E\X300H</t>
  </si>
  <si>
    <t>【东方汽轮机】汽封\X300E-172450E\X300H</t>
  </si>
  <si>
    <t>【东方汽轮机】汽封\X300E-172460E\X300H</t>
  </si>
  <si>
    <t>【东方汽轮机】汽封\X300E-172470E\X300H</t>
  </si>
  <si>
    <t>【东方汽轮机】高压第9级径向汽封\X300E-172480E\X300H</t>
  </si>
  <si>
    <t>【东方汽轮机】高压第10级径向汽封\X300E-172490E\X300H</t>
  </si>
  <si>
    <t>【东方汽轮机】中压第1级径向汽封\X300E-172510E\X300H</t>
  </si>
  <si>
    <t>【东方汽轮机】汽封\X300E-172520E\X300H</t>
  </si>
  <si>
    <t>【东方汽轮机】汽封\X300E-172530E\X300H</t>
  </si>
  <si>
    <t>【东方汽轮机】汽封\X300E-172540E\X300H</t>
  </si>
  <si>
    <t>【东方汽轮机】汽封\X300E-172550E\X300H</t>
  </si>
  <si>
    <t>【东方汽轮机】汽封\X300E-172560E\X300H</t>
  </si>
  <si>
    <t>【东方汽轮机】汽封\X300E-172610E\X300H</t>
  </si>
  <si>
    <t>【东方汽轮机】汽封\X300E-172640E\X300H</t>
  </si>
  <si>
    <t>【东方汽轮机】汽封圈\X300E-173300C\X300H</t>
  </si>
  <si>
    <t>【东方汽轮机】汽封圈\X300E-173400C\X300H</t>
  </si>
  <si>
    <t>【东方汽轮机】汽封圈\X300E-173500C\X300H</t>
  </si>
  <si>
    <t>【东方汽轮机】汽封圈\X300E-174100D\X300H</t>
  </si>
  <si>
    <t>【东方汽轮机】汽封圈\X300E-174200D\X300H</t>
  </si>
  <si>
    <t>【东方汽轮机】汽封圈\X300E-175100C\X300H</t>
  </si>
  <si>
    <t>【东方汽轮机】平衡重块(外弧)\X300E-217000H001\X300N</t>
  </si>
  <si>
    <t>【东方汽轮机】平衡重块(内弧)\X300E-217000H002\X300N</t>
  </si>
  <si>
    <t>【东方汽轮机】汽封圈\X300H-172110A\X300H</t>
  </si>
  <si>
    <t>【东方汽轮机】汽封圈\X300H-172120A\X300H</t>
  </si>
  <si>
    <t>【东方汽轮机】汽封圈\X300H-172210A\X300H</t>
  </si>
  <si>
    <t>【东方汽轮机】汽封圈\X300H-172320A\D350H</t>
  </si>
  <si>
    <t>【东方汽轮机】密封圈\X300N-020000C001\X300N</t>
  </si>
  <si>
    <t>【东方汽轮机】密封圈\X300N-020000C002\X300N</t>
  </si>
  <si>
    <t>【东方汽轮机】密封圈\X300N-020200B\X300N</t>
  </si>
  <si>
    <t>【东方汽轮机】密封圈\X300N-061000C001\X300N</t>
  </si>
  <si>
    <t>【东方汽轮机】定位螺栓\X300N-061000C002\X300N</t>
  </si>
  <si>
    <t>【东方汽轮机】密封圈\X300N-062000C001\X300N</t>
  </si>
  <si>
    <t>【东方汽轮机】双头螺柱\X300N-062000C002\X300N</t>
  </si>
  <si>
    <t>【东方汽轮机】定位螺栓\X300N-062000C003\X300N</t>
  </si>
  <si>
    <t>【东方汽轮机】汽封\X300N-100111F\X300N</t>
  </si>
  <si>
    <t>【东方汽轮机】汽封\X300N-100112F\X300N</t>
  </si>
  <si>
    <t>【东方汽轮机】汽封\X300N-100113F\X300N</t>
  </si>
  <si>
    <t>【东方汽轮机】汽封\X300N-100114F\X300N</t>
  </si>
  <si>
    <t>【东方汽轮机】汽封\X300N-100115F\X300N</t>
  </si>
  <si>
    <t>【东方汽轮机】汽封\X300N-100116F\X300N</t>
  </si>
  <si>
    <t>【东方汽轮机】汽封\X300N-100117F\X300N</t>
  </si>
  <si>
    <t>【东方汽轮机】汽封\X300N-100118F\X300N</t>
  </si>
  <si>
    <t>【东方汽轮机】汽封\X300N-100119F\X300N</t>
  </si>
  <si>
    <t>【东方汽轮机】汽封圈\X300N-100211F\X300N</t>
  </si>
  <si>
    <t>【东方汽轮机】汽封\X300N-100221F\X300N</t>
  </si>
  <si>
    <t>【东方汽轮机】汽封\X300N-100222F\X300N</t>
  </si>
  <si>
    <t>【东方汽轮机】汽封\X300N-100223F\X300N</t>
  </si>
  <si>
    <t>【东方汽轮机】汽封\X300N-100224F\X300N</t>
  </si>
  <si>
    <t>【东方汽轮机】汽封\X300N-100225F\X300N</t>
  </si>
  <si>
    <t>【东方汽轮机】汽封\X300N-100226F\X300N</t>
  </si>
  <si>
    <t>【东方汽轮机】汽封圈\X300N-100311B\X300N</t>
  </si>
  <si>
    <t>【东方汽轮机】汽封圈\X300N-100312B\X300N</t>
  </si>
  <si>
    <t>【东方汽轮机】汽封圈\X300N-100313B\X300N</t>
  </si>
  <si>
    <t>【东方汽轮机】汽封圈\X300N-100314B\X300N</t>
  </si>
  <si>
    <t>【东方汽轮机】汽封圈\X300N-100315B\X300N</t>
  </si>
  <si>
    <t>【东方汽轮机】支承销\X300N-108000A001\X300N</t>
  </si>
  <si>
    <t>【东方汽轮机】导流环\X300N-111200B\X300N</t>
  </si>
  <si>
    <t>【东方汽轮机】汽封圈\X300N-160110D\X300N</t>
  </si>
  <si>
    <t>【东方汽轮机】汽封圈\X300N-160110F\X300N</t>
  </si>
  <si>
    <t>【东方汽轮机】汽封圈\X300N-160120D\X300N</t>
  </si>
  <si>
    <t>【东方汽轮机】汽封圈\X300N-160210F\X300N</t>
  </si>
  <si>
    <t>【东方汽轮机】汽封圈\X300N-160310C\X300N</t>
  </si>
  <si>
    <t>【东方汽轮机】汽封圈\X300N-160320C\X300N</t>
  </si>
  <si>
    <t>【东方汽轮机】汽封圈\X300N-160330C\X300N</t>
  </si>
  <si>
    <t>【东方汽轮机】定位螺栓\M24\X300N-162000A001\X300N</t>
  </si>
  <si>
    <t>【东方汽轮机】密封环\X300N-295000B001\X300N</t>
  </si>
  <si>
    <t>【东方汽轮机】密封环\X300N-295000B002\X300N</t>
  </si>
  <si>
    <t>【东方汽轮机】金属缠绕垫片\X300P-011600A004\X300P</t>
  </si>
  <si>
    <t>【东方汽轮机】高温蒸汽盘根\X300P-020000C005\X300P</t>
  </si>
  <si>
    <t>【东方汽轮机】双头螺柱\X300P-020000E001\X300P</t>
  </si>
  <si>
    <t>【东方汽轮机】双头螺柱\X300P-020000E002\X300P</t>
  </si>
  <si>
    <t>【东方汽轮机】双头螺柱\X300P-020000E003\X300P</t>
  </si>
  <si>
    <t>【东方汽轮机】双头螺柱\M48×233\X300P-032000C005\X300P</t>
  </si>
  <si>
    <t>【东方汽轮机】高温蒸汽盘根\X300P-061000D001\X300P</t>
  </si>
  <si>
    <t>【东方汽轮机】高温蒸汽盘根\X300P-062000B001\X300P</t>
  </si>
  <si>
    <t>【东方汽轮机】高温蒸汽盘根\X300P-062000B003\X300P</t>
  </si>
  <si>
    <t>【东方汽轮机】汽封圈\X300P-100101E\X300P</t>
  </si>
  <si>
    <t>【东方汽轮机】汽封圈\X300P-100102E\X300P</t>
  </si>
  <si>
    <t>【东方汽轮机】汽封圈\X300P-100103E\X300P</t>
  </si>
  <si>
    <t>【东方汽轮机】汽封圈\X300P-100104E\X300P</t>
  </si>
  <si>
    <t>【东方汽轮机】汽封圈\X300P-100110F\X300P</t>
  </si>
  <si>
    <t>【东方汽轮机】汽封圈\X300P-100120F\X300P</t>
  </si>
  <si>
    <t>【东方汽轮机】汽封圈\X300P-100211E\X300P</t>
  </si>
  <si>
    <t>【东方汽轮机】汽封圈\X300P-100212E\X300P</t>
  </si>
  <si>
    <t>【东方汽轮机】圆柱弹簧\X300P-100220D001\X300P</t>
  </si>
  <si>
    <t>【东方汽轮机】汽封\X300P-100221C\X300P</t>
  </si>
  <si>
    <t>【东方汽轮机】汽封\X300P-100222C\X300P</t>
  </si>
  <si>
    <t>【东方汽轮机】汽封\X300P-100223C\X300P</t>
  </si>
  <si>
    <t>【东方汽轮机】汽封\X300P-100224C\X300P</t>
  </si>
  <si>
    <t>【东方汽轮机】汽封\X300P-100225C\X300P</t>
  </si>
  <si>
    <t>【东方汽轮机】汽封\X300P-100226C\X300P</t>
  </si>
  <si>
    <t>【东方汽轮机】汽封\X300P-100227C\X300P</t>
  </si>
  <si>
    <t>【东方汽轮机】汽封\X300P-100228C\X300P</t>
  </si>
  <si>
    <t>【东方汽轮机】汽封圈\X300P-100401F\X300P</t>
  </si>
  <si>
    <t>【东方汽轮机】汽封圈\X300P-100402F\X300P</t>
  </si>
  <si>
    <t>【东方汽轮机】汽封圈\X300P-100403F\X300P</t>
  </si>
  <si>
    <t>【东方汽轮机】汽封圈\X300P-100404F\X300P</t>
  </si>
  <si>
    <t>【东方汽轮机】汽封圈\X300P-100405F\X300P</t>
  </si>
  <si>
    <t>【东方汽轮机】汽封圈\X300P-100406F\X300P</t>
  </si>
  <si>
    <t>【东方汽轮机】汽封圈\X300P-100407F\X300P</t>
  </si>
  <si>
    <t>【东方汽轮机】汽封圈\X300P-100408F\X300P</t>
  </si>
  <si>
    <t>【东方汽轮机】汽封圈\X300P-100409F\X300P</t>
  </si>
  <si>
    <t>【东方汽轮机】汽封圈\X300P-100410F\X300P</t>
  </si>
  <si>
    <t>【东方汽轮机】汽封圈\X300P-100411F\X300P</t>
  </si>
  <si>
    <t>【东方汽轮机】高温用带槽螺母\X300P-261000A015\X300P</t>
  </si>
  <si>
    <t>【东方汽轮机】高温内六角螺钉\X300P-261000A021\X300P</t>
  </si>
  <si>
    <t>【东方汽轮机】主汽预启阀碟\X300P-261000A022\X300P</t>
  </si>
  <si>
    <t>【东方汽轮机】主汽阀碟\X300P-261000A024\X300P</t>
  </si>
  <si>
    <t>【东方汽轮机】高温内六角螺钉\X300P-261000A027\X300P</t>
  </si>
  <si>
    <t>【东方汽轮机】销\X300P-261000A031\X300P</t>
  </si>
  <si>
    <t>【东方汽轮机】罩螺母\M30\X300P-261000A037\X300P</t>
  </si>
  <si>
    <t>【东方汽轮机】主汽阀杆\X300P-261000A039\X300P</t>
  </si>
  <si>
    <t>【东方汽轮机】六角螺母\M20\X300P-261000A042\X300P</t>
  </si>
  <si>
    <t>【东方汽轮机】螺钉\X300P-261000A044\X300P</t>
  </si>
  <si>
    <t>【东方汽轮机】调节阀蝶\X300P-261000A045\X300P</t>
  </si>
  <si>
    <t>【东方汽轮机】调节阀杆\X300P-261000A051\X300P</t>
  </si>
  <si>
    <t>【东方汽轮机】垫片\X300P-261000A058\X300P</t>
  </si>
  <si>
    <t>【东方汽轮机】六角型螺母\X300P-291000A011\X300P</t>
  </si>
  <si>
    <t>【东方汽轮机】金属缠绕垫片\X300P-293100A002\X300P</t>
  </si>
  <si>
    <t>【东方汽轮机】汽封片\Y46-110100A001\600MW超临界机组</t>
  </si>
  <si>
    <t>【东方汽轮机】汽封片\Y46-111100A004\600MW超临界机组</t>
  </si>
  <si>
    <t>【东方汽轮机】汽封片\Y46-112100A004\600MW超临界机组</t>
  </si>
  <si>
    <t>【东方汽轮机】汽封片\Y46-113100A002\600MW超临界机组</t>
  </si>
  <si>
    <t>【东方汽轮机】汽封片\Y46-114100A003\600MW超临界机组</t>
  </si>
  <si>
    <t>【东方汽轮机】汽封片\Y46-115100A004\600MW超临界机组</t>
  </si>
  <si>
    <t>【东方汽轮机】汽封片\Y46-116100A001\600MW超临界机组</t>
  </si>
  <si>
    <t>【东方汽轮机】汽封片\Y46-117100A002\600MW超临界机组</t>
  </si>
  <si>
    <t>【东方汽轮机】汽封片\Y46-118100A003\600MW超临界机组</t>
  </si>
  <si>
    <t>【东方汽轮机】热电偶\Y47-243000B004\600MW超临界机组</t>
  </si>
  <si>
    <t>【东方汽轮机】垫块\Y47-248000A001\600MW超临界机组</t>
  </si>
  <si>
    <t>【东方汽轮机】垫片\Y47-248000A002\600MW超临界机组</t>
  </si>
  <si>
    <t>【东方汽轮机】带孔调整垫片\Y47-248000A005\600MW超临界机组</t>
  </si>
  <si>
    <t>【东方汽轮机】带孔调整垫块\Y47-248000A007\600MW超临界机组</t>
  </si>
  <si>
    <t>【东方汽轮机】止动垫圈\Y47-248000A008\600MW超临界机组</t>
  </si>
  <si>
    <t>【东方汽轮机】止动销\Y47-248000A009\600MW超临界机组</t>
  </si>
  <si>
    <t>【东方汽轮机】汽封圈\D350N-100403A</t>
  </si>
  <si>
    <t>【东方汽轮机】隔板汽封\D600B-098160A</t>
  </si>
  <si>
    <t>【东方汽轮机】板弹簧\183×24×20\D300S-098100A003</t>
  </si>
  <si>
    <t>【东方汽轮机】螺栓\D300S-464000A001</t>
  </si>
  <si>
    <t>【东方汽轮机】螺钉\11/4GH\D600A.660.003</t>
  </si>
  <si>
    <t>【东方汽轮机】锥销\31/2″\D600A.660.036</t>
  </si>
  <si>
    <t>【东方汽轮机】高温螺母\M24\D600B-160000A011</t>
  </si>
  <si>
    <t>【东方汽轮机】销\D600B-271300A003</t>
  </si>
  <si>
    <t>【东方汽轮机】缠绕垫片\D600B-295000A002</t>
  </si>
  <si>
    <t>【东方汽轮机】销\16×140,GB881G-86\GB0000881G16A4</t>
  </si>
  <si>
    <t>【东方汽轮机】垫片\M024.244.012</t>
  </si>
  <si>
    <t>【东方汽轮机】内六角圆柱头螺栓\M12×22\M053-290000A007</t>
  </si>
  <si>
    <t>【东方汽轮机】一档管接头\D110A-271100A</t>
  </si>
  <si>
    <t>【东方汽轮机】螺栓\D300S-210000A013</t>
  </si>
  <si>
    <t>【东方汽轮机】双头螺柱\3(GH)\D600B-271000A002</t>
  </si>
  <si>
    <t>【东方汽轮机】单舌止回阀\M522.X01Z</t>
  </si>
  <si>
    <t>【东方汽轮机】轴瓦套\D200Q-241100A</t>
  </si>
  <si>
    <t>【东方汽轮机】调整垫片\D600H-222000A001</t>
  </si>
  <si>
    <t>【东方汽轮机】缠绕垫片\A200C-011000A002</t>
  </si>
  <si>
    <t>【东方汽轮机】汽封片\B1320E-102100A001</t>
  </si>
  <si>
    <t>【东方汽轮机】罩螺母\M33\B3320D-021000A003</t>
  </si>
  <si>
    <t>【东方汽轮机】双头螺柱\M20×60\D00-010104A005\D300N</t>
  </si>
  <si>
    <t>【东方汽轮机】双头螺柱\M42×3×140\D00-010113A009\D300N</t>
  </si>
  <si>
    <t>【东方汽轮机】罩螺母\M20\D00-010410A003\D300N</t>
  </si>
  <si>
    <t>【东方汽轮机】六角厚螺母\M42×3\D00-190202A003</t>
  </si>
  <si>
    <t>【东方汽轮机】梅花扳手\24\D00-660000A042</t>
  </si>
  <si>
    <t>【东方汽轮机】双头螺柱\41/2"-8UN\D300S-028000A014</t>
  </si>
  <si>
    <t>【东方汽轮机】高温双头螺栓\D300S-030400A001</t>
  </si>
  <si>
    <t>【东方汽轮机】高温双头螺栓\D300S-030400A004</t>
  </si>
  <si>
    <t>【东方汽轮机】隔膜板\D300S-037000A002</t>
  </si>
  <si>
    <t>【东方汽轮机】缠绕垫片\Φ208.5×238.5\D600A.024.106\D300N</t>
  </si>
  <si>
    <t>【东方汽轮机】螺母\D600A.231.147</t>
  </si>
  <si>
    <t>【东方汽轮机】高温带槽螺母\D600B-030500A004\D600B</t>
  </si>
  <si>
    <t>【东方汽轮机】密封环\D600C-295000A002\D600B</t>
  </si>
  <si>
    <t>【东方汽轮机】挡圈\D600C-295000A008\D600B</t>
  </si>
  <si>
    <t>【东方汽轮机】挡圈\D600C-295000A018\D600B</t>
  </si>
  <si>
    <t>【东方汽轮机】带槽螺母\4″-8UN\D660D-028000A004\D600B</t>
  </si>
  <si>
    <t>【东方汽轮机】汽封片\D7A-102100A001</t>
  </si>
  <si>
    <t>【东方汽轮机】汽封片\D7A-103100A001</t>
  </si>
  <si>
    <t>【东方汽轮机】六角头螺栓\M20×80\GB0005782C2080</t>
  </si>
  <si>
    <t>【东方汽轮机】双头螺柱\M036-032000A001\D300N</t>
  </si>
  <si>
    <t>【东方汽轮机】加长螺栓\M206-462000A001</t>
  </si>
  <si>
    <t>【东方汽轮机】螺杆\D20.021.011</t>
  </si>
  <si>
    <t>【东方汽轮机】液位计\B1320D-899200A003</t>
  </si>
  <si>
    <t>【东方汽轮机】汽封圈\B2320E-160100A</t>
  </si>
  <si>
    <t>【东方汽轮机】气动疏水阀\B2320F-899100M006</t>
  </si>
  <si>
    <t>【东方汽轮机】超声波油位探测仪\D125A-899200A003</t>
  </si>
  <si>
    <t>【东方汽轮机】溢油阀\D20.536Z</t>
  </si>
  <si>
    <t>【东方汽轮机】汽封圈\D350B-100230A</t>
  </si>
  <si>
    <t>【东方汽轮机】汽封圈\D350N-100220B</t>
  </si>
  <si>
    <t>【东方汽轮机】斜度塞尺\15-22、7-15、0.5-7\D600A.689.2Z</t>
  </si>
  <si>
    <t>【东方汽轮机】高温用带槽螺母\D600B-028000A013\D600B</t>
  </si>
  <si>
    <t>【东方汽轮机】锁紧环\D600C-295000A007\D600B</t>
  </si>
  <si>
    <t>【东方汽轮机】开槽扳手\D600C-660000A001</t>
  </si>
  <si>
    <t>【东方汽轮机】双头螺柱\D660X-024000A001</t>
  </si>
  <si>
    <t>【东方汽轮机】平衡补偿器\M021.296.4Z</t>
  </si>
  <si>
    <t>【东方汽轮机】支持轴承\B1320B-243000A</t>
  </si>
  <si>
    <t>【东方汽轮机】支持轴承\Φ180\B2310F-243000A-M1</t>
  </si>
  <si>
    <t>【东方汽轮机】冷油器冷却板片\B2320E-6902100D</t>
  </si>
  <si>
    <t>【东方汽轮机】减速箱联轴器\B2320F-223000M</t>
  </si>
  <si>
    <t>【东方汽轮机】主汽阀杆\D09.261.038</t>
  </si>
  <si>
    <t>【东方汽轮机】阀杆\D09.275.001</t>
  </si>
  <si>
    <t>【东方汽轮机】永久滤网\D20.272.027</t>
  </si>
  <si>
    <t>【东方汽轮机】汽封圈\D210F-160140A</t>
  </si>
  <si>
    <t>【东方汽轮机】汽封圈\D300N-100400A</t>
  </si>
  <si>
    <t>【东方汽轮机】汽封圈\D300N-160100A</t>
  </si>
  <si>
    <t>【东方汽轮机】汽封圈\D330B-160100A</t>
  </si>
  <si>
    <t>【东方汽轮机】汽封圈\D350G-100130A</t>
  </si>
  <si>
    <t>【东方汽轮机】汽封圈\D350N-100404A</t>
  </si>
  <si>
    <t>【东方汽轮机】高压缸通风阀阀蝶\D600A.276.3Z</t>
  </si>
  <si>
    <t>【东方汽轮机】阀碟组装图\Φ228.6\D600B-271300A</t>
  </si>
  <si>
    <t>【东方汽轮机】汽封圈\D600C-170160A</t>
  </si>
  <si>
    <t>【东方汽轮机】预启阀碟\D600C-265510A\D600B</t>
  </si>
  <si>
    <t>【东方汽轮机】隔板汽封\D600E-098240A\D600B</t>
  </si>
  <si>
    <t>【东方汽轮机】双头螺柱\5″-8UN\D660D-028000A005\D600B</t>
  </si>
  <si>
    <t>【东方汽轮机】汽封圈\D660R-098107A</t>
  </si>
  <si>
    <t>【东方汽轮机】隔板汽封\D660R-098323A</t>
  </si>
  <si>
    <t>【东方汽轮机】汽封圈\D660X-170204A</t>
  </si>
  <si>
    <t>【东方汽轮机】汽封圈\D660X-170206A</t>
  </si>
  <si>
    <t>【东方汽轮机】主蒸汽滤网\D9.6B-271200A</t>
  </si>
  <si>
    <t>【东方汽轮机】汽封圈\M005.115.1Z</t>
  </si>
  <si>
    <t>【东方汽轮机】法兰通孔螺栓\M009-021000A001</t>
  </si>
  <si>
    <t>【东方汽轮机】主汽阀杆\M201.261.417</t>
  </si>
  <si>
    <t>【东方汽轮机】液位计\B2340D-899200A003</t>
  </si>
  <si>
    <t>【东方汽轮机】汽封圈\B2350G-100400A</t>
  </si>
  <si>
    <t>【东方汽轮机】双头螺柱\23/4GE\D300S-271000A002</t>
  </si>
  <si>
    <t>【东方汽轮机】单头扳手\S=95\D600A.660.078</t>
  </si>
  <si>
    <t>【东方汽轮机】双头螺柱\D600C-028000A010\D600B</t>
  </si>
  <si>
    <t>【东方汽轮机】带槽螺母\(GH)6\M053-020000A009\D300N</t>
  </si>
  <si>
    <t>【东方汽轮机】双头螺柱GH3 1/2\M054-021000A007\D300N</t>
  </si>
  <si>
    <t>【东方汽轮机】冷却管\Φ25×0.5,L=10510mm\M700-451000A018</t>
  </si>
  <si>
    <t>【东方汽轮机】双头螺柱\A200B-181000A006</t>
  </si>
  <si>
    <t>【东方汽轮机】双头螺柱\M48×3×200\D00-010115A014\D300N</t>
  </si>
  <si>
    <t>【东方汽轮机】保护锥套\L=210\D00-010931A002</t>
  </si>
  <si>
    <t>【东方汽轮机】保护锥套\L=230\D00-010931A006</t>
  </si>
  <si>
    <t>【东方汽轮机】高温用带槽螺母\D600B-028000A023\D600B</t>
  </si>
  <si>
    <t>【东方汽轮机】导管\D600C-029720A001</t>
  </si>
  <si>
    <t>【东方汽轮机】高温内六角螺栓\D660C-029000A005</t>
  </si>
  <si>
    <t>【东方汽轮机】双头螺柱\M48×190\GB0000898C48A9</t>
  </si>
  <si>
    <t>【东方汽轮机】高温内六角螺钉\M206-261000A014\D300N</t>
  </si>
  <si>
    <t>【东方汽轮机】行程开关\W20A0044A</t>
  </si>
  <si>
    <t>【东方汽轮机】密封条\Φ3,L=100\Y46-231000A007</t>
  </si>
  <si>
    <t>【东方汽轮机】锥螺纹接头\(NPT1/8)\B1320B-798300E002</t>
  </si>
  <si>
    <t>【东方汽轮机】键\B2320E-271000A017</t>
  </si>
  <si>
    <t>【东方汽轮机】垫片\Φ8\D00-010540A001\D600B</t>
  </si>
  <si>
    <t>【东方汽轮机】六角头螺栓\M36×140\GB0005782W36A4</t>
  </si>
  <si>
    <t>【东方汽轮机】六角螺母\M30\GB0006170A0030\D300N</t>
  </si>
  <si>
    <t>【东方汽轮机】螺母\GB0006170W0048</t>
  </si>
  <si>
    <t>【东方汽轮机】垫片\D300S-261000A005</t>
  </si>
  <si>
    <t>【东方汽轮机】喷嘴\D600A.036.9Z</t>
  </si>
  <si>
    <t>【东方汽轮机】调整器\D600A.231.049</t>
  </si>
  <si>
    <t>【东方汽轮机】高温用带槽螺母\D600C-261000A001\D600B</t>
  </si>
  <si>
    <t>【东方汽轮机】挡圈\D600C-295000A013\D600B</t>
  </si>
  <si>
    <t>【东方汽轮机】带槽螺母\4 1/2″-8UN\D660D-028000A003\D600B</t>
  </si>
  <si>
    <t>【东方汽轮机】挡油环\B1320E-180200A</t>
  </si>
  <si>
    <t>【东方汽轮机】缠绕垫片\B2320F-021000A001</t>
  </si>
  <si>
    <t>【东方汽轮机】正向垫环\D350A-243500A</t>
  </si>
  <si>
    <t>【东方汽轮机】主轴\D600B-343000A012</t>
  </si>
  <si>
    <t>【东方汽轮机】推力轴承\B2320G-241000B</t>
  </si>
  <si>
    <t>【东方汽轮机】隔板汽封\D600B-098240A</t>
  </si>
  <si>
    <t>【东方汽轮机】梅花扳手\27\D00-660000A043</t>
  </si>
  <si>
    <t>【东方汽轮机】板弹簧\198×15×15\D300S-098300A001</t>
  </si>
  <si>
    <t>【东方汽轮机】高温内六角螺钉\D300S-261000A013</t>
  </si>
  <si>
    <t>【东方汽轮机】高温铰孔螺栓\Φ54\D600B-030500A011</t>
  </si>
  <si>
    <t>【东方汽轮机】密封环\D600B-295000A003</t>
  </si>
  <si>
    <t>【东方汽轮机】密封环\D600B-295000A004</t>
  </si>
  <si>
    <t>【东方汽轮机】汽封弹簧片\D600C-170100A001</t>
  </si>
  <si>
    <t>【东方汽轮机】扳手套座\D600C-660000A027</t>
  </si>
  <si>
    <t>【东方汽轮机】螺钉\D660S-271200A005</t>
  </si>
  <si>
    <t>【东方汽轮机】垫圈\M001.020.008</t>
  </si>
  <si>
    <t>【东方汽轮机】三通\M001.020.016</t>
  </si>
  <si>
    <t>【东方汽轮机】轴承座\M715.X01.020</t>
  </si>
  <si>
    <t>【东方汽轮机】六角厚螺母\M64×4\D00-190202A007</t>
  </si>
  <si>
    <t>【东方汽轮机】销\D20.281.006</t>
  </si>
  <si>
    <t>【东方汽轮机】金属缠绕垫片\D660R-029300A001</t>
  </si>
  <si>
    <t>【东方汽轮机】汽封圈\D300N-100300A</t>
  </si>
  <si>
    <t>【东方汽轮机】梅花扳手\115\D600B-660000A001</t>
  </si>
  <si>
    <t>【东方汽轮机】汽封圈\D600C-170210A</t>
  </si>
  <si>
    <t>【东方汽轮机】汽封圈\D660R-098110A</t>
  </si>
  <si>
    <t>【东方汽轮机】密封环\M109-511300A</t>
  </si>
  <si>
    <t>【东方汽轮机】瓦块分割加工图\D660P-243200A</t>
  </si>
  <si>
    <t>【东方汽轮机】汽封圈\D300N-100100A</t>
  </si>
  <si>
    <t>【东方汽轮机】隔板汽封\D350G-100240A</t>
  </si>
  <si>
    <t>【东方汽轮机】高压第5级隔板叶顶汽封\D660D-098114B\D600B</t>
  </si>
  <si>
    <t>【东方汽轮机】汽封圈\M001.011.4Z</t>
  </si>
  <si>
    <t>【东方汽轮机】法兰通孔等长螺柱\(GH)4 1/2\M053-020000A017\D300N</t>
  </si>
  <si>
    <t>【东方汽轮机】汽封圈\B2320C-100200A</t>
  </si>
  <si>
    <t>【东方汽轮机】双头螺柱\M42×3×160\D00-010113A011\D300N</t>
  </si>
  <si>
    <t>【东方汽轮机】双头螺柱\M48×3×160\D00-010115A0100\D300N</t>
  </si>
  <si>
    <t>【东方汽轮机】双头螺柱\M48×3×140\D00-010115A008\D300N</t>
  </si>
  <si>
    <t>【东方汽轮机】罩螺母\M48×3\D00-010410A027\D300N</t>
  </si>
  <si>
    <t>【东方汽轮机】齿形垫片\DN65\D00-600134A008</t>
  </si>
  <si>
    <t>【东方汽轮机】梅花扳手\30\D00-660000A044</t>
  </si>
  <si>
    <t>【东方汽轮机】高温内六角螺钉\D600C-261000A010\D600B</t>
  </si>
  <si>
    <t>【东方汽轮机】密封环\D600C-295000A003\D600B</t>
  </si>
  <si>
    <t>【东方汽轮机】法兰\M007.011.017\D300N</t>
  </si>
  <si>
    <t>【东方汽轮机】环\D9.6B-271000A019</t>
  </si>
  <si>
    <t>【东方汽轮机】双头螺柱\M20×85\D00-010104A010\D300N</t>
  </si>
  <si>
    <t>【东方汽轮机】键\D600B-265500A005\D600B</t>
  </si>
  <si>
    <t>【东方汽轮机】六角头螺栓\GB/T5782C-2000\GB0005782C1670</t>
  </si>
  <si>
    <t>【东方汽轮机】弹簧\M181.231.065\D300N</t>
  </si>
  <si>
    <t>【东方汽轮机】弹簧\M181.231.067\D300N</t>
  </si>
  <si>
    <t>【东方汽轮机】油封环\B1220B-180100A</t>
  </si>
  <si>
    <t>【东方汽轮机】预启阀螺母\D09.261.035</t>
  </si>
  <si>
    <t>【东方汽轮机】油封齿\D300S-243800A</t>
  </si>
  <si>
    <t>【东方汽轮机】中压进汽室内壁测温计导管\D600C-029710A</t>
  </si>
  <si>
    <t>【东方汽轮机】螺母\M30×2\D7A-281000A019</t>
  </si>
  <si>
    <t>【东方汽轮机】金属缠绕垫片\M009-011000A011\D600B</t>
  </si>
  <si>
    <t>【东方汽轮机】金属缠绕垫片\M612.X10.011\D600B</t>
  </si>
  <si>
    <t>【东方汽轮机】曲柄\D600B-231200A</t>
  </si>
  <si>
    <t>【东方汽轮机】汽封圈\D300S-170400A</t>
  </si>
  <si>
    <t>【东方汽轮机】上衬套\D600C-261310A</t>
  </si>
  <si>
    <t>【东方汽轮机】调节阀\D600C-799310A004</t>
  </si>
  <si>
    <t>【东方汽轮机】联轴器\M715.X01.5Z</t>
  </si>
  <si>
    <t>【东方汽轮机】缠绕垫片\B2320E-271000A012</t>
  </si>
  <si>
    <t>【东方汽轮机】轴承\Φ120×Φ100×106\B2350G-281200A002</t>
  </si>
  <si>
    <t>【东方汽轮机】螺栓\D300S-099120A003</t>
  </si>
  <si>
    <t>【东方汽轮机】高温用六角头螺栓\D300S-271000A004</t>
  </si>
  <si>
    <t>【东方汽轮机】轴套\D600A.231.080</t>
  </si>
  <si>
    <t>【东方汽轮机】螺栓\D600A.231.160</t>
  </si>
  <si>
    <t>【东方汽轮机】双头螺柱\M36×110,GB898C-88\GB0000898C36A1</t>
  </si>
  <si>
    <t>【东方汽轮机】螺栓\Y47-030000A006</t>
  </si>
  <si>
    <t>【东方汽轮机】英制螺母\Z3/4"\D20.185.016</t>
  </si>
  <si>
    <t>【东方汽轮机】临时阀芯\D300N-270000A001</t>
  </si>
  <si>
    <t>【东方汽轮机】汽封圈\D660R-098204A</t>
  </si>
  <si>
    <t>【东方汽轮机】推力瓦\A200C-241200A</t>
  </si>
  <si>
    <t>【东方汽轮机】推力瓦\A200C-241300A</t>
  </si>
  <si>
    <t>【东方汽轮机】推力轴承油封环\B1320E-181200A</t>
  </si>
  <si>
    <t>【东方汽轮机】支持轴承\Φ150\B1320E-242000B-M1</t>
  </si>
  <si>
    <t>【东方汽轮机】气动疏水阀\B2320D-899100AG001</t>
  </si>
  <si>
    <t>【东方汽轮机】推力瓦\B2320F-241300E</t>
  </si>
  <si>
    <t>【东方汽轮机】推力瓦\B2320F-241400E</t>
  </si>
  <si>
    <t>【东方汽轮机】支持轴承\Φ200\B2320F-242000E</t>
  </si>
  <si>
    <t>【东方汽轮机】推力瓦\B2340C-241100A</t>
  </si>
  <si>
    <t>【东方汽轮机】支持轴承\B2340C-242000A-M1</t>
  </si>
  <si>
    <t>【东方汽轮机】汽封圈\B2360G-160600A</t>
  </si>
  <si>
    <t>【东方汽轮机】双联滤油器\B2360G-539000A</t>
  </si>
  <si>
    <t>【东方汽轮机】预启阀\D09.265.009</t>
  </si>
  <si>
    <t>【东方汽轮机】汽封圈\D210F-160160A</t>
  </si>
  <si>
    <t>【东方汽轮机】汽封圈\D210F-160170A</t>
  </si>
  <si>
    <t>【东方汽轮机】调节阀碟\D300S-271210A</t>
  </si>
  <si>
    <t>【东方汽轮机】双头螺柱\31/2″-8UN\D600B-028000A017</t>
  </si>
  <si>
    <t>【东方汽轮机】高温用开槽螺母\51/2″-8UN\D600C-028000A005</t>
  </si>
  <si>
    <t>【东方汽轮机】汽封圈\D600C-029751A\D600B</t>
  </si>
  <si>
    <t>【东方汽轮机】隔板汽封\D660D-098212B\D600B</t>
  </si>
  <si>
    <t>【东方汽轮机】推力瓦\D9.6B-241200A</t>
  </si>
  <si>
    <t>【东方汽轮机】推力瓦\D9.6B-241300A</t>
  </si>
  <si>
    <t>【东方汽轮机】支持轴承\Φ140\D9.6C-242000A-M1</t>
  </si>
  <si>
    <t>【东方汽轮机】支持轴承\Φ180\D9.6C-243000A-M1</t>
  </si>
  <si>
    <t>【东方汽轮机】磁翻板油位计\D9.6C-899200C002</t>
  </si>
  <si>
    <t>【东方汽轮机】汽封圈\M001.106.1Z</t>
  </si>
  <si>
    <t>【东方汽轮机】调整垫片\M009-163000A001</t>
  </si>
  <si>
    <t>【东方汽轮机】汽封圈\M030-102200A</t>
  </si>
  <si>
    <t>【东方汽轮机】高温用罩螺母\(GH)5\M053-020000A013\D300N</t>
  </si>
  <si>
    <t>【东方汽轮机】切换阀\M765-008000A</t>
  </si>
  <si>
    <t>【东方汽轮机】高排蒸汽测温计导管\D600C-029680A</t>
  </si>
  <si>
    <t>【东方汽轮机】密封环\M053-290000A002</t>
  </si>
  <si>
    <t>【东方汽轮机】销\B2350G-281000A015</t>
  </si>
  <si>
    <t>【东方汽轮机】销轴\B2350G-281000A040</t>
  </si>
  <si>
    <t>【东方汽轮机】空心连接螺栓\B2360G-798300A001</t>
  </si>
  <si>
    <t>【东方汽轮机】弹簧\D20.539.007</t>
  </si>
  <si>
    <t>【东方汽轮机】销\D600B-261000A004\D600B</t>
  </si>
  <si>
    <t>【东方汽轮机】螺钉\M20×80\GB0000085W2080</t>
  </si>
  <si>
    <t>【东方汽轮机】罩螺母\M56×4\D00.010.009</t>
  </si>
  <si>
    <t>【东方汽轮机】金属缠绕垫片\D600C-261000A007\D600B</t>
  </si>
  <si>
    <t>【东方汽轮机】高温内六角螺栓\D660C-029000A003</t>
  </si>
  <si>
    <t>【东方汽轮机】钢管\M001.020.015</t>
  </si>
  <si>
    <t>【东方汽轮机】弯管\M009-011000A012</t>
  </si>
  <si>
    <t>【东方汽轮机】内六角螺栓\M054-011000A012\D300N</t>
  </si>
  <si>
    <t>【东方汽轮机】双头螺栓\M201.261.024</t>
  </si>
  <si>
    <t>【东方汽轮机】撞击子\D09.411.004</t>
  </si>
  <si>
    <t>【东方汽轮机】倒锥双头螺栓\M36×3\D20.260.027</t>
  </si>
  <si>
    <t>【东方汽轮机】双头螺栓\D600A.275.027</t>
  </si>
  <si>
    <t>【东方汽轮机】板手套座\D600A.660.012</t>
  </si>
  <si>
    <t>【东方汽轮机】螺栓\M48×3\M021.219.006</t>
  </si>
  <si>
    <t>【东方汽轮机】节流组件\32×8\W28A0712A</t>
  </si>
  <si>
    <t>【东方汽轮机】危急遮断器\D3.6A.401Z</t>
  </si>
  <si>
    <t>【东方汽轮机】主汽阀碟\D600C-265520A\D600B</t>
  </si>
  <si>
    <t>【东方汽轮机】挡圈\D660X-295000A017</t>
  </si>
  <si>
    <t>【东方汽轮机】螺栓\M231.465.013</t>
  </si>
  <si>
    <t>【东方汽轮机】金属缠绕垫片\D300S-029000A006</t>
  </si>
  <si>
    <t>【东方汽轮机】金属缠绕垫片\D300S-291000A011</t>
  </si>
  <si>
    <t>【东方汽轮机】螺母\M39×2\D7A-281000A007</t>
  </si>
  <si>
    <t>【东方汽轮机】销\D600B-098100A006</t>
  </si>
  <si>
    <t>【东方汽轮机】盖销\D600B-271000A008</t>
  </si>
  <si>
    <t>【东方汽轮机】销\D600B-271400A003</t>
  </si>
  <si>
    <t>【东方汽轮机】销\M009-041000A005</t>
  </si>
  <si>
    <t>【东方汽轮机】连接块\D09.431.024</t>
  </si>
  <si>
    <t>【东方汽轮机】联接螺栓\D600C-660000A035</t>
  </si>
  <si>
    <t>【东方汽轮机】压力表用针形阀\R2750A-899800A002</t>
  </si>
  <si>
    <t>【东方汽轮机】汽封圈\D350N-100130B</t>
  </si>
  <si>
    <t>【东方汽轮机】汽封圈\D350N-160201B</t>
  </si>
  <si>
    <t>【东方汽轮机】汽封圈\D600B-170130A</t>
  </si>
  <si>
    <t>【东方汽轮机】汽封圈\D600B-170400A</t>
  </si>
  <si>
    <t>【东方汽轮机】汽封圈\D660R-098308A</t>
  </si>
  <si>
    <t>【东方汽轮机】汽封圈\D660R-098316A</t>
  </si>
  <si>
    <t>【东方汽轮机】汽封圈\D660X-170107A</t>
  </si>
  <si>
    <t>【东方汽轮机】汽封圈\M030-105200A</t>
  </si>
  <si>
    <t>【东方汽轮机】低压正向径向汽封\X300E-172620E</t>
  </si>
  <si>
    <t>【东方汽轮机】低压反向径向汽封\X300E-172650E</t>
  </si>
  <si>
    <t>【东方汽轮机】中压动叶片\M019-204000A</t>
  </si>
  <si>
    <t>【东方汽轮机】中压动叶片\M019-206000A</t>
  </si>
  <si>
    <t>【东方汽轮机】齿形联轴器\D09.512Z-2</t>
  </si>
  <si>
    <t>【东方汽轮机】汽封圈\D350B-100210A</t>
  </si>
  <si>
    <t>【东方汽轮机】汽封圈\D350G-160220A</t>
  </si>
  <si>
    <t>【东方汽轮机】调整垫片\D350G-216000A001</t>
  </si>
  <si>
    <t>【东方汽轮机】可倾瓦块\D600C-241200A\D600B</t>
  </si>
  <si>
    <t>【东方汽轮机】叶轮\M109-511110A</t>
  </si>
  <si>
    <t>【东方汽轮机】高温用带槽螺母\D600A.032.024\D300N</t>
  </si>
  <si>
    <t>【东方汽轮机】径向汽封片\B2360G-105100A001</t>
  </si>
  <si>
    <t>【东方汽轮机】径向汽封片\B2360G-105100A002</t>
  </si>
  <si>
    <t>【东方汽轮机】径向汽封片\B2360G-105100A003</t>
  </si>
  <si>
    <t>【东方汽轮机】径向汽封片\B2360G-106100A001</t>
  </si>
  <si>
    <t>【东方汽轮机】径向汽封片\B2360G-107100A001</t>
  </si>
  <si>
    <t>【东方汽轮机】径向汽封片\B2360G-107100A002</t>
  </si>
  <si>
    <t>【东方汽轮机】径向汽封片\B2360G-107100A003</t>
  </si>
  <si>
    <t>【东方汽轮机】径向汽封片\B2360G-108100A001</t>
  </si>
  <si>
    <t>【东方汽轮机】旋入管接头\DN10\D00-600304C</t>
  </si>
  <si>
    <t>【东方汽轮机】螺钉\D300S-261000A007</t>
  </si>
  <si>
    <t>【东方汽轮机】螺母\D300S-271000A017</t>
  </si>
  <si>
    <t>【东方汽轮机】止动垫片\D600B-210000A011</t>
  </si>
  <si>
    <t>【东方汽轮机】高温六角头螺栓\M30\D600B-271000A011</t>
  </si>
  <si>
    <t>【东方汽轮机】高温六角头螺栓\M30\D600B-271000A012</t>
  </si>
  <si>
    <t>【东方汽轮机】双头螺柱\M30×110\GB0000897C30A1</t>
  </si>
  <si>
    <t>【东方汽轮机】双头螺柱\(bm=1.25d) M42×140\GB0000898C42A4\D300N</t>
  </si>
  <si>
    <t>【东方汽轮机】定位螺栓\M20×95\M005.162.009</t>
  </si>
  <si>
    <t>【东方汽轮机】油封弧片\B1320B-180300A001</t>
  </si>
  <si>
    <t>【东方汽轮机】内螺纹圆柱销\B20×50\GB0000120W2050</t>
  </si>
  <si>
    <t>【东方汽轮机】内螺纹圆柱销\B25×65\GB0000120W2565</t>
  </si>
  <si>
    <t>【东方汽轮机】内螺纹圆柱销\B25×75\GB0000120W2575</t>
  </si>
  <si>
    <t>【东方汽轮机】缠绕垫片\A200A-261000A003</t>
  </si>
  <si>
    <t>【东方汽轮机】双头螺柱\M36×3×220\D00-010111A019\D300N</t>
  </si>
  <si>
    <t>【东方汽轮机】双头螺柱\M42×3×180\D00-010113A013\D300N</t>
  </si>
  <si>
    <t>【东方汽轮机】双头螺柱\M48×3×180\D00-010116A012\D300N</t>
  </si>
  <si>
    <t>【东方汽轮机】罩螺母\M48×3\D00.010.037\D300N</t>
  </si>
  <si>
    <t>【东方汽轮机】罩螺母\M48\D00-010410A031\D300N</t>
  </si>
  <si>
    <t>【东方汽轮机】调整垫片\D200Q-241000A007</t>
  </si>
  <si>
    <t>【东方汽轮机】金属缠绕垫片\D300S-261000A010</t>
  </si>
  <si>
    <t>【东方汽轮机】螺钉\D600B-271300A005</t>
  </si>
  <si>
    <t>【东方汽轮机】双头螺柱\M27×120,GB901G-88\GB0000901G27A2</t>
  </si>
  <si>
    <t>【东方汽轮机】高温用双头螺栓\M237-265000A045\D300N</t>
  </si>
  <si>
    <t>【东方汽轮机】双头螺柱\41/2″-8UN\D350G-024000A002</t>
  </si>
  <si>
    <t>【东方汽轮机】轴套\D600A.231.136</t>
  </si>
  <si>
    <t>【东方汽轮机】阀杆\D600A.276.008</t>
  </si>
  <si>
    <t>【东方汽轮机】衬套\D600A.276.016</t>
  </si>
  <si>
    <t>【东方汽轮机】隔板汽封\D600B-098170A</t>
  </si>
  <si>
    <t>【东方汽轮机】双头螺柱\D600C-028000A006</t>
  </si>
  <si>
    <t>【东方汽轮机】双头螺柱\D600C-028000A009\D600B</t>
  </si>
  <si>
    <t>【东方汽轮机】高温带槽螺母\D600C-160120A009\D600B</t>
  </si>
  <si>
    <t>【东方汽轮机】隔板汽封\D600R-098240A\D600B</t>
  </si>
  <si>
    <t>【东方汽轮机】双头螺柱\D660P-024000A001</t>
  </si>
  <si>
    <t>【东方汽轮机】密封环\D660X-295000A007</t>
  </si>
  <si>
    <t>【东方汽轮机】隔膜\D7A-031230A</t>
  </si>
  <si>
    <t>【东方汽轮机】汽封圈\M001.103.1Z</t>
  </si>
  <si>
    <t>【东方汽轮机】汽封圈\M001.105.1Z</t>
  </si>
  <si>
    <t>【东方汽轮机】汽封圈\M005.103.2Z</t>
  </si>
  <si>
    <t>【东方汽轮机】带槽螺母\(GH)5\M053-020000A008\D300N</t>
  </si>
  <si>
    <t>【东方汽轮机】导柱\M109-401100A003</t>
  </si>
  <si>
    <t>【东方汽轮机】隔离套\M201.261.023</t>
  </si>
  <si>
    <t>【东方汽轮机】主汽阀杆\M231.265.406</t>
  </si>
  <si>
    <t>【东方汽轮机】涡轮轴\Y47-231000A005</t>
  </si>
  <si>
    <t>【东方汽轮机】高速盘车装置\B2320E-231000C</t>
  </si>
  <si>
    <t>【东方汽轮机】支持轴承\Φ482.6×356\D600B-245000A</t>
  </si>
  <si>
    <t>【东方汽轮机】推力轴承\B1320B-241000A</t>
  </si>
  <si>
    <t>【东方汽轮机】电动截止阀\DN125\B2320E-899100Q007</t>
  </si>
  <si>
    <t>【东方汽轮机】阀碟\B2360G-281000A005</t>
  </si>
  <si>
    <t>【东方汽轮机】汽封圈\D350N-100505A</t>
  </si>
  <si>
    <t>【东方汽轮机】联轴器螺栓紧固工具\D600A.689.5Z</t>
  </si>
  <si>
    <t>【东方汽轮机】隔板汽封\D600R-098120A\D600B</t>
  </si>
  <si>
    <t>【东方汽轮机】隔板汽封\D600R-098150A\D600B</t>
  </si>
  <si>
    <t>【东方汽轮机】管状电加热器\A200C-798200A001</t>
  </si>
  <si>
    <t>【东方汽轮机】弹簧拉杆\B2320G-284000B008</t>
  </si>
  <si>
    <t>【东方汽轮机】双头螺柱\M76×4×520\D00-010129A034</t>
  </si>
  <si>
    <t>【东方汽轮机】高温双头螺栓\D350A-265000A003</t>
  </si>
  <si>
    <t>【东方汽轮机】高温带槽螺母\D600B-030500A002\D600B</t>
  </si>
  <si>
    <t>【东方汽轮机】高温双头螺栓\2-8UN\D600B-030500A017\D600B</t>
  </si>
  <si>
    <t>【东方汽轮机】预启阀碟\D600B-271400A004</t>
  </si>
  <si>
    <t>【东方汽轮机】高温内六角螺栓\D600C-029000A004</t>
  </si>
  <si>
    <t>【东方汽轮机】锁紧环\D600C-295000A012\D600B</t>
  </si>
  <si>
    <t>【东方汽轮机】双头螺柱\D660C-160130A004</t>
  </si>
  <si>
    <t>【东方汽轮机】弹簧\M181.231.068\D300N</t>
  </si>
  <si>
    <t>【东方汽轮机】弹簧\M201.361.142</t>
  </si>
  <si>
    <t>【东方汽轮机】内六角圆柱头螺钉\M237-265000A014\D300N</t>
  </si>
  <si>
    <t>【东方汽轮机】六角头螺栓\BAE003A\D600B</t>
  </si>
  <si>
    <t>【东方汽轮机】垫片\PN16 DN125\D00-600143B011\D600B</t>
  </si>
  <si>
    <t>【东方汽轮机】销\D600C-029300A007\D600B</t>
  </si>
  <si>
    <t>【东方汽轮机】销\D600C-271000A003\D600B</t>
  </si>
  <si>
    <t>【东方汽轮机】双头螺栓\M30×140\D00-010110A012</t>
  </si>
  <si>
    <t>【东方汽轮机】双头螺柱\M36×3×180\D00-010111A015\D300N</t>
  </si>
  <si>
    <t>【东方汽轮机】六角头螺栓\D350G-011000A003</t>
  </si>
  <si>
    <t>【东方汽轮机】汽封弹簧片\D600B-098100A011</t>
  </si>
  <si>
    <t>【东方汽轮机】弹簧片\D600B-098100A012</t>
  </si>
  <si>
    <t>【东方汽轮机】扭弹簧\D600B-421000A031</t>
  </si>
  <si>
    <t>【东方汽轮机】高温带垫圈螺栓\D600C-029700A004</t>
  </si>
  <si>
    <t>【东方汽轮机】扳手套座\D600C-660000A026</t>
  </si>
  <si>
    <t>【东方汽轮机】双头螺柱\M42×220\GB0000898C42B2</t>
  </si>
  <si>
    <t>【东方汽轮机】内六角圆柱头螺钉\M12×20\GB00070.1G1220</t>
  </si>
  <si>
    <t>【东方汽轮机】螺母\M021.014.020\D300N</t>
  </si>
  <si>
    <t>【东方汽轮机】盖板\M024.222.008</t>
  </si>
  <si>
    <t>【东方汽轮机】双头螺柱\M053-011000A007\D300N</t>
  </si>
  <si>
    <t>【东方汽轮机】密封键\M054-061000A004</t>
  </si>
  <si>
    <t>【东方汽轮机】圆环\M109-511100A005</t>
  </si>
  <si>
    <t>【东方汽轮机】内六角圆柱头螺钉\M237-265000A005\D300N</t>
  </si>
  <si>
    <t>【东方汽轮机】垫片\W32B0002A\D600B</t>
  </si>
  <si>
    <t>【东方汽轮机】六角头螺栓\Y47-011000A006\D300N</t>
  </si>
  <si>
    <t>【东方汽轮机】可调式止逆阀\B1320D-770000B</t>
  </si>
  <si>
    <t>【东方汽轮机】压力传感器\B2320E-798300K001</t>
  </si>
  <si>
    <t>【东方汽轮机】调节阀碟\D20.281.027</t>
  </si>
  <si>
    <t>【东方汽轮机】调节阀碟\D20.281.028</t>
  </si>
  <si>
    <t>【东方汽轮机】调节阀碟\D20.281.029</t>
  </si>
  <si>
    <t>【东方汽轮机】调节阀碟\D20.281.030</t>
  </si>
  <si>
    <t>【东方汽轮机】调节阀碟\D20.281.031</t>
  </si>
  <si>
    <t>【东方汽轮机】调节阀碟\D20.281.032</t>
  </si>
  <si>
    <t>【东方汽轮机】调节阀碟\D20.281.033</t>
  </si>
  <si>
    <t>【东方汽轮机】调节阀碟\D20.281.034</t>
  </si>
  <si>
    <t>【东方汽轮机】汽封圈\D200L-160500A</t>
  </si>
  <si>
    <t>【东方汽轮机】轴套\D600A.231.135</t>
  </si>
  <si>
    <t>【东方汽轮机】阀套\D9.6B-281000A011</t>
  </si>
  <si>
    <t>【东方汽轮机】阀套\D9.6B-281000A013</t>
  </si>
  <si>
    <t>【东方汽轮机】锁紧环\M009-295000A007</t>
  </si>
  <si>
    <t>【东方汽轮机】给水泵联轴器\B2320F-221000M</t>
  </si>
  <si>
    <t>【东方汽轮机】主给水泵联轴器\B2360G-221000A</t>
  </si>
  <si>
    <t>【东方汽轮机】调节阀杆\D350C-265500A002</t>
  </si>
  <si>
    <t>【东方汽轮机】齿轮\D600A.231.105</t>
  </si>
  <si>
    <t>【东方汽轮机】切换阀\D9.6C-270000B</t>
  </si>
  <si>
    <t>【东方汽轮机】电磁阀\D600A.231.37Z</t>
  </si>
  <si>
    <t>【东方汽轮机】瓦块分割加工图\D660P-241200A</t>
  </si>
  <si>
    <t>【东方汽轮机】螺母\D09.275.006</t>
  </si>
  <si>
    <t>【东方汽轮机】双头螺柱\3″-8UN\D600B-028000A014</t>
  </si>
  <si>
    <t>【东方汽轮机】汽封片\B2320B-102100B001</t>
  </si>
  <si>
    <t>【东方汽轮机】汽封片\B2320B-103100B001</t>
  </si>
  <si>
    <t>【东方汽轮机】汽封片\B2320B-104100B001</t>
  </si>
  <si>
    <t>【东方汽轮机】径向汽封片\B2320B-105100C001</t>
  </si>
  <si>
    <t>【东方汽轮机】罩螺母\M42×3\D00.010.066</t>
  </si>
  <si>
    <t>【东方汽轮机】螺塞\D09.261.039</t>
  </si>
  <si>
    <t>【东方汽轮机】衬套\D09.265.018</t>
  </si>
  <si>
    <t>【东方汽轮机】油封弧片\D200L-180100A001</t>
  </si>
  <si>
    <t>【东方汽轮机】高温用六角螺母\D600A.031.002</t>
  </si>
  <si>
    <t>【东方汽轮机】垫片\1360×500\D600B-182800A010</t>
  </si>
  <si>
    <t>【东方汽轮机】内六角螺栓\D600C-029000A001</t>
  </si>
  <si>
    <t>【东方汽轮机】扳手套座\D600C-660000A023</t>
  </si>
  <si>
    <t>【东方汽轮机】缠绕垫片\D9.6B-271000A002</t>
  </si>
  <si>
    <t>【东方汽轮机】隔板连接螺栓\M053-107000A002</t>
  </si>
  <si>
    <t>【东方汽轮机】平衡螺塞\M053-217000B004</t>
  </si>
  <si>
    <t>【东方汽轮机】键\M237-265000A019</t>
  </si>
  <si>
    <t>【东方汽轮机】阀碟螺母\D09.265.019</t>
  </si>
  <si>
    <t>【东方汽轮机】双头螺柱\41/2"-8UN\D300S-028000A011</t>
  </si>
  <si>
    <t>【东方汽轮机】隔板汽封\D350G-100220A</t>
  </si>
  <si>
    <t>【东方汽轮机】汽封圈\D350N-100240B</t>
  </si>
  <si>
    <t>【东方汽轮机】中压调节阀大弹簧\D600B-364000A006</t>
  </si>
  <si>
    <t>【东方汽轮机】双头螺柱\6″-8UN\D600C-028000A001</t>
  </si>
  <si>
    <t>【东方汽轮机】汽封圈\D660R-098105A</t>
  </si>
  <si>
    <t>【东方汽轮机】双舌止回阀\M521.X03Z</t>
  </si>
  <si>
    <t>【东方汽轮机】垫片\M706-061000A008</t>
  </si>
  <si>
    <t>【东方汽轮机】汽封圈\D600C-119200C\D600B</t>
  </si>
  <si>
    <t>【东方汽轮机】轴瓦体\D600C-245100A\D600B</t>
  </si>
  <si>
    <t>【东方汽轮机】定位螺栓\D00.050.154</t>
  </si>
  <si>
    <t>【东方汽轮机】滤网\D50J-501140A</t>
  </si>
  <si>
    <t>【东方汽轮机】挡圈\D600C-029400A003</t>
  </si>
  <si>
    <t>【东方汽轮机】锁紧环\D600C-029400A004</t>
  </si>
  <si>
    <t>【东方汽轮机】密封环\D600C-029400A005</t>
  </si>
  <si>
    <t>【东方汽轮机】高温罩螺母\D660C-160130A005</t>
  </si>
  <si>
    <t>【东方汽轮机】双金属温度计\D660E-705000A022</t>
  </si>
  <si>
    <t>【东方汽轮机】锁紧环\D660X-295000A004</t>
  </si>
  <si>
    <t>【东方汽轮机】安全膜\D7A-031200A</t>
  </si>
  <si>
    <t>【东方汽轮机】圆柱弹簧\B2350G-100000A001</t>
  </si>
  <si>
    <t>【东方汽轮机】双头螺柱\M24×85\D00-010105A008\D300N</t>
  </si>
  <si>
    <t>【东方汽轮机】双头螺柱\M24×90\D00-010105A009\D300N</t>
  </si>
  <si>
    <t>【东方汽轮机】双头螺柱\M27×85\D00-010108A007</t>
  </si>
  <si>
    <t>【东方汽轮机】双头螺柱\M42×3×200\D00-010113A015\D300N</t>
  </si>
  <si>
    <t>【东方汽轮机】双头螺柱\M48×3×200\D00-010116A014\D300N</t>
  </si>
  <si>
    <t>【东方汽轮机】小六角螺母\D00-050440A006\D600B</t>
  </si>
  <si>
    <t>【东方汽轮机】螺栓\D135B-145000A003</t>
  </si>
  <si>
    <t>【东方汽轮机】双头螺柱\M30×125\D20.281.024</t>
  </si>
  <si>
    <t>【东方汽轮机】垫片\D600B-029580A003</t>
  </si>
  <si>
    <t>【东方汽轮机】高温内六角螺栓\D600B-265600A003\D600B</t>
  </si>
  <si>
    <t>【东方汽轮机】开口销\Φ5×110\D600C-271000A005</t>
  </si>
  <si>
    <t>【东方汽轮机】高温内六角螺栓\D660X-029000A001</t>
  </si>
  <si>
    <t>【东方汽轮机】悬挂销\D7A-107000A002</t>
  </si>
  <si>
    <t>【东方汽轮机】支撑销\M008.081.006</t>
  </si>
  <si>
    <t>【东方汽轮机】密封柱销\M036-031000A002</t>
  </si>
  <si>
    <t>【东方汽轮机】高温用内六角圆柱头螺栓\M237-265000A022\D300N</t>
  </si>
  <si>
    <t>【东方汽轮机】下套筒\M201.261.048</t>
  </si>
  <si>
    <t>【东方汽轮机】惰轮轴\D600A.231.17Z</t>
  </si>
  <si>
    <t>【东方汽轮机】汽封圈\D600R-098580A\D600B</t>
  </si>
  <si>
    <t>【东方汽轮机】隔板汽封\D660R-098318A</t>
  </si>
  <si>
    <t>【东方汽轮机】汽封圈\D300V-160600A</t>
  </si>
  <si>
    <t>【东方汽轮机】法兰\D600A.024.021</t>
  </si>
  <si>
    <t>【东方汽轮机】垫圈\Φ690/Φ548,δ=2\D09.037.008</t>
  </si>
  <si>
    <t>【东方汽轮机】双头螺柱\3″-8UN\D350G-025000A003</t>
  </si>
  <si>
    <t>【东方汽轮机】高中压缸事故排放阀密封圈\D600A.275.036</t>
  </si>
  <si>
    <t>【东方汽轮机】调整垫片\M053-162000A001</t>
  </si>
  <si>
    <t>【东方汽轮机】电动真空密封截止阀\DN50\B1310B-899100A003</t>
  </si>
  <si>
    <t>【东方汽轮机】支持轴承\Φ180\B1320E-243000C-M1</t>
  </si>
  <si>
    <t>【东方汽轮机】气动疏水阀\B2320B-899100H001</t>
  </si>
  <si>
    <t>【东方汽轮机】真空密封电动截止阀\DN25\B2320D-799300C001</t>
  </si>
  <si>
    <t>【东方汽轮机】双联滤油器\B2320E-539000A</t>
  </si>
  <si>
    <t>【东方汽轮机】电动截止阀\DN100\B2320E-899100Q011</t>
  </si>
  <si>
    <t>【东方汽轮机】电动真空密封截止阀\DN25\B2320F-899100M005</t>
  </si>
  <si>
    <t>【东方汽轮机】汽封圈\D660X-170205A</t>
  </si>
  <si>
    <t>【东方汽轮机】阀碟\Φ170\M201.261.010</t>
  </si>
  <si>
    <t>【东方汽轮机】双头螺栓\M64×4×500\D00-010123A035</t>
  </si>
  <si>
    <t>【东方汽轮机】卡环\M206-261000A018</t>
  </si>
  <si>
    <t>【东方汽轮机】胶性膨胀石墨金属缠绕垫片\M612.X10.007\D600B</t>
  </si>
  <si>
    <t>【东方汽轮机】滤网\M612-013100A\D300N</t>
  </si>
  <si>
    <t>【东方汽轮机】双头螺柱\M30×70\D00.010.104</t>
  </si>
  <si>
    <t>【东方汽轮机】罩螺母\M42×3\D00-010410A024\D300N</t>
  </si>
  <si>
    <t>【东方汽轮机】垫片\D00-050310A006</t>
  </si>
  <si>
    <t>【东方汽轮机】垫片\D00.050.231</t>
  </si>
  <si>
    <t>【东方汽轮机】法兰用垫片\PN25 DN250\D00-600144B016\D600B</t>
  </si>
  <si>
    <t>【东方汽轮机】平衡重块\D09.211.004</t>
  </si>
  <si>
    <t>【东方汽轮机】圆柱型压缩弹簧\D1000A-098200C001\D600B</t>
  </si>
  <si>
    <t>【东方汽轮机】压紧环\D20.181.015</t>
  </si>
  <si>
    <t>【东方汽轮机】阀门螺母\D3.6A.281.001</t>
  </si>
  <si>
    <t>【东方汽轮机】弹簧片\D350B-100200A001</t>
  </si>
  <si>
    <t>【东方汽轮机】销\19×24\D600A.231.102</t>
  </si>
  <si>
    <t>【东方汽轮机】调整垫片\D600B-099400A007</t>
  </si>
  <si>
    <t>【东方汽轮机】金属缠绕垫片\D600B-271000A014\D300N</t>
  </si>
  <si>
    <t>【东方汽轮机】高温用螺母\D600B-271000A021\D600B</t>
  </si>
  <si>
    <t>【东方汽轮机】垫片\D600B-271400A006</t>
  </si>
  <si>
    <t>【东方汽轮机】导管\D600C-029660A002</t>
  </si>
  <si>
    <t>【东方汽轮机】管接\D600C-029670A001</t>
  </si>
  <si>
    <t>【东方汽轮机】围带封口件\M019-204000A004</t>
  </si>
  <si>
    <t>【东方汽轮机】螺母\M021-219000A003</t>
  </si>
  <si>
    <t>【东方汽轮机】缠绕垫片\A200C-502000A020</t>
  </si>
  <si>
    <t>【东方汽轮机】缠绕垫片\A200C-704200A001</t>
  </si>
  <si>
    <t>【东方汽轮机】缠绕垫片\A200C-704200A002</t>
  </si>
  <si>
    <t>【东方汽轮机】缠绕垫片\A200C-704200A003</t>
  </si>
  <si>
    <t>【东方汽轮机】缠绕垫片\A200C-704200A004</t>
  </si>
  <si>
    <t>【东方汽轮机】缠绕垫片\B2320G-281000B010</t>
  </si>
  <si>
    <t>【东方汽轮机】套环\B2350G-281000A013</t>
  </si>
  <si>
    <t>【东方汽轮机】热电偶\B2360G-798300A003</t>
  </si>
  <si>
    <t>【东方汽轮机】航空电缆接插件\B3320D-181000A</t>
  </si>
  <si>
    <t>【东方汽轮机】衬套\D09.265.022</t>
  </si>
  <si>
    <t>【东方汽轮机】盖板\D600B-181000A001</t>
  </si>
  <si>
    <t>【东方汽轮机】节流组件\25×6\W28A0235A</t>
  </si>
  <si>
    <t>【东方汽轮机】节流组件\20×8\W28A0486A</t>
  </si>
  <si>
    <t>【东方汽轮机】节流组件\20×8\W28A0692A</t>
  </si>
  <si>
    <t>【东方汽轮机】汽封圈\B2310F-100100B</t>
  </si>
  <si>
    <t>【东方汽轮机】法兰通孔等长螺柱\(GH)4\M053-020000A016\D300N</t>
  </si>
  <si>
    <t>【东方汽轮机】高速盘车装置\B2360G-231000A</t>
  </si>
  <si>
    <t>【东方汽轮机】推力轴承\D600B-243000A</t>
  </si>
  <si>
    <t>【东方汽轮机】联轴器\D9.6C-221000B</t>
  </si>
  <si>
    <t>【东方汽轮机】可倾瓦块\M165-241200B\D300N</t>
  </si>
  <si>
    <t>【东方汽轮机】密封环\D350G-295000A001</t>
  </si>
  <si>
    <t>【东方汽轮机】衬套\D600A.276.017</t>
  </si>
  <si>
    <t>【东方汽轮机】汽缸移动工具\D600A.673Z</t>
  </si>
  <si>
    <t>【东方汽轮机】高温用开槽螺母\5″-8UN\D600C-028000A022</t>
  </si>
  <si>
    <t>【东方汽轮机】测温法兰\D600C-029731A</t>
  </si>
  <si>
    <t>【东方汽轮机】定位键\D00.050.015</t>
  </si>
  <si>
    <t>【东方汽轮机】密封键\D00-050220A004</t>
  </si>
  <si>
    <t>【东方汽轮机】压板\D00.050.070</t>
  </si>
  <si>
    <t>【东方汽轮机】平衡重块\D09.211.002</t>
  </si>
  <si>
    <t>【东方汽轮机】平衡重块\D09.211.003</t>
  </si>
  <si>
    <t>【东方汽轮机】高温内六角螺栓\D300S-099120A006</t>
  </si>
  <si>
    <t>【东方汽轮机】弹簧片\D300S-170000A006</t>
  </si>
  <si>
    <t>【东方汽轮机】金属缠绕垫片\D350A-265000A008</t>
  </si>
  <si>
    <t>【东方汽轮机】高温内六角螺栓\D600B-099500A006</t>
  </si>
  <si>
    <t>【东方汽轮机】垫片\M011.063.004</t>
  </si>
  <si>
    <t>【东方汽轮机】止动垫片\M036-219000B007</t>
  </si>
  <si>
    <t>【东方汽轮机】蒸汽滤网\D09.261.3Z</t>
  </si>
  <si>
    <t>【东方汽轮机】轴瓦\Φ80\D09.511.11Z</t>
  </si>
  <si>
    <t>【东方汽轮机】油封环\D09.511.4Z</t>
  </si>
  <si>
    <t>【东方汽轮机】油封环\D09.511.6Z</t>
  </si>
  <si>
    <t>【东方汽轮机】隔离套\D09.261.024</t>
  </si>
  <si>
    <t>【东方汽轮机】反向垫环\D350A-243600A</t>
  </si>
  <si>
    <t>【东方汽轮机】双头螺柱\D350B-061000A001</t>
  </si>
  <si>
    <t>【东方汽轮机】汽封圈\D350E-160270A</t>
  </si>
  <si>
    <t>【东方汽轮机】隔膜板\D600A.037.002</t>
  </si>
  <si>
    <t>【东方汽轮机】高温带槽螺母\D600B-265000A001\D600B</t>
  </si>
  <si>
    <t>【东方汽轮机】汽封圈\D600E-098130A</t>
  </si>
  <si>
    <t>【东方汽轮机】双头螺柱\4 1/2″-8UN\D600H-028000A005\D600B</t>
  </si>
  <si>
    <t>【东方汽轮机】汽封圈\M005.162.3Z</t>
  </si>
  <si>
    <t>【东方汽轮机】汽封圈\M009-161500A</t>
  </si>
  <si>
    <t>【东方汽轮机】航空电缆接插件\B2320C-021000A001</t>
  </si>
  <si>
    <t>【东方汽轮机】双头螺柱\M42×3×220\D00-010113A017\D300N</t>
  </si>
  <si>
    <t>【东方汽轮机】双头螺柱\M48×3×230\D00-010115A017\D300N</t>
  </si>
  <si>
    <t>【东方汽轮机】衬套\D20.281.018\D300N</t>
  </si>
  <si>
    <t>【东方汽轮机】销钉\B2350G-281000A039</t>
  </si>
  <si>
    <t>【东方汽轮机】止动销\B2350G-281000A041</t>
  </si>
  <si>
    <t>【东方汽轮机】定位弹簧\D20.281.003</t>
  </si>
  <si>
    <t>【东方汽轮机】销\D20.281.004</t>
  </si>
  <si>
    <t>【东方汽轮机】密封键\D7A-104000A001</t>
  </si>
  <si>
    <t>【东方汽轮机】六角头铰制孔用螺栓\GB27-88\GB0000027W16A0</t>
  </si>
  <si>
    <t>【东方汽轮机】六角头螺栓\M12×25\GB0005783W1225</t>
  </si>
  <si>
    <t>【东方汽轮机】六角头螺栓\GB0005783W1460</t>
  </si>
  <si>
    <t>【东方汽轮机】六角头螺栓\M16×45\GB0005783W1645</t>
  </si>
  <si>
    <t>【东方汽轮机】六角头螺栓\M20×70\GB0005783W2070</t>
  </si>
  <si>
    <t>【东方汽轮机】双头螺柱\M20×75\D00-010103A008</t>
  </si>
  <si>
    <t>【东方汽轮机】双头螺柱\M24×170\D00-010105A018\D300N</t>
  </si>
  <si>
    <t>【东方汽轮机】螺钉\M30×200\D00-010642A008</t>
  </si>
  <si>
    <t>【东方汽轮机】直通夹固管接头\D00-600323A</t>
  </si>
  <si>
    <t>【东方汽轮机】金属缠绕垫片\D350B-011900A</t>
  </si>
  <si>
    <t>【东方汽轮机】喷嘴\D600A.231.21Z</t>
  </si>
  <si>
    <t>【东方汽轮机】六角杆板手\D600A.660.055</t>
  </si>
  <si>
    <t>【东方汽轮机】垫片\1360×500\D600B-182800A011</t>
  </si>
  <si>
    <t>【东方汽轮机】平衡螺塞\D600B-210000A017</t>
  </si>
  <si>
    <t>【东方汽轮机】内六角螺栓\M053-011000A004\D300N</t>
  </si>
  <si>
    <t>【东方汽轮机】螺钉\M206-261000A030\D300N</t>
  </si>
  <si>
    <t>【东方汽轮机】垫片\Φ300×5\M206-261000A056</t>
  </si>
  <si>
    <t>【东方汽轮机】高温用双头螺栓\M237-265000A030\D300N</t>
  </si>
  <si>
    <t>【东方汽轮机】倒锥双头螺栓\M76×4×300\D00-010330A018</t>
  </si>
  <si>
    <t>【东方汽轮机】测单点壁温装置\D00-010915A</t>
  </si>
  <si>
    <t>【东方汽轮机】金属缠绕垫片\D600B-296000A003\D600B</t>
  </si>
  <si>
    <t>【东方汽轮机】铠装热电偶\WRNK2-231\D660E-798310A001</t>
  </si>
  <si>
    <t>【东方汽轮机】铠装热电偶\WRNK2-231\D660E-798310A002</t>
  </si>
  <si>
    <t>【东方汽轮机】双头螺栓\M131.182.090</t>
  </si>
  <si>
    <t>【东方汽轮机】联轴器\D09.512Z-1</t>
  </si>
  <si>
    <t>【东方汽轮机】主汽阀杆\D300S-261200A007</t>
  </si>
  <si>
    <t>【东方汽轮机】汽封圈\D330A-160200A</t>
  </si>
  <si>
    <t>【东方汽轮机】汽封圈\D350B-160160A</t>
  </si>
  <si>
    <t>【东方汽轮机】汽封圈\D350N-100320B</t>
  </si>
  <si>
    <t>【东方汽轮机】大链轮\D600A.231.006</t>
  </si>
  <si>
    <t>【东方汽轮机】汽封圈\D600R-098535A\D600B</t>
  </si>
  <si>
    <t>【东方汽轮机】十字套\M206-361200A</t>
  </si>
  <si>
    <t>【东方汽轮机】蒸汽滤网\X200D.261.2Z</t>
  </si>
  <si>
    <t>【东方汽轮机】支持轴承\Φ533.4\D660P-248000A</t>
  </si>
  <si>
    <t>【东方汽轮机】调节阀碟\D600C-265410A\D600B</t>
  </si>
  <si>
    <t>【东方汽轮机】中压叶片\M053-201010A</t>
  </si>
  <si>
    <t>【东方汽轮机】主汽阀碟\M237-265000A042\D300N</t>
  </si>
  <si>
    <t>【东方汽轮机】排汽安全阀\A200C-799100A001</t>
  </si>
  <si>
    <t>【东方汽轮机】电动真空密封截止阀\DN80\B1310B-899100A002</t>
  </si>
  <si>
    <t>【东方汽轮机】油挡\B1320B-180000A</t>
  </si>
  <si>
    <t>【东方汽轮机】挡油环\B1320B-180200A</t>
  </si>
  <si>
    <t>【东方汽轮机】挡油环\B1320B-180300A</t>
  </si>
  <si>
    <t>【东方汽轮机】推力瓦\B1320E-241200B</t>
  </si>
  <si>
    <t>【东方汽轮机】推力瓦\B1320E-241300B</t>
  </si>
  <si>
    <t>【东方汽轮机】盘车减速器\B2320D-231100B</t>
  </si>
  <si>
    <t>【东方汽轮机】盘车减速器\B2320E-231100B</t>
  </si>
  <si>
    <t>【东方汽轮机】气动疏水阀\B2320E-899100R001</t>
  </si>
  <si>
    <t>【东方汽轮机】汽封圈\D350B-160170A</t>
  </si>
  <si>
    <t>【东方汽轮机】调节阀碟\D350C-265530A</t>
  </si>
  <si>
    <t>【东方汽轮机】汽封圈\D600C-098215A</t>
  </si>
  <si>
    <t>【东方汽轮机】推力瓦油封\D600C-243700A\D600B</t>
  </si>
  <si>
    <t>【东方汽轮机】调节阀碟\D600C-271200A002\D6OOB</t>
  </si>
  <si>
    <t>【东方汽轮机】隔板汽封\D600E-098220A\D600B</t>
  </si>
  <si>
    <t>【东方汽轮机】汽封圈\D660R-098306A</t>
  </si>
  <si>
    <t>【东方汽轮机】调节阀蝶\M206-261000A031\D300N</t>
  </si>
  <si>
    <t>【东方汽轮机】双头螺柱\M42×3×85\D00-010113A002\D300N</t>
  </si>
  <si>
    <t>【东方汽轮机】双头螺柱\M48×3×110\D00-010115A005\D300N</t>
  </si>
  <si>
    <t>【东方汽轮机】O型密封圈\D20.185.015</t>
  </si>
  <si>
    <t>【东方汽轮机】凸球面垫圈\Φ52\D00-010532A001</t>
  </si>
  <si>
    <t>【东方汽轮机】销\D350B-103000A001</t>
  </si>
  <si>
    <t>【东方汽轮机】销\D350B-114000A001</t>
  </si>
  <si>
    <t>【东方汽轮机】螺栓\D600A.032.219</t>
  </si>
  <si>
    <t>【东方汽轮机】键\D600A.231.055</t>
  </si>
  <si>
    <t>【东方汽轮机】高压隔板螺钉\D600B-099500A014</t>
  </si>
  <si>
    <t>【东方汽轮机】套圈\D600B-182700A001</t>
  </si>
  <si>
    <t>【东方汽轮机】销\D600B-203005B007</t>
  </si>
  <si>
    <t>【东方汽轮机】金属缠绕垫片\D600C-029800A006\D600B</t>
  </si>
  <si>
    <t>【东方汽轮机】金属缠绕垫片\D600C-029800A008\D600B</t>
  </si>
  <si>
    <t>【东方汽轮机】压板\D600C-160120A003\D600B</t>
  </si>
  <si>
    <t>【东方汽轮机】销\D600C-271200A003\D600B</t>
  </si>
  <si>
    <t>【东方汽轮机】金属缠绕垫片\D660A-029100A001</t>
  </si>
  <si>
    <t>【东方汽轮机】油封弧片\δ1.5\D660X-180200A001</t>
  </si>
  <si>
    <t>【东方汽轮机】双头螺柱\M20×85,GB901G-88\GB0000901G2085</t>
  </si>
  <si>
    <t>【东方汽轮机】内六角圆柱头螺钉\M6×20\GB70G-85 M6×20</t>
  </si>
  <si>
    <t>【东方汽轮机】垫片\M022.102.007</t>
  </si>
  <si>
    <t>【东方汽轮机】销子\M029-205000B002</t>
  </si>
  <si>
    <t>【东方汽轮机】油封弧片\δ1.5\M162.182.015</t>
  </si>
  <si>
    <t>【东方汽轮机】销\M206-261000A007\D300N</t>
  </si>
  <si>
    <t>【东方汽轮机】垫片\D00-050310A009</t>
  </si>
  <si>
    <t>【东方汽轮机】垫片\D00-050310A015</t>
  </si>
  <si>
    <t>【东方汽轮机】旋入管接头\DN25\D00-600307A</t>
  </si>
  <si>
    <t>【东方汽轮机】球面垫圈(凸)\D20.260.030</t>
  </si>
  <si>
    <t>【东方汽轮机】球面垫圈(凹)\D20.260.031</t>
  </si>
  <si>
    <t>【东方汽轮机】螺母\M33×3\D20.260.032</t>
  </si>
  <si>
    <t>【东方汽轮机】球面垫圈(凸)\D20.260.035</t>
  </si>
  <si>
    <t>【东方汽轮机】板弹簧\198×32×23\D300S-098100A001</t>
  </si>
  <si>
    <t>【东方汽轮机】螺栓\D300S-099220A004</t>
  </si>
  <si>
    <t>【东方汽轮机】垫片\D600A.032.206</t>
  </si>
  <si>
    <t>【东方汽轮机】金属缠绕垫片\D600B-271000A026</t>
  </si>
  <si>
    <t>【东方汽轮机】汽封圈\B2310F-100300B</t>
  </si>
  <si>
    <t>【东方汽轮机】缠绕垫片\B2320E-271000A001</t>
  </si>
  <si>
    <t>【东方汽轮机】套筒\B2360G-021000A001</t>
  </si>
  <si>
    <t>【东方汽轮机】齿形垫片\D09.265.013</t>
  </si>
  <si>
    <t>【东方汽轮机】万向连杆\D20.281.1Z-9T</t>
  </si>
  <si>
    <t>【东方汽轮机】万向连杆\D20.281.4Z</t>
  </si>
  <si>
    <t>【东方汽轮机】高温双头螺栓\2 1/2-8UN\D600B-030500A007\D600B</t>
  </si>
  <si>
    <t>【东方汽轮机】密封环\M053-290000A003</t>
  </si>
  <si>
    <t>【东方汽轮机】抽汽管锁紧环\M053-290000A004</t>
  </si>
  <si>
    <t>【东方汽轮机】调节阀螺母\M201.261.013</t>
  </si>
  <si>
    <t>【东方汽轮机】正向推力瓦\D600C-243300A\D600B</t>
  </si>
  <si>
    <t>【东方汽轮机】上套管\D660S-271300A002</t>
  </si>
  <si>
    <t>【东方汽轮机】端面铂热电阻\D330N-241000A006</t>
  </si>
  <si>
    <t>【东方汽轮机】高温用螺母\23/4GH\D600B-271000A006</t>
  </si>
  <si>
    <t>【东方汽轮机】密封环\D600C-029200A001</t>
  </si>
  <si>
    <t>【东方汽轮机】油封弧片\M024.014.008</t>
  </si>
  <si>
    <t>【东方汽轮机】罩螺母\D00.010.033</t>
  </si>
  <si>
    <t>【东方汽轮机】凸球面垫圈\Φ76\D00-010531A007</t>
  </si>
  <si>
    <t>【东方汽轮机】螺钉\D00-210201A001</t>
  </si>
  <si>
    <t>【东方汽轮机】垫片\D600A.231.153</t>
  </si>
  <si>
    <t>【东方汽轮机】止动垫片\D600A.275.045</t>
  </si>
  <si>
    <t>【东方汽轮机】高压隔板螺钉\D600B-099500A015</t>
  </si>
  <si>
    <t>【东方汽轮机】开槽沉头螺钉\M16×40\D600B-160000A006</t>
  </si>
  <si>
    <t>【东方汽轮机】垫片\D600C-271200A006</t>
  </si>
  <si>
    <t>【东方汽轮机】扳手套座\D600C-660000A020</t>
  </si>
  <si>
    <t>【东方汽轮机】螺尾锥销\30×190\GB0000881B30A9</t>
  </si>
  <si>
    <t>【东方汽轮机】双头螺柱\M20×100\GB0000897C20A0</t>
  </si>
  <si>
    <t>【东方汽轮机】双头螺柱\M30×120\GB0000898C30A2</t>
  </si>
  <si>
    <t>【东方汽轮机】定位螺栓\M20\M001.161.018</t>
  </si>
  <si>
    <t>【东方汽轮机】汽封压板\M028.103.102</t>
  </si>
  <si>
    <t>【东方汽轮机】键\M206-261000A017</t>
  </si>
  <si>
    <t>【东方汽轮机】销\M206-261000A033</t>
  </si>
  <si>
    <t>【东方汽轮机】汽封圈\M006.113.1Z</t>
  </si>
  <si>
    <t>【东方汽轮机】密封环\M201.261.018</t>
  </si>
  <si>
    <t>【东方汽轮机】齿形垫片\M201.261.035</t>
  </si>
  <si>
    <t>【东方汽轮机】汽封圈\D350B-160130A</t>
  </si>
  <si>
    <t>【东方汽轮机】双头螺柱\D600H-028000A008</t>
  </si>
  <si>
    <t>【东方汽轮机】滤芯\W38B0016A\D300N</t>
  </si>
  <si>
    <t>【东方汽轮机】高温双头螺栓\D1000A-271000A003</t>
  </si>
  <si>
    <t>【东方汽轮机】双头螺柱\4″-8UN\D600B-028000A009</t>
  </si>
  <si>
    <t>【东方汽轮机】预启阀碟\D600C-271200A004\D6OOB</t>
  </si>
  <si>
    <t>【东方汽轮机】两半合成推力基环\D9.6B-241100A</t>
  </si>
  <si>
    <t>【东方汽轮机】预启阀盖\D9.6B-271000A004</t>
  </si>
  <si>
    <t>【东方汽轮机】螺栓\M201.261.422\D300N</t>
  </si>
  <si>
    <t>【东方汽轮机】密封环\M237-265000A025\D600B</t>
  </si>
  <si>
    <t>【东方汽轮机】双头螺柱\M36×3×90\D00-010111A005\D300N</t>
  </si>
  <si>
    <t>【东方汽轮机】销子\D09.261.021</t>
  </si>
  <si>
    <t>【东方汽轮机】销\D350B-110000A001</t>
  </si>
  <si>
    <t>【东方汽轮机】垫片\D600B-181000A002</t>
  </si>
  <si>
    <t>【东方汽轮机】阻尼销\D600B-203005B005</t>
  </si>
  <si>
    <t>【东方汽轮机】销\D600C-261200A004\D600B</t>
  </si>
  <si>
    <t>【东方汽轮机】开槽圆柱头螺钉\GB/T65C-2000\GB0000065C0625</t>
  </si>
  <si>
    <t>【东方汽轮机】螺尾锥销\16×100\GB0000881W16A0</t>
  </si>
  <si>
    <t>【东方汽轮机】双头螺柱\M24×70\GB0000898C2470</t>
  </si>
  <si>
    <t>【东方汽轮机】双头螺柱\M24×90\GB0000898C2490</t>
  </si>
  <si>
    <t>【东方汽轮机】双头螺柱\M12×55\GB0000901G1255</t>
  </si>
  <si>
    <t>【东方汽轮机】六角螺母\M27,GB/T6170C-2000\GB0006170C0027</t>
  </si>
  <si>
    <t>【东方汽轮机】止动销\M009-295000A009</t>
  </si>
  <si>
    <t>【东方汽轮机】汽封压板\M028.164.001</t>
  </si>
  <si>
    <t>【东方汽轮机】凹面垫圈\GH11/2\M054-021000A015</t>
  </si>
  <si>
    <t>【东方汽轮机】油封弧片\δ1.5\M181.184.101</t>
  </si>
  <si>
    <t>【东方汽轮机】垫圈\M201.261.027</t>
  </si>
  <si>
    <t>【东方汽轮机】螺塞\Y47-030000A013</t>
  </si>
  <si>
    <t>【东方汽轮机】销螺栓\B2350G-281000A031</t>
  </si>
  <si>
    <t>【东方汽轮机】双头螺柱\M36×3×300\D00-010111A027\D300N</t>
  </si>
  <si>
    <t>【东方汽轮机】压紧螺母\D09.261.018</t>
  </si>
  <si>
    <t>【东方汽轮机】压板\D1000K-098600A003</t>
  </si>
  <si>
    <t>【东方汽轮机】两半合成挡油板\Φ210\D20.241.8Z</t>
  </si>
  <si>
    <t>【东方汽轮机】两半合成挡油板\Φ248\D20.241.9Z</t>
  </si>
  <si>
    <t>【东方汽轮机】螺栓\D300S-099220A001</t>
  </si>
  <si>
    <t>【东方汽轮机】螺钉\D350A-271200A003</t>
  </si>
  <si>
    <t>【东方汽轮机】罩螺母\D350B-021000A003</t>
  </si>
  <si>
    <t>【东方汽轮机】弹簧片\D600B-098100A007</t>
  </si>
  <si>
    <t>【东方汽轮机】弹簧片\D600B-098100A008</t>
  </si>
  <si>
    <t>【东方汽轮机】双头螺柱\D600C-160120A010\D600B</t>
  </si>
  <si>
    <t>【东方汽轮机】金属缠绕垫片\D660R-029000A004</t>
  </si>
  <si>
    <t>【东方汽轮机】预启阀碟盖\D7A-271000A004</t>
  </si>
  <si>
    <t>【东方汽轮机】衬套\D9.6B-271000A018</t>
  </si>
  <si>
    <t>【东方汽轮机】套环\D9.6B-281000A002</t>
  </si>
  <si>
    <t>【东方汽轮机】隔板汽封\D600E-098230A\D600B</t>
  </si>
  <si>
    <t>【东方汽轮机】双头螺柱\D660X-020000A006</t>
  </si>
  <si>
    <t>【东方汽轮机】可倾瓦块\M107-241200B\D300N</t>
  </si>
  <si>
    <t>【东方汽轮机】摆动齿轮\M181.231.7Z</t>
  </si>
  <si>
    <t>【东方汽轮机】双头螺柱\M64×4×250\D00-010123A015</t>
  </si>
  <si>
    <t>【东方汽轮机】高温内六角螺栓\D660C-029000A002</t>
  </si>
  <si>
    <t>【东方汽轮机】垫圈\M009-163000A003</t>
  </si>
  <si>
    <t>【东方汽轮机】双头螺栓\M42×3×130\D00-010114A008</t>
  </si>
  <si>
    <t>【东方汽轮机】齿型垫片\D210C-291000A003</t>
  </si>
  <si>
    <t>【东方汽轮机】主蒸汽进口缠绕垫片\D600B-029800A003</t>
  </si>
  <si>
    <t>【东方汽轮机】弯管\M009-011000A007</t>
  </si>
  <si>
    <t>【东方汽轮机】汽封圈\D200L-100400A</t>
  </si>
  <si>
    <t>【东方汽轮机】平衡螺塞架装配工具\D660A-689310A</t>
  </si>
  <si>
    <t>【东方汽轮机】大弹簧\M201.361.141</t>
  </si>
  <si>
    <t>【东方汽轮机】轴套\M201.361.163</t>
  </si>
  <si>
    <t>【东方汽轮机】连接盘\B1320B-231000A001</t>
  </si>
  <si>
    <t>【东方汽轮机】切换阀\B1320D-765000A</t>
  </si>
  <si>
    <t>【东方汽轮机】挡油环\B1320E-180100A</t>
  </si>
  <si>
    <t>【东方汽轮机】汽封圈\B2320D-160100B</t>
  </si>
  <si>
    <t>【东方汽轮机】预启阀碟\B2320E-271000A003</t>
  </si>
  <si>
    <t>【东方汽轮机】主汽阀碟\B2320E-271000A004</t>
  </si>
  <si>
    <t>【东方汽轮机】预启阀碟\B2320E-271000C005</t>
  </si>
  <si>
    <t>【东方汽轮机】推力瓦\B2320G-241300B</t>
  </si>
  <si>
    <t>【东方汽轮机】推力瓦\B2320G-241400B</t>
  </si>
  <si>
    <t>【东方汽轮机】溢油阀\B2350G-536000A</t>
  </si>
  <si>
    <t>【东方汽轮机】前汽封体\B2360G-161000A</t>
  </si>
  <si>
    <t>【东方汽轮机】内齿圈\D09.512.102</t>
  </si>
  <si>
    <t>【东方汽轮机】超声波油位探测仪\(订货图)\D3.6A-899200A001</t>
  </si>
  <si>
    <t>【东方汽轮机】双头螺柱\D600C-160120A008\D600B</t>
  </si>
  <si>
    <t>【东方汽轮机】止动环\D600C-265500A002</t>
  </si>
  <si>
    <t>【东方汽轮机】汽封\D660D-098112B\D600B</t>
  </si>
  <si>
    <t>【东方汽轮机】汽封\D660D-098113B\D600B</t>
  </si>
  <si>
    <t>【东方汽轮机】主汽阀碟\D9.6B-271000A003</t>
  </si>
  <si>
    <t>【东方汽轮机】阀杆\D9.6B-271000A009</t>
  </si>
  <si>
    <t>【东方汽轮机】推力瓦\M162.242.6Z</t>
  </si>
  <si>
    <t>【东方汽轮机】销\D350B-109000A001</t>
  </si>
  <si>
    <t>【东方汽轮机】支承销\M053-107000A001</t>
  </si>
  <si>
    <t>【东方汽轮机】垫圈\M109-511000A005</t>
  </si>
  <si>
    <t>【东方汽轮机】矩行弹簧片\D00-160103A001\D600B</t>
  </si>
  <si>
    <t>【东方汽轮机】挡油环\B2310F-242300A</t>
  </si>
  <si>
    <t>【东方汽轮机】双头螺柱\M36×3×190\D00-010111A016\D300N</t>
  </si>
  <si>
    <t>【东方汽轮机】双头螺柱\M42×3×100\D00-010113A005\D300N</t>
  </si>
  <si>
    <t>【东方汽轮机】双头螺柱\M48×3×85\D00-010116A001\D300N</t>
  </si>
  <si>
    <t>【东方汽轮机】罩螺母\M36\D00.010.025</t>
  </si>
  <si>
    <t>【东方汽轮机】环形压板\D3.6A.031.038</t>
  </si>
  <si>
    <t>【东方汽轮机】锁紧环\D350A-294000A005</t>
  </si>
  <si>
    <t>【东方汽轮机】高温双头缧栓\3 1/2-8UN\D600B-030500A001\D600B</t>
  </si>
  <si>
    <t>【东方汽轮机】主轴\D600B-231500A001</t>
  </si>
  <si>
    <t>【东方汽轮机】双头螺柱\D600B-261000A008\D600B</t>
  </si>
  <si>
    <t>【东方汽轮机】金属缠绕垫片\D600C-160110A006\D600B</t>
  </si>
  <si>
    <t>【东方汽轮机】密封环\D660X-295000A008</t>
  </si>
  <si>
    <t>【东方汽轮机】罩螺母\M009-041000A002\D600B</t>
  </si>
  <si>
    <t>【东方汽轮机】螺栓\M028.219.002</t>
  </si>
  <si>
    <t>【东方汽轮机】金属缠绕垫片\M237-265000A003\D600B</t>
  </si>
  <si>
    <t>【东方汽轮机】套筒\D09.261.046</t>
  </si>
  <si>
    <t>【东方汽轮机】汽封圈\D660R-098209A</t>
  </si>
  <si>
    <t>【东方汽轮机】支持轴承\Φ508×330\D600B-246000A</t>
  </si>
  <si>
    <t>【东方汽轮机】支持轴承\Φ480\M030-251000A</t>
  </si>
  <si>
    <t>【东方汽轮机】锥销\41/2″-8UN\D600H-028000A009</t>
  </si>
  <si>
    <t>【东方汽轮机】测温计导管\D600H-029100B</t>
  </si>
  <si>
    <t>【东方汽轮机】罩螺母\M76×4\D00-010410A051\D300N</t>
  </si>
  <si>
    <t>【东方汽轮机】抽汽管内壁测温计导管\D600C-029690A</t>
  </si>
  <si>
    <t>【东方汽轮机】挡圈\D600C-295000A006\D600B</t>
  </si>
  <si>
    <t>【东方汽轮机】双头螺柱\M036-032000A002\D300N</t>
  </si>
  <si>
    <t>【东方汽轮机】齿形垫片\M231.265.030</t>
  </si>
  <si>
    <t>【东方汽轮机】销\D300S-098300A004</t>
  </si>
  <si>
    <t>【东方汽轮机】垫片\D350A-265000A011</t>
  </si>
  <si>
    <t>【东方汽轮机】销\D350B-115000A001</t>
  </si>
  <si>
    <t>【东方汽轮机】垫片\D600A.231.086</t>
  </si>
  <si>
    <t>【东方汽轮机】高压缸通风阀销子\D600A.276.036</t>
  </si>
  <si>
    <t>【东方汽轮机】金属缠绕垫片\D600B-271000A007</t>
  </si>
  <si>
    <t>【东方汽轮机】垫片\D600C-271000A012</t>
  </si>
  <si>
    <t>【东方汽轮机】垫片\δ1.5\D600C-271000A016</t>
  </si>
  <si>
    <t>【东方汽轮机】螺钉\D660W-221000A001</t>
  </si>
  <si>
    <t>【东方汽轮机】开槽圆柱头螺钉\GB/T65C-2000\GB0000065C0620</t>
  </si>
  <si>
    <t>【东方汽轮机】开槽圆柱头螺钉\M6×35,GB/T65C-2000\GB0000065C0635</t>
  </si>
  <si>
    <t>【东方汽轮机】开槽圆柱头螺钉\GB/T65C-2000\GB0000065C0640</t>
  </si>
  <si>
    <t>【东方汽轮机】开槽圆柱头螺钉\GB/T65C-2000\GB0000065C1030</t>
  </si>
  <si>
    <t>【东方汽轮机】单耳止动垫圈\Φ30\GB0000854K0030</t>
  </si>
  <si>
    <t>【东方汽轮机】双头螺柱\M20×110,GB901G-88\GB0000901G20A1</t>
  </si>
  <si>
    <t>【东方汽轮机】六角头螺栓\M20×45\GB0005783B2045</t>
  </si>
  <si>
    <t>【东方汽轮机】内六角圆柱头螺钉\M16×35\GB00070.1B1635</t>
  </si>
  <si>
    <t>【东方汽轮机】缠绕垫片\B2520C-272000A001</t>
  </si>
  <si>
    <t>【东方汽轮机】缠绕垫片\B2520C-272000A002</t>
  </si>
  <si>
    <t>【东方汽轮机】航空电缆接插件\B3320D-181000A001</t>
  </si>
  <si>
    <t>【东方汽轮机】罩螺母\M42\D00-010410A023</t>
  </si>
  <si>
    <t>【东方汽轮机】隔板式卡套接头\D00-010919A\D300N</t>
  </si>
  <si>
    <t>【东方汽轮机】螺母\M33×2\D20.031.060</t>
  </si>
  <si>
    <t>【东方汽轮机】板弹簧\198×24×23\D300S-098100A002</t>
  </si>
  <si>
    <t>【东方汽轮机】金属缠绕垫片\D300S-271000A001</t>
  </si>
  <si>
    <t>【东方汽轮机】罩螺母\M48\D600C-243000A003\D600B</t>
  </si>
  <si>
    <t>【东方汽轮机】扳手套座\D600C-660000A033</t>
  </si>
  <si>
    <t>【东方汽轮机】高温带垫圈螺栓\M206-261000A050\D300N</t>
  </si>
  <si>
    <t>【东方汽轮机】汽封圈\D300N-160500A</t>
  </si>
  <si>
    <t>【东方汽轮机】隔板汽封\D300S-098350A</t>
  </si>
  <si>
    <t>【东方汽轮机】外侧挡油环\D600B-182720A</t>
  </si>
  <si>
    <t>【东方汽轮机】衬套\D600C-265620A</t>
  </si>
  <si>
    <t>【东方汽轮机】汽封\D660D-098221B\D600B</t>
  </si>
  <si>
    <t>【东方汽轮机】液压扳手\D660E-689310A</t>
  </si>
  <si>
    <t>【东方汽轮机】浮动油档\D660X-180130A</t>
  </si>
  <si>
    <t>【东方汽轮机】双头螺栓\M90×4×535\D00-010134A033</t>
  </si>
  <si>
    <t>【东方汽轮机】梅花扳手\60\D00-660000A051</t>
  </si>
  <si>
    <t>【东方汽轮机】梅花扳手\70\D00-660000A053</t>
  </si>
  <si>
    <t>【东方汽轮机】单头扳手\D600C-660000A009</t>
  </si>
  <si>
    <t>【东方汽轮机】密封环\D660X-295000A001</t>
  </si>
  <si>
    <t>【东方汽轮机】密封环\D660X-295000A002</t>
  </si>
  <si>
    <t>【东方汽轮机】挡圈\D660X-295000A010</t>
  </si>
  <si>
    <t>【东方汽轮机】锁紧环\D660X-295000A011</t>
  </si>
  <si>
    <t>【东方汽轮机】金属缠绕垫片\M035-295000A003</t>
  </si>
  <si>
    <t>【东方汽轮机】联轴器扳手\Ф70\D00-660000A301</t>
  </si>
  <si>
    <t>【东方汽轮机】铂电阻温度计\D09.242.27Z</t>
  </si>
  <si>
    <t>【东方汽轮机】汽封圈\D350G-160160A</t>
  </si>
  <si>
    <t>【东方汽轮机】阀碟组装图\Φ203.2\D600B-271400A</t>
  </si>
  <si>
    <t>【东方汽轮机】低压汽机侧叶片\D600C-203005C</t>
  </si>
  <si>
    <t>【东方汽轮机】低压电机侧叶片\D600C-203012C</t>
  </si>
  <si>
    <t>【东方汽轮机】支持轴承\M030-251000B\D300N</t>
  </si>
  <si>
    <t>【东方汽轮机】汽封圈\D300S-170600A</t>
  </si>
  <si>
    <t>【东方汽轮机】汽封圈\D350N-100501A</t>
  </si>
  <si>
    <t>【东方汽轮机】汽封圈\D660R-098202A</t>
  </si>
  <si>
    <t>【东方汽轮机】汽封圈\D660X-170203A</t>
  </si>
  <si>
    <t>【东方汽轮机】汽封圈\A200C-100100A</t>
  </si>
  <si>
    <t>【东方汽轮机】阀碟\B1320E-281000A002</t>
  </si>
  <si>
    <t>【东方汽轮机】汽封圈\B2310F-160400A</t>
  </si>
  <si>
    <t>【东方汽轮机】滤芯\B2320E-539000A001</t>
  </si>
  <si>
    <t>【东方汽轮机】电动调节阀\B2320E-899100Q013</t>
  </si>
  <si>
    <t>【东方汽轮机】预启阀碟\B2320G-281000B005</t>
  </si>
  <si>
    <t>【东方汽轮机】预启阀碟\B2320G-281000B006</t>
  </si>
  <si>
    <t>【东方汽轮机】预启阀碟\B2320G-281000B007</t>
  </si>
  <si>
    <t>【东方汽轮机】预启阀碟\B2320G-281000B008</t>
  </si>
  <si>
    <t>【东方汽轮机】弹簧\B2320G-284000B010</t>
  </si>
  <si>
    <t>【东方汽轮机】螺母\M100×4\D00-010420A001</t>
  </si>
  <si>
    <t>【东方汽轮机】接头\D20.291.013</t>
  </si>
  <si>
    <t>【东方汽轮机】高温用带槽螺母\D600B-028000A002\D600B</t>
  </si>
  <si>
    <t>【东方汽轮机】锁紧环\M009-295000A005</t>
  </si>
  <si>
    <t>【东方汽轮机】滤芯\W99A0063A\D300N</t>
  </si>
  <si>
    <t>【东方汽轮机】垫圈\20\D00-600607C006</t>
  </si>
  <si>
    <t>【东方汽轮机】垫圈\D3.6A.021.006</t>
  </si>
  <si>
    <t>【东方汽轮机】带孔垫片\D7A-242000A003</t>
  </si>
  <si>
    <t>【东方汽轮机】带孔垫片\D7A-242000A004</t>
  </si>
  <si>
    <t>【东方汽轮机】垫片\D9.6B-243000A003</t>
  </si>
  <si>
    <t>【东方汽轮机】带孔垫片\D9.6B-243000A004</t>
  </si>
  <si>
    <t>【东方汽轮机】触动器\B1320B-272000A008</t>
  </si>
  <si>
    <t>【东方汽轮机】汽封圈\B2320B-100100A</t>
  </si>
  <si>
    <t>【东方汽轮机】罩螺母\M52×3\D00.010.008</t>
  </si>
  <si>
    <t>【东方汽轮机】悬挂销\D00.050.087</t>
  </si>
  <si>
    <t>【东方汽轮机】高温内六角头螺栓\D1000A-099500A007\D600B</t>
  </si>
  <si>
    <t>【东方汽轮机】定位双头螺栓\D20.021.010</t>
  </si>
  <si>
    <t>【东方汽轮机】垫片\D600B-271000A019</t>
  </si>
  <si>
    <t>【东方汽轮机】压板\D600C-160120A001\D600B</t>
  </si>
  <si>
    <t>【东方汽轮机】弹簧\D600R-122000A007\D600B</t>
  </si>
  <si>
    <t>【东方汽轮机】罩螺母\M20\D660C-160120A003</t>
  </si>
  <si>
    <t>【东方汽轮机】调整垫块\D7A-242000A001</t>
  </si>
  <si>
    <t>【东方汽轮机】六角头螺栓\M24×70\GB0005783C2470</t>
  </si>
  <si>
    <t>【东方汽轮机】螺母\M037-219000D006</t>
  </si>
  <si>
    <t>【东方汽轮机】金属缠绕垫片\W29A0012A\D600B</t>
  </si>
  <si>
    <t>【东方汽轮机】挡油环\B1310B-180000A</t>
  </si>
  <si>
    <t>【东方汽轮机】挡油环\B1320B-180100A</t>
  </si>
  <si>
    <t>【东方汽轮机】阀碟\B2320F-281000A002</t>
  </si>
  <si>
    <t>【东方汽轮机】阀碟\B2350G-281000A001</t>
  </si>
  <si>
    <t>【东方汽轮机】阀碟\B2350G-281000A005</t>
  </si>
  <si>
    <t>【东方汽轮机】阀碟\B2350G-281000A011</t>
  </si>
  <si>
    <t>【东方汽轮机】转子弯曲指示器\D00-180100D</t>
  </si>
  <si>
    <t>【东方汽轮机】隔板汽封\D350G-100250A</t>
  </si>
  <si>
    <t>【东方汽轮机】主汽阀碟\D7A-271000A006</t>
  </si>
  <si>
    <t>【东方汽轮机】滤网\D9.6B-271200A002</t>
  </si>
  <si>
    <t>【东方汽轮机】瓦块分割加工图\D350G-242200A</t>
  </si>
  <si>
    <t>【东方汽轮机】缠绕垫片\A200A-021000A002</t>
  </si>
  <si>
    <t>【东方汽轮机】空心螺栓\D20.770.006</t>
  </si>
  <si>
    <t>【东方汽轮机】汽封圈\D200Q-169100A</t>
  </si>
  <si>
    <t>【东方汽轮机】高压缸通风阀阀座\D600A.276.1Z</t>
  </si>
  <si>
    <t>【东方汽轮机】围带\D600C-203003A005</t>
  </si>
  <si>
    <t>【东方汽轮机】双头螺柱\D600H-028000A011</t>
  </si>
  <si>
    <t>【东方汽轮机】六角头螺栓\M36×180\GB0005782C36A8</t>
  </si>
  <si>
    <t>【东方汽轮机】滤网\M206-261200A</t>
  </si>
  <si>
    <t>【东方汽轮机】汽封圈\D210F-160150A</t>
  </si>
  <si>
    <t>【东方汽轮机】缠绕垫片\B2320C-271000A002</t>
  </si>
  <si>
    <t>【东方汽轮机】双头螺柱\M48×3×190D00-010116A013\D300N</t>
  </si>
  <si>
    <t>【东方汽轮机】罩螺母\D00.010.038</t>
  </si>
  <si>
    <t>【东方汽轮机】罩螺母\M76×4\D00-010410A053</t>
  </si>
  <si>
    <t>【东方汽轮机】旋入管接头\DN20\D00-600306A</t>
  </si>
  <si>
    <t>【东方汽轮机】推力轴承垫片\D20.181.3Z</t>
  </si>
  <si>
    <t>【东方汽轮机】高温用带槽螺母\D600A.032.022\D300N</t>
  </si>
  <si>
    <t>【东方汽轮机】锥销\31/2″\D600A.660.037</t>
  </si>
  <si>
    <t>【东方汽轮机】罩螺母\D600B-265000A013\D600B</t>
  </si>
  <si>
    <t>【东方汽轮机】密封环\D600C-029200A003</t>
  </si>
  <si>
    <t>【东方汽轮机】金属缠绕垫片\D600C-261000A005\D600B</t>
  </si>
  <si>
    <t>【东方汽轮机】调整垫片\D300S-242000A003</t>
  </si>
  <si>
    <t>【东方汽轮机】调整垫片\D300S-242000A004</t>
  </si>
  <si>
    <t>【东方汽轮机】调整垫片\D300S-242000A005</t>
  </si>
  <si>
    <t>【东方汽轮机】调整垫片\D300S-242000A008</t>
  </si>
  <si>
    <t>【东方汽轮机】调整垫片\D300S-242000A009</t>
  </si>
  <si>
    <t>【东方汽轮机】调整垫片\D300S-242000A010</t>
  </si>
  <si>
    <t>【东方汽轮机】调整垫片\D300S-242000A013</t>
  </si>
  <si>
    <t>【东方汽轮机】调整垫片\D300S-242000A014</t>
  </si>
  <si>
    <t>【东方汽轮机】调整垫片\D300S-242000A015</t>
  </si>
  <si>
    <t>【东方汽轮机】调整垫片\D300S-242000A018</t>
  </si>
  <si>
    <t>【东方汽轮机】调整垫片\D300S-242000A019</t>
  </si>
  <si>
    <t>【东方汽轮机】调整垫片\D300S-242000A020</t>
  </si>
  <si>
    <t>【东方汽轮机】调整垫片\D300S-242000A023</t>
  </si>
  <si>
    <t>【东方汽轮机】调整垫片\D300S-242000A024</t>
  </si>
  <si>
    <t>【东方汽轮机】调整垫片\D300S-242000A025</t>
  </si>
  <si>
    <t>【东方汽轮机】调整垫片\D300S-242000A028</t>
  </si>
  <si>
    <t>【东方汽轮机】调整垫片\D300S-242000A029</t>
  </si>
  <si>
    <t>【东方汽轮机】调整垫片\D300S-242000A030</t>
  </si>
  <si>
    <t>【东方汽轮机】调整垫片\D300S-244000A004</t>
  </si>
  <si>
    <t>【东方汽轮机】调整垫片\D300S-244000A005</t>
  </si>
  <si>
    <t>【东方汽轮机】调整垫片\D300S-244000A008</t>
  </si>
  <si>
    <t>【东方汽轮机】调整垫片\D300S-244000A010</t>
  </si>
  <si>
    <t>【东方汽轮机】调整垫片\D300S-244000A013</t>
  </si>
  <si>
    <t>【东方汽轮机】调整垫片\D300S-244000A014</t>
  </si>
  <si>
    <t>【东方汽轮机】调整垫片\D300S-244000A015</t>
  </si>
  <si>
    <t>【东方汽轮机】调整垫片\D300S-244000A019</t>
  </si>
  <si>
    <t>【东方汽轮机】调整垫片\D300S-244000A020</t>
  </si>
  <si>
    <t>【东方汽轮机】调整垫片\D300S-244000A023</t>
  </si>
  <si>
    <t>【东方汽轮机】调整垫片\D300S-244000A024</t>
  </si>
  <si>
    <t>【东方汽轮机】调整垫片\D300S-244000A025</t>
  </si>
  <si>
    <t>【东方汽轮机】调整垫片\D300S-245000A002</t>
  </si>
  <si>
    <t>【东方汽轮机】调整垫片\D300S-245000A003</t>
  </si>
  <si>
    <t>【东方汽轮机】调整垫片\D300S-245000A004</t>
  </si>
  <si>
    <t>【东方汽轮机】调整垫片\D300S-245000A007</t>
  </si>
  <si>
    <t>【东方汽轮机】调整垫片\D300S-245000A008</t>
  </si>
  <si>
    <t>【东方汽轮机】调整垫片\D300S-245000A009</t>
  </si>
  <si>
    <t>【东方汽轮机】调整垫片\D300S-245000A012</t>
  </si>
  <si>
    <t>【东方汽轮机】调整垫片\D300S-245000A013</t>
  </si>
  <si>
    <t>【东方汽轮机】调整垫片\D300S-245000A014</t>
  </si>
  <si>
    <t>【东方汽轮机】调整垫片\D300S-245000A017</t>
  </si>
  <si>
    <t>【东方汽轮机】调整垫片\D300S-245000A018</t>
  </si>
  <si>
    <t>【东方汽轮机】调整垫片\D300S-245000A019</t>
  </si>
  <si>
    <t>【东方汽轮机】螺钉\M20×100\GB0000085W20A0</t>
  </si>
  <si>
    <t>【东方汽轮机】内螺纹圆柱销\GB0000118W1080</t>
  </si>
  <si>
    <t>【东方汽轮机】双头螺柱\M30×140\GB0000897W30A4</t>
  </si>
  <si>
    <t>【东方汽轮机】双头螺柱\M30×240\GB0000897W30B4</t>
  </si>
  <si>
    <t>【东方汽轮机】双头螺柱\M30×250\GB0000897W30B5</t>
  </si>
  <si>
    <t>【东方汽轮机】高温用开槽螺母\D600C-028000A011\D600B</t>
  </si>
  <si>
    <t>【东方汽轮机】垫圈\D600C-261000A011\D600B</t>
  </si>
  <si>
    <t>【东方汽轮机】凸面对焊法兰\M001.011.127</t>
  </si>
  <si>
    <t>【东方汽轮机】螺栓\M024.221.004</t>
  </si>
  <si>
    <t>【东方汽轮机】开槽螺母GH5\M054-021000A004\D300N</t>
  </si>
  <si>
    <t>【东方汽轮机】压紧螺母\M231.265.011</t>
  </si>
  <si>
    <t>【东方汽轮机】汽封圈\D600R-098555A\D600B</t>
  </si>
  <si>
    <t>【东方汽轮机】支持轴承\D600B-244000C</t>
  </si>
  <si>
    <t>【东方汽轮机】汽封圈\D350N-100506A</t>
  </si>
  <si>
    <t>【东方汽轮机】隔板汽封\D600B-098270A</t>
  </si>
  <si>
    <t>【东方汽轮机】双头螺柱\M56×4×210D00-010119A013</t>
  </si>
  <si>
    <t>【东方汽轮机】双头螺柱\M56×4×210\D00-010120A013</t>
  </si>
  <si>
    <t>【东方汽轮机】止动垫片\D300S-210000A016</t>
  </si>
  <si>
    <t>【东方汽轮机】销\D350A-265000A010</t>
  </si>
  <si>
    <t>【东方汽轮机】密封垫片\D600A.231.083</t>
  </si>
  <si>
    <t>【东方汽轮机】轴套\D600A.231.145</t>
  </si>
  <si>
    <t>【东方汽轮机】双头螺柱\M20×140\D660C-160120A002</t>
  </si>
  <si>
    <t>【东方汽轮机】悬挂销\M054-061000A001</t>
  </si>
  <si>
    <t>【东方汽轮机】销\M201.361.137</t>
  </si>
  <si>
    <t>【东方汽轮机】调节 阀挡环\M206-261000A040</t>
  </si>
  <si>
    <t>【东方汽轮机】棘爪弹簧\D9.6C-231200A005</t>
  </si>
  <si>
    <t>【东方汽轮机】圆柱弹簧\D1000K-098600A004</t>
  </si>
  <si>
    <t>【东方汽轮机】销\D600B-098100A002</t>
  </si>
  <si>
    <t>【东方汽轮机】金属缠绕垫片\D600B-271000A001</t>
  </si>
  <si>
    <t>【东方汽轮机】销\D600C-271000A013</t>
  </si>
  <si>
    <t>【东方汽轮机】单头板手\D600A.660.074</t>
  </si>
  <si>
    <t>【东方汽轮机】中压主汽门弹簧\D600B-464000A008</t>
  </si>
  <si>
    <t>【东方汽轮机】汽封圈\D600C-098140A</t>
  </si>
  <si>
    <t>【东方汽轮机】叶片\D600C-203006A001</t>
  </si>
  <si>
    <t>【东方汽轮机】叶片\D600C-203013A001</t>
  </si>
  <si>
    <t>【东方汽轮机】叶片\D600F-203013A001</t>
  </si>
  <si>
    <t>【东方汽轮机】汽封圈\X300E-177200A</t>
  </si>
  <si>
    <t>【东方汽轮机】汽封圈\D350N-160502B</t>
  </si>
  <si>
    <t>【东方汽轮机】支持轴承\Φ150\B2310F-242000A-M1</t>
  </si>
  <si>
    <t>【东方汽轮机】电动截止阀\DN80\B2320E-799100P001</t>
  </si>
  <si>
    <t>【东方汽轮机】支持轴承\Φ220\B2320F-243000A</t>
  </si>
  <si>
    <t>【东方汽轮机】齿轮箱联轴器\B2360G-223000A</t>
  </si>
  <si>
    <t>【东方汽轮机】阀蝶\D09.261.013</t>
  </si>
  <si>
    <t>【东方汽轮机】汽封圈\D300S-170200A</t>
  </si>
  <si>
    <t>【东方汽轮机】汽封圈\D350G-160210A</t>
  </si>
  <si>
    <t>【东方汽轮机】主轴\5P\D600A.231.038</t>
  </si>
  <si>
    <t>【东方汽轮机】链轮装置\D600A.231.3Z</t>
  </si>
  <si>
    <t>【东方汽轮机】磁性滤网\D600B-501300C</t>
  </si>
  <si>
    <t>【东方汽轮机】阀杆\D600C-265500A003\D600B</t>
  </si>
  <si>
    <t>【东方汽轮机】汽封圈\D660R-098106A</t>
  </si>
  <si>
    <t>【东方汽轮机】汽封圈\D660R-098303A</t>
  </si>
  <si>
    <t>【东方汽轮机】汽封圈\D660X-170102A</t>
  </si>
  <si>
    <t>【东方汽轮机】汽封圈\D660X-170104A</t>
  </si>
  <si>
    <t>【东方汽轮机】轴瓦套\M024.244.1Z</t>
  </si>
  <si>
    <t>【东方汽轮机】阀碟\Φ150\M201.261.061</t>
  </si>
  <si>
    <t>【东方汽轮机】挡油环\B2350G-180100A</t>
  </si>
  <si>
    <t>【东方汽轮机】调节阀碟\D9.6B-281000A005</t>
  </si>
  <si>
    <t>【东方汽轮机】调节阀碟\D9.6B-281000A006</t>
  </si>
  <si>
    <t>【东方汽轮机】调节阀碟\D9.6B-281000A007</t>
  </si>
  <si>
    <t>【东方汽轮机】调节阀碟\D9.6B-281000A008</t>
  </si>
  <si>
    <t>【东方汽轮机】调节阀碟\D9.6B-281000A009</t>
  </si>
  <si>
    <t>【东方汽轮机】金属缠绕垫片\Φ1530×Φ1420\M037-296000B001</t>
  </si>
  <si>
    <t>【东方汽轮机】调整板\A200B-181000A008</t>
  </si>
  <si>
    <t>【东方汽轮机】垫片\A200B-181000A012</t>
  </si>
  <si>
    <t>【东方汽轮机】挡汽板\B1320E-180100A001</t>
  </si>
  <si>
    <t>【东方汽轮机】汽封圈\B2320C-160200A</t>
  </si>
  <si>
    <t>【东方汽轮机】定位圈\B2320F-281000E002</t>
  </si>
  <si>
    <t>【东方汽轮机】密封圈\B2320F-281000E003</t>
  </si>
  <si>
    <t>【东方汽轮机】双头螺柱\M20×70\D00-010104A007\D300N</t>
  </si>
  <si>
    <t>【东方汽轮机】双头螺柱\M48×3×150\D00-010116A009\D300N</t>
  </si>
  <si>
    <t>【东方汽轮机】双头螺柱\M48×3×130\D00-010116A007\D300N</t>
  </si>
  <si>
    <t>【东方汽轮机】梅花扳手\32\D00-660000A045</t>
  </si>
  <si>
    <t>【东方汽轮机】筒形扳手\50\D00-660000A119</t>
  </si>
  <si>
    <t>【东方汽轮机】齿形垫片\D09.291.009</t>
  </si>
  <si>
    <t>【东方汽轮机】双头螺柱\D350B-061000A003</t>
  </si>
  <si>
    <t>【东方汽轮机】螺母\D42.291.009\D300N</t>
  </si>
  <si>
    <t>【东方汽轮机】高温内六角螺栓\D600B-029000A003</t>
  </si>
  <si>
    <t>【东方汽轮机】弹簧片\D600B-098100A010</t>
  </si>
  <si>
    <t>【东方汽轮机】钢带\178×118\D600B-242000A003</t>
  </si>
  <si>
    <t>【东方汽轮机】钢带\0.05×55×210\D600B-246000A010</t>
  </si>
  <si>
    <t>【东方汽轮机】钢带\0.10×55×210\D600B-246000A011</t>
  </si>
  <si>
    <t>【东方汽轮机】双头螺柱\D600B-271000A027\D600B</t>
  </si>
  <si>
    <t>【东方汽轮机】双头螺柱\D600C-160130A004\D600B</t>
  </si>
  <si>
    <t>【东方汽轮机】密封环\D600C-295000A011\D600B</t>
  </si>
  <si>
    <t>【东方汽轮机】金属缠绕垫片\D660R-029820A001</t>
  </si>
  <si>
    <t>【东方汽轮机】内六角圆柱头螺钉\M16×30,GB/T70.1C-2008\GB00070.1C1630</t>
  </si>
  <si>
    <t>【东方汽轮机】凸球面垫圈\M021.014.042</t>
  </si>
  <si>
    <t>【东方汽轮机】弹簧\M021.164.014\D300N</t>
  </si>
  <si>
    <t>【东方汽轮机】O型密封圈\45×5.3\W26A0009A</t>
  </si>
  <si>
    <t>【东方汽轮机】支承销\D20.102.011</t>
  </si>
  <si>
    <t>【东方汽轮机】圆锥螺销\D00.010.343</t>
  </si>
  <si>
    <t>【东方汽轮机】套筒\D00.010.366</t>
  </si>
  <si>
    <t>【东方汽轮机】悬挂销\D00.050.086</t>
  </si>
  <si>
    <t>【东方汽轮机】梅花扳手\75\D00-660000A054</t>
  </si>
  <si>
    <t>【东方汽轮机】齿型垫片\D29.293.001</t>
  </si>
  <si>
    <t>【东方汽轮机】橡胶板\D600A.037.001</t>
  </si>
  <si>
    <t>【东方汽轮机】橡胶板\D600A.037.003</t>
  </si>
  <si>
    <t>【东方汽轮机】溢油阀\B1320D-536000B</t>
  </si>
  <si>
    <t>【东方汽轮机】法兰通孔螺柱\M100×4×1005\D00-010145A016</t>
  </si>
  <si>
    <t>【东方汽轮机】两半合成油封环\D09.242.17Z</t>
  </si>
  <si>
    <t>【东方汽轮机】轴承\D600A-506300B</t>
  </si>
  <si>
    <t>【东方汽轮机】中压第一级隔板\M054-110000C</t>
  </si>
  <si>
    <t>【东方汽轮机】双头螺柱\M36×3×130\D00-010111A010\D300N</t>
  </si>
  <si>
    <t>【东方汽轮机】双头螺柱\M36×3×140\D00-010111A011\D300N</t>
  </si>
  <si>
    <t>【东方汽轮机】双头螺柱\M36×3×150\D00-010111A012\D300N</t>
  </si>
  <si>
    <t>【东方汽轮机】双头螺柱\M42×3×300\D00-010113A025\D300N</t>
  </si>
  <si>
    <t>【东方汽轮机】梅花扳手\120\D00-660000A060</t>
  </si>
  <si>
    <t>【东方汽轮机】筒形扳手\17\D00-660000A109</t>
  </si>
  <si>
    <t>【东方汽轮机】双头螺柱\D600A.231.040</t>
  </si>
  <si>
    <t>【东方汽轮机】双头螺柱\D600A.231.19Z</t>
  </si>
  <si>
    <t>【东方汽轮机】高温罩螺母\2-8UN\D600B-030500A018\D600B</t>
  </si>
  <si>
    <t>【东方汽轮机】双头螺柱\D600C-028000A008\D600B</t>
  </si>
  <si>
    <t>【东方汽轮机】导管\D600C-029680A001</t>
  </si>
  <si>
    <t>【东方汽轮机】高温罩螺母\D600C-160120A011\D600B</t>
  </si>
  <si>
    <t>【东方汽轮机】高调阀螺钉\D600C-271200A005\D6OOB</t>
  </si>
  <si>
    <t>【东方汽轮机】轴传感器支架\D9.6B-495300B</t>
  </si>
  <si>
    <t>【东方汽轮机】内六角圆柱头螺钉\M36×3\M036-032000A007\D300N</t>
  </si>
  <si>
    <t>【东方汽轮机】内六角螺栓\M054-011000A004</t>
  </si>
  <si>
    <t>【东方汽轮机】螺塞\M16×1.5\D00-600602A004\D300N</t>
  </si>
  <si>
    <t>【东方汽轮机】开槽平端紧定螺钉\M10×20,GB73-85\GB0000073W1020</t>
  </si>
  <si>
    <t>【东方汽轮机】单耳止动垫圈\GB0000854K0048\D600B</t>
  </si>
  <si>
    <t>【东方汽轮机】双头螺柱\M20×60\GB0000897W2060</t>
  </si>
  <si>
    <t>【东方汽轮机】汽封片\D7A-106100A001</t>
  </si>
  <si>
    <t>【东方汽轮机】螺纹管\M007.011.015</t>
  </si>
  <si>
    <t>【东方汽轮机】汽封圈\D350E-160240A</t>
  </si>
  <si>
    <t>【东方汽轮机】后汽封1号\D9.6B-162100A</t>
  </si>
  <si>
    <t>【东方汽轮机】后汽封2号\D9.6B-162200A</t>
  </si>
  <si>
    <t>【东方汽轮机】叶片\M019-205000A001</t>
  </si>
  <si>
    <t>【东方汽轮机】法兰\M201.261.032</t>
  </si>
  <si>
    <t>【东方汽轮机】导管\D600C-029700A</t>
  </si>
  <si>
    <t>【东方汽轮机】浮动轴承\M109-511800A</t>
  </si>
  <si>
    <t>【东方汽轮机】止动圈\M201.261.021</t>
  </si>
  <si>
    <t>【东方汽轮机】上套筒\M201.261.047</t>
  </si>
  <si>
    <t>【东方汽轮机】双头螺柱\M30×160\D00-010109A014</t>
  </si>
  <si>
    <t>【东方汽轮机】罩螺母\D00-010410A042</t>
  </si>
  <si>
    <t>【东方汽轮机】垫片\D210C-243000A002</t>
  </si>
  <si>
    <t>【东方汽轮机】锁紧圈\B2350G-281000A023</t>
  </si>
  <si>
    <t>【东方汽轮机】垫片\B2350G-281000A029</t>
  </si>
  <si>
    <t>【东方汽轮机】端面铂热电阻\B2360G-798300A004</t>
  </si>
  <si>
    <t>【东方汽轮机】双支端面铂热电阻\B2360G-798300A005</t>
  </si>
  <si>
    <t>【东方汽轮机】螺钉\M27×60\D3.6A-021000A004</t>
  </si>
  <si>
    <t>【东方汽轮机】平衡螺塞装拆工具\D300K-689310A</t>
  </si>
  <si>
    <t>【东方汽轮机】隔板汽封\D300S-098210A</t>
  </si>
  <si>
    <t>【东方汽轮机】隔板汽封\D300S-098320A</t>
  </si>
  <si>
    <t>【东方汽轮机】汽封圈\D300S-170100A</t>
  </si>
  <si>
    <t>【东方汽轮机】汽封圈\D350B-100110A</t>
  </si>
  <si>
    <t>【东方汽轮机】调节阀杆\D600B-271400A001</t>
  </si>
  <si>
    <t>【东方汽轮机】支持轴承\A200B-243000A-M1</t>
  </si>
  <si>
    <t>【东方汽轮机】支持轴承\Φ150\B2320E-242000A</t>
  </si>
  <si>
    <t>【东方汽轮机】阀杆套筒\D09.275.004</t>
  </si>
  <si>
    <t>【东方汽轮机】中低压轴承箱挡油环\D300N-180100D</t>
  </si>
  <si>
    <t>【东方汽轮机】汽封圈\D660R-098108A</t>
  </si>
  <si>
    <t>【东方汽轮机】汽封圈\D660R-170220A</t>
  </si>
  <si>
    <t>【东方汽轮机】双头螺柱\5″-8UN\D600B-028000A019</t>
  </si>
  <si>
    <t>【东方汽轮机】平衡螺塞紧固工具\D660A-689320A</t>
  </si>
  <si>
    <t>【东方汽轮机】两半合成反向垫环\M165-242300A\D300N</t>
  </si>
  <si>
    <t>【东方汽轮机】汽封圈\B2350G-100200A</t>
  </si>
  <si>
    <t>【东方汽轮机】罩螺母\M100×4\D00.010.047</t>
  </si>
  <si>
    <t>【东方汽轮机】平衡重块\D09.212.017</t>
  </si>
  <si>
    <t>【东方汽轮机】倒锥双头螺栓\M33×3\D20.260.033</t>
  </si>
  <si>
    <t>【东方汽轮机】高温内六角螺栓\D350A-265000A009</t>
  </si>
  <si>
    <t>【东方汽轮机】六角杆板手\D600A.660.058</t>
  </si>
  <si>
    <t>【东方汽轮机】高温用带垫圈六角螺栓\D600B-029300A003</t>
  </si>
  <si>
    <t>【东方汽轮机】高温蒸汽盘根\D600H-029000B001\D600B</t>
  </si>
  <si>
    <t>【东方汽轮机】双支铂热电阻\D660E-501000B010</t>
  </si>
  <si>
    <t>【东方汽轮机】双支铂热电阻\D660E-501000B017</t>
  </si>
  <si>
    <t>【东方汽轮机】联接头\D7A-281500A</t>
  </si>
  <si>
    <t>【东方汽轮机】联接头\D7A-281900A</t>
  </si>
  <si>
    <t>【东方汽轮机】汽封圈\M231.265.021</t>
  </si>
  <si>
    <t>【东方汽轮机】节流组件\20×4\W28A0485A</t>
  </si>
  <si>
    <t>【东方汽轮机】节流孔板\B1320D-799200A002</t>
  </si>
  <si>
    <t>【东方汽轮机】双头螺柱\M20×90\D00-010104A011\D300N</t>
  </si>
  <si>
    <t>【东方汽轮机】双头螺柱\M20×95\D00-010104A012\D300N</t>
  </si>
  <si>
    <t>【东方汽轮机】双头螺柱\M24×55\D00-010105A002\D300N</t>
  </si>
  <si>
    <t>【东方汽轮机】螺钉\M5×18\D1000K-098600A001</t>
  </si>
  <si>
    <t>【东方汽轮机】弹簧片\D600B-034100A001\D600B</t>
  </si>
  <si>
    <t>【东方汽轮机】销\D600B-098100A001</t>
  </si>
  <si>
    <t>【东方汽轮机】弹簧片\D600B-170000A002\D600B</t>
  </si>
  <si>
    <t>【东方汽轮机】高温螺母\D600B-265000A006\D600B</t>
  </si>
  <si>
    <t>【东方汽轮机】销\D600B-271000A016</t>
  </si>
  <si>
    <t>【东方汽轮机】金属缠绕垫片\D600C-029800A004\D600B</t>
  </si>
  <si>
    <t>【东方汽轮机】双头螺柱\D600C-160110A005\D600B</t>
  </si>
  <si>
    <t>【东方汽轮机】双头螺柱\GB0000897C24A0\D300N</t>
  </si>
  <si>
    <t>【东方汽轮机】螺母\M007.011.018\D300N</t>
  </si>
  <si>
    <t>【东方汽轮机】销\M206-261000A027\D300N</t>
  </si>
  <si>
    <t>【东方汽轮机】销\M206-261000A029\D300N</t>
  </si>
  <si>
    <t>【东方汽轮机】销\M206-261000A049\D300N</t>
  </si>
  <si>
    <t>【东方汽轮机】高温用内六角圆柱头螺栓\M237-265000A033\D300N</t>
  </si>
  <si>
    <t>【东方汽轮机】六角头铰制孔用螺栓\W32F0150A</t>
  </si>
  <si>
    <t>【东方汽轮机】阀杆套筒\A200A-261000A007</t>
  </si>
  <si>
    <t>【东方汽轮机】挡油环\B2310F-180100A</t>
  </si>
  <si>
    <t>【东方汽轮机】挡油环\B2310F-180200A</t>
  </si>
  <si>
    <t>【东方汽轮机】下衬套\B2320E-271000A010</t>
  </si>
  <si>
    <t>【东方汽轮机】汽封圈\B2320F-100500E</t>
  </si>
  <si>
    <t>【东方汽轮机】挡油环\B2360G-180000A</t>
  </si>
  <si>
    <t>【东方汽轮机】大汽阀\D09.037Z</t>
  </si>
  <si>
    <t>【东方汽轮机】阀杆\D600A.275.9Z\D300N</t>
  </si>
  <si>
    <t>【东方汽轮机】汽封圈\D660D-170110B\D600B</t>
  </si>
  <si>
    <t>【东方汽轮机】汽封圈\D660R-098102A</t>
  </si>
  <si>
    <t>【东方汽轮机】双头螺柱\D660X-020000A002</t>
  </si>
  <si>
    <t>【东方汽轮机】反向推力瓦\M165-242400A\D300N</t>
  </si>
  <si>
    <t>【东方汽轮机】汽封圈\D350B-160110A</t>
  </si>
  <si>
    <t>【东方汽轮机】汽封圈\D350B-160150A</t>
  </si>
  <si>
    <t>【东方汽轮机】中压调节阀小弹簧\D600B-364000A005</t>
  </si>
  <si>
    <t>【东方汽轮机】汽封圈\D660R-098309A</t>
  </si>
  <si>
    <t>【东方汽轮机】汽封圈\M030-104200A</t>
  </si>
  <si>
    <t>【东方汽轮机】销\B2320E-271000A014</t>
  </si>
  <si>
    <t>【东方汽轮机】高温六角头螺栓\M24\D600C-271000A010</t>
  </si>
  <si>
    <t>【东方汽轮机】衬套\D7A-281000A029</t>
  </si>
  <si>
    <t>【东方汽轮机】销\D9.6B-281000A004</t>
  </si>
  <si>
    <t>【东方汽轮机】双头螺柱\D350B-061000A002</t>
  </si>
  <si>
    <t>【东方汽轮机】挡圈\D600A.231.081</t>
  </si>
  <si>
    <t>【东方汽轮机】齿形垫圈\M001.011.009</t>
  </si>
  <si>
    <t>【东方汽轮机】汽机侧末级叶片\M029-216000B001</t>
  </si>
  <si>
    <t>【东方汽轮机】支持轴承\D660P-245000A</t>
  </si>
  <si>
    <t>【东方汽轮机】支持轴承\D660P-246000A</t>
  </si>
  <si>
    <t>【东方汽轮机】阀杆接头\B1320B-272000A005</t>
  </si>
  <si>
    <t>【东方汽轮机】拉杆\B2320G-284000B009</t>
  </si>
  <si>
    <t>【东方汽轮机】两半合成梳状挡油环\D09.242.18Z</t>
  </si>
  <si>
    <t>【东方汽轮机】螺母\D300S-210000A015</t>
  </si>
  <si>
    <t>【东方汽轮机】梅花打击扳手\D600A.660.099</t>
  </si>
  <si>
    <t>【东方汽轮机】高温用带槽螺母\GH4\D600B-261000A001</t>
  </si>
  <si>
    <t>【东方汽轮机】测压计导管\D600C-029651A</t>
  </si>
  <si>
    <t>【东方汽轮机】密封环\D660X-295000A003</t>
  </si>
  <si>
    <t>【东方汽轮机】法兰通孔等长螺柱\(GH)5\M053-020000A018\D300N</t>
  </si>
  <si>
    <t>【东方汽轮机】轴向定位半环\M165-242000A001</t>
  </si>
  <si>
    <t>【东方汽轮机】密封环\M237-265000A036\D600B</t>
  </si>
  <si>
    <t>【东方汽轮机】端面热电阻\B2350G-798300A003</t>
  </si>
  <si>
    <t>【东方汽轮机】端面热电阻\B2350G-798300A004</t>
  </si>
  <si>
    <t>【东方汽轮机】罩螺母\D350B-021000A004</t>
  </si>
  <si>
    <t>【东方汽轮机】缠绕垫片\D600A.276.034</t>
  </si>
  <si>
    <t>【东方汽轮机】内螺纹圆锥销\A16×70\GB0000118W1670</t>
  </si>
  <si>
    <t>【东方汽轮机】内螺纹圆柱销\B25×100\GB0000120W25A0</t>
  </si>
  <si>
    <t>【东方汽轮机】六角螺母\M36\GB0006170W0036</t>
  </si>
  <si>
    <t>【东方汽轮机】六角头圆柱端螺钉\M36×3×100\D00-010643A001\D300N</t>
  </si>
  <si>
    <t>【东方汽轮机】定位销子螺栓\D00-050420A004</t>
  </si>
  <si>
    <t>【东方汽轮机】锁紧垫片\D350A-265000A006</t>
  </si>
  <si>
    <t>【东方汽轮机】扳手座\22\D600B-660000A011</t>
  </si>
  <si>
    <t>【东方汽轮机】双头螺栓\M42×160\GB0000897C42A6</t>
  </si>
  <si>
    <t>【东方汽轮机】双头螺柱\M36×170\GB0000898C36A7</t>
  </si>
  <si>
    <t>【东方汽轮机】双头螺柱\M48×170\GB0000898C48A7</t>
  </si>
  <si>
    <t>【东方汽轮机】钢管\Φ38×3\M006.011.003</t>
  </si>
  <si>
    <t>【东方汽轮机】螺母\M42×3\M024.222.006</t>
  </si>
  <si>
    <t>【东方汽轮机】螺钉\M028.219.004</t>
  </si>
  <si>
    <t>【东方汽轮机】阀碟套筒\D09.275.008</t>
  </si>
  <si>
    <t>【东方汽轮机】汽封圈\D350B-100140A</t>
  </si>
  <si>
    <t>【东方汽轮机】隔板汽封\D600B-098130A</t>
  </si>
  <si>
    <t>【东方汽轮机】汽封圈\D600R-098530A\D600B</t>
  </si>
  <si>
    <t>【东方汽轮机】高压第7级隔板叶顶汽封\D660D-098116B\D600B</t>
  </si>
  <si>
    <t>【东方汽轮机】调节阀杆\M206-261000A037\D300N</t>
  </si>
  <si>
    <t>【东方汽轮机】通风阀\D300H.276Z</t>
  </si>
  <si>
    <t>【东方汽轮机】联轴器\B2320B-221000F</t>
  </si>
  <si>
    <t>【东方汽轮机】气动疏水阀\B2320C-899100F001</t>
  </si>
  <si>
    <t>【东方汽轮机】支持轴承\Φ250\B2360G-242000A</t>
  </si>
  <si>
    <t>【东方汽轮机】阀杆\D600B-265400A001</t>
  </si>
  <si>
    <t>【东方汽轮机】双头螺柱\6″-8UN\D600C-028000A003</t>
  </si>
  <si>
    <t>【东方汽轮机】汽封圈\D600C-098310A</t>
  </si>
  <si>
    <t>【东方汽轮机】高温六角头螺栓\D300S-030400A005</t>
  </si>
  <si>
    <t>【东方汽轮机】开槽螺母\M054-021000A008\D300N</t>
  </si>
  <si>
    <t>【东方汽轮机】垫片\A200B-181000A003</t>
  </si>
  <si>
    <t>【东方汽轮机】汽封片\B1320E-103100A005</t>
  </si>
  <si>
    <t>【东方汽轮机】汽封片\B1320E-104100A005</t>
  </si>
  <si>
    <t>【东方汽轮机】汽封片\B1320E-105100A006</t>
  </si>
  <si>
    <t>【东方汽轮机】带孔调整垫块\B2320D-243000A001</t>
  </si>
  <si>
    <t>【东方汽轮机】罩螺母\M24\D00.010.002\D300N</t>
  </si>
  <si>
    <t>【东方汽轮机】双头螺栓\D135A-162000A008</t>
  </si>
  <si>
    <t>【东方汽轮机】盘车啮合装置套筒\D20.185.001</t>
  </si>
  <si>
    <t>【东方汽轮机】金属缠绕垫片\D600C-029800A009\D600B</t>
  </si>
  <si>
    <t>【东方汽轮机】双头螺柱\D600C-160110A004\D600B</t>
  </si>
  <si>
    <t>【东方汽轮机】垫片\D600C-261200A002\D600B</t>
  </si>
  <si>
    <t>【东方汽轮机】双头螺柱\D7A-021000A004</t>
  </si>
  <si>
    <t>【东方汽轮机】带孔调整垫块\D7A-242000A002</t>
  </si>
  <si>
    <t>【东方汽轮机】高温螺栓\M237-265000A028\D300N</t>
  </si>
  <si>
    <t>【东方汽轮机】螺钉\M6×12\GB00070.1C0612</t>
  </si>
  <si>
    <t>【东方汽轮机】螺钉\M231.265.035</t>
  </si>
  <si>
    <t>【东方汽轮机】圆柱型压缩弹簧\Y47-171000A001</t>
  </si>
  <si>
    <t>【东方汽轮机】梅花扳手\22\D00-660000A041</t>
  </si>
  <si>
    <t>【东方汽轮机】衬套\D09.261.032</t>
  </si>
  <si>
    <t>【东方汽轮机】导向键\D09.265.012</t>
  </si>
  <si>
    <t>【东方汽轮机】板手座\D600A.660.045</t>
  </si>
  <si>
    <t>【东方汽轮机】胀差测量支架\D600B-033920A004</t>
  </si>
  <si>
    <t>【东方汽轮机】扳手套座\D600C-660000A025</t>
  </si>
  <si>
    <t>【东方汽轮机】六角头螺栓\M42×240\GB/T5782C-2000 M42×240</t>
  </si>
  <si>
    <t>【东方汽轮机】垫片\M054-062000A002</t>
  </si>
  <si>
    <t>【东方汽轮机】柱销\M715.X01.024</t>
  </si>
  <si>
    <t>【东方汽轮机】衬套\B1320E-281000A004</t>
  </si>
  <si>
    <t>【东方汽轮机】挡油环\B2310F-242200A</t>
  </si>
  <si>
    <t>【东方汽轮机】衬套\B2320E-271000A015</t>
  </si>
  <si>
    <t>【东方汽轮机】滤网\B2320E-271300C</t>
  </si>
  <si>
    <t>【东方汽轮机】双舌止回阀\DN50\B2320E-521000A</t>
  </si>
  <si>
    <t>【东方汽轮机】推力瓦\B2340C-241200A</t>
  </si>
  <si>
    <t>【东方汽轮机】推力轴承油封环\B2350G-181300A</t>
  </si>
  <si>
    <t>【东方汽轮机】齿形垫片\D09.020.124</t>
  </si>
  <si>
    <t>【东方汽轮机】轴瓦\D09.511.7Z</t>
  </si>
  <si>
    <t>【东方汽轮机】汽封圈\D200L-100200A</t>
  </si>
  <si>
    <t>【东方汽轮机】汽封圈\D200L-160100A</t>
  </si>
  <si>
    <t>【东方汽轮机】撞击子\D3.6A.401.005</t>
  </si>
  <si>
    <t>【东方汽轮机】浮动油档\D300N-180120A</t>
  </si>
  <si>
    <t>【东方汽轮机】双头螺柱\41/2"-8UN\D300S-028000A015</t>
  </si>
  <si>
    <t>【东方汽轮机】螺栓\D300S-210000A012</t>
  </si>
  <si>
    <t>【东方汽轮机】金属缠绕垫片\D300S-265000A008</t>
  </si>
  <si>
    <t>【东方汽轮机】汽封圈\D300W-100100A</t>
  </si>
  <si>
    <t>【东方汽轮机】汽封圈\D350B-160140A</t>
  </si>
  <si>
    <t>【东方汽轮机】开槽扳手\D600A.660.087</t>
  </si>
  <si>
    <t>【东方汽轮机】高温用带槽螺母\D600B-028000A010\D600B</t>
  </si>
  <si>
    <t>【东方汽轮机】高温双头螺栓\3-8UN\D600B-030500A003\D600B</t>
  </si>
  <si>
    <t>【东方汽轮机】隔板汽封\D600B-098150A</t>
  </si>
  <si>
    <t>【东方汽轮机】高温内六角螺栓\D600B-265400A004\D600B</t>
  </si>
  <si>
    <t>【东方汽轮机】高压调节阀油动机操纵座弹簧\D600B-362000A008</t>
  </si>
  <si>
    <t>【东方汽轮机】双头螺柱\D600C-028000A004</t>
  </si>
  <si>
    <t>【东方汽轮机】高温用开槽螺母\41/2″-8UN\D600C-028000A024</t>
  </si>
  <si>
    <t>【东方汽轮机】密封环\D600C-295000A004\D600B</t>
  </si>
  <si>
    <t>【东方汽轮机】汽封圈\D600E-098140A</t>
  </si>
  <si>
    <t>【东方汽轮机】套筒\D9.6B-271000A006</t>
  </si>
  <si>
    <t>【东方汽轮机】下衬套\D9.6B-271000A007</t>
  </si>
  <si>
    <t>【东方汽轮机】汽封圈\M005.111.3Z</t>
  </si>
  <si>
    <t>【东方汽轮机】高速盘车装置\B2320E-231000B</t>
  </si>
  <si>
    <t>【东方汽轮机】汽封圈\D350N-100330B</t>
  </si>
  <si>
    <t>【东方汽轮机】隔板汽封\D600B-098140A</t>
  </si>
  <si>
    <t>【东方汽轮机】汽封圈\D660X-170202A</t>
  </si>
  <si>
    <t>【东方汽轮机】螺栓\D300S-210000A011</t>
  </si>
  <si>
    <t>【东方汽轮机】卡环\D600C-265540A</t>
  </si>
  <si>
    <t>【东方汽轮机】主汽阀调整圈\M231.265.009</t>
  </si>
  <si>
    <t>【东方汽轮机】螺塞\M231.265.413</t>
  </si>
  <si>
    <t>【东方汽轮机】高温用带槽螺母\GE31/2P\D300S-261000A001</t>
  </si>
  <si>
    <t>【东方汽轮机】高温带槽螺母\D300S-265000A001</t>
  </si>
  <si>
    <t>【东方汽轮机】正向垫环\D660P-251500A</t>
  </si>
  <si>
    <t>【东方汽轮机】齿轮\D600A.231.104</t>
  </si>
  <si>
    <t>【东方汽轮机】汽封圈\D660X-170340A</t>
  </si>
  <si>
    <t>【东方汽轮机】盘车装置\D600B-231000A</t>
  </si>
  <si>
    <t>【东方汽轮机】挂齿齿轮\D600A.231.15Z</t>
  </si>
  <si>
    <t>【东方汽轮机】瓦块分割加工图\D600B-242200A</t>
  </si>
  <si>
    <t>【东方汽轮机】支持轴承\D660B-246000A\D600B</t>
  </si>
  <si>
    <t>【东方汽轮机】溢油阀\B1320D-536000A</t>
  </si>
  <si>
    <t>【东方汽轮机】双联滤油器\B1320D-539000A</t>
  </si>
  <si>
    <t>【东方汽轮机】密封环\D600C-029300A001\D600B</t>
  </si>
  <si>
    <t>【东方汽轮机】单头扳手\D600C-660000A010</t>
  </si>
  <si>
    <t>【东方汽轮机】高温内六角螺栓\D600B-099500A007</t>
  </si>
  <si>
    <t>【东方汽轮机】挡油环\D600C-242300A\D600B</t>
  </si>
  <si>
    <t>【东方汽轮机】双金属温度计\D660E-705000A025</t>
  </si>
  <si>
    <t>【东方汽轮机】双金属温度计\M700-451000A023</t>
  </si>
  <si>
    <t>【东方汽轮机】特殊螺母\D300N-505100A001\D300N</t>
  </si>
  <si>
    <t>【东方汽轮机】开槽沉头螺钉\D600C-160120A004\D600B</t>
  </si>
  <si>
    <t>【东方汽轮机】平垫圈\Φ24\GB00097.1W0024</t>
  </si>
  <si>
    <t>【东方汽轮机】圆柱销\B16×45\GB00119/3B1645</t>
  </si>
  <si>
    <t>【东方汽轮机】止动垫圈\M206-261000A048\D600B</t>
  </si>
  <si>
    <t>【东方汽轮机】径向汽封片\B2360G-102100A001</t>
  </si>
  <si>
    <t>【东方汽轮机】径向汽封片\B2360G-102100A002</t>
  </si>
  <si>
    <t>【东方汽轮机】径向汽封片\B2360G-102100A003</t>
  </si>
  <si>
    <t>【东方汽轮机】定位键\D00.050.014</t>
  </si>
  <si>
    <t>【东方汽轮机】定位螺栓\D00-050420A007</t>
  </si>
  <si>
    <t>【东方汽轮机】弹簧\D09.411.009</t>
  </si>
  <si>
    <t>【东方汽轮机】键\D600A.231.039</t>
  </si>
  <si>
    <t>【东方汽轮机】高温内六角螺栓\D600B-265000A011\D600B</t>
  </si>
  <si>
    <t>【东方汽轮机】双头螺栓\GB901C-88\GB0000901C48E0</t>
  </si>
  <si>
    <t>【东方汽轮机】定位螺栓\M24×175\M011.164.010</t>
  </si>
  <si>
    <t>【东方汽轮机】管状电加热器\B2340D-899200A002</t>
  </si>
  <si>
    <t>【东方汽轮机】锁紧环\D600C-029300A004\D600B</t>
  </si>
  <si>
    <t>【东方汽轮机】隔膜\δ0.5\D7A-031230A003</t>
  </si>
  <si>
    <t>【东方汽轮机】上衬套\D9.6B-271000A014</t>
  </si>
  <si>
    <t>【东方汽轮机】法兰通孔螺栓\M100×4×1085\D00-010146A020</t>
  </si>
  <si>
    <t>【东方汽轮机】汽封圈\D350G-160130A</t>
  </si>
  <si>
    <t>【东方汽轮机】汽封圈\D600R-098585A\D600B</t>
  </si>
  <si>
    <t>【东方汽轮机】盘车电机\D660AG-231100A</t>
  </si>
  <si>
    <t>【东方汽轮机】连接盘\D9.6C-231000A001</t>
  </si>
  <si>
    <t>【东方汽轮机】操纵滑阀\M181.231.11Z</t>
  </si>
  <si>
    <t>【东方汽轮机】隔板汽封\D600B-098220A</t>
  </si>
  <si>
    <t>【东方汽轮机】危急遮断器试验\M105.401Z</t>
  </si>
  <si>
    <t>【东方汽轮机】危急遮断器\M109-401000A</t>
  </si>
  <si>
    <t>【东方汽轮机】切换阀\M765.X03Z</t>
  </si>
  <si>
    <t>【东方汽轮机】汽封圈\D200R-160100A</t>
  </si>
  <si>
    <t>【东方汽轮机】高温螺栓\D600C-028000A012</t>
  </si>
  <si>
    <t>【东方汽轮机】汽封圈\D600E-098120A</t>
  </si>
  <si>
    <t>【东方汽轮机】双头螺柱\D350A-265000A001</t>
  </si>
  <si>
    <t>【东方汽轮机】卡环\D350A-265520A</t>
  </si>
  <si>
    <t>【东方汽轮机】梅花打击扳手\D600A.660.098</t>
  </si>
  <si>
    <t>【东方汽轮机】拔销工具\D600A.689.1Z</t>
  </si>
  <si>
    <t>【东方汽轮机】内六角螺栓\M009-041000A001</t>
  </si>
  <si>
    <t>【东方汽轮机】汽封圈\M030-106200A003</t>
  </si>
  <si>
    <t>【东方汽轮机】拉杆\M181.231.063</t>
  </si>
  <si>
    <t>【东方汽轮机】O型密封圈\B1310B-185000A001</t>
  </si>
  <si>
    <t>【东方汽轮机】O型密封圈\B1310B-224000A003</t>
  </si>
  <si>
    <t>【东方汽轮机】球面垫圈(凹)\D20.260.036</t>
  </si>
  <si>
    <t>【东方汽轮机】锥形弹簧\D20.281.008</t>
  </si>
  <si>
    <t>【东方汽轮机】销\D200Q-241000A009</t>
  </si>
  <si>
    <t>【东方汽轮机】螺柱\M48×3×200\D300W-014000A002</t>
  </si>
  <si>
    <t>【东方汽轮机】平衡块\C型\D600B-210000A002</t>
  </si>
  <si>
    <t>【东方汽轮机】平衡块\C型\D600B-210000A005</t>
  </si>
  <si>
    <t>【东方汽轮机】平衡块\A型\D600B-210000A016</t>
  </si>
  <si>
    <t>【东方汽轮机】垫片\D600B-271300A006</t>
  </si>
  <si>
    <t>【东方汽轮机】弹簧\D600B-421000A019</t>
  </si>
  <si>
    <t>【东方汽轮机】扳手套座\D600C-660000A019</t>
  </si>
  <si>
    <t>【东方汽轮机】扳手套座\D600C-660000A021</t>
  </si>
  <si>
    <t>【东方汽轮机】扳手套座\D600C-660000A022</t>
  </si>
  <si>
    <t>【东方汽轮机】螺栓\M36×140\GB0005782C36A4</t>
  </si>
  <si>
    <t>【东方汽轮机】六角头螺栓\M24×80\GB0005783C2480</t>
  </si>
  <si>
    <t>【东方汽轮机】弯管\M009-011000A009</t>
  </si>
  <si>
    <t>【东方汽轮机】凸面垫圈\GH11/2\M054-021000A014</t>
  </si>
  <si>
    <t>【东方汽轮机】测温计导管\D600H-029200B</t>
  </si>
  <si>
    <t>【东方汽轮机】双头螺柱\D660X-020000A005</t>
  </si>
  <si>
    <t>【东方汽轮机】阀杆外套筒\M201.261.049</t>
  </si>
  <si>
    <t>【东方汽轮机】气动疏水阀\B2320B-899100J001</t>
  </si>
  <si>
    <t>【东方汽轮机】电动截止阀\DN80\B2320E-899100R002</t>
  </si>
  <si>
    <t>【东方汽轮机】汽封圈\D600B-034110A\D600B</t>
  </si>
  <si>
    <t>【东方汽轮机】阀碟盖\B2350G-281000A008</t>
  </si>
  <si>
    <t>【东方汽轮机】阀碟盖\B2360G-281000A008</t>
  </si>
  <si>
    <t>【东方汽轮机】阀碟盖\B2360G-281000A011</t>
  </si>
  <si>
    <t>【东方汽轮机】汽封圈\D20.161.1Z</t>
  </si>
  <si>
    <t>【东方汽轮机】汽封圈\D200L-160300A</t>
  </si>
  <si>
    <t>【东方汽轮机】高温用罩螺母\6″-8UN\D600B-028000A006</t>
  </si>
  <si>
    <t>【东方汽轮机】双头螺柱\41/2″-8UN\D600C-028000A014</t>
  </si>
  <si>
    <t>【东方汽轮机】双头螺柱\D600H-028000A010</t>
  </si>
  <si>
    <t>【东方汽轮机】螺柱\M36×105\B2350G-021000A001</t>
  </si>
  <si>
    <t>【东方汽轮机】双头螺柱\M24×100\D00-010105A011\D300N</t>
  </si>
  <si>
    <t>【东方汽轮机】双头螺柱\M36×3×260\D00-010111A023\D300N</t>
  </si>
  <si>
    <t>【东方汽轮机】罩螺母\D00.010.097</t>
  </si>
  <si>
    <t>【东方汽轮机】滤网\D20.539.7Z</t>
  </si>
  <si>
    <t>【东方汽轮机】罩螺母\M45×3\D3.6A.021.009</t>
  </si>
  <si>
    <t>【东方汽轮机】弹簧片\D300S-170000A001</t>
  </si>
  <si>
    <t>【东方汽轮机】板\D600A.014.015</t>
  </si>
  <si>
    <t>【东方汽轮机】六角杆板手\D600A.660.057</t>
  </si>
  <si>
    <t>【东方汽轮机】六角杆板手\D600A.660.066</t>
  </si>
  <si>
    <t>【东方汽轮机】高温内六角头螺栓\D600B-099500A005</t>
  </si>
  <si>
    <t>【东方汽轮机】高温螺母\M20\D600B-160000A033</t>
  </si>
  <si>
    <t>【东方汽轮机】汽封弹簧片\D600B-170000A003</t>
  </si>
  <si>
    <t>【东方汽轮机】销子\D600B-203014A007</t>
  </si>
  <si>
    <t>【东方汽轮机】圆柱销\D600B-361000A027</t>
  </si>
  <si>
    <t>【东方汽轮机】汽封弹簧片\D600C-098100A001</t>
  </si>
  <si>
    <t>【东方汽轮机】圆柱型压缩弹簧\D9.6B-160000A001</t>
  </si>
  <si>
    <t>【东方汽轮机】凸球面垫圈\M021.014.041</t>
  </si>
  <si>
    <t>【东方汽轮机】销子\M021.206.006</t>
  </si>
  <si>
    <t>【东方汽轮机】双头螺柱\GH11/2\M054-021000A012</t>
  </si>
  <si>
    <t>【东方汽轮机】垫片\M237-265000A027\D600B</t>
  </si>
  <si>
    <t>【东方汽轮机】铆钉\M237-265300A010</t>
  </si>
  <si>
    <t>【东方汽轮机】汽封圈\B2320B-100200A</t>
  </si>
  <si>
    <t>【东方汽轮机】板手套座\D600A.660.022</t>
  </si>
  <si>
    <t>【东方汽轮机】螺栓\D600B-210000A008\D600B</t>
  </si>
  <si>
    <t>【东方汽轮机】密封环\D600C-029300A002\D600B</t>
  </si>
  <si>
    <t>【东方汽轮机】金属缠绕垫圈\M036-014000A006\D600B</t>
  </si>
  <si>
    <t>【东方汽轮机】平衡重块\M036-219000B008</t>
  </si>
  <si>
    <t>【东方汽轮机】摩檫离合器\D20.231.2Z</t>
  </si>
  <si>
    <t>【东方汽轮机】真空蝶阀\B1310B-784000A</t>
  </si>
  <si>
    <t>【东方汽轮机】反向推力瓦\D600C-243400A\D600B</t>
  </si>
  <si>
    <t>【东方汽轮机】汽封圈\D600R-098540A\D600B</t>
  </si>
  <si>
    <t>【东方汽轮机】开槽扳手\D300N-689300A005</t>
  </si>
  <si>
    <t>【东方汽轮机】齿轮\D600A.231.106</t>
  </si>
  <si>
    <t>【东方汽轮机】汽封圈\D660R-098206A</t>
  </si>
  <si>
    <t>【东方汽轮机】汽封圈\M028.103.3Z</t>
  </si>
  <si>
    <t>【东方汽轮机】汽封圈\M028.104.2Z</t>
  </si>
  <si>
    <t>【东方汽轮机】密封环\M201.261.038</t>
  </si>
  <si>
    <t>【东方汽轮机】平衡块\D600B-231400A</t>
  </si>
  <si>
    <t>【东方汽轮机】板弹簧\224×24×19\D300S-098300A002</t>
  </si>
  <si>
    <t>【东方汽轮机】垫片\D600B-271000A015</t>
  </si>
  <si>
    <t>【东方汽轮机】螺母\D600C-271000A004</t>
  </si>
  <si>
    <t>【东方汽轮机】密封键\D7A-105000A001</t>
  </si>
  <si>
    <t>【东方汽轮机】垫片\φ23/φ14\A110A-798100A002</t>
  </si>
  <si>
    <t>【东方汽轮机】缠绕垫片\B2320C-271000A001</t>
  </si>
  <si>
    <t>【东方汽轮机】双头螺柱\M52×3×190\D00-010117A012</t>
  </si>
  <si>
    <t>【东方汽轮机】阀碟螺母\D9.6B-281000A003</t>
  </si>
  <si>
    <t>【东方汽轮机】双头螺柱\D300S-265000A002</t>
  </si>
  <si>
    <t>【东方汽轮机】预启阀碟\B2320G-281000B004</t>
  </si>
  <si>
    <t>【东方汽轮机】梅花扳手\110\D00-660200A001</t>
  </si>
  <si>
    <t>【东方汽轮机】压紧圈\D09.037.005</t>
  </si>
  <si>
    <t>【东方汽轮机】轴套\D600B-231000A004</t>
  </si>
  <si>
    <t>【东方汽轮机】轴套\D600B-231000A006</t>
  </si>
  <si>
    <t>【东方汽轮机】高温用罩螺母\(GH)6\M053-020000A014\D300N</t>
  </si>
  <si>
    <t>【东方汽轮机】六角螺母\B3320D-021000A005</t>
  </si>
  <si>
    <t>【东方汽轮机】螺钉\M30×140\D00-010642A005</t>
  </si>
  <si>
    <t>【东方汽轮机】螺母\M36×3\D20.260.024</t>
  </si>
  <si>
    <t>【东方汽轮机】高温内六角螺栓\D660X-029000A002</t>
  </si>
  <si>
    <t>【东方汽轮机】开口销\8×71\GB0000091W0871</t>
  </si>
  <si>
    <t>【东方汽轮机】螺栓\M24×80\GB0005783W2480</t>
  </si>
  <si>
    <t>【东方汽轮机】圆柱型压缩弹簧\D1000A-098100C002\D600B</t>
  </si>
  <si>
    <t>【东方汽轮机】定位销\D100J-107000A001</t>
  </si>
  <si>
    <t>【东方汽轮机】缠绕垫片\D600A.024.107\D600B</t>
  </si>
  <si>
    <t>【东方汽轮机】金属缠绕垫片\D600B-271000A022\D600B</t>
  </si>
  <si>
    <t>【东方汽轮机】双头螺柱\D660X-024000A002</t>
  </si>
  <si>
    <t>【东方汽轮机】接近开关\W21B0034A</t>
  </si>
  <si>
    <t>【东方汽轮机】汽封圈\D600C-120200C\D600B</t>
  </si>
  <si>
    <t>【东方汽轮机】汽封圈\D600C-121300C\D600B</t>
  </si>
  <si>
    <t>【东方汽轮机】汽封圈\D600E-170110C\D600B</t>
  </si>
  <si>
    <t>【东方汽轮机】隔板汽封\D600R-098220A\D600B</t>
  </si>
  <si>
    <t>【东方汽轮机】低压转子电侧叶片\X300E-203004A</t>
  </si>
  <si>
    <t>【东方汽轮机】支持轴承\Φ482.6×356\D600B-244000A</t>
  </si>
  <si>
    <t>【东方汽轮机】支持轴承\D600B-245000C</t>
  </si>
  <si>
    <t>【东方汽轮机】板片\B1310B-690200A001</t>
  </si>
  <si>
    <t>【东方汽轮机】外衬套\B2320E-271000A008</t>
  </si>
  <si>
    <t>【东方汽轮机】衬套\B2320E-271000C006</t>
  </si>
  <si>
    <t>【东方汽轮机】板片\B2320E-690200E003</t>
  </si>
  <si>
    <t>【东方汽轮机】液位计\B2320E-899200D003</t>
  </si>
  <si>
    <t>【东方汽轮机】挡油环\B2320F-180100E</t>
  </si>
  <si>
    <t>【东方汽轮机】挡油环\B2320F-180200A</t>
  </si>
  <si>
    <t>【东方汽轮机】挡油环\B2320F-180300A</t>
  </si>
  <si>
    <t>【东方汽轮机】挡油环\B2320F-180400A</t>
  </si>
  <si>
    <t>【东方汽轮机】阀杆\B2320F-271000C003</t>
  </si>
  <si>
    <t>【东方汽轮机】挡油环\B2320G-180100B</t>
  </si>
  <si>
    <t>【东方汽轮机】铰接头\B2350G-281000A033</t>
  </si>
  <si>
    <t>【东方汽轮机】汽封圈\B2620C-100100B</t>
  </si>
  <si>
    <t>【东方汽轮机】双头螺柱\M72×4×260\D00-010127A015</t>
  </si>
  <si>
    <t>【东方汽轮机】梅花扳手\50\D00-660000A049</t>
  </si>
  <si>
    <t>【东方汽轮机】开槽扳手\D300N-689300A002</t>
  </si>
  <si>
    <t>【东方汽轮机】双头螺柱\GE31/2\D300S-261000A011</t>
  </si>
  <si>
    <t>【东方汽轮机】双头螺栓\D300S-690300A021</t>
  </si>
  <si>
    <t>【东方汽轮机】螺尾锥销\D350G-020000A001</t>
  </si>
  <si>
    <t>【东方汽轮机】预启阀碟\D600A.275.2Z</t>
  </si>
  <si>
    <t>【东方汽轮机】高温用带槽螺母\D600B-028000A008\D600B</t>
  </si>
  <si>
    <t>【东方汽轮机】隔板汽封\D600B-098110A</t>
  </si>
  <si>
    <t>【东方汽轮机】双头螺柱\23/4(GH)\D600B-271000A005</t>
  </si>
  <si>
    <t>【东方汽轮机】螺栓\D600B-271000A031</t>
  </si>
  <si>
    <t>【东方汽轮机】高排内壁测温计导管\D600C-029670A</t>
  </si>
  <si>
    <t>【东方汽轮机】针形阀\D600C-799310A008</t>
  </si>
  <si>
    <t>【东方汽轮机】汽封圈\D600E-170140C\D600B</t>
  </si>
  <si>
    <t>【东方汽轮机】汽封圈\D660R-170103A</t>
  </si>
  <si>
    <t>【东方汽轮机】汽封圈\D660R-170109A</t>
  </si>
  <si>
    <t>【东方汽轮机】汽封圈\D660X-170207A</t>
  </si>
  <si>
    <t>【东方汽轮机】汽封圈\M021.116.2Z</t>
  </si>
  <si>
    <t>【东方汽轮机】抽汽管挡圈\M053-290000A005</t>
  </si>
  <si>
    <t>【东方汽轮机】双头螺柱GH5\M054-021000A003\D300N</t>
  </si>
  <si>
    <t>【东方汽轮机】摆轮轴\M181.231.061</t>
  </si>
  <si>
    <t>【东方汽轮机】冷却管\Φ25×0.5,L=10510mm\M700-451000A019</t>
  </si>
  <si>
    <t>【东方汽轮机】围带封口件\M019-205000A003</t>
  </si>
  <si>
    <t>【东方汽轮机】缠绕垫片\A200A-261000A004</t>
  </si>
  <si>
    <t>【东方汽轮机】罩螺母\M36\B2350G-021000A002</t>
  </si>
  <si>
    <t>【东方汽轮机】盘车啮合装置螺钉\D20.185.002</t>
  </si>
  <si>
    <t>【东方汽轮机】盘车啮合装置顶杆\D20.185.004</t>
  </si>
  <si>
    <t>【东方汽轮机】圆柱型压缩弹簧\D7A-160000A001</t>
  </si>
  <si>
    <t>【东方汽轮机】双头螺柱\M24×190\D00-010105A020\D300N</t>
  </si>
  <si>
    <t>【东方汽轮机】双头螺柱\M30×95\D00-010109A007</t>
  </si>
  <si>
    <t>【东方汽轮机】双头螺柱\M30×100\D00.010.104</t>
  </si>
  <si>
    <t>【东方汽轮机】罩螺母\D00.010.003</t>
  </si>
  <si>
    <t>【东方汽轮机】螺钉\M24×140\D00.010.301</t>
  </si>
  <si>
    <t>【东方汽轮机】连接螺母\DN40\D00-600309B002</t>
  </si>
  <si>
    <t>【东方汽轮机】金属缠绕垫片\D350A-265000A007</t>
  </si>
  <si>
    <t>【东方汽轮机】平衡块\A型\D600B-210000A004</t>
  </si>
  <si>
    <t>【东方汽轮机】汽封弹簧片\D600C-098100A002</t>
  </si>
  <si>
    <t>【东方汽轮机】弹簧片\D600D-098100A001</t>
  </si>
  <si>
    <t>【东方汽轮机】内螺纹圆柱销\B20×70,GB120G-86\GB0000120G2070</t>
  </si>
  <si>
    <t>【东方汽轮机】六角螺母\M42\GB0006170C0042</t>
  </si>
  <si>
    <t>【东方汽轮机】六角螺母\GB0006170C0048</t>
  </si>
  <si>
    <t>【东方汽轮机】凸球面垫圈\Φ56\M016-026000A008</t>
  </si>
  <si>
    <t>【东方汽轮机】凹球面垫\Φ56\M016-026000A009</t>
  </si>
  <si>
    <t>【东方汽轮机】销子\M021.206.005</t>
  </si>
  <si>
    <t>【东方汽轮机】弹性垫圈\M201.261.054\D600B</t>
  </si>
  <si>
    <t>【东方汽轮机】双头螺柱\M42×3×230\D00-010113A018\D300N</t>
  </si>
  <si>
    <t>【东方汽轮机】密封垫片\D600A.231.082</t>
  </si>
  <si>
    <t>【东方汽轮机】板手套座\D600A.660.020</t>
  </si>
  <si>
    <t>【东方汽轮机】套筒板手\D600A.660.052</t>
  </si>
  <si>
    <t>【东方汽轮机】扳手套座\D600C-660000A034</t>
  </si>
  <si>
    <t>【东方汽轮机】推力瓦\B1320E-241300A</t>
  </si>
  <si>
    <t>【东方汽轮机】联轴器\B2320E-221000G</t>
  </si>
  <si>
    <t>【东方汽轮机】电动截止阀\DN80\B2320E-899100Q008</t>
  </si>
  <si>
    <t>【东方汽轮机】电动真空密封截止阀\DN25\B2320E-899100R003</t>
  </si>
  <si>
    <t>【东方汽轮机】支持轴承\Φ200\B2320F-242000A</t>
  </si>
  <si>
    <t>【东方汽轮机】推力轴承\B2340C-241000A-M1</t>
  </si>
  <si>
    <t>【东方汽轮机】汽封圈\D300S-170500A</t>
  </si>
  <si>
    <t>【东方汽轮机】主轴\5P\D600A.231.18Z</t>
  </si>
  <si>
    <t>【东方汽轮机】汽封圈\M006.112.1Z</t>
  </si>
  <si>
    <t>【东方汽轮机】蜗轮\M181.231.2Z</t>
  </si>
  <si>
    <t>【东方汽轮机】阀杆套筒\M237-265000A024</t>
  </si>
  <si>
    <t>【东方汽轮机】蜗杆组件\M181.231.1Z</t>
  </si>
  <si>
    <t>【东方汽轮机】高中压端汽封弹簧片\D600B-170000A004</t>
  </si>
  <si>
    <t>【东方汽轮机】金属缠绕垫片\D300S-271000A018</t>
  </si>
  <si>
    <t>【东方汽轮机】六角螺母\M20\GB0006170C0020</t>
  </si>
  <si>
    <t>【东方汽轮机】调节阀杆\D09.261.029</t>
  </si>
  <si>
    <t>【东方汽轮机】橡胶板\D600B-037000A003</t>
  </si>
  <si>
    <t>【东方汽轮机】导杆\D600B-421000A011</t>
  </si>
  <si>
    <t>【东方汽轮机】密封环\D600C-029100A002</t>
  </si>
  <si>
    <t>【东方汽轮机】叶片\M019-204000A001</t>
  </si>
  <si>
    <t>【东方汽轮机】压紧螺母\M231.265.410</t>
  </si>
  <si>
    <t>【东方汽轮机】主汽阀碟\D600B-265520B</t>
  </si>
  <si>
    <t>【东方汽轮机】滤网钢管\Φ45×2\M727.X03.003</t>
  </si>
  <si>
    <t>【东方汽轮机】螺栓\B1320B-272000A006</t>
  </si>
  <si>
    <t>【东方汽轮机】密封圈\D600B-362000A002</t>
  </si>
  <si>
    <t>【东方汽轮机】高温内六角头螺栓\D660B-099150A001\D600B</t>
  </si>
  <si>
    <t>【东方汽轮机】封油板\B1320E-243300A</t>
  </si>
  <si>
    <t>【东方汽轮机】密封条\φ12×1000\B2350G-181000A012</t>
  </si>
  <si>
    <t>【东方汽轮机】凸球面垫圈\Φ56\D00-010531A002</t>
  </si>
  <si>
    <t>【东方汽轮机】凹球面垫圈\Φ56\D00-010533A002</t>
  </si>
  <si>
    <t>【东方汽轮机】隔板径向汽封压块\D00.050.047\D300N</t>
  </si>
  <si>
    <t>【东方汽轮机】垫圈\φ33\D00-600607B011\D600B</t>
  </si>
  <si>
    <t>【东方汽轮机】销子\D09.261.019</t>
  </si>
  <si>
    <t>【东方汽轮机】销钉\D09.261.041</t>
  </si>
  <si>
    <t>【东方汽轮机】弹簧\D20.161.004</t>
  </si>
  <si>
    <t>【东方汽轮机】螺栓\D300S-099220A003</t>
  </si>
  <si>
    <t>【东方汽轮机】垫片\D30A-182000A007</t>
  </si>
  <si>
    <t>【东方汽轮机】键\D600A.231.028</t>
  </si>
  <si>
    <t>【东方汽轮机】铆钉\D600B-261400A005</t>
  </si>
  <si>
    <t>【东方汽轮机】铆钉\D600B-261400A008</t>
  </si>
  <si>
    <t>【东方汽轮机】螺钉\M16×75\D600H-029300A003</t>
  </si>
  <si>
    <t>【东方汽轮机】油封弧片\б1.5\D660X-180100A001</t>
  </si>
  <si>
    <t>【东方汽轮机】调整垫块\D9.6B-243000A001</t>
  </si>
  <si>
    <t>【东方汽轮机】螺母\M30\GB0006175B0030</t>
  </si>
  <si>
    <t>【东方汽轮机】垫圈\M011.103.013</t>
  </si>
  <si>
    <t>【东方汽轮机】垫圈20\M011.163.011</t>
  </si>
  <si>
    <t>【东方汽轮机】油封弧片\δ1.5\M021.014.008</t>
  </si>
  <si>
    <t>【东方汽轮机】油封弧片\δ1.5\M024.014.001</t>
  </si>
  <si>
    <t>【东方汽轮机】垫片\D300N-269000C001</t>
  </si>
  <si>
    <t>【东方汽轮机】金属缠绕垫片\33.5×50.5\D600B-296000B002\D600B</t>
  </si>
  <si>
    <t>【东方汽轮机】密封环\D600C-295000A009\D600B</t>
  </si>
  <si>
    <t>【东方汽轮机】密封环\D600C-295000A010\D600B</t>
  </si>
  <si>
    <t>【东方汽轮机】密封圈\M009-295000A002</t>
  </si>
  <si>
    <t>【东方汽轮机】密封圈\M009-295000A003</t>
  </si>
  <si>
    <t>【东方汽轮机】平衡重块\M022.219.008</t>
  </si>
  <si>
    <t>【东方汽轮机】汽封圈\D350G-160120A</t>
  </si>
  <si>
    <t>【东方汽轮机】活塞环\D600A.275.104\D300N</t>
  </si>
  <si>
    <t>【东方汽轮机】密封环\D600B-511700B\D600B</t>
  </si>
  <si>
    <t>【东方汽轮机】汽封圈\D660R-098111A</t>
  </si>
  <si>
    <t>【东方汽轮机】汽封圈\D660X-170310A</t>
  </si>
  <si>
    <t>【东方汽轮机】汽封圈\M006.111.2Z</t>
  </si>
  <si>
    <t>【东方汽轮机】汽封圈\M021.164.11Z</t>
  </si>
  <si>
    <t>【东方汽轮机】外侧挡油环\D600B-181610A</t>
  </si>
  <si>
    <t>【东方汽轮机】径向汽封片\B2360G-103100A001</t>
  </si>
  <si>
    <t>【东方汽轮机】径向汽封片\B2360G-103100A002</t>
  </si>
  <si>
    <t>【东方汽轮机】径向汽封片\B2360G-103100A003</t>
  </si>
  <si>
    <t>【东方汽轮机】定位销\D00.050.005</t>
  </si>
  <si>
    <t>【东方汽轮机】密封键\D00-050220A001</t>
  </si>
  <si>
    <t>【东方汽轮机】汽封压板\D00.050.046</t>
  </si>
  <si>
    <t>【东方汽轮机】齿形垫片\DN20\D00-600134A003</t>
  </si>
  <si>
    <t>【东方汽轮机】销\D600B-098200A001</t>
  </si>
  <si>
    <t>【东方汽轮机】螺钉\M8×18\D600B-099500A012</t>
  </si>
  <si>
    <t>【东方汽轮机】销\D600B-243000A002</t>
  </si>
  <si>
    <t>【东方汽轮机】汽封片\D7A-105100A001</t>
  </si>
  <si>
    <t>【东方汽轮机】六角头螺栓\M12×40,GB/T5783G-2000\GB0005783G1240</t>
  </si>
  <si>
    <t>【东方汽轮机】垫圈\Φ36\M005.062.005</t>
  </si>
  <si>
    <t>【东方汽轮机】垫片\Φ130/Φ78\M732-079000A007</t>
  </si>
  <si>
    <t>【东方汽轮机】六角头铰制孔用螺栓\规格：M12×70\W32F0151A</t>
  </si>
  <si>
    <t>【东方汽轮机】带孔圈\B2320F-281000E004</t>
  </si>
  <si>
    <t>【东方汽轮机】汽缸螺钉\Tr40×7×450\D00-010630A005</t>
  </si>
  <si>
    <t>【东方汽轮机】导管\D600C-029710A001</t>
  </si>
  <si>
    <t>【东方汽轮机】挡圈\M009-295000A006</t>
  </si>
  <si>
    <t>【东方汽轮机】螺栓\M39×3\M016-216000A005</t>
  </si>
  <si>
    <t>【东方汽轮机】后测压计导管\D600C-029650A</t>
  </si>
  <si>
    <t>【东方汽轮机】主汽阀碟\B2320E-271000C002</t>
  </si>
  <si>
    <t>【东方汽轮机】主汽阀碟\B2320F-271000C001</t>
  </si>
  <si>
    <t>【东方汽轮机】汽封圈\D350G-100120A</t>
  </si>
  <si>
    <t>【东方汽轮机】汽封圈\D600C-170130A</t>
  </si>
  <si>
    <t>【东方汽轮机】隔板汽封\D600E-098245A\D600B</t>
  </si>
  <si>
    <t>【东方汽轮机】汽封圈\B2320D-160300A</t>
  </si>
  <si>
    <t>【东方汽轮机】推力轴承油封环(右旋)\B2360G-031400A</t>
  </si>
  <si>
    <t>【东方汽轮机】开槽螺母\M100×4\D00.010.047/C</t>
  </si>
  <si>
    <t>【东方汽轮机】汽封圈\D20.102.1Z</t>
  </si>
  <si>
    <t>【东方汽轮机】汽封圈\D3.6A.102.1Z</t>
  </si>
  <si>
    <t>【东方汽轮机】梅花打击扳手\D600A.660.091</t>
  </si>
  <si>
    <t>【东方汽轮机】双头螺柱\D600C-028000A016\D600B</t>
  </si>
  <si>
    <t>【东方汽轮机】双头螺柱\D600C-028000A020\D600B</t>
  </si>
  <si>
    <t>【东方汽轮机】密封环\D600C-029300A003\D600B</t>
  </si>
  <si>
    <t>【东方汽轮机】抽汽室内壁测温计导管\D600C-029720A</t>
  </si>
  <si>
    <t>【东方汽轮机】双头螺柱\D660X-020000A003</t>
  </si>
  <si>
    <t>【东方汽轮机】螺栓\M021-219000A005</t>
  </si>
  <si>
    <t>【东方汽轮机】双头螺柱\M24×80\D00.010.162</t>
  </si>
  <si>
    <t>【东方汽轮机】支承销\D00-050110A002</t>
  </si>
  <si>
    <t>【东方汽轮机】紧定螺钉\D00-050430A004\D00.050.165</t>
  </si>
  <si>
    <t>【东方汽轮机】弹簧片\D00-160101A009</t>
  </si>
  <si>
    <t>【东方汽轮机】棱形弹簧片\D00.160.010</t>
  </si>
  <si>
    <t>【东方汽轮机】弹簧片\D00.160.011</t>
  </si>
  <si>
    <t>【东方汽轮机】弹簧片\D00-160102A002</t>
  </si>
  <si>
    <t>【东方汽轮机】棱形弹簧片\D00-160102A003</t>
  </si>
  <si>
    <t>【东方汽轮机】棱形弹簧片\δ=2,L=165\D00-160102A004</t>
  </si>
  <si>
    <t>【东方汽轮机】弹簧片\δ=1.5,L=160\D00-160102A006</t>
  </si>
  <si>
    <t>【东方汽轮机】弹簧套\D20.281.007</t>
  </si>
  <si>
    <t>【东方汽轮机】销\D350B-108000A001</t>
  </si>
  <si>
    <t>【东方汽轮机】油封\D600A.231.094</t>
  </si>
  <si>
    <t>【东方汽轮机】油封\D600A.231.095</t>
  </si>
  <si>
    <t>【东方汽轮机】油封\D600A.231.096</t>
  </si>
  <si>
    <t>【东方汽轮机】弹簧\D600A.231.120</t>
  </si>
  <si>
    <t>【东方汽轮机】弹簧垫片\D600B-029570A001</t>
  </si>
  <si>
    <t>【东方汽轮机】高温六角螺母\2-8UN\D600B-030500A012\D600B</t>
  </si>
  <si>
    <t>【东方汽轮机】高温六角螺母\1 1/2-8UN\D600B-030500A016\D600B</t>
  </si>
  <si>
    <t>【东方汽轮机】金属缠绕垫片\D600C-029800A010\D300N</t>
  </si>
  <si>
    <t>【东方汽轮机】双头螺柱\D600C-160130A003\D600B</t>
  </si>
  <si>
    <t>【东方汽轮机】定位销\φ10×25\D7A-161000A002</t>
  </si>
  <si>
    <t>【东方汽轮机】螺钉\GB70C-85\GB00070.1C1250</t>
  </si>
  <si>
    <t>【东方汽轮机】螺钉\M20×180\GB00070.1C20A8</t>
  </si>
  <si>
    <t>【东方汽轮机】罩螺母\M237-265000A043\D300N</t>
  </si>
  <si>
    <t>【东方汽轮机】销\D600C-029660A005</t>
  </si>
  <si>
    <t>【东方汽轮机】双头螺柱\M48×3×260\D00-010115A020\D300N</t>
  </si>
  <si>
    <t>【东方汽轮机】隔离套\D09.261.040</t>
  </si>
  <si>
    <t>【东方汽轮机】挡板\D09.431.023</t>
  </si>
  <si>
    <t>【东方汽轮机】螺柱\D600P-296000A002\D600B</t>
  </si>
  <si>
    <t>【东方汽轮机】推力轴承垫片\D7A-181300A</t>
  </si>
  <si>
    <t>【东方汽轮机】阀碟\A200C-271000A002</t>
  </si>
  <si>
    <t>【东方汽轮机】阀碟\A200C-271000A003</t>
  </si>
  <si>
    <t>【东方汽轮机】阀碟\A200C-271000A004</t>
  </si>
  <si>
    <t>【东方汽轮机】阀碟\A200C-271000A005</t>
  </si>
  <si>
    <t>【东方汽轮机】探测仪\A200C-798200A002</t>
  </si>
  <si>
    <t>【东方汽轮机】阀杆\B2320E-271000A006</t>
  </si>
  <si>
    <t>【东方汽轮机】挡油环\B2360G-180200A</t>
  </si>
  <si>
    <t>【东方汽轮机】挡油环\B2360G-180300A</t>
  </si>
  <si>
    <t>【东方汽轮机】汽封圈\D350B-100220A</t>
  </si>
  <si>
    <t>【东方汽轮机】高温螺栓\D600B-028000A004</t>
  </si>
  <si>
    <t>【东方汽轮机】双头螺柱\6″-8UN\D600C-028000A002</t>
  </si>
  <si>
    <t>【东方汽轮机】双舌止回阀\DN50\D7A-521000A</t>
  </si>
  <si>
    <t>【东方汽轮机】套筒\D09.020.301</t>
  </si>
  <si>
    <t>【东方汽轮机】预启阀碟\D600B-261210A</t>
  </si>
  <si>
    <t>【东方汽轮机】汽封圈\D600C-098130A</t>
  </si>
  <si>
    <t>【东方汽轮机】汽封圈\D600C-098245A</t>
  </si>
  <si>
    <t>【东方汽轮机】汽封圈\D600C-098320A</t>
  </si>
  <si>
    <t>【东方汽轮机】衬套\D600C-265610A</t>
  </si>
  <si>
    <t>【东方汽轮机】反向垫环\D660P-251600A</t>
  </si>
  <si>
    <t>【东方汽轮机】汽封圈\D660R-098301A</t>
  </si>
  <si>
    <t>【东方汽轮机】汽封圈\D660R-098313A</t>
  </si>
  <si>
    <t>【东方汽轮机】测压装置\M700-309300A</t>
  </si>
  <si>
    <t>【东方汽轮机】垫圈\48\D00-600607C016</t>
  </si>
  <si>
    <t>【东方汽轮机】高压隔板螺钉\D600C-099150A003</t>
  </si>
  <si>
    <t>【东方汽轮机】调整垫片\D600C-160120A012</t>
  </si>
  <si>
    <t>【东方汽轮机】调整垫片\D600C-160120A013</t>
  </si>
  <si>
    <t>【东方汽轮机】调整垫片\D600C-160120A014</t>
  </si>
  <si>
    <t>【东方汽轮机】调整垫片\D600C-160120A015</t>
  </si>
  <si>
    <t>【东方汽轮机】垫片\Φ135/Φ40,δ=2\M021.036.011</t>
  </si>
  <si>
    <t>【东方汽轮机】弹性圈\M181.231.042</t>
  </si>
  <si>
    <t>【东方汽轮机】销\D350A-294000A006</t>
  </si>
  <si>
    <t>【东方汽轮机】垫片\M009-041000A004</t>
  </si>
  <si>
    <t>【东方汽轮机】弹簧\B2320E-273000A002</t>
  </si>
  <si>
    <t>【东方汽轮机】双头螺栓\M120×4×500\D00-010340A028</t>
  </si>
  <si>
    <t>【东方汽轮机】弹簧片\D300S-170000A005</t>
  </si>
  <si>
    <t>【东方汽轮机】板手套座\D600A.660.013</t>
  </si>
  <si>
    <t>【东方汽轮机】阀碟\Φ300\D09.275.007</t>
  </si>
  <si>
    <t>【东方汽轮机】隔板汽封\D300S-098310A</t>
  </si>
  <si>
    <t>【东方汽轮机】法兰通孔螺栓\M100×4×985\D00-010145A015</t>
  </si>
  <si>
    <t>【东方汽轮机】正向垫环\D600C-243500A\D600B</t>
  </si>
  <si>
    <t>【东方汽轮机】压紧环\M201.261.037</t>
  </si>
  <si>
    <t>【东方汽轮机】双头螺柱\M56×4×290\D00-010119A021</t>
  </si>
  <si>
    <t>【东方汽轮机】齿形垫片\DN250\D00-600134A016</t>
  </si>
  <si>
    <t>【东方汽轮机】喷嘴\D600A.231.20Z</t>
  </si>
  <si>
    <t>【东方汽轮机】双头螺柱\D600C-028000A019\D600B</t>
  </si>
  <si>
    <t>【东方汽轮机】高压主汽阀阀杆套\D600C-261230A</t>
  </si>
  <si>
    <t>【东方汽轮机】密封环\D660X-295000A015</t>
  </si>
  <si>
    <t>【东方汽轮机】带槽螺母\(GH)4\M053-020000A006\D300N</t>
  </si>
  <si>
    <t>【东方汽轮机】高温用罩螺母\(GH)3 1/2\M053-020000A010\D300N</t>
  </si>
  <si>
    <t>【东方汽轮机】销\BZC001A</t>
  </si>
  <si>
    <t>【东方汽轮机】销\BZD058A</t>
  </si>
  <si>
    <t>【东方汽轮机】销\BZD099A</t>
  </si>
  <si>
    <t>【东方汽轮机】销\BZS001A</t>
  </si>
  <si>
    <t>【东方汽轮机】垫圈\16\D135D-163000A002</t>
  </si>
  <si>
    <t>【东方汽轮机】缠绕垫片\Φ210.5×241.5\D600A.024.102\D300N</t>
  </si>
  <si>
    <t>【东方汽轮机】垫圈\D600B-031910A003</t>
  </si>
  <si>
    <t>【东方汽轮机】高温罩螺母\D600B-160000A017\D600B</t>
  </si>
  <si>
    <t>【东方汽轮机】金属缠绕垫片\D600C-029800A007\D600B</t>
  </si>
  <si>
    <t>【东方汽轮机】棘爪销\D9.6C-231200A006</t>
  </si>
  <si>
    <t>【东方汽轮机】六角头螺栓\M6×16\GB0005783B0616</t>
  </si>
  <si>
    <t>【东方汽轮机】六角头螺栓\M16×60\GB0005783B1660</t>
  </si>
  <si>
    <t>【东方汽轮机】六角头螺栓\M12×45\GB0005783W1245</t>
  </si>
  <si>
    <t>【东方汽轮机】螺母\M14\GB0006170A0014</t>
  </si>
  <si>
    <t>【东方汽轮机】六角螺母\M24\GB0006170B0024</t>
  </si>
  <si>
    <t>【东方汽轮机】六角螺母\M12\GB0006170W0012</t>
  </si>
  <si>
    <t>【东方汽轮机】螺钉\GB70B-85\GB00070.1B0825</t>
  </si>
  <si>
    <t>【东方汽轮机】密封垫\M181.231.055\D600B</t>
  </si>
  <si>
    <t>【东方汽轮机】螺栓\M206-261000A038\D300N</t>
  </si>
  <si>
    <t>【东方汽轮机】推力轴承垫片\B2320F-181300A</t>
  </si>
  <si>
    <t>【东方汽轮机】双头螺柱\M52×3×230\D00-010117A016</t>
  </si>
  <si>
    <t>【东方汽轮机】螺栓\D300S-099220A002</t>
  </si>
  <si>
    <t>【东方汽轮机】双头螺柱\D42.291.013\D300N</t>
  </si>
  <si>
    <t>【东方汽轮机】盖\D600B-033920A003</t>
  </si>
  <si>
    <t>【东方汽轮机】平衡螺塞紧固工具\D600C-689320A</t>
  </si>
  <si>
    <t>【东方汽轮机】罩螺母\D600H-160200A002</t>
  </si>
  <si>
    <t>【东方汽轮机】双头螺柱\M42×280\GB0000901C42B8</t>
  </si>
  <si>
    <t>【东方汽轮机】金属缠绕垫片\M237-265000A046\D600B</t>
  </si>
  <si>
    <t>【东方汽轮机】缠绕垫片\B2320F-021000B001</t>
  </si>
  <si>
    <t>【东方汽轮机】推力轴承油封环(右旋)\D20.181.2Z</t>
  </si>
  <si>
    <t>【东方汽轮机】开槽扳手\D300N-689300A003</t>
  </si>
  <si>
    <t>【东方汽轮机】螺栓\D600B-210000A007\D600B</t>
  </si>
  <si>
    <t>【东方汽轮机】法兰通孔等长螺柱\(GH)3 1/2\M053-020000A015\D300N</t>
  </si>
  <si>
    <t>【东方汽轮机】套筒\D09.265.021</t>
  </si>
  <si>
    <t>【东方汽轮机】汽封圈\D300W-160200A</t>
  </si>
  <si>
    <t>【东方汽轮机】汽封圈\D350B-100120A</t>
  </si>
  <si>
    <t>【东方汽轮机】汽封圈\D350G-160240A</t>
  </si>
  <si>
    <t>【东方汽轮机】齿轮轴\D600A.231.12Z</t>
  </si>
  <si>
    <t>【东方汽轮机】曲柄\D600B-231300A</t>
  </si>
  <si>
    <t>【东方汽轮机】主汽阀碟\D600C-261220A\D600B</t>
  </si>
  <si>
    <t>【东方汽轮机】隔板汽封\D600E-098255A\D600B</t>
  </si>
  <si>
    <t>【东方汽轮机】汽封圈\D600E-170120D\D600B</t>
  </si>
  <si>
    <t>【东方汽轮机】双头螺柱\6″-8UN\D660D-028000A006\D600B</t>
  </si>
  <si>
    <t>【东方汽轮机】汽封圈\D660X-170201A</t>
  </si>
  <si>
    <t>【东方汽轮机】双舌止回阀\M521.X02Z</t>
  </si>
  <si>
    <t>【东方汽轮机】推力轴承\B1320E-241000B</t>
  </si>
  <si>
    <t>【东方汽轮机】隔板汽封\D300S-098340A</t>
  </si>
  <si>
    <t>【东方汽轮机】浮动油挡\B1320B-180120A</t>
  </si>
  <si>
    <t>【东方汽轮机】浮动油挡\B1320B-180220A</t>
  </si>
  <si>
    <t>【东方汽轮机】浮动油挡\B1320B-180320A</t>
  </si>
  <si>
    <t>【东方汽轮机】切换阀\B1320D-765000B</t>
  </si>
  <si>
    <t>【东方汽轮机】汽封圈\B2310F-160300A</t>
  </si>
  <si>
    <t>【东方汽轮机】汽封圈\B2320D-160300B</t>
  </si>
  <si>
    <t>【东方汽轮机】汽封圈\B2320D-160400B</t>
  </si>
  <si>
    <t>【东方汽轮机】汽封圈\B2320D-160500B</t>
  </si>
  <si>
    <t>【东方汽轮机】汽封圈\B2320D-160600B</t>
  </si>
  <si>
    <t>【东方汽轮机】可调式止逆阀\B2320E-770000A</t>
  </si>
  <si>
    <t>【东方汽轮机】汽封圈\B2320F-160200A</t>
  </si>
  <si>
    <t>【东方汽轮机】汽封圈\B2320G-160100B</t>
  </si>
  <si>
    <t>【东方汽轮机】油封环\D20.181.4Z</t>
  </si>
  <si>
    <t>【东方汽轮机】油封环\D20.185.2Z</t>
  </si>
  <si>
    <t>【东方汽轮机】汽封圈\D200L-160600A</t>
  </si>
  <si>
    <t>【东方汽轮机】汽封圈\D350N-100405A</t>
  </si>
  <si>
    <t>【东方汽轮机】轴套\D600A.231.134</t>
  </si>
  <si>
    <t>【东方汽轮机】隔板汽封\D600B-098180A</t>
  </si>
  <si>
    <t>【东方汽轮机】双头螺柱\4 1/2″-8UN\D660D-028000A007\D600B</t>
  </si>
  <si>
    <t>【东方汽轮机】高压第6级隔板叶顶汽封\D660D-098115B\D600B</t>
  </si>
  <si>
    <t>【东方汽轮机】金属缠绕垫片\D660P-296000A002</t>
  </si>
  <si>
    <t>【东方汽轮机】主汽阀碟盖\D7A-271000A002</t>
  </si>
  <si>
    <t>【东方汽轮机】紧定螺钉\D00-050430A003\D00.050.165</t>
  </si>
  <si>
    <t>【东方汽轮机】销\D600B-098200A002</t>
  </si>
  <si>
    <t>【东方汽轮机】垫片\D600B-099300A011</t>
  </si>
  <si>
    <t>【东方汽轮机】撑圈\D600B-181600A001</t>
  </si>
  <si>
    <t>【东方汽轮机】螺钉\D660C-160130A003</t>
  </si>
  <si>
    <t>【东方汽轮机】螺钉\GB65C-85\GB0000065C0820</t>
  </si>
  <si>
    <t>【东方汽轮机】双头螺柱\M24×60\GB0000898B2460</t>
  </si>
  <si>
    <t>【东方汽轮机】六角螺母\M42\GB0006170W0042</t>
  </si>
  <si>
    <t>【东方汽轮机】内六角圆柱头螺钉\GB/T70.1C-2008\GB00070.1C1025</t>
  </si>
  <si>
    <t>【东方汽轮机】汽封圈\B2320D-160200A</t>
  </si>
  <si>
    <t>【东方汽轮机】密封圈\B2320E-690200E002</t>
  </si>
  <si>
    <t>【东方汽轮机】缠绕垫片\B2320G-021000B003</t>
  </si>
  <si>
    <t>【东方汽轮机】特殊热电偶套筒\B2350G-021130A001</t>
  </si>
  <si>
    <t>【东方汽轮机】测单点壁温装置\B2350G-021200A</t>
  </si>
  <si>
    <t>【东方汽轮机】汽封圈\B2350G-160100A</t>
  </si>
  <si>
    <t>【东方汽轮机】汽封圈\B2350G-160200A</t>
  </si>
  <si>
    <t>【东方汽轮机】有机玻璃板\B2350G-181000A002</t>
  </si>
  <si>
    <t>【东方汽轮机】航空电缆接插件\B3320D-185000A</t>
  </si>
  <si>
    <t>【东方汽轮机】航空电缆接插件\B3320D-185000A001</t>
  </si>
  <si>
    <t>【东方汽轮机】双头螺柱\M48×3×290\D00-010115A023\D300N</t>
  </si>
  <si>
    <t>【东方汽轮机】双头螺柱\M48×3×180\D00-010115A012\D300N</t>
  </si>
  <si>
    <t>【东方汽轮机】圆锥销\D00-010610A002</t>
  </si>
  <si>
    <t>【东方汽轮机】保护锥套\L=160\D00-010931A001</t>
  </si>
  <si>
    <t>【东方汽轮机】筒形扳手\55\D00-660000A120</t>
  </si>
  <si>
    <t>【东方汽轮机】双头螺栓\M33×2\D20.031.059</t>
  </si>
  <si>
    <t>【东方汽轮机】滤网\D20.260.020</t>
  </si>
  <si>
    <t>【东方汽轮机】接头\D20.281.001</t>
  </si>
  <si>
    <t>【东方汽轮机】接头\D20.281.005</t>
  </si>
  <si>
    <t>【东方汽轮机】套销\D20.281.2Z</t>
  </si>
  <si>
    <t>【东方汽轮机】垫片\D300S-265000A003</t>
  </si>
  <si>
    <t>【东方汽轮机】单头板手\D600A.660.073</t>
  </si>
  <si>
    <t>【东方汽轮机】高温内六角头螺栓\D600B-099500A010\D600B</t>
  </si>
  <si>
    <t>【东方汽轮机】弹簧片\D600B-170000A006</t>
  </si>
  <si>
    <t>【东方汽轮机】垫片\D600B-265000A004\D600B</t>
  </si>
  <si>
    <t>【东方汽轮机】预启阀碟\D600B-271300A004</t>
  </si>
  <si>
    <t>【东方汽轮机】六角杆扳手\46\D600B-660000A002</t>
  </si>
  <si>
    <t>【东方汽轮机】扭力扳手\D600B-899300A001</t>
  </si>
  <si>
    <t>【东方汽轮机】密封环\D600C-029100A001</t>
  </si>
  <si>
    <t>【东方汽轮机】导管\D600C-029710A002</t>
  </si>
  <si>
    <t>【东方汽轮机】螺栓\D600C-271000A008</t>
  </si>
  <si>
    <t>【东方汽轮机】双头螺柱\D600P-296000A003\D600B</t>
  </si>
  <si>
    <t>【东方汽轮机】窥视盖板\D7A-181000A003</t>
  </si>
  <si>
    <t>【东方汽轮机】双头螺柱\M36×130,GB898C-88\GB0000898C36A3</t>
  </si>
  <si>
    <t>【东方汽轮机】定位螺栓\M009-162000A002\D300N</t>
  </si>
  <si>
    <t>【东方汽轮机】节流组件\25×8\W28A0753A</t>
  </si>
  <si>
    <t>【东方汽轮机】金属缠绕垫片\W29A0007A\D600B</t>
  </si>
  <si>
    <t>【东方汽轮机】排汽止回阀\DN350\A200C-799100A002</t>
  </si>
  <si>
    <t>【东方汽轮机】汽封圈\D350G-160230A</t>
  </si>
  <si>
    <t>【东方汽轮机】隔板汽封\D600D-098150A</t>
  </si>
  <si>
    <t>【东方汽轮机】隔板汽封\D600E-098310A\D600B</t>
  </si>
  <si>
    <t>【东方汽轮机】汽封圈\M005.116.1Z</t>
  </si>
  <si>
    <t>【东方汽轮机】切换阀\B2320E-270000D</t>
  </si>
  <si>
    <t>【东方汽轮机】汽封圈\M009-110200A</t>
  </si>
  <si>
    <t>【东方汽轮机】预启阀螺母\D09.265.010</t>
  </si>
  <si>
    <t>【东方汽轮机】密封环\D350G-295000A003</t>
  </si>
  <si>
    <t>【东方汽轮机】开槽扳手\D600A.660.084</t>
  </si>
  <si>
    <t>【东方汽轮机】阀座密封圈\D600C-269000A003</t>
  </si>
  <si>
    <t>【东方汽轮机】双头螺柱\D660X-021000A001</t>
  </si>
  <si>
    <t>【东方汽轮机】汽封圈\M009-102400A</t>
  </si>
  <si>
    <t>【东方汽轮机】汽封\M009-112300A</t>
  </si>
  <si>
    <t>【东方汽轮机】锁紧环\M009-295000A013</t>
  </si>
  <si>
    <t>【东方汽轮机】密封块\M201.261.046</t>
  </si>
  <si>
    <t>【东方汽轮机】梅花打击扳手\D600A.660.092</t>
  </si>
  <si>
    <t>【东方汽轮机】密封键\D7A-107000A001</t>
  </si>
  <si>
    <t>【东方汽轮机】汽封圈\D350E-160220A</t>
  </si>
  <si>
    <t>【东方汽轮机】汽封圈\D350N-100110B</t>
  </si>
  <si>
    <t>【东方汽轮机】汽封圈\D350N-160202B</t>
  </si>
  <si>
    <t>【东方汽轮机】汽封套\A200C-271000A012</t>
  </si>
  <si>
    <t>【东方汽轮机】汽封圈\B2320E-160300A</t>
  </si>
  <si>
    <t>【东方汽轮机】汽封圈\B2320E-160400A</t>
  </si>
  <si>
    <t>【东方汽轮机】双头螺柱\M20×55\D00-010103A004</t>
  </si>
  <si>
    <t>【东方汽轮机】双头螺柱\M20×55\D00-010104A004\D300N</t>
  </si>
  <si>
    <t>【东方汽轮机】双头螺柱\M24×90\D00-010106A009</t>
  </si>
  <si>
    <t>【东方汽轮机】双头螺柱\M36×3×200\D00-010111A017\D300N</t>
  </si>
  <si>
    <t>【东方汽轮机】双头螺柱\M42×3×120\D00-010113A007\D300N</t>
  </si>
  <si>
    <t>【东方汽轮机】双头螺柱\M42×3×130\D00-010113A008\D300N</t>
  </si>
  <si>
    <t>【东方汽轮机】双头螺柱\M48×3×140\D00-010116A008\D300N</t>
  </si>
  <si>
    <t>【东方汽轮机】双头螺柱\M48×3×110\D00-010116A005\D300N</t>
  </si>
  <si>
    <t>【东方汽轮机】菱形弹簧片\D00-160102A001\D600B</t>
  </si>
  <si>
    <t>【东方汽轮机】喷水装置喷头\D09.018Z\D300N</t>
  </si>
  <si>
    <t>【东方汽轮机】阀碟套筒\D09.265.024</t>
  </si>
  <si>
    <t>【东方汽轮机】螺栓\M45×3×197\D20.021.006</t>
  </si>
  <si>
    <t>【东方汽轮机】汽封圈\D300N-160200A</t>
  </si>
  <si>
    <t>【东方汽轮机】开槽扳手\D300N-689300A004</t>
  </si>
  <si>
    <t>【东方汽轮机】金属缠绕垫片\D600B-029800A004</t>
  </si>
  <si>
    <t>【东方汽轮机】钢带\178×118\D600B-241000A006</t>
  </si>
  <si>
    <t>【东方汽轮机】钢带\178×118\D600B-242000A002</t>
  </si>
  <si>
    <t>【东方汽轮机】钢带\0.05×40×250\D600B-244000A009</t>
  </si>
  <si>
    <t>【东方汽轮机】钢带\0.10×40×250\D600B-244000A010</t>
  </si>
  <si>
    <t>【东方汽轮机】钢带\0.05×55×185\D600B-244000A011</t>
  </si>
  <si>
    <t>【东方汽轮机】钢带\0.10×55×185\D600B-244000A012</t>
  </si>
  <si>
    <t>【东方汽轮机】钢带\0.05×120×185\D600B-244000A013</t>
  </si>
  <si>
    <t>【东方汽轮机】钢带\0.10×120×185\D600B-244000A014</t>
  </si>
  <si>
    <t>【东方汽轮机】钢带\0.05×40×250\D600B-245000A001</t>
  </si>
  <si>
    <t>【东方汽轮机】钢带\0.10×40×250\D600B-245000A002</t>
  </si>
  <si>
    <t>【东方汽轮机】钢带\0.05×55×185\D600B-245000A003</t>
  </si>
  <si>
    <t>【东方汽轮机】钢带\0.10×55×185\D600B-245000A004</t>
  </si>
  <si>
    <t>【东方汽轮机】钢带\0.05×120×185\D600B-245000A005</t>
  </si>
  <si>
    <t>【东方汽轮机】钢带\0.10×120×185\D600B-245000A006</t>
  </si>
  <si>
    <t>【东方汽轮机】钢带\0.05×40×280\D600B-246000A008</t>
  </si>
  <si>
    <t>【东方汽轮机】钢带\0.10×40×280\D600B-246000A009</t>
  </si>
  <si>
    <t>【东方汽轮机】钢带\0.05×118×210\D600B-246000A012</t>
  </si>
  <si>
    <t>【东方汽轮机】钢带\0.10×118×210\D600B-246000A013</t>
  </si>
  <si>
    <t>【东方汽轮机】销\D600B-265500A003\D600B</t>
  </si>
  <si>
    <t>【东方汽轮机】高温内六角螺栓\D600B-265500A007\D600B</t>
  </si>
  <si>
    <t>【东方汽轮机】高温用罩螺母\2″-8UN\D600C-028000A018</t>
  </si>
  <si>
    <t>【东方汽轮机】调整垫片\δ0.2\D600C-241000A005</t>
  </si>
  <si>
    <t>【东方汽轮机】调整垫片\δ0.1\D600C-241000A006</t>
  </si>
  <si>
    <t>【东方汽轮机】调整垫片\δ0.2\D600C-241000A010</t>
  </si>
  <si>
    <t>【东方汽轮机】调整垫片\δ0.1\D600C-241000A011</t>
  </si>
  <si>
    <t>【东方汽轮机】调整垫片\δ0.1\D600C-241000A012</t>
  </si>
  <si>
    <t>【东方汽轮机】调整垫片\δ0.2\D600C-241000A013</t>
  </si>
  <si>
    <t>【东方汽轮机】调整垫片\δ0.2\D600C-242000A002</t>
  </si>
  <si>
    <t>【东方汽轮机】调整垫片\δ0.1\D600C-242000A003</t>
  </si>
  <si>
    <t>【东方汽轮机】调整垫片\δ0.2\D600C-242000A007</t>
  </si>
  <si>
    <t>【东方汽轮机】调整垫片\δ0.1\D600C-242000A008</t>
  </si>
  <si>
    <t>【东方汽轮机】调整垫片\δ0.1\D600C-242000A009</t>
  </si>
  <si>
    <t>【东方汽轮机】调整垫片\δ0.2\D600C-242000A010</t>
  </si>
  <si>
    <t>【东方汽轮机】汽封\D600E-098210A\D600B</t>
  </si>
  <si>
    <t>【东方汽轮机】汽封\D660D-098117B\D600B</t>
  </si>
  <si>
    <t>【东方汽轮机】汽封\D660D-098223B\D600B</t>
  </si>
  <si>
    <t>【东方汽轮机】汽封圈\D660D-170130B\D600B</t>
  </si>
  <si>
    <t>【东方汽轮机】预启阀碟\D660S-271200A004</t>
  </si>
  <si>
    <t>【东方汽轮机】钢带\0.05×70×290\M030-251000A008</t>
  </si>
  <si>
    <t>【东方汽轮机】钢带\0.05×55×230\M030-251000A009</t>
  </si>
  <si>
    <t>【东方汽轮机】钢带\0.10×55×230\M030-251000A010</t>
  </si>
  <si>
    <t>【东方汽轮机】钢带\0.05×120×230\M030-251000A011</t>
  </si>
  <si>
    <t>【东方汽轮机】螺栓\M053-217000B003</t>
  </si>
  <si>
    <t>【东方汽轮机】磨光钢带\220×48,δ0.20\M107-241000B001</t>
  </si>
  <si>
    <t>【东方汽轮机】磨光钢带\168×118,δ0.10\M107-241000B002</t>
  </si>
  <si>
    <t>【东方汽轮机】磨光钢带\168×118,δ0.05\M107-241000B003</t>
  </si>
  <si>
    <t>【东方汽轮机】磨光钢带\250×48,δ0.5\M165-241000A003</t>
  </si>
  <si>
    <t>【东方汽轮机】磨光钢带\220×110,δ0.1\M165-241000A006</t>
  </si>
  <si>
    <t>【东方汽轮机】磨光钢带\220×110,δ0.05\M165-241000A007</t>
  </si>
  <si>
    <t>【东方汽轮机】主汽阀杆\M206-261000A026\D300N</t>
  </si>
  <si>
    <t>【东方汽轮机】垫片\M206-261000A043\D600B</t>
  </si>
  <si>
    <t>【东方汽轮机】弹簧垫圈\24\GB0000093W0024\X300N</t>
  </si>
  <si>
    <t>【东方汽轮机】六角螺母\M24\GB0006170W0024\D350G</t>
  </si>
  <si>
    <t>【东方汽轮机】弹簧垫圈\36\GB0000093W0036\X300N</t>
  </si>
  <si>
    <t>【东方汽轮机】小垫圈\20\GB0000848W0020\D350G</t>
  </si>
  <si>
    <t>【东方汽轮机】双头螺柱\bm=1d/M20×80\GB0000897W2080\X300N</t>
  </si>
  <si>
    <t>【东方汽轮机】垫圈\M24\GB0000854K0024\600MW超临界机组</t>
  </si>
  <si>
    <t>【东方汽轮机】六角螺母\M42\GB0006170B0042\600MW超临界机组</t>
  </si>
  <si>
    <t>【东方汽轮机】销\D600B-343000A002\660MW超超临界机组</t>
  </si>
  <si>
    <t>【东方汽轮机】止落销\D00-010900A003\D600B</t>
  </si>
  <si>
    <t>【东方汽轮机】双头螺柱\bm=1d/M24×80\GB0000897W2480\D350G</t>
  </si>
  <si>
    <t>【东方汽轮机】螺栓\GB70G-85\GB00070.1G1660\600MW超临界机组</t>
  </si>
  <si>
    <t>【东方汽轮机】六角头螺栓\M24×60\GB0005783W2460\X300N</t>
  </si>
  <si>
    <t>【东方汽轮机】菱形弹簧片\M024.105.007.2\M024.105.007</t>
  </si>
  <si>
    <t>【东方汽轮机】六角头螺栓\M16×45\GB0005783B1645\600MW超临界机组</t>
  </si>
  <si>
    <t>【东方汽轮机】罩螺母\M24\D00-010410A008\D300N</t>
  </si>
  <si>
    <t>【东方汽轮机】方头长圆柱端紧定螺钉\M20×90\GB0000085W2090\D350H</t>
  </si>
  <si>
    <t>【东方汽轮机】开槽圆柱头螺钉\M8×25\GB0000065W0825\D350C</t>
  </si>
  <si>
    <t>【东方汽轮机】罩螺母\M36×3\D00-010410A018\D300N</t>
  </si>
  <si>
    <t>【东方汽轮机】六角头螺栓\M20×40\GB0005783B2040\600MW超临界机组</t>
  </si>
  <si>
    <t>【东方汽轮机】双头螺柱\bm=1d/M24×150\GB0000897W24A5\D350G</t>
  </si>
  <si>
    <t>【东方汽轮机】双头螺柱\bm=1d/M24×200\GB0000897W24B0\D350H</t>
  </si>
  <si>
    <t>【东方汽轮机】双头螺柱\bm=1d/M48×120\GB0000897W48A2\D350H</t>
  </si>
  <si>
    <t>【东方汽轮机】六角头螺栓\M42×200\GB0005782C42B0\600MW超临界机组</t>
  </si>
  <si>
    <t>【东方汽轮机】垫片\D00-050310A016\600MW超临界机组</t>
  </si>
  <si>
    <t>【东方汽轮机】螺尾锥销\16×120\GB0000881W16A2\X300N</t>
  </si>
  <si>
    <t>【东方汽轮机】罩螺母用螺塞\D00-010900A002\D300N</t>
  </si>
  <si>
    <t>【东方汽轮机】双头螺柱\bm=1.25d/M30×100\GB0000898W30A0\X300N</t>
  </si>
  <si>
    <t>【东方汽轮机】垫片\D00-050310A005\600MW超临界机组</t>
  </si>
  <si>
    <t>【东方汽轮机】圆锥螺销\D00-010610A004\600MW超临界机组</t>
  </si>
  <si>
    <t>【东方汽轮机】弹簧片\D00-160101A007\600MW超临界机组</t>
  </si>
  <si>
    <t>【东方汽轮机】垫片\D00-050310A014\600MW超临界机组</t>
  </si>
  <si>
    <t>【东方汽轮机】凹球面垫圈\D00-010533A010\600MW超临界机组</t>
  </si>
  <si>
    <t>【东方汽轮机】螺钉\M36×3×180\D00-010643A005</t>
  </si>
  <si>
    <t>【东方汽轮机】垫片\D00.050.232\D330F</t>
  </si>
  <si>
    <t>【东方汽轮机】垫片\D00-050310A018\600MW超临界机组</t>
  </si>
  <si>
    <t>【东方汽轮机】单耳止动垫圈\36\GB0000854W0036\D350G</t>
  </si>
  <si>
    <t>【东方汽轮机】汽轮机螺栓电加热器\W05A0070A\600MW超临界机组</t>
  </si>
  <si>
    <t>【东方汽轮机】垫片\D00-050310A020\600MW超临界机组</t>
  </si>
  <si>
    <t>【东方汽轮机】双头螺柱\(bm=1.25d) M42×120\GB0000898C42A2\600MW超临界机组</t>
  </si>
  <si>
    <t>【东方汽轮机】双头螺柱\M27×100\D00-010108A010\600MW超临界机组</t>
  </si>
  <si>
    <t>【东方汽轮机】弹簧片\D00-160101A001\600MW超临界机组</t>
  </si>
  <si>
    <t>【东方汽轮机】垫片\D00-050310A012\600MW超临界机组</t>
  </si>
  <si>
    <t>【东方汽轮机】双头螺柱\M27×80\D00-010107A006\600MW超临界机组</t>
  </si>
  <si>
    <t>【东方汽轮机】螺尾锥销\20×120\GB0000881W20A2\D350G</t>
  </si>
  <si>
    <t>【东方汽轮机】齿形垫片\D00-010900A017\600MW超临界机组</t>
  </si>
  <si>
    <t>【东方汽轮机】齿形垫片\D00-010900A018\600MW超临界机组</t>
  </si>
  <si>
    <t>【东方汽轮机】旋入管接头\D00-600309B\600MW超临界机组</t>
  </si>
  <si>
    <t>【东方汽轮机】旋入管接头\D00-600308B\600MW超临界机组</t>
  </si>
  <si>
    <t>【东方汽轮机】汽轮机螺栓电加热器\W05A0158A\600MW超临界机组</t>
  </si>
  <si>
    <t>【东方汽轮机】汽轮机螺栓电加热器\W05A0084A\600MW超临界机组</t>
  </si>
  <si>
    <t>【东方汽轮机】汽轮机螺栓电加热器\W05A0125A\600MW超临界机组</t>
  </si>
  <si>
    <t>【东方汽轮机】垫片\D00-050310A017\600MW超临界机组</t>
  </si>
  <si>
    <t>【东方汽轮机】双头螺柱\M30×100\D00-010110A008\600MW超临界机组</t>
  </si>
  <si>
    <t>【东方汽轮机】悬挂销\D00-050130A019</t>
  </si>
  <si>
    <t>【东方汽轮机】齿形垫片\D00-600132A017\600MW超临界机组</t>
  </si>
  <si>
    <t>【东方汽轮机】汽轮机螺栓电加热器\W05A0123A\600MW超临界机组</t>
  </si>
  <si>
    <t>【东方汽轮机】汽轮机螺栓电加热器\W05A0126A\600MW超临界机组</t>
  </si>
  <si>
    <t>【东方汽轮机】汽轮机螺栓电加热器\W05A0128A\600MW超临界机组</t>
  </si>
  <si>
    <t>【东方汽轮机】汽轮机螺栓电加热器\W05A0083A\600MW超临界机组</t>
  </si>
  <si>
    <t>【东方汽轮机】汽缸螺钉\D00-010630A003\600MW超临界机组</t>
  </si>
  <si>
    <t>【东方汽轮机】卡环\D7A-271000A015</t>
  </si>
  <si>
    <t>【东方汽轮机】开槽螺母\M120×4\D00-010420A005\600MW超临界机组</t>
  </si>
  <si>
    <t>【东方汽轮机】缠绕垫片\B2320F-021000B002</t>
  </si>
  <si>
    <t>【东方汽轮机】罩螺母\M120×4\D00-010410A067\600MW超临界机组</t>
  </si>
  <si>
    <t>测温仪\DT-870Y\含运费\结算单位：台</t>
  </si>
  <si>
    <t>深圳市华盛昌科技实业股份有限公司</t>
  </si>
  <si>
    <t>华盛昌</t>
  </si>
  <si>
    <t>WZSCCG-2020-BJ-023</t>
  </si>
  <si>
    <t>国家能源e购商城 劳保用品铺货采购框架合同</t>
  </si>
  <si>
    <t>国电南方设备物资广州有限公司</t>
  </si>
  <si>
    <t>测温仪\DT-980Y\含运费\结算单位：台</t>
  </si>
  <si>
    <t>测温仪\DT-982Y\含运费\结算单位：台</t>
  </si>
  <si>
    <t>测温仪\DT-9875Y\含运费\结算单位：台</t>
  </si>
  <si>
    <t>护目镜\含运费\结算单位：副</t>
  </si>
  <si>
    <t>深圳市小心眼科技有限公司</t>
  </si>
  <si>
    <t>小心眼</t>
  </si>
  <si>
    <t>硅胶半面型防护面罩\含运费\结算单位：个</t>
  </si>
  <si>
    <t>浙江衢州南核特种劳动防护用品科技有限公司</t>
  </si>
  <si>
    <t>南核</t>
  </si>
  <si>
    <t>KN95滤棉\2602\适用于南核2008A硅胶半面型防护面罩\含运费\结算单位：片</t>
  </si>
  <si>
    <t>【上海电气锅炉】 省煤器外数第一圈U型弯管\Φ50.8*7.89\SA210-C\560955-E1-01-1</t>
  </si>
  <si>
    <t>上海锅炉厂</t>
  </si>
  <si>
    <t>上海电气</t>
  </si>
  <si>
    <t>WZSCCG-2020-BJ-020</t>
  </si>
  <si>
    <t>国家能源e购商城上海电气锅炉备件商城铺货长协</t>
  </si>
  <si>
    <t>上海电气集团股份有限公司</t>
  </si>
  <si>
    <t>【上海电气锅炉】 省煤器外数第二圈U型弯管\Φ50.8*7.89\SA210-C\560955-E1-01-2</t>
  </si>
  <si>
    <t>【上海电气锅炉】 省煤器外数第三圈U型弯管\Φ50.8*7.89\SA210-C\560955-E1-01-3</t>
  </si>
  <si>
    <t>【上海电气锅炉】 末级过热器前屏外数第一圈U型弯管\Φ38.1*7.06\SA213-TP347H\545955-E1-01-1</t>
  </si>
  <si>
    <t>【上海电气锅炉】 末级过热器前屏外数第二圈U型弯管\Φ38.1*7.14\SA213-T91\545955-E1-01-2</t>
  </si>
  <si>
    <t>【上海电气锅炉】 末级过热器前屏外数第三圈U型弯管\Φ38.1*7.14\SA213-T91\545955-E1-01-3</t>
  </si>
  <si>
    <t>【上海电气锅炉】 末级过热器前屏外数第四圈U型弯管\Φ38.1*7.14\SA213-T91\545955-E1-01-4</t>
  </si>
  <si>
    <t>【上海电气锅炉】 末级过热器前屏外数第五圈U型弯管\Φ38.1*7.14\SA213-T91\545955-E1-01-5</t>
  </si>
  <si>
    <t>【上海电气锅炉】 末级过热器前屏外数第六圈U型弯管\Φ38.1*7.14\SA213-T91\545955-E1-01-6</t>
  </si>
  <si>
    <t>【上海电气锅炉】 末级过热器前屏外数第七圈U型弯管\Φ38.1*7.96\SA213-T23\545955-E1-01-7</t>
  </si>
  <si>
    <t>【上海电气锅炉】 末级过热器前屏外数第八圈U型弯管\Φ38.1*7.96\SA213-T23\545955-E1-01-8</t>
  </si>
  <si>
    <t>【上海电气锅炉】 末级过热器前屏外数第九圈U型弯管\Φ38.1*7.96\SA213-T23\545955-E1-01-9</t>
  </si>
  <si>
    <t>【上海电气锅炉】 末级过热器前屏外数第十圈U型弯管\Φ38.1*7.96\SA213-T23\545955-E1-01-10</t>
  </si>
  <si>
    <t>【上海电气锅炉】 末级过热器前屏外数第十一圈U型弯管\Φ38.1*7.96\SA213-T23\545955-E1-01-11</t>
  </si>
  <si>
    <t>【上海电气锅炉】 末级过热器前屏外数第十二圈U型弯管\Φ38.1*7.96\SA213-T23\545955-E1-01-12</t>
  </si>
  <si>
    <t>【上海电气锅炉】 末级过热器后屏外数第一圈U型弯管\Φ38.1*5.59\SA213-T91\545955-E1-01-13</t>
  </si>
  <si>
    <t>【上海电气锅炉】 末级过热器后屏外数第二圈U型弯管\Φ38.1*5.59\SA213-T91\545955-E1-01-14</t>
  </si>
  <si>
    <t>【上海电气锅炉】 末级过热器后屏外数第三圈U型弯管\Φ38.1*6.36\SA213-T23\545955-E1-01-15</t>
  </si>
  <si>
    <t>【上海电气锅炉】 末级过热器后屏外数第四圈U型弯管\Φ38.1*5.59\SA213-T91\545955-E1-01-16</t>
  </si>
  <si>
    <t>【上海电气锅炉】 末级过热器后屏外数第五圈U型弯管\Φ38.1*6.36\SA213-T23\545955-E1-01-17</t>
  </si>
  <si>
    <t>【上海电气锅炉】 末级过热器后屏外数第六圈U型弯管\Φ38.1*5.59\SA213-T91\545955-E1-01-18</t>
  </si>
  <si>
    <t>【上海电气锅炉】 末级过热器后屏外数第七圈U型弯管\Φ38.1*6.36\SA213-T23\545955-E1-01-19</t>
  </si>
  <si>
    <t>【上海电气锅炉】 末级过热器后屏外数第八圈U型弯管\Φ38.1*6.36\SA213-T23\545955-E1-01-20</t>
  </si>
  <si>
    <t>【上海电气锅炉】 末级过热器后屏外数第九圈U型弯管\Φ38.1*6.36\SA213-T23\545955-E1-01-21</t>
  </si>
  <si>
    <t>【上海电气锅炉】 末级过热器后屏外数第十圈U型弯管\Φ38.1*6.36\SA213-T23\545955-E1-01-22</t>
  </si>
  <si>
    <t>【上海电气锅炉】 末级过热器后屏外数第十一圈U型弯管\Φ38.1*6.36\SA213-T23\545955-E1-01-23</t>
  </si>
  <si>
    <t>【上海电气锅炉】 末级过热器后屏外数第十二圈U型弯管\Φ38.1*6.36\SA213-T23\545955-E1-01-24</t>
  </si>
  <si>
    <t>【上海电气锅炉】 末级再热器外数第一圈U型弯管\Φ63.5*4.23\SA213-TP347H\740955-E1-04-1</t>
  </si>
  <si>
    <t>【上海电气锅炉】 末级再热器外数第二圈U型弯管\Φ63.5*3.76\SA213-TP304H\740955-E1-04-2</t>
  </si>
  <si>
    <t>【上海电气锅炉】 末级再热器外数第三圈U型弯管\Φ63.5*3.76\SA213-TP304H\740955-E1-04-3</t>
  </si>
  <si>
    <t>【上海电气锅炉】 末级再热器外数第四圈U型弯管\Φ63.5*4.2\SA213-TP304H\740955-E1-04-4</t>
  </si>
  <si>
    <t>【上海电气锅炉】 末级再热器外数第五圈U型弯管\Φ63.5*4.2\SA213-TP304H\740955-E1-04-5</t>
  </si>
  <si>
    <t>【上海电气锅炉】 末级再热器外数第六圈U型弯管\Φ63.5*4.2\SA213-TP304H\740955-E1-04-6</t>
  </si>
  <si>
    <t>【上海电气锅炉】 末级再热器外数第七圈U型弯管\Φ63.5*3.76\SA213-T23\740955-E1-04-7</t>
  </si>
  <si>
    <t>【上海电气锅炉】 末级再热器外数第八圈U型弯管\Φ63.5*3.76\SA213-T23\740955-E1-04-8</t>
  </si>
  <si>
    <t>【上海电气锅炉】 末级再热器外数第九圈U型弯管\Φ63.5*3.76\SA213-T23\740955-E1-04-9</t>
  </si>
  <si>
    <t>【上海电气锅炉】 末级再热器外数第十圈U型弯管\Φ63.5*3.76\SA213-T23\740955-E1-04-10</t>
  </si>
  <si>
    <t>【上海电气锅炉】 末级再热器外数第十一圈U型弯管\Φ63.5*3.76\SA213-T23\740955-E1-04-11</t>
  </si>
  <si>
    <t>【上海电气锅炉】 末级再热器外数第十二圈U型弯管\Φ63.5*3.76\SA213-T23\740955-E1-04-12</t>
  </si>
  <si>
    <t>【上海电气锅炉】 末级再热器外数第十三圈U型弯管\Φ63.5*3.76\SA213-T23\740955-E1-04-13</t>
  </si>
  <si>
    <t>【上海电气锅炉】 末级再热器外数第十四圈U型弯管\Φ63.5*3.76\SA213-T23\740955-E1-04-14</t>
  </si>
  <si>
    <t>【上海电气锅炉】 末级再热器外数第十五圈U型弯管\Φ63.5*3.76\SA213-T23\740955-E1-04-15</t>
  </si>
  <si>
    <t>【上海电气锅炉】 末级再热器外数第十六圈U型弯管\Φ63.5*3.76\SA213-T23\740955-E1-04-16</t>
  </si>
  <si>
    <t>【上海电气锅炉】 末级再热器外数第十七圈U型弯管\Φ63.5*6\SA213-T23\740955-E1-04-17</t>
  </si>
  <si>
    <t>【上海电气锅炉】 末级再热器外数第十八圈U型弯管\Φ63.5*6\SA213-T23\740955-E1-04-18</t>
  </si>
  <si>
    <t>【上海电气锅炉】 低温再热器上部外数第一圈U型弯管\Φ63.5*4.2\SA213-T12\740958-E1-01-1</t>
  </si>
  <si>
    <t>【上海电气锅炉】 低温再热器上部外数第二圈U型弯管\Φ63.5*4.2\SA213-T12\740958-E1-01-2</t>
  </si>
  <si>
    <t>【上海电气锅炉】 低温再热器上部外数第三圈U型弯管\Φ63.5*4.2\SA213-T12\740958-E1-01-3</t>
  </si>
  <si>
    <t>【上海电气锅炉】 低温再热器上部外数第四圈U型弯管\Φ63.5*4.2\SA213-T12\740958-E1-01-4</t>
  </si>
  <si>
    <t>【上海电气锅炉】 低温再热器上部外数第五圈U型弯管\Φ63.5*4.2\SA213-T12\740958-E1-01-5</t>
  </si>
  <si>
    <t>【上海电气锅炉】 低温再热器上部外数第六圈U型弯管\Φ63.5*4.2\SA213-T12\740958-E1-01-6</t>
  </si>
  <si>
    <t>【上海电气锅炉】 低温再热器上部外数第七圈U型弯管\Φ63.5*4.2\SA213-T12\740958-E1-01-7</t>
  </si>
  <si>
    <t>【上海电气锅炉】 低温再热器上部外数第八圈U型弯管\Φ63.5*6\SA213-T12\740958-E1-01-8</t>
  </si>
  <si>
    <t>【上海电气锅炉】 低温再热器下部外数第一圈U型弯管\Φ63.5*4.2\SA210-C\740958-E1-01-9</t>
  </si>
  <si>
    <t>【上海电气锅炉】 低温再热器下部外数第二圈U型弯管\Φ63.5*4.2\SA210-C\740958-E1-01-10</t>
  </si>
  <si>
    <t>【上海电气锅炉】 低温再热器下部外数第三圈U型弯管\Φ63.5*4.2\SA210-C\740958-E1-01-11</t>
  </si>
  <si>
    <t>【上海电气锅炉】 低温再热器下部外数第四圈U型弯管\Φ63.5*4.2\SA210-C\740958-E1-01-12</t>
  </si>
  <si>
    <t>【上海电气锅炉】 低温再热器下部外数第五圈U型弯管\Φ63.5*4.2\SA210-C\740958-E1-01-13</t>
  </si>
  <si>
    <t>【上海电气锅炉】 低温再热器下部外数第六圈U型弯管\Φ63.5*4.2\SA210-C\740958-E1-01-14</t>
  </si>
  <si>
    <t>【上海电气锅炉】 低温再热器下部外数第七圈U型弯管\Φ63.5*4.2\SA210-C\740958-E1-01-15</t>
  </si>
  <si>
    <t>【上海电气锅炉】 低温再热器下部外数第八圈U型弯管\Φ63.5*6\SA210-C\740958-E1-01-16</t>
  </si>
  <si>
    <t>【上海电气锅炉】 分隔屏过热器外数第一圈U型弯管\Φ41.3*5.59\SA213-T91\540955-E1-01-1</t>
  </si>
  <si>
    <t>【上海电气锅炉】 分隔屏过热器外数第二圈U型弯管\Φ41.3*5.59\SA213-T91\540955-E1-01-2</t>
  </si>
  <si>
    <t>【上海电气锅炉】 分隔屏过热器外数第三圈U型弯管\Φ41.3*5.59\SA213-T91\540955-E1-01-3</t>
  </si>
  <si>
    <t>【上海电气锅炉】 分隔屏过热器外数第四圈U型弯管\Φ41.3*5.59\SA213-T23\540955-E1-01-4</t>
  </si>
  <si>
    <t>【上海电气锅炉】 分隔屏过热器外数第五圈U型弯管\Φ41.3*5.59\SA213-T23\540955-E1-01-5</t>
  </si>
  <si>
    <t>【上海电气锅炉】 分隔屏过热器外数第六圈U型弯管\Φ41.3*5.59\SA213-T23\540955-E1-01-6</t>
  </si>
  <si>
    <t>【上海电气锅炉】 分隔屏过热器外数第七圈U型弯管\Φ41.3*5.59\SA213-T23\540955-E1-01-7</t>
  </si>
  <si>
    <t>【上海电气锅炉】 分隔屏过热器外数第八圈U型弯管\Φ41.3*5.59\SA213-T23\540955-E1-01-8</t>
  </si>
  <si>
    <t>【上海电气锅炉】 分隔屏过热器外数第九圈U型弯管\Φ41.3*5.59\SA213-T23\540955-E1-01-9</t>
  </si>
  <si>
    <t>【上海电气锅炉】 分隔屏过热器外数第十圈管U型弯管\Φ41.3*5.59\SA213-T23\540955-E1-01-10</t>
  </si>
  <si>
    <t>【上海电气锅炉】 分隔屏过热器外数第十一圈管U型弯管\Φ41.3*5.59\SA213-T23\540955-E1-01-11</t>
  </si>
  <si>
    <t>【上海电气锅炉】 分隔屏过热器外数第十二圈管U型弯管\Φ41.3*5.59\SA213-T23\540955-E1-01-12</t>
  </si>
  <si>
    <t>【上海电气锅炉】 后屏过热器外数第一圈U型弯管\Φ47.6*8.74\SA213-TP347H\540955-D1-02-1</t>
  </si>
  <si>
    <t>【上海电气锅炉】 后屏过热器外数第二圈U型弯管\Φ44.5*6.1\SA213-TP347H\540955-D1-02-2</t>
  </si>
  <si>
    <t>【上海电气锅炉】 后屏过热器外数第三圈U型弯管\Φ44.5*6.1\SA213-TP347H\540955-D1-02-3</t>
  </si>
  <si>
    <t>【上海电气锅炉】 后屏过热器外数第四圈U型弯管\Φ44.5*6.36\SA213-T91\540955-D1-02-4</t>
  </si>
  <si>
    <t>【上海电气锅炉】 后屏过热器外数第五圈U型弯管\Φ44.5*6.36\SA213-T91\540955-D1-02-5</t>
  </si>
  <si>
    <t>【上海电气锅炉】 后屏过热器外数第六圈U型弯管\Φ44.5*6.36\SA213-T91\540955-D1-02-6</t>
  </si>
  <si>
    <t>【上海电气锅炉】 后屏过热器外数第七圈U型弯管\Φ44.5*6.36\SA213-T91\540955-D1-02-7</t>
  </si>
  <si>
    <t>【上海电气锅炉】 后屏过热器外数第八圈U型弯管\Φ44.5*7.14\SA213-T23\540955-D1-02-8</t>
  </si>
  <si>
    <t>【上海电气锅炉】 后屏过热器外数第九圈U型弯管\Φ44.5*7.14\SA213-T23\540955-D1-02-9</t>
  </si>
  <si>
    <t>【上海电气锅炉】 后屏过热器外数第十圈U型弯管\Φ44.5*7.14\SA213-T23\540955-D1-02-10</t>
  </si>
  <si>
    <t>【上海电气锅炉】 后屏过热器外数第十一圈U型弯管\Φ44.5*7.14\SA213-T23\540955-D1-02-11</t>
  </si>
  <si>
    <t>【上海电气锅炉】 后屏过热器外数第十二圈U型弯管\Φ44.5*7.14\SA213-T23\540955-D1-02-12</t>
  </si>
  <si>
    <t>【上海电气锅炉】 后屏过热器外数第十三圈U型弯管\Φ44.5*7.14\SA213-T23\540955-D1-02-13</t>
  </si>
  <si>
    <t>【上海电气锅炉】 后屏过热器外数第十四圈U型弯管\Φ44.5*7.14\SA213-T23\540955-D1-02-14</t>
  </si>
  <si>
    <t>【上海电气锅炉】 后屏过热器外数第十五圈管U型弯管\Φ44.5*7.14\SA213-T23\540955-D1-02-15</t>
  </si>
  <si>
    <t>【上海电气锅炉】 后屏过热器外数第十六圈管U型弯管\Φ44.5*7.14\SA213-T23\540955-D1-02-16</t>
  </si>
  <si>
    <t>【上海电气锅炉】 后屏过热器外数第十七圈管U型弯管\Φ44.5*7.14\SA213-T23\540955-D1-02-17</t>
  </si>
  <si>
    <t>【上海电气锅炉】 后屏过热器外数第十八圈管U型弯管\Φ44.5*7.14\SA213-T23\540955-D1-02-18</t>
  </si>
  <si>
    <t>【上海电气锅炉】 后屏过热器外数第十九圈管U型弯管\Φ44.5*7.14\SA213-T23\540955-D1-02-19</t>
  </si>
  <si>
    <t>【上海电气锅炉】 后屏过热器外数第二十圈管U型弯管\Φ44.5*7.14\SA213-T23\540955-D1-02-20</t>
  </si>
  <si>
    <t>【上海电气锅炉】 后屏过热器外数第二十一圈管U型弯管\Φ44.5*6.1\SA213-T23\540955-D1-02-21</t>
  </si>
  <si>
    <t>【上海电气锅炉】 省煤器（低再侧）外数第一圈U型弯管\Φ47.6*7.5\SA210-C\560977-E1-01-1</t>
  </si>
  <si>
    <t>【上海电气锅炉】 省煤器（低再侧）外数第二圈U型弯管\Φ47.6*7.5\SA210-C\560977-E1-01-2</t>
  </si>
  <si>
    <t>【上海电气锅炉】 省煤器（低再侧）外数第三圈U型弯管\Φ47.6*7.5\SA210-C\560977-E1-01-3</t>
  </si>
  <si>
    <t>【上海电气锅炉】 省煤器（低再侧）外数第四圈U型弯管\Φ47.6*7.5\SA210-C\560977-E1-01-4</t>
  </si>
  <si>
    <t>【上海电气锅炉】 省煤器（低过侧）外数第一圈U型弯管\Φ47.6*7.5\SA210-C\560977-E1-02-1</t>
  </si>
  <si>
    <t>【上海电气锅炉】 省煤器（低过侧）外数第二圈U型弯管\Φ47.6*7.5\SA210-C\560977-E1-02-2</t>
  </si>
  <si>
    <t>【上海电气锅炉】 省煤器（低过侧）外数第三圈U型弯管\Φ47.6*7.5\SA210-C\560977-E1-02-3</t>
  </si>
  <si>
    <t>【上海电气锅炉】 省煤器（低过侧）外数第四圈U型弯管\Φ47.6*7.5\SA210-C\560977-E1-02-4</t>
  </si>
  <si>
    <t>【上海电气锅炉】 末级过热器外数第一圈U型弯管\Φ47.6*8\SA213-TP347HFG\545977-E1-01-1</t>
  </si>
  <si>
    <t>【上海电气锅炉】 末级过热器外数第二圈U型弯管\Φ41.3*7\SA213-TP347H\545977-E1-01-2</t>
  </si>
  <si>
    <t>【上海电气锅炉】 末级过热器外数第三圈U型弯管\Φ41.3*7\SA213-TP347H\545977-E1-01-3</t>
  </si>
  <si>
    <t>【上海电气锅炉】 末级过热器外数第四圈U型弯管\Φ41.3*7\SA213-TP347H\545977-E1-01-4</t>
  </si>
  <si>
    <t>【上海电气锅炉】 末级过热器外数第五圈U型弯管\Φ41.3*7\SA213-TP347H\545977-E1-01-5</t>
  </si>
  <si>
    <t>【上海电气锅炉】 末级过热器外数第六圈U型弯管\Φ41.3*7\SA213-TP347H\545977-E1-01-6</t>
  </si>
  <si>
    <t>【上海电气锅炉】 末级过热器外数第七圈U型弯管\Φ41.3*7\SA213-TP347H\545977-E1-01-7</t>
  </si>
  <si>
    <t>【上海电气锅炉】 末级过热器外数第八圈U型弯管\Φ41.3*7\SA213-TP347H\545977-E1-01-8</t>
  </si>
  <si>
    <t>【上海电气锅炉】 末级过热器外数第九圈U型弯管\Φ41.3*7.5\SA213-T91\545977-E1-01-9</t>
  </si>
  <si>
    <t>【上海电气锅炉】 末级过热器外数第十圈U型弯管\Φ41.3*7.5\SA213-T91\545977-E1-01-10</t>
  </si>
  <si>
    <t>【上海电气锅炉】 末级过热器外数第十一圈U型弯管\Φ41.3*7.5\SA213-T91\545977-E1-01-11</t>
  </si>
  <si>
    <t>【上海电气锅炉】 末级过热器外数第十二圈U型弯管\Φ41.3*7.5\SA213-T91\545977-E1-01-12</t>
  </si>
  <si>
    <t>【上海电气锅炉】 末级过热器外数第十三圈U型弯管\Φ41.3*7.5\SA213-T91\545977-E1-01-13</t>
  </si>
  <si>
    <t>【上海电气锅炉】 末级过热器外数第十四圈U型弯管\Φ41.3*7.5\SA213-T91\545977-E1-01-14</t>
  </si>
  <si>
    <t>【上海电气锅炉】 末级过热器外数第十五圈U型弯管\Φ41.3*7.5\SA213-T91\545977-E1-01-15</t>
  </si>
  <si>
    <t>【上海电气锅炉】 末级过热器外数第十六圈U型弯管\Φ41.3*7.5\SA213-T91\545977-E1-01-16</t>
  </si>
  <si>
    <t>【上海电气锅炉】 末级过热器外数第十七圈U型弯管\Φ41.3*7.5\SA213-T91\545977-E1-01-17</t>
  </si>
  <si>
    <t>【上海电气锅炉】 末级过热器外数第十八圈U型弯管\Φ41.3*7.5\SA213-T91\545977-E1-01-18</t>
  </si>
  <si>
    <t>【上海电气锅炉】 末级过热器外数第十九圈U型弯管\Φ41.3*7.5\SA213-T91\545977-E1-01-19</t>
  </si>
  <si>
    <t>【上海电气锅炉】 末级过热器外数第二十圈U型弯管\Φ41.3*7\SA213-TP347H\545977-E1-01-20</t>
  </si>
  <si>
    <t>【上海电气锅炉】 末级再热器外数第一圈U型弯管\Φ57.2*4\SA213-TP347H\740977-E1-03-1</t>
  </si>
  <si>
    <t>【上海电气锅炉】 末级再热器外数第二圈U型弯管\Φ57.2*4\SA213-TP347H\740977-E1-03-2</t>
  </si>
  <si>
    <t>【上海电气锅炉】 末级再热器外数第三圈U型弯管\Φ57.2*4\SA213-TP347H\740977-E1-03-3</t>
  </si>
  <si>
    <t>【上海电气锅炉】 末级再热器外数第四圈U型弯管\Φ57.2*4\SA213-T91\740977-E1-03-4</t>
  </si>
  <si>
    <t>【上海电气锅炉】 末级再热器外数第五圈U型弯管\Φ57.2*4\SA213-T91\740977-E1-03-5</t>
  </si>
  <si>
    <t>【上海电气锅炉】 末级再热器外数第六圈U型弯管\Φ57.2*4\SA213-T91\740977-E1-03-6</t>
  </si>
  <si>
    <t>【上海电气锅炉】 末级再热器外数第七圈U型弯管\Φ57.2*4\SA213-T91\740977-E1-03-7</t>
  </si>
  <si>
    <t>【上海电气锅炉】 末级再热器外数第八圈U型弯管\Φ57.2*4\SA213-T91\740977-E1-03-8</t>
  </si>
  <si>
    <t>【上海电气锅炉】 末级再热器外数第九圈U型弯管\Φ57.2*4\SA213-T91\740977-E1-03-9</t>
  </si>
  <si>
    <t>【上海电气锅炉】 末级再热器外数第十圈U型弯管\Φ57.2*4\SA213-T91\740977-E1-03-10</t>
  </si>
  <si>
    <t>【上海电气锅炉】 低温再热器上部外数第一圈U型弯管\Φ63.5*4\15CrMoG\740977-E1-01-1</t>
  </si>
  <si>
    <t>【上海电气锅炉】 低温再热器上部外数第二圈U型弯管\Φ63.5*4\15CrMoG\740977-E1-01-2</t>
  </si>
  <si>
    <t>【上海电气锅炉】 低温再热器上部外数第三圈U型弯管\Φ63.5*4\15CrMoG\740977-E1-01-3</t>
  </si>
  <si>
    <t>【上海电气锅炉】 低温再热器上部外数第四圈U型弯管\Φ63.5*4\15CrMoG\740977-E1-01-4</t>
  </si>
  <si>
    <t>【上海电气锅炉】 低温再热器上部外数第五圈U型弯管\Φ63.5*4\15CrMoG\740977-E1-01-5</t>
  </si>
  <si>
    <t>【上海电气锅炉】 低温再热器上部外数第六圈U型弯管\Φ63.5*4\15CrMoG\740977-E1-01-6</t>
  </si>
  <si>
    <t>【上海电气锅炉】 低温再热器上部外数第七圈U型弯管\Φ63.5*6\15CrMoG\740977-E1-01-7</t>
  </si>
  <si>
    <t>【上海电气锅炉】 低温再热器下部外数第一圈U型弯管\Φ63.5*4\SA210-C\740977-E1-01-8</t>
  </si>
  <si>
    <t>【上海电气锅炉】 低温再热器下部外数第二圈U型弯管\Φ63.5*4\SA210-C\740977-E1-01-9</t>
  </si>
  <si>
    <t>【上海电气锅炉】 低温再热器下部外数第三圈U型弯管\Φ63.5*4\SA210-C\740977-E1-01-10</t>
  </si>
  <si>
    <t>【上海电气锅炉】 低温再热器下部外数第四圈U型弯管\Φ63.5*4\SA210-C\740977-E1-01-11</t>
  </si>
  <si>
    <t>【上海电气锅炉】 低温再热器下部外数第五圈U型弯管\Φ63.5*4\SA210-C\740977-E1-01-12</t>
  </si>
  <si>
    <t>【上海电气锅炉】 低温再热器下部外数第六圈U型弯管\Φ63.5*4\SA210-C\740977-E1-01-13</t>
  </si>
  <si>
    <t>【上海电气锅炉】 低温再热器下部外数第七圈U型弯管\Φ63.5*4\SA210-C\740977-E1-01-14</t>
  </si>
  <si>
    <t>【上海电气锅炉】 低温过热器上部外数第一圈U型弯管\Φ51*7.5\12Cr1MoVG\544977-E1-01-1</t>
  </si>
  <si>
    <t>【上海电气锅炉】 低温过热器上部外数第二圈U型弯管\Φ51*7\12Cr1MoVG\544977-E1-01-2</t>
  </si>
  <si>
    <t>【上海电气锅炉】 低温过热器上部外数第三圈U型弯管\Φ51*7\12Cr1MoVG\544977-E1-01-3</t>
  </si>
  <si>
    <t>【上海电气锅炉】 低温过热器上部外数第四圈U型弯管\Φ51*7\12Cr1MoVG\544977-E1-01-4</t>
  </si>
  <si>
    <t>【上海电气锅炉】 低温过热器上部外数第五圈U型弯管\Φ51*7\12Cr1MoVG\544977-E1-01-5</t>
  </si>
  <si>
    <t>【上海电气锅炉】 低温过热器上部外数第六圈U型弯管\Φ51*7.5\12Cr1MoVG\544977-E1-01-6</t>
  </si>
  <si>
    <t>【上海电气锅炉】 低温过热器下部外数第一圈U型弯管\Φ51*7\15CrMoG\544977-E1-01-7</t>
  </si>
  <si>
    <t>【上海电气锅炉】 低温过热器下部外数第二圈U型弯管\Φ51*7\15CrMoG\544977-E1-01-8</t>
  </si>
  <si>
    <t>【上海电气锅炉】 低温过热器下部外数第三圈U型弯管\Φ51*7\15CrMoG\544977-E1-01-9</t>
  </si>
  <si>
    <t>【上海电气锅炉】 低温过热器下部外数第四圈U型弯管\Φ51*7\15CrMoG\544977-E1-01-10</t>
  </si>
  <si>
    <t>【上海电气锅炉】 低温过热器下部外数第五圈U型弯管\Φ51*7\15CrMoG\544977-E1-01-11</t>
  </si>
  <si>
    <t>【上海电气锅炉】 低温过热器下部外数第六圈U型弯管\Φ51*7\15CrMoG\544977-E1-01-12</t>
  </si>
  <si>
    <t>【上海电气锅炉】 屏式过热器外数第一圈管U型弯管\Φ47.6*8\SA213-TP347HFG\540977-E1-01-1</t>
  </si>
  <si>
    <t>【上海电气锅炉】 屏式过热器外数第二圈管U型弯管\Φ47.6*7.5\SA213-TP347H\540977-E1-01-2</t>
  </si>
  <si>
    <t>【上海电气锅炉】 屏式过热器外数第三圈管U型弯管\Φ47.6*7.5\SA213-TP347H\540977-E1-01-3</t>
  </si>
  <si>
    <t>【上海电气锅炉】 屏式过热器外数第四圈管U型弯管\Φ47.6*7.5\SA213-TP347H\540977-E1-01-4</t>
  </si>
  <si>
    <t>【上海电气锅炉】 屏式过热器外数第五圈管U型弯管\Φ47.6*7.5\SA213-TP347H\540977-E1-01-5</t>
  </si>
  <si>
    <t>【上海电气锅炉】 屏式过热器外数第六圈管U型弯管\Φ47.6*8.5\SA213-T91\540977-E1-01-6</t>
  </si>
  <si>
    <t>【上海电气锅炉】 屏式过热器外数第七圈管U型弯管\Φ47.6*8.5\SA213-T91\540977-E1-01-7</t>
  </si>
  <si>
    <t>【上海电气锅炉】 屏式过热器外数第八圈管U型弯管\Φ47.6*8.5\SA213-T91\540977-E1-01-8</t>
  </si>
  <si>
    <t>【上海电气锅炉】 屏式过热器外数第九圈管U型弯管\Φ47.6*7.5\SA213-TP347H\540977-E1-01-9</t>
  </si>
  <si>
    <t>【上海电气锅炉】 省煤器外数第一圈U型弯管\Φ51*6.5\20G\560840-E1-01-1</t>
  </si>
  <si>
    <t>【上海电气锅炉】 省煤器外数第二圈U型弯管\Φ51*6.5\20G\560840-E1-01-2</t>
  </si>
  <si>
    <t>【上海电气锅炉】 末级过热器前屏外数第一圈U型弯管\Φ51*6.5\12Cr2MoWVTiB\540834-E1-03-1</t>
  </si>
  <si>
    <t>【上海电气锅炉】 末级过热器前屏外数第二圈U型弯管\Φ51*6.5\12Cr2MoWVTiB\540834-E1-03-2</t>
  </si>
  <si>
    <t>【上海电气锅炉】 末级过热器前屏外数第三圈U型弯管\Φ51*6.5\12Cr2MoWVTiB\540834-E1-03-3</t>
  </si>
  <si>
    <t>【上海电气锅炉】 末级过热器前屏外数第四圈U型弯管\Φ51*6.5\12Cr2MoWVTiB\540834-E1-03-4</t>
  </si>
  <si>
    <t>【上海电气锅炉】 末级过热器后屏外数第一圈U型弯管\Φ51*7\12Cr2MoWVTiB\540834-E1-03-5</t>
  </si>
  <si>
    <t>【上海电气锅炉】 末级过热器后屏外数第二圈U型弯管\Φ51*7\12Cr2MoWVTiB\540834-E1-03-6</t>
  </si>
  <si>
    <t>【上海电气锅炉】 末级过热器后屏外数第三圈U型弯管\Φ51*7\12Cr2MoWVTiB\540834-E1-03-7</t>
  </si>
  <si>
    <t>【上海电气锅炉】 末级过热器后屏外数第四圈U型弯管\Φ51*7\12Cr2MoWVTiB\540834-E1-03-8</t>
  </si>
  <si>
    <t>【上海电气锅炉】 分隔屏过热器外数第一圈U型弯管\Φ51*6\SA213-T91\540834-E1-01-1</t>
  </si>
  <si>
    <t>【上海电气锅炉】 分隔屏过热器外数第二圈U型弯管\Φ51*6.5\12Cr1MoVG\540834-E1-01-2</t>
  </si>
  <si>
    <t>【上海电气锅炉】 分隔屏过热器外数第三圈U型弯管\Φ51*6.5\12Cr1MoVG\540834-E1-01-3</t>
  </si>
  <si>
    <t>【上海电气锅炉】 分隔屏过热器外数第四圈U型弯管\Φ51*7\15CrMoG\540834-E1-01-4</t>
  </si>
  <si>
    <t>【上海电气锅炉】 分隔屏过热器外数第五圈U型弯管\Φ51*7\15CrMoG\540834-E1-01-5</t>
  </si>
  <si>
    <t>【上海电气锅炉】 分隔屏过热器外数第六圈U型弯管\Φ51*7\15CrMoG\540834-E1-01-6</t>
  </si>
  <si>
    <t>【上海电气锅炉】 分隔屏过热器外数第七圈U型弯管\Φ51*7\15CrMoG\540834-E1-01-7</t>
  </si>
  <si>
    <t>【上海电气锅炉】 分隔屏过热器外数第八圈U型弯管\Φ51*7\15CrMoG\540834-E1-01-8</t>
  </si>
  <si>
    <t>【上海电气锅炉】 后屏过热器外数第一圈U型弯管\Φ60*9\SA213-TP347H\540834-E1-02-1</t>
  </si>
  <si>
    <t>【上海电气锅炉】 后屏过热器外数第二圈U型弯管\Φ54*8\12Cr2MoWVTiB\540834-E1-02-2</t>
  </si>
  <si>
    <t>【上海电气锅炉】 后屏过热器外数第三圈U型弯管\Φ54*8\12Cr2MoWVTiB\540834-E1-02-3</t>
  </si>
  <si>
    <t>【上海电气锅炉】 后屏过热器外数第四圈U型弯管\Φ54*8\12Cr2MoWVTiB\540834-E1-02-4</t>
  </si>
  <si>
    <t>【上海电气锅炉】 后屏过热器外数第五圈U型弯管\Φ54*8\12Cr2MoWVTiB\540834-E1-02-5</t>
  </si>
  <si>
    <t>【上海电气锅炉】 后屏过热器外数第六圈U型弯管\Φ54*10\12Cr1MoVG\540834-E1-02-6</t>
  </si>
  <si>
    <t>【上海电气锅炉】 后屏过热器外数第七圈U型弯管\Φ54*10\12Cr1MoVG\540834-E1-02-7</t>
  </si>
  <si>
    <t>【上海电气锅炉】 后屏过热器外数第八圈U型弯管\Φ54*9\12Cr1MoVG\540834-E1-02-8</t>
  </si>
  <si>
    <t>【上海电气锅炉】 后屏过热器外数第九圈U型弯管\Φ54*9\12Cr1MoVG\540834-E1-02-9</t>
  </si>
  <si>
    <t>【上海电气锅炉】 后屏过热器外数第十圈U型弯管\Φ54*9\12Cr1MoVG\540834-E1-02-10</t>
  </si>
  <si>
    <t>【上海电气锅炉】 后屏过热器外数第十一圈U型弯管\Φ54*9\12Cr1MoVG\540834-E1-02-11</t>
  </si>
  <si>
    <t>【上海电气锅炉】 后屏过热器外数第十二圈U型弯管\Φ54*9\12Cr1MoVG\540834-E1-02-12</t>
  </si>
  <si>
    <t>【上海电气锅炉】 后屏过热器外数第十三圈U型弯管\Φ54*9\12Cr1MoVG\540834-E1-02-13</t>
  </si>
  <si>
    <t>【上海电气锅炉】 后屏过热器外数第十四圈U型弯管\Φ54*8\SA213-TP347H\540834-E1-02-14</t>
  </si>
  <si>
    <t>【上海电气锅炉】 末级再热器外数第一圈U型弯管\Φ63*4.5\SA213-T91\740834-E1-04-1</t>
  </si>
  <si>
    <t>【上海电气锅炉】 末级再热器外数第二圈U型弯管\Φ63*4\12Cr2MoWVTiB\740834-E1-04-2</t>
  </si>
  <si>
    <t>【上海电气锅炉】 末级再热器外数第三圈U型弯管\Φ63*4\12Cr2MoWVTiB\740834-E1-04-3</t>
  </si>
  <si>
    <t>【上海电气锅炉】 末级再热器外数第四圈U型弯管\Φ63*4\12Cr2MoWVTiB\740834-E1-04-4</t>
  </si>
  <si>
    <t>【上海电气锅炉】 末级再热器外数第五圈U型弯管\Φ63*4\12Cr2MoWVTiB\740834-E1-04-5</t>
  </si>
  <si>
    <t>【上海电气锅炉】 末级再热器外数第六圈U型弯管\Φ63*4\12Cr2MoWVTiB\740834-E1-04-6</t>
  </si>
  <si>
    <t>【上海电气锅炉】 末级再热器外数第七圈U型弯管\Φ63*6\12Cr1MoVG\740834-E1-04-7</t>
  </si>
  <si>
    <t>【上海电气锅炉】 屏式再热器外数第一圈U型弯管\Φ63*4.5\SA213-T91\740835-E1-03-1</t>
  </si>
  <si>
    <t>【上海电气锅炉】 屏式再热器外数第二圈U型弯管\Φ63*4\SA213-T91\740835-E1-03-2</t>
  </si>
  <si>
    <t>【上海电气锅炉】 屏式再热器外数第三圈U型弯管\Φ63*4\12Cr1MoVG\740835-E1-03-3</t>
  </si>
  <si>
    <t>【上海电气锅炉】 屏式再热器外数第四圈U型弯管\Φ63*4\12Cr1MoVG\740835-E1-03-4</t>
  </si>
  <si>
    <t>【上海电气锅炉】 屏式再热器外数第五圈U型弯管\Φ63*4\12Cr1MoVG\740835-E1-03-5</t>
  </si>
  <si>
    <t>【上海电气锅炉】 屏式再热器外数第六圈U型弯管\Φ63*4\12Cr1MoVG\740835-E1-03-6</t>
  </si>
  <si>
    <t>【上海电气锅炉】 屏式再热器外数第七圈U型弯管\Φ63*4\12Cr1MoVG\740835-E1-03-7</t>
  </si>
  <si>
    <t>【上海电气锅炉】 屏式再热器外数第八圈U型弯管\Φ63*4\12Cr1MoVG\740835-E1-03-8</t>
  </si>
  <si>
    <t>【上海电气锅炉】 屏式再热器外数第九圈U型弯管\Φ63*4\12Cr1MoVG\740835-E1-03-9</t>
  </si>
  <si>
    <t>【上海电气锅炉】 屏式再热器外数第十圈U型弯管\Φ63*4\12Cr1MoVG\740835-E1-03-10</t>
  </si>
  <si>
    <t>【上海电气锅炉】 屏式再热器外数第十一圈U型弯管\Φ63*4\12Cr1MoVG\740835-E1-03-11</t>
  </si>
  <si>
    <t>【上海电气锅炉】 屏式再热器外数第十二圈U型弯管\Φ63*4\12Cr1MoVG\740835-E1-03-12</t>
  </si>
  <si>
    <t>【上海电气锅炉】 屏式再热器外数第十三圈U型弯管\Φ63*5\12Cr1MoVG\740835-E1-03-13</t>
  </si>
  <si>
    <t>【上海电气锅炉】 屏式再热器外数第十四圈U型弯管\Φ63*5\12Cr1MoVG\740835-E1-03-14</t>
  </si>
  <si>
    <t>【上海电气锅炉】 低温过热器上部外数第一圈U型弯管\Φ51*6.5\15CrMoG\540834-E1-04-1</t>
  </si>
  <si>
    <t>【上海电气锅炉】 低温过热器上部外数第二圈U型弯管\Φ51*6.5\15CrMoG\540834-E1-04-2</t>
  </si>
  <si>
    <t>【上海电气锅炉】 低温过热器上部外数第三圈U型弯管\Φ51*6.5\15CrMoG\540834-E1-04-3</t>
  </si>
  <si>
    <t>【上海电气锅炉】 低温过热器上部外数第四圈U型弯管\Φ51*6.5\15CrMoG\540834-E1-04-4</t>
  </si>
  <si>
    <t>【上海电气锅炉】 低温过热器上部外数第五圈U型弯管\Φ51*6.5\15CrMoG\540834-E1-04-5</t>
  </si>
  <si>
    <t>【上海电气锅炉】 低温过热器中上部外数第一圈U型弯管\Φ51*6\15CrMoG\540834-E1-04-6</t>
  </si>
  <si>
    <t>【上海电气锅炉】 低温过热器中上部外数第二圈U型弯管\Φ51*6\15CrMoG\540834-E1-04-7</t>
  </si>
  <si>
    <t>【上海电气锅炉】 低温过热器中上部外数第三圈U型弯管\Φ51*6\15CrMoG\540834-E1-04-8</t>
  </si>
  <si>
    <t>【上海电气锅炉】 低温过热器中上部外数第四圈U型弯管\Φ51*6\15CrMoG\540834-E1-04-9</t>
  </si>
  <si>
    <t>【上海电气锅炉】 低温过热器中上部外数第五圈U型弯管\Φ51*6\15CrMoG\540834-E1-04-10</t>
  </si>
  <si>
    <t>【上海电气锅炉】 低温过热器中下部外数第一圈U型弯管\Φ51*6.5\20G\540834-E1-04-11（上）</t>
  </si>
  <si>
    <t>【上海电气锅炉】 低温过热器中下部外数第二圈U型弯管\Φ51*6.5\20G\540834-E1-04-12（上）</t>
  </si>
  <si>
    <t>【上海电气锅炉】 低温过热器中下部外数第三圈U型弯管\Φ51*6.5\20G\540834-E1-04-13（上）</t>
  </si>
  <si>
    <t>【上海电气锅炉】 低温过热器中下部外数第四圈U型弯管\Φ51*6.5\20G\540834-E1-04-14（上）</t>
  </si>
  <si>
    <t>【上海电气锅炉】 低温过热器中下部外数第五圈U型弯管\Φ51*6.5\20G\540834-E1-04-15（上）</t>
  </si>
  <si>
    <t>【上海电气锅炉】 低温过热器下部外数第一圈U型弯管\Φ51*6\20G\540834-E1-04-16</t>
  </si>
  <si>
    <t>【上海电气锅炉】 低温过热器下部外数第二圈U型弯管\Φ51*6\20G\540834-E1-04-17</t>
  </si>
  <si>
    <t>【上海电气锅炉】 低温过热器下部外数第三圈U型弯管\Φ51*6\20G\540834-E1-04-18</t>
  </si>
  <si>
    <t>【上海电气锅炉】 低温过热器下部外数第四圈U型弯管\Φ51*6\20G\540834-E1-04-19</t>
  </si>
  <si>
    <t>【上海电气锅炉】 低温过热器下部外数第五圈U型弯管\Φ51*6\20G\540834-E1-04-20</t>
  </si>
  <si>
    <t>【上海电气锅炉】 省煤器外数第一圈U型弯管\Φ51*6\SA210-C\560899-E1-01-1</t>
  </si>
  <si>
    <t>【上海电气锅炉】 省煤器外数第二圈U型弯管\Φ51*6\SA210-C\560899-E1-01-2</t>
  </si>
  <si>
    <t>【上海电气锅炉】 末级过热器前屏外数第一圈U型弯管\Φ51*6.5\SA213-T23\540899-E1-01-1</t>
  </si>
  <si>
    <t>【上海电气锅炉】 末级过热器前屏外数第二圈U型弯管\Φ51*6.5\SA213-T23\540899-E1-01-2</t>
  </si>
  <si>
    <t>【上海电气锅炉】 末级过热器前屏外数第三圈U型弯管\Φ51*6.5\SA213-T23\540899-E1-01-3</t>
  </si>
  <si>
    <t>【上海电气锅炉】 末级过热器前屏外数第四圈U型弯管\Φ51*6.5\SA213-T23\540899-E1-01-4</t>
  </si>
  <si>
    <t>【上海电气锅炉】 末级过热器后屏外数第一圈U型弯管\Φ51*7\SA213-T91\540899-E1-01-5</t>
  </si>
  <si>
    <t>【上海电气锅炉】 末级过热器后屏外数第二圈U型弯管\Φ51*7\SA213-T91\540899-E1-01-6</t>
  </si>
  <si>
    <t>【上海电气锅炉】 末级过热器后屏外数第三圈U型弯管\Φ51*7\SA213-T23\540899-E1-01-7</t>
  </si>
  <si>
    <t>【上海电气锅炉】 末级过热器后屏外数第四圈U型弯管\Φ51*7\SA213-T23\540899-E1-01-8</t>
  </si>
  <si>
    <t>【上海电气锅炉】 末级再热器外数第一圈U型弯管\Φ63*4.5\SA213-T91\740881-E1-01-1</t>
  </si>
  <si>
    <t>【上海电气锅炉】 末级再热器外数第二圈U型弯管\Φ63*4\SA213-T91\740881-E1-01-2</t>
  </si>
  <si>
    <t>【上海电气锅炉】 末级再热器外数第三圈U型弯管\Φ63*4\SA213-T91\740881-E1-01-3</t>
  </si>
  <si>
    <t>【上海电气锅炉】 末级再热器外数第四圈U型弯管\Φ63*4\SA213-T91\740881-E1-01-4</t>
  </si>
  <si>
    <t>【上海电气锅炉】 末级再热器外数第五圈U型弯管\Φ63*4\SA213-T91\740881-E1-01-5</t>
  </si>
  <si>
    <t>【上海电气锅炉】 末级再热器外数第六圈U型弯管\Φ63*4\SA213-T91\740881-E1-01-6</t>
  </si>
  <si>
    <t>【上海电气锅炉】 末级再热器外数第七圈U型弯管\Φ63*5.5\SA213-T91\740881-E1-01-7</t>
  </si>
  <si>
    <t>【上海电气锅炉】 屏式再热器外数第一圈U型弯管\Φ63*4.5\SA213-T91\740899-E1-01-1</t>
  </si>
  <si>
    <t>【上海电气锅炉】 屏式再热器外数第二圈U型弯管\Φ63*4\SA213-T91\740899-E1-01-2</t>
  </si>
  <si>
    <t>【上海电气锅炉】 屏式再热器外数第三圈U型弯管\Φ63*4\12Cr1MoVG\740899-E1-01-3</t>
  </si>
  <si>
    <t>【上海电气锅炉】 屏式再热器外数第四圈U型弯管\Φ63*4\12Cr1MoVG\740899-E1-01-4</t>
  </si>
  <si>
    <t>【上海电气锅炉】 屏式再热器外数第五圈U型弯管\Φ63*4\12Cr1MoVG\740899-E1-01-5</t>
  </si>
  <si>
    <t>【上海电气锅炉】 屏式再热器外数第六圈U型弯管\Φ63*4\12Cr1MoVG\740899-E1-01-6</t>
  </si>
  <si>
    <t>【上海电气锅炉】 屏式再热器外数第七圈U型弯管\Φ63*4\12Cr1MoVG\740899-E1-01-7</t>
  </si>
  <si>
    <t>【上海电气锅炉】 屏式再热器外数第八圈U型弯管\Φ63*4\12Cr1MoVG\740899-E1-01-8</t>
  </si>
  <si>
    <t>【上海电气锅炉】 屏式再热器外数第九圈U型弯管\Φ63*4\12Cr1MoVG\740899-E1-01-9</t>
  </si>
  <si>
    <t>【上海电气锅炉】 屏式再热器外数第十圈U型弯管\Φ63*4\12Cr1MoVG\740899-E1-01-10</t>
  </si>
  <si>
    <t>【上海电气锅炉】 屏式再热器外数第十一圈U型弯管\Φ63*4\12Cr1MoVG\740899-E1-01-11</t>
  </si>
  <si>
    <t>【上海电气锅炉】 屏式再热器外数第十二圈U型弯管\Φ63*4\12Cr1MoVG\740899-E1-01-12</t>
  </si>
  <si>
    <t>【上海电气锅炉】 屏式再热器外数第十三圈U型弯管\Φ63*5\12Cr1MoVG\740899-E1-01-13</t>
  </si>
  <si>
    <t>【上海电气锅炉】 屏式再热器外数第十四圈U型弯管\Φ63*5\12Cr1MoVG\740899-E1-01-14</t>
  </si>
  <si>
    <t>【上海电气锅炉】 低温过热器上部外数第一圈U型弯管\Φ51*6.5\15CrMoG\544881-E1-01-1</t>
  </si>
  <si>
    <t>【上海电气锅炉】 低温过热器上部外数第二圈U型弯管\Φ51*6.5\15CrMoG\544881-E1-01-2</t>
  </si>
  <si>
    <t>【上海电气锅炉】 低温过热器上部外数第三圈U型弯管\Φ51*6.5\15CrMoG\544881-E1-01-3</t>
  </si>
  <si>
    <t>【上海电气锅炉】 低温过热器上部外数第四圈U型弯管\Φ51*6.5\15CrMoG\544881-E1-01-4</t>
  </si>
  <si>
    <t>【上海电气锅炉】 低温过热器上部外数第五圈U型弯管\Φ51*6.5\15CrMoG\544881-E1-01-5</t>
  </si>
  <si>
    <t>【上海电气锅炉】 低温过热器中上部外数第一圈U型弯管\Φ51*6\15CrMoG\544881-E1-01-6</t>
  </si>
  <si>
    <t>【上海电气锅炉】 低温过热器中上部外数第二圈U型弯管\Φ51*6\15CrMoG\544881-E1-01-7</t>
  </si>
  <si>
    <t>【上海电气锅炉】 低温过热器中上部外数第三圈U型弯管\Φ51*6\15CrMoG\544881-E1-01-8</t>
  </si>
  <si>
    <t>【上海电气锅炉】 低温过热器中上部外数第四圈U型弯管\Φ51*6\15CrMoG\544881-E1-01-9</t>
  </si>
  <si>
    <t>【上海电气锅炉】 低温过热器中上部外数第五圈U型弯管\Φ51*6\15CrMoG\544881-E1-01-10</t>
  </si>
  <si>
    <t>【上海电气锅炉】 低温过热器中下部外数第一圈U型弯管\Φ51*6.5\20G\544881-E1-01-11</t>
  </si>
  <si>
    <t>【上海电气锅炉】 低温过热器中下部外数第二圈U型弯管\Φ51*6.5\20G\544881-E1-01-12</t>
  </si>
  <si>
    <t>【上海电气锅炉】 低温过热器中下部外数第三圈U型弯管\Φ51*6.5\20G\544881-E1-01-13</t>
  </si>
  <si>
    <t>【上海电气锅炉】 低温过热器中下部外数第四圈U型弯管\Φ51*6.5\20G\544881-E1-01-14</t>
  </si>
  <si>
    <t>【上海电气锅炉】 低温过热器中下部外数第五圈U型弯管\Φ51*6.5\20G\544881-E1-01-15</t>
  </si>
  <si>
    <t>【上海电气锅炉】 低温过热器下部外数第一圈U型弯管\Φ51*6\20G\544881-E1-01-16</t>
  </si>
  <si>
    <t>【上海电气锅炉】 低温过热器下部外数第二圈U型弯管\Φ51*6\20G\544881-E1-01-17</t>
  </si>
  <si>
    <t>【上海电气锅炉】 低温过热器下部外数第三圈U型弯管\Φ51*6\20G\544881-E1-01-18</t>
  </si>
  <si>
    <t>【上海电气锅炉】 低温过热器下部外数第四圈U型弯管\Φ51*6\20G\544881-E1-01-19</t>
  </si>
  <si>
    <t>【上海电气锅炉】 低温过热器下部外数第五圈U型弯管\Φ51*6\20G\544881-E1-01-20</t>
  </si>
  <si>
    <t>【上海电气锅炉】 分隔屏过热器外数第一圈U型弯管\Φ51*6.5\SA213-T91\T540110-E1-01-1</t>
  </si>
  <si>
    <t>【上海电气锅炉】 分隔屏过热器外数第二圈U型弯管\Φ51*6.5\SA213-T91\T540110-E1-01-2</t>
  </si>
  <si>
    <t>【上海电气锅炉】 分隔屏过热器外数第三圈U型弯管\Φ51*6.5\SA213-T91\T540110-E1-01-3</t>
  </si>
  <si>
    <t>【上海电气锅炉】 分隔屏过热器外数第四圈U型弯管\Φ51*6.5\12Cr1MoVG\T540110-E1-01-4</t>
  </si>
  <si>
    <t>【上海电气锅炉】 分隔屏过热器外数第五圈U型弯管\Φ51*6.5\12Cr1MoVG\T540110-E1-01-5</t>
  </si>
  <si>
    <t>【上海电气锅炉】 分隔屏过热器外数第六圈U型弯管\Φ51*6.5\12Cr1MoVG\T540110-E1-01-6</t>
  </si>
  <si>
    <t>【上海电气锅炉】 分隔屏过热器外数第七圈U型弯管\Φ51*6.5\12Cr1MoVG\T540110-E1-01-7</t>
  </si>
  <si>
    <t>【上海电气锅炉】 分隔屏过热器外数第八圈U型弯管\Φ51*6.5\12Cr1MoVG\T540110-E1-01-8</t>
  </si>
  <si>
    <t>【上海电气锅炉】 后屏过热器外数第一圈U型弯管\Φ60*9\SA213-TP347H\T540110-E1-02-1</t>
  </si>
  <si>
    <t>【上海电气锅炉】 后屏过热器外数第二圈U型弯管\Φ54*8\SA213-TP347H\T540110-E1-02-2</t>
  </si>
  <si>
    <t>【上海电气锅炉】 后屏过热器外数第三圈U型弯管\Φ54*8\SA213-TP347H\T540110-E1-02-3</t>
  </si>
  <si>
    <t>【上海电气锅炉】 后屏过热器外数第四圈U型弯管\Φ54*8\12Cr2MoWVTiB\T540110-E1-02-4</t>
  </si>
  <si>
    <t>【上海电气锅炉】 后屏过热器外数第五圈U型弯管\Φ54*8\12Cr2MoWVTiB\T540110-E1-02-5</t>
  </si>
  <si>
    <t>【上海电气锅炉】 后屏过热器外数第六圈U型弯管\Φ54*10\12Cr1MoVG\T540110-E1-02-6</t>
  </si>
  <si>
    <t>【上海电气锅炉】 后屏过热器外数第七圈U型弯管\Φ54*10\12Cr1MoVG\T540110-E1-02-7</t>
  </si>
  <si>
    <t>【上海电气锅炉】 后屏过热器外数第八圈U型弯管\Φ54*9\12Cr1MoVG\T540110-E1-02-8</t>
  </si>
  <si>
    <t>【上海电气锅炉】 后屏过热器外数第九圈U型弯管\Φ54*9\12Cr1MoVG\T540110-E1-02-9</t>
  </si>
  <si>
    <t>【上海电气锅炉】 后屏过热器外数第十圈U型弯管\Φ54*9\12Cr1MoVG\T540110-E1-02-10</t>
  </si>
  <si>
    <t>【上海电气锅炉】 后屏过热器外数第十一圈U型弯管\Φ54*9\12Cr1MoVG\T540110-E1-02-11</t>
  </si>
  <si>
    <t>【上海电气锅炉】 后屏过热器外数第十二圈U型弯管\Φ54*9\12Cr1MoVG\T540110-E1-02-12</t>
  </si>
  <si>
    <t>【上海电气锅炉】 后屏过热器外数第十三圈U型弯管\Φ54*9\12Cr1MoVG\T540110-E1-02-13</t>
  </si>
  <si>
    <t>【上海电气锅炉】 后屏过热器外数第十四圈U型弯管\Φ54*8\SA213-TP347H\T540110-E1-02-14</t>
  </si>
  <si>
    <t>【上海电气锅炉】 前屏过热器外数第1圈管U型弯管\Φ38*5\钢102\54417-3-0-01</t>
  </si>
  <si>
    <t>【上海电气锅炉】 前屏过热器外数第2圈管U型弯管\Φ38*5\钢102\54417-3-0-02</t>
  </si>
  <si>
    <t>【上海电气锅炉】 前屏过热器外数第3圈管U型弯管\Φ38*5\钢102\54417-3-0-03</t>
  </si>
  <si>
    <t>【上海电气锅炉】 前屏过热器外数第4圈管U型弯管\Φ38*4.5\12Cr1MoVG\54417-3-0-04</t>
  </si>
  <si>
    <t>【上海电气锅炉】 前屏过热器外数第5圈管U型弯管\Φ38*4.5\12Cr1MoVG\54417-3-0-05</t>
  </si>
  <si>
    <t>【上海电气锅炉】 前屏过热器外数第6圈管U型弯管\Φ38*4.5\12Cr1MoVG\54417-3-0-06</t>
  </si>
  <si>
    <t>【上海电气锅炉】 前屏过热器外数第7圈管U型弯管\Φ38*4.5\12Cr1MoVG\54417-3-0-07</t>
  </si>
  <si>
    <t>【上海电气锅炉】 前屏过热器外数第8圈管U型弯管\Φ38*4.5\12Cr1MoVG\54417-3-0-08</t>
  </si>
  <si>
    <t>【上海电气锅炉】 前屏过热器外数第9圈管U型弯管\Φ38*4.5\12Cr1MoVG\54417-3-0-09</t>
  </si>
  <si>
    <t>【上海电气锅炉】 前屏过热器外数第10圈管U型弯管\Φ38*4.5\12Cr1MoVG\54417-3-0-10</t>
  </si>
  <si>
    <t>【上海电气锅炉】 前屏过热器外数第11圈管U型弯管\Φ38*4.5\12Cr1MoVG\54417-3-0-11</t>
  </si>
  <si>
    <t>【上海电气锅炉】 前屏过热器外数第12圈管U型弯管\Φ38*4.5\12Cr1MoVG\54417-3-0-12</t>
  </si>
  <si>
    <t>【上海电气锅炉】 前屏过热器外数第13圈管U型弯管\Φ38*4.5\12Cr1MoVG\54417-3-0-13</t>
  </si>
  <si>
    <t>【上海电气锅炉】 前屏过热器外数第14圈管U型弯管\Φ38*4.5\12Cr1MoVG\54417-3-0-14</t>
  </si>
  <si>
    <t>【上海电气锅炉】 前屏过热器外数第15圈管U型弯管\Φ38*4.5\12Cr1MoVG\54417-3-0-15</t>
  </si>
  <si>
    <t>【上海电气锅炉】 前屏过热器外数第16圈管U型弯管\Φ38*4.5\12Cr1MoVG\54417-3-0-16</t>
  </si>
  <si>
    <t>【上海电气锅炉】 前屏过热器外数第17圈管U型弯管\Φ38*4.5\12Cr1MoVG\54417-3-0-17</t>
  </si>
  <si>
    <t>【上海电气锅炉】 前屏过热器外数第18圈管U型弯管\Φ38*4.5\12Cr1MoVG\54417-3-0-18</t>
  </si>
  <si>
    <t>【上海电气锅炉】 前屏过热器外数第19圈管U型弯管\Φ38*4.5\12Cr1MoVG\54417-3-0-19</t>
  </si>
  <si>
    <t>【上海电气锅炉】 前屏过热器外数第20圈管U型弯管\Φ38*4.5\12Cr1MoVG\54417-3-0-20</t>
  </si>
  <si>
    <t>【上海电气锅炉】 前屏过热器外数第21圈管U型弯管\Φ38*4.5\12Cr1MoVG\54417-3-0-21</t>
  </si>
  <si>
    <t>【上海电气锅炉】 前屏过热器外数第22圈管U型弯管\Φ38*4.5\12Cr1MoVG\54417-3-0-22</t>
  </si>
  <si>
    <t>【上海电气锅炉】 前屏过热器外数第23圈管U型弯管\Φ38*4.5\12Cr1MoVG\54417-3-0-23</t>
  </si>
  <si>
    <t>【上海电气锅炉】 前屏过热器外数第24圈管U型弯管\Φ38*4.5\12Cr1MoVG\54417-3-0-24</t>
  </si>
  <si>
    <t>【上海电气锅炉】 前屏过热器外数第25圈管U型弯管\Φ38*4.5\12Cr1MoVG\54417-3-0-25</t>
  </si>
  <si>
    <t>【上海电气锅炉】 前屏过热器外数第26圈管U型弯管\Φ38*5\钢102\54417-3-0-26</t>
  </si>
  <si>
    <t>【上海电气锅炉】 前屏过热器外数第27圈管U型弯管\Φ38*5\钢102\54417-3-0-27</t>
  </si>
  <si>
    <t>【上海电气锅炉】 前屏过热器外数第28圈管U型弯管\Φ38*5\钢102\54417-3-0-28</t>
  </si>
  <si>
    <t>【上海电气锅炉】 后屏过热器外数第1圈管U型弯管\Φ38*5\钢102\54417-4-0-01</t>
  </si>
  <si>
    <t>【上海电气锅炉】 后屏过热器外数第2圈管U型弯管\Φ38*5\钢102\54417-4-0-02</t>
  </si>
  <si>
    <t>【上海电气锅炉】 后屏过热器外数第3圈管U型弯管\Φ38*5\钢102\54417-4-0-03</t>
  </si>
  <si>
    <t>【上海电气锅炉】 后屏过热器外数第4圈管上U型弯管\Φ38*5\12Cr1MoVG\54417-4-0-04</t>
  </si>
  <si>
    <t>【上海电气锅炉】 后屏过热器外数第4圈管下U型弯管\Φ38*5\12Cr1MoVG\54417-4-0-05</t>
  </si>
  <si>
    <t>【上海电气锅炉】 后屏过热器外数第5圈管上U型弯管\Φ38*5\12Cr1MoVG\54417-4-0-06</t>
  </si>
  <si>
    <t>【上海电气锅炉】 后屏过热器外数第5圈管下U型弯管\Φ38*5\12Cr1MoVG\54417-4-0-07</t>
  </si>
  <si>
    <t>【上海电气锅炉】 后屏过热器外数第6圈管上U型弯管\Φ38*5\12Cr1MoVG\54417-4-0-08</t>
  </si>
  <si>
    <t>【上海电气锅炉】 后屏过热器外数第6圈管下U型弯管\Φ38*5\12Cr1MoVG\54417-4-0-09</t>
  </si>
  <si>
    <t>【上海电气锅炉】 后屏过热器外数第7圈管上U型弯管\Φ38*5\12Cr1MoVG\54417-4-0-10</t>
  </si>
  <si>
    <t>【上海电气锅炉】 后屏过热器外数第7圈管下U型弯管\Φ38*5\12Cr1MoVG\54417-4-0-11</t>
  </si>
  <si>
    <t>【上海电气锅炉】 后屏过热器外数第8圈管上U型弯管\Φ38*5\12Cr1MoVG\54417-4-0-12</t>
  </si>
  <si>
    <t>【上海电气锅炉】 后屏过热器外数第8圈管下U型弯管\Φ38*5\12Cr1MoVG\54417-4-0-13</t>
  </si>
  <si>
    <t>【上海电气锅炉】 后屏过热器外数第9圈管上U型弯管\Φ38*5\12Cr1MoVG\54417-4-0-14</t>
  </si>
  <si>
    <t>【上海电气锅炉】 后屏过热器外数第9圈管下U型弯管\Φ38*5\12Cr1MoVG\54417-4-0-15</t>
  </si>
  <si>
    <t>【上海电气锅炉】 后屏过热器外数第10圈管上U型弯管\Φ38*5\12Cr1MoVG\54417-4-0-16</t>
  </si>
  <si>
    <t>【上海电气锅炉】 后屏过热器外数第10圈管下U型弯管\Φ38*5\12Cr1MoVG\54417-4-0-17</t>
  </si>
  <si>
    <t>【上海电气锅炉】 后屏过热器外数第11圈管上U型弯管\Φ38*5\12Cr1MoVG\54417-4-0-18</t>
  </si>
  <si>
    <t>【上海电气锅炉】 后屏过热器外数第11圈管下U型弯管\Φ38*5\12Cr1MoVG\54417-4-0-19</t>
  </si>
  <si>
    <t>【上海电气锅炉】 后屏过热器外数第12圈管上U型弯管\Φ38*5\12Cr1MoVG\54417-4-0-20</t>
  </si>
  <si>
    <t>【上海电气锅炉】 后屏过热器外数第12圈管下U型弯管\Φ38*5\12Cr1MoVG\54417-4-0-21</t>
  </si>
  <si>
    <t>【上海电气锅炉】 对流过热器右外数第1圈管小U型弯管\Φ38*6\12Cr2MoWVTiB\54417-5-0-01</t>
  </si>
  <si>
    <t>【上海电气锅炉】 对流过热器右外数第1圈管大U型弯管\Φ38*6\12Cr1MoVG\54417-5-0-02</t>
  </si>
  <si>
    <t>【上海电气锅炉】 对流过热器右外数第2圈管U型弯管\Φ38*6\12Cr2MoWVTiB\54417-5-0-03</t>
  </si>
  <si>
    <t>【上海电气锅炉】 对流过热器右外数第3圈管小U型弯管\Φ38*6\12Cr2MoWVTiB\54417-5-0-04</t>
  </si>
  <si>
    <t>【上海电气锅炉】 对流过热器右外数第3圈管大U型弯管\Φ38*6\12Cr2MoWVTiB\54417-5-0-05</t>
  </si>
  <si>
    <t>【上海电气锅炉】 对流过热器左外数第1圈管小U型弯管\Φ38*6\12Cr1MoVG\54417-5-0-06</t>
  </si>
  <si>
    <t>【上海电气锅炉】 对流过热器左外数第1圈管大U型弯管\Φ38*6\12Cr1MoVG\54417-5-0-07</t>
  </si>
  <si>
    <t>【上海电气锅炉】 对流过热器左外数第2圈管U型弯管\Φ38*6\12Cr1MoVG\54417-5-0-08</t>
  </si>
  <si>
    <t>【上海电气锅炉】 对流过热器左外数第3圈管小U型弯管\Φ38*6\12Cr1MoVG\54417-5-0-09</t>
  </si>
  <si>
    <t>【上海电气锅炉】 对流过热器左外数第3圈管大U型弯管\Φ38*6\12Cr1MoVG\54417-5-0-10</t>
  </si>
  <si>
    <t>【上海电气锅炉】 主省煤器外数第1圈管U型弯管\Φ32*4\20G\56417-1-0-01</t>
  </si>
  <si>
    <t>【上海电气锅炉】 主省煤器外数第2圈管U型弯管\Φ32*4\20G\56417-1-0-02</t>
  </si>
  <si>
    <t>【上海电气锅炉】 旁路省煤器外数第1圈管U型弯管\Φ38*4\20G\56417-3-0-01</t>
  </si>
  <si>
    <t>【上海电气锅炉】 旁路省煤器外数第2圈管U型弯管\Φ38*4\20G\56417-3-0-02</t>
  </si>
  <si>
    <t>【上海电气锅炉】 低温再热器垂直段下部外数第1圈管U型弯管\Φ42*3.5\12Cr1MoVG\74418-1-0A-01</t>
  </si>
  <si>
    <t>【上海电气锅炉】 低温再热器垂直段下部外数第2圈管U型弯管\Φ42*3.5\12Cr1MoVG\74418-1-0A-02</t>
  </si>
  <si>
    <t>【上海电气锅炉】 低温再热器垂直段下部外数第3圈管U型弯管\Φ42*3.5\12Cr1MoVG\74418-1-0A-03</t>
  </si>
  <si>
    <t>【上海电气锅炉】 低温再热器垂直段下部外数第4圈管U型弯管\Φ42*3.5\12Cr1MoVG\74418-1-0A-04</t>
  </si>
  <si>
    <t>【上海电气锅炉】 低温再热器垂直段下部外数第5圈管U型弯管\Φ42*3.5\12Cr1MoVG\74418-1-0A-05</t>
  </si>
  <si>
    <t>【上海电气锅炉】 低温再热器垂直段下部外数第6圈管U型弯管\Φ42*3.5\12Cr1MoVG\74418-1-0A-06</t>
  </si>
  <si>
    <t>【上海电气锅炉】 低温再热器垂直段下部外数第7圈管U型弯管\Φ42*3.5\12Cr1MoVG\74418-1-0A-07</t>
  </si>
  <si>
    <t>【上海电气锅炉】 低温再热器垂直段上部外数第1圈管U型弯管\Φ42*3.5\12Cr1MoVG\74418-1-0A-08</t>
  </si>
  <si>
    <t>【上海电气锅炉】 低温再热器垂直段上部外数第2圈管U型弯管\Φ42*3.5\12Cr1MoVG\74418-1-0A-09</t>
  </si>
  <si>
    <t>【上海电气锅炉】 低温再热器垂直段上部外数第3圈管U型弯管\Φ42*3.5\12Cr1MoVG\74418-1-0A-10</t>
  </si>
  <si>
    <t>【上海电气锅炉】 低温再热器垂直段上部外数第4圈管U型弯管\Φ42*3.5\12Cr1MoVG\74418-1-0A-11</t>
  </si>
  <si>
    <t>【上海电气锅炉】 低温再热器垂直段上部外数第5圈管U型弯管\Φ42*3.5\12Cr1MoVG\74418-1-0A-12</t>
  </si>
  <si>
    <t>【上海电气锅炉】 低温再热器垂直段上部外数第6圈管U型弯管\Φ42*3.5\12Cr1MoVG\74418-1-0A-13</t>
  </si>
  <si>
    <t>【上海电气锅炉】 低温再热器垂直段上部外数第7圈管U型弯管\Φ42*3.5\12Cr1MoVG\74418-1-0A-14</t>
  </si>
  <si>
    <t>【上海电气锅炉】 低温再热器上部管屏外数第1圈管U型弯管\Φ42*3.5\15CrMoG\74418-1-0A-15</t>
  </si>
  <si>
    <t>【上海电气锅炉】 低温再热器上部管屏外数第2圈管U型弯管\Φ42*3.5\15CrMoG\74418-1-0A-16</t>
  </si>
  <si>
    <t>【上海电气锅炉】 低温再热器上部管屏外数第3圈管U型弯管\Φ42*3.5\15CrMoG\74418-1-0A-17</t>
  </si>
  <si>
    <t>【上海电气锅炉】 低温再热器上部管屏外数第4圈管U型弯管\Φ42*3.5\15CrMoG\74418-1-0A-18</t>
  </si>
  <si>
    <t>【上海电气锅炉】 低温再热器上部管屏外数第5圈管U型弯管\Φ42*3.5\15CrMoG\74418-1-0A-19</t>
  </si>
  <si>
    <t>【上海电气锅炉】 低温再热器上部管屏外数第6圈管U型弯管\Φ42*3.5\15CrMoG\74418-1-0A-20</t>
  </si>
  <si>
    <t>【上海电气锅炉】 低温再热器上部管屏外数第7圈管U型弯管\Φ42*3.5\15CrMoG\74418-1-0A-21</t>
  </si>
  <si>
    <t>【上海电气锅炉】 低温再热器下部管屏外数第1圈管U型弯管\Φ42*3.5\20G\74418-1-0A-22</t>
  </si>
  <si>
    <t>【上海电气锅炉】 低温再热器下部管屏外数第2圈管U型弯管\Φ42*3.5\20G\74418-1-0A-23</t>
  </si>
  <si>
    <t>【上海电气锅炉】 低温再热器下部管屏外数第3圈管U型弯管\Φ42*3.5\20G\74418-1-0A-24</t>
  </si>
  <si>
    <t>【上海电气锅炉】 低温再热器下部管屏外数第4圈管U型弯管\Φ42*3.5\20G\74418-1-0A-25</t>
  </si>
  <si>
    <t>【上海电气锅炉】 低温再热器下部管屏外数第5圈管U型弯管\Φ42*3.5\20G\74418-1-0A-26</t>
  </si>
  <si>
    <t>【上海电气锅炉】 低温再热器下部管屏外数第6圈管U型弯管\Φ42*3.5\20G\74418-1-0A-27</t>
  </si>
  <si>
    <t>【上海电气锅炉】 低温再热器下部管屏外数第7圈管U型弯管\Φ42*3.5\20G\74418-1-0A-28</t>
  </si>
  <si>
    <t>【上海电气锅炉】 高温再热器外数第1圈管U型弯管\Φ42*4.5\X12CrMo91\74418-2-0-01</t>
  </si>
  <si>
    <t>【上海电气锅炉】 高温再热器外数第2圈管U型弯管\Φ42*4.5\X12CrMo91\74418-2-0-02</t>
  </si>
  <si>
    <t>【上海电气锅炉】 高温再热器外数第3圈管U型弯管\Φ42*4.5\X12CrMo91\74418-2-0-03</t>
  </si>
  <si>
    <t>【上海电气锅炉】 高温再热器外数第4圈管U型弯管\Φ42*4.5\X12CrMo91\74418-2-0-04</t>
  </si>
  <si>
    <t>【上海电气锅炉】 高温再热器内数第5圈管U型弯管\Φ42*4.5\X12CrMo91\74418-2-0-05</t>
  </si>
  <si>
    <t>【上海电气锅炉】 高温再热器外数第6圈管U型弯管\Φ42*4.5\X12CrMo91\74418-2-0-06</t>
  </si>
  <si>
    <t>【上海电气锅炉】 高温再热器外数第7圈管U型弯管\Φ42*4.5\X12CrMo91\74418-2-0-07</t>
  </si>
  <si>
    <t>【上海电气锅炉】 前屏过热器外数第1圈管U型弯管\Φ38*5\12Cr2MoWVTiB\540768-E1-01-01</t>
  </si>
  <si>
    <t>【上海电气锅炉】 前屏过热器外数第2圈管U型弯管\Φ38*5\12Cr2MoWVTiB\540768-E1-01-02</t>
  </si>
  <si>
    <t>【上海电气锅炉】 前屏过热器外数第3圈管U型弯管\Φ38*5\12Cr2MoWVTiB\540768-E1-01-03</t>
  </si>
  <si>
    <t>【上海电气锅炉】 前屏过热器外数第4圈管U型弯管\Φ38*4.5\12Cr1MoVG\540768-E1-01-04</t>
  </si>
  <si>
    <t>【上海电气锅炉】 前屏过热器外数第5圈管U型弯管\Φ38*4.5\12Cr1MoVG\540768-E1-01-05</t>
  </si>
  <si>
    <t>【上海电气锅炉】 前屏过热器外数第6圈管U型弯管\Φ38*4.5\12Cr1MoVG\540768-E1-01-06</t>
  </si>
  <si>
    <t>【上海电气锅炉】 前屏过热器外数第7圈管U型弯管\Φ38*4.5\12Cr1MoVG\540768-E1-01-07</t>
  </si>
  <si>
    <t>【上海电气锅炉】 前屏过热器外数第8圈管U型弯管\Φ38*4.5\12Cr1MoVG\540768-E1-01-08</t>
  </si>
  <si>
    <t>【上海电气锅炉】 前屏过热器外数第9圈管U型弯管\Φ38*4.5\12Cr1MoVG\540768-E1-01-09</t>
  </si>
  <si>
    <t>【上海电气锅炉】 前屏过热器外数第10圈管U型弯管\Φ38*4.5\12Cr1MoVG\540768-E1-01-10</t>
  </si>
  <si>
    <t>【上海电气锅炉】 前屏过热器外数第11圈管U型弯管\Φ38*4.5\12Cr1MoVG\540768-E1-01-11</t>
  </si>
  <si>
    <t>【上海电气锅炉】 前屏过热器外数第12圈管U型弯管\Φ38*4.5\12Cr1MoVG\540768-E1-01-12</t>
  </si>
  <si>
    <t>【上海电气锅炉】 前屏过热器外数第13圈管U型弯管\Φ38*4.5\12Cr1MoVG\540768-E1-01-13</t>
  </si>
  <si>
    <t>【上海电气锅炉】 前屏过热器外数第14圈管U型弯管\Φ38*4.5\12Cr1MoVG\540768-E1-01-14</t>
  </si>
  <si>
    <t>【上海电气锅炉】 前屏过热器外数第15圈管U型弯管\Φ38*4.5\12Cr1MoVG\540768-E1-01-15</t>
  </si>
  <si>
    <t>【上海电气锅炉】 前屏过热器外数第16圈管U型弯管\Φ38*4.5\12Cr1MoVG\540768-E1-01-16</t>
  </si>
  <si>
    <t>【上海电气锅炉】 前屏过热器外数第17圈管U型弯管\Φ38*4.5\12Cr1MoVG\540768-E1-01-17</t>
  </si>
  <si>
    <t>【上海电气锅炉】 前屏过热器外数第18圈管U型弯管\Φ38*4.5\12Cr1MoVG\540768-E1-01-18</t>
  </si>
  <si>
    <t>【上海电气锅炉】 前屏过热器外数第19圈管U型弯管\Φ38*4.5\12Cr1MoVG\540768-E1-01-19</t>
  </si>
  <si>
    <t>【上海电气锅炉】 前屏过热器外数第20圈管U型弯管\Φ38*4.5\12Cr1MoVG\540768-E1-01-20</t>
  </si>
  <si>
    <t>【上海电气锅炉】 前屏过热器外数第21圈管U型弯管\Φ38*4.5\12Cr1MoVG\540768-E1-01-21</t>
  </si>
  <si>
    <t>【上海电气锅炉】 前屏过热器外数第22圈管U型弯管\Φ38*4.5\12Cr1MoVG\540768-E1-01-22</t>
  </si>
  <si>
    <t>【上海电气锅炉】 前屏过热器外数第23圈管U型弯管\Φ38*4.5\12Cr1MoVG\540768-E1-01-23</t>
  </si>
  <si>
    <t>【上海电气锅炉】 前屏过热器外数第24圈管U型弯管\Φ38*4.5\12Cr1MoVG\540768-E1-01-24</t>
  </si>
  <si>
    <t>【上海电气锅炉】 前屏过热器外数第25圈管U型弯管\Φ38*4.5\12Cr1MoVG\540768-E1-01-25</t>
  </si>
  <si>
    <t>【上海电气锅炉】 前屏过热器外数第26圈管U型弯管\Φ38*5\12Cr2MoWVTiB\540768-E1-01-26</t>
  </si>
  <si>
    <t>【上海电气锅炉】 前屏过热器外数第27圈管U型弯管\Φ38*5\12Cr2MoWVTiB\540768-E1-01-27</t>
  </si>
  <si>
    <t>【上海电气锅炉】 前屏过热器外数第28圈管U型弯管\Φ38*5\12Cr2MoWVTiB\540768-E1-01-28</t>
  </si>
  <si>
    <t>【上海电气锅炉】 后屏过热器外数第1圈管U型弯管\Φ38*5\12Cr2MoWVTiB\540768-E1-02-01</t>
  </si>
  <si>
    <t>【上海电气锅炉】 后屏过热器外数第2圈管U型弯管\Φ38*5\12Cr2MoWVTiB\540768-E1-02-02</t>
  </si>
  <si>
    <t>【上海电气锅炉】 后屏过热器外数第3圈管U型弯管\Φ38*5\12Cr2MoWVTiB\540768-E1-02-03</t>
  </si>
  <si>
    <t>【上海电气锅炉】 后屏过热器外数第4圈管上U型弯管\Φ38*5\12Cr1MoVG\540768-E1-02-04</t>
  </si>
  <si>
    <t>【上海电气锅炉】 后屏过热器外数第4圈管下U型弯管\Φ38*5\12Cr1MoVG\540768-E1-02-05</t>
  </si>
  <si>
    <t>【上海电气锅炉】 后屏过热器外数第5圈管上U型弯管\Φ38*5\12Cr1MoVG\540768-E1-02-06</t>
  </si>
  <si>
    <t>【上海电气锅炉】 后屏过热器外数第5圈管下U型弯管\Φ38*5\12Cr1MoVG\540768-E1-02-07</t>
  </si>
  <si>
    <t>【上海电气锅炉】 后屏过热器外数第6圈管上U型弯管\Φ38*5\12Cr1MoVG\540768-E1-02-08</t>
  </si>
  <si>
    <t>【上海电气锅炉】 后屏过热器外数第6圈管下U型弯管\Φ38*5\12Cr1MoVG\540768-E1-02-09</t>
  </si>
  <si>
    <t>【上海电气锅炉】 后屏过热器外数第7圈管上U型弯管\Φ38*5\12Cr1MoVG\540768-E1-02-10</t>
  </si>
  <si>
    <t>【上海电气锅炉】 后屏过热器外数第7圈管下U型弯管\Φ38*5\12Cr1MoVG\540768-E1-02-11</t>
  </si>
  <si>
    <t>【上海电气锅炉】 后屏过热器外数第8圈管上U型弯管\Φ38*5\12Cr1MoVG\540768-E1-02-12</t>
  </si>
  <si>
    <t>【上海电气锅炉】 后屏过热器外数第8圈管下U型弯管\Φ38*5\12Cr1MoVG\540768-E1-02-13</t>
  </si>
  <si>
    <t>【上海电气锅炉】 后屏过热器外数第9圈管上U型弯管\Φ38*5\12Cr1MoVG\540768-E1-02-14</t>
  </si>
  <si>
    <t>【上海电气锅炉】 后屏过热器外数第9圈管下U型弯管\Φ38*5\12Cr1MoVG\540768-E1-02-15</t>
  </si>
  <si>
    <t>【上海电气锅炉】 后屏过热器外数第10圈管上U型弯管\Φ38*5\12Cr1MoVG\540768-E1-02-16</t>
  </si>
  <si>
    <t>【上海电气锅炉】 后屏过热器外数第10圈管下U型弯管\Φ38*5\12Cr1MoVG\540768-E1-02-17</t>
  </si>
  <si>
    <t>【上海电气锅炉】 后屏过热器外数第11圈管上U型弯管\Φ38*5\12Cr1MoVG\540768-E1-02-18</t>
  </si>
  <si>
    <t>【上海电气锅炉】 后屏过热器外数第11圈管下U型弯管\Φ38*5\12Cr1MoVG\540768-E1-02-19</t>
  </si>
  <si>
    <t>【上海电气锅炉】 后屏过热器外数第12圈管上U型弯管\Φ38*5\12Cr1MoVG\540768-E1-02-20</t>
  </si>
  <si>
    <t>【上海电气锅炉】 后屏过热器外数第12圈管下U型弯管\Φ38*5\12Cr1MoVG\540768-E1-02-21</t>
  </si>
  <si>
    <t>【上海电气锅炉】 对流过热器右外数第1圈管小U型弯管\Φ38*6\12Cr2MoWVTiB\540768-E1-03-01</t>
  </si>
  <si>
    <t>【上海电气锅炉】 对流过热器右外数第1圈管大U型弯管\Φ38*6\12Cr2MoWVTiB\540768-E1-03-02</t>
  </si>
  <si>
    <t>【上海电气锅炉】 对流过热器右外数第2圈管U型弯管\Φ38*6\12Cr2MoWVTiB\540768-E1-03-03</t>
  </si>
  <si>
    <t>【上海电气锅炉】 对流过热器右外数第3圈管小U型弯管\Φ38*6\12Cr2MoWVTiB\540768-E1-03-04</t>
  </si>
  <si>
    <t>【上海电气锅炉】 对流过热器右外数第3圈管大U型弯管\Φ38*6\12Cr2MoWVTiB\540768-E1-03-05</t>
  </si>
  <si>
    <t>【上海电气锅炉】 对流过热器左外数第1圈管小U型弯管\Φ38*6\12Cr1MoVG\540768-E1-03-06</t>
  </si>
  <si>
    <t>【上海电气锅炉】 对流过热器左外数第1圈管大U型弯管\Φ38*6\12Cr1MoVG\540768-E1-03-07</t>
  </si>
  <si>
    <t>【上海电气锅炉】 对流过热器左外数第2圈管U型弯管\Φ38*6\12Cr1MoVG\540768-E1-03-08</t>
  </si>
  <si>
    <t>【上海电气锅炉】 对流过热器左外数第3圈管小U型弯管\Φ38*6\12Cr1MoVG\540768-E1-03-09</t>
  </si>
  <si>
    <t>【上海电气锅炉】 对流过热器左外数第3圈管大U型弯管\Φ38*6\12Cr1MoVG\540768-E1-03-10</t>
  </si>
  <si>
    <t>【上海电气锅炉】 主省煤器外数第1圈管U型弯管\Φ32*4\20G\560768-E1-01-01</t>
  </si>
  <si>
    <t>【上海电气锅炉】 主省煤器外数第2圈管U型弯管\Φ32*4\20G\560768-E1-01-02</t>
  </si>
  <si>
    <t>【上海电气锅炉】 旁路省煤器外数第1圈管U型弯管\Φ38*5\20G\560768-E1-03-01</t>
  </si>
  <si>
    <t>【上海电气锅炉】 旁路省煤器外数第2圈管U型弯管\Φ38*5\20G\560768-E1-03-02</t>
  </si>
  <si>
    <t>【上海电气锅炉】 低温再热器垂直段下部外数第1圈管U型弯管\Φ42*3.5\12Cr1MoVG\740768-E1-01-01</t>
  </si>
  <si>
    <t>【上海电气锅炉】 低温再热器垂直段下部外数第2圈管U型弯管\Φ42*3.5\12Cr1MoVG\740768-E1-01-02</t>
  </si>
  <si>
    <t>【上海电气锅炉】 低温再热器垂直段下部外数第3圈管U型弯管\Φ42*3.5\12Cr1MoVG\740768-E1-01-03</t>
  </si>
  <si>
    <t>【上海电气锅炉】 低温再热器垂直段下部外数第4圈管U型弯管\Φ42*3.5\12Cr1MoVG\740768-E1-01-04</t>
  </si>
  <si>
    <t>【上海电气锅炉】 低温再热器垂直段下部外数第5圈管U型弯管\Φ42*3.5\12Cr1MoVG\740768-E1-01-05</t>
  </si>
  <si>
    <t>【上海电气锅炉】 低温再热器垂直段下部外数第6圈管U型弯管\Φ42*3.5\12Cr1MoVG\740768-E1-01-06</t>
  </si>
  <si>
    <t>【上海电气锅炉】 低温再热器垂直段下部外数第7圈管U型弯管\Φ42*3.5\12Cr1MoVG\740768-E1-01-07</t>
  </si>
  <si>
    <t>【上海电气锅炉】 低温再热器垂直段上部外数第1圈管U型弯管\Φ42*3.5\12Cr1MoVG\740768-E1-01-08</t>
  </si>
  <si>
    <t>【上海电气锅炉】 低温再热器垂直段上部外数第2圈管U型弯管\Φ42*3.5\12Cr1MoVG\740768-E1-01-09</t>
  </si>
  <si>
    <t>【上海电气锅炉】 低温再热器垂直段上部外数第3圈管U型弯管\Φ42*3.5\12Cr1MoVG\740768-E1-01-10</t>
  </si>
  <si>
    <t>【上海电气锅炉】 低温再热器垂直段上部外数第4圈管U型弯管\Φ42*3.5\12Cr1MoVG\740768-E1-01-11</t>
  </si>
  <si>
    <t>【上海电气锅炉】 低温再热器垂直段上部外数第5圈管U型弯管\Φ42*3.5\12Cr1MoVG\740768-E1-01-12</t>
  </si>
  <si>
    <t>【上海电气锅炉】 低温再热器垂直段上部外数第6圈管U型弯管\Φ42*3.5\12Cr1MoVG\740768-E1-01-13</t>
  </si>
  <si>
    <t>【上海电气锅炉】 低温再热器垂直段上部外数第7圈管U型弯管\Φ42*3.5\12Cr1MoVG\740768-E1-01-14</t>
  </si>
  <si>
    <t>【上海电气锅炉】 低温再热器上部管屏外数第1圈管U型弯管\Φ42*3.5\15CrMoG\740768-E1-01-15</t>
  </si>
  <si>
    <t>【上海电气锅炉】 低温再热器上部管屏外数第2圈管U型弯管\Φ42*3.5\15CrMoG\740768-E1-01-16</t>
  </si>
  <si>
    <t>【上海电气锅炉】 低温再热器上部管屏外数第3圈管U型弯管\Φ42*3.5\15CrMoG\740768-E1-01-17</t>
  </si>
  <si>
    <t>【上海电气锅炉】 低温再热器上部管屏外数第4圈管U型弯管\Φ42*3.5\15CrMoG\740768-E1-01-18</t>
  </si>
  <si>
    <t>【上海电气锅炉】 低温再热器上部管屏外数第5圈管U型弯管\Φ42*3.5\15CrMoG\740768-E1-01-19</t>
  </si>
  <si>
    <t>【上海电气锅炉】 低温再热器上部管屏外数第6圈管U型弯管\Φ42*3.5\15CrMoG\740768-E1-01-20</t>
  </si>
  <si>
    <t>【上海电气锅炉】 低温再热器上部管屏外数第7圈管U型弯管\Φ42*3.5\15CrMoG\740768-E1-01-21</t>
  </si>
  <si>
    <t>【上海电气锅炉】 低温再热器下部管屏外数第1圈管U型弯管\Φ42*3.5\20G\740768-E1-01-22</t>
  </si>
  <si>
    <t>【上海电气锅炉】 低温再热器下部管屏外数第2圈管U型弯管\Φ42*3.5\20G\740768-E1-01-23</t>
  </si>
  <si>
    <t>【上海电气锅炉】 低温再热器下部管屏外数第3圈管U型弯管\Φ42*3.5\20G\740768-E1-01-24</t>
  </si>
  <si>
    <t>【上海电气锅炉】 低温再热器下部管屏外数第4圈管U型弯管\Φ42*3.5\20G\740768-E1-01-25</t>
  </si>
  <si>
    <t>【上海电气锅炉】 低温再热器下部管屏外数第5圈管U型弯管\Φ42*3.5\20G\740768-E1-01-26</t>
  </si>
  <si>
    <t>【上海电气锅炉】 低温再热器下部管屏外数第6圈管U型弯管\Φ42*3.5\20G\740768-E1-01-27</t>
  </si>
  <si>
    <t>【上海电气锅炉】 低温再热器下部管屏外数第7圈管U型弯管\Φ42*3.5\20G\740768-E1-01-28</t>
  </si>
  <si>
    <t>【上海电气锅炉】 高温再热器外数第1圈管U型弯管\Φ42*4\SA213-T91\740768-E1-02-01</t>
  </si>
  <si>
    <t>【上海电气锅炉】 高温再热器外数第2圈管U型弯管\Φ42*4\SA213-T91\740768-E1-02-02</t>
  </si>
  <si>
    <t>【上海电气锅炉】 高温再热器外数第3圈管U型弯管\Φ42*4\SA213-T91\740768-E1-02-03</t>
  </si>
  <si>
    <t>【上海电气锅炉】 高温再热器外数第4圈管U型弯管\Φ42*4\SA213-T91\740768-E1-02-04</t>
  </si>
  <si>
    <t>【上海电气锅炉】 高温再热器外数第5圈管U型弯管\Φ42*4\SA213-T91\740768-E1-02-05</t>
  </si>
  <si>
    <t>【上海电气锅炉】 高温再热器外数第6圈管U型弯管\Φ42*4\SA213-T91\740768-E1-02-06</t>
  </si>
  <si>
    <t>【上海电气锅炉】 高温再热器外数第7圈管U型弯管\Φ42*4\SA213-T91\740768-E1-02-07</t>
  </si>
  <si>
    <t>【上海电气锅炉】 省煤器外数第一圈U型弯管\Φ51*6.5\20G\560844-E3-01-1</t>
  </si>
  <si>
    <t>【上海电气锅炉】 省煤器外数第二圈U型弯管\Φ51*6.5\20G\560844-E3-01-2</t>
  </si>
  <si>
    <t>【上海电气锅炉】 省煤器外数第三圈U型弯管\Φ51*6.5\20G\560844-E3-01-3</t>
  </si>
  <si>
    <t>【上海电气锅炉】 末级过热器前屏外数第一圈U型弯管\Φ51*6.5\12Cr2MoWVTiB\540877-E1-01-1</t>
  </si>
  <si>
    <t>【上海电气锅炉】 末级过热器前屏外数第二圈U型弯管\Φ51*6.5\12Cr2MoWVTiB\540877-E1-01-2</t>
  </si>
  <si>
    <t>【上海电气锅炉】 末级过热器前屏外数第三圈U型弯管\Φ51*6.5\12Cr2MoWVTiB\540877-E1-01-3</t>
  </si>
  <si>
    <t>【上海电气锅炉】 末级过热器前屏外数第四圈U型弯管\Φ51*6.5\12Cr2MoWVTiB\540877-E1-01-4</t>
  </si>
  <si>
    <t>【上海电气锅炉】 末级过热器后屏外数第一圈U型弯管\Φ51*7\SA213-T91\540877-E1-01-5</t>
  </si>
  <si>
    <t>【上海电气锅炉】 末级过热器后屏外数第二圈U型弯管\Φ51*7\SA213-T91\540877-E1-01-6</t>
  </si>
  <si>
    <t>【上海电气锅炉】 末级过热器后屏外数第三圈U型弯管\Φ51*7\SA213-T91\540877-E1-01-7</t>
  </si>
  <si>
    <t>【上海电气锅炉】 末级过热器后屏外数第四圈U型弯管\Φ51*7\SA213-T91\540877-E1-01-8</t>
  </si>
  <si>
    <t>【上海电气锅炉】 末级再热器外数第一圈U型弯管\Φ63*4.5\SA213-T91\T740031-EⅠ-02-1</t>
  </si>
  <si>
    <t>【上海电气锅炉】 末级再热器外数第二圈U型弯管\Φ63*4\SA213-T91\T740031-EⅠ-02-2</t>
  </si>
  <si>
    <t>【上海电气锅炉】 末级再热器外数第三圈U型弯管\Φ63*4\SA213-T91\T740031-EⅠ-02-3</t>
  </si>
  <si>
    <t>【上海电气锅炉】 末级再热器外数第四圈U型弯管\Φ63*4\SA213-T91\T740031-EⅠ-02-4</t>
  </si>
  <si>
    <t>【上海电气锅炉】 末级再热器外数第五圈U型弯管\Φ63*4\SA213-T91\T740031-EⅠ-02-5</t>
  </si>
  <si>
    <t>【上海电气锅炉】 末级再热器外数第六圈U型弯管\Φ63*4\SA213-T91\T740031-EⅠ-02-6</t>
  </si>
  <si>
    <t>【上海电气锅炉】 末级再热器外数第七圈U型弯管\Φ63*5.5\SA213-T91\T740031-EⅠ-02-7</t>
  </si>
  <si>
    <t>【上海电气锅炉】 屏式再热器外数第一圈U型弯管\Φ63*4.5\SA213-T91\T740031-EⅠ-01-1</t>
  </si>
  <si>
    <t>【上海电气锅炉】 屏式再热器外数第二圈U型弯管\Φ63*4\SA213-T91\T740031-EⅠ-01-2</t>
  </si>
  <si>
    <t>【上海电气锅炉】 屏式再热器外数第三圈U型弯管\Φ63*4\12Cr1MoVG\T740031-EⅠ-01-3</t>
  </si>
  <si>
    <t>【上海电气锅炉】 屏式再热器外数第四圈U型弯管\Φ63*4\12Cr1MoVG\T740031-EⅠ-01-4</t>
  </si>
  <si>
    <t>【上海电气锅炉】 屏式再热器外数第五圈U型弯管\Φ63*4\12Cr1MoVG\T740031-EⅠ-01-5</t>
  </si>
  <si>
    <t>【上海电气锅炉】 屏式再热器外数第六圈U型弯管\Φ63*4\12Cr1MoVG\T740031-EⅠ-01-6</t>
  </si>
  <si>
    <t>【上海电气锅炉】 屏式再热器外数第七圈U型弯管\Φ63*4\12Cr1MoVG\T740031-EⅠ-01-7</t>
  </si>
  <si>
    <t>【上海电气锅炉】 屏式再热器外数第八圈U型弯管\Φ63*4\12Cr1MoVG\T740031-EⅠ-01-8</t>
  </si>
  <si>
    <t>【上海电气锅炉】 屏式再热器外数第九圈U型弯管\Φ63*4\12Cr1MoVG\T740031-EⅠ-01-9</t>
  </si>
  <si>
    <t>【上海电气锅炉】 屏式再热器外数第十圈U型弯管\Φ63*4\12Cr1MoVG\T740031-EⅠ-01-10</t>
  </si>
  <si>
    <t>【上海电气锅炉】 屏式再热器外数第十一圈U型弯管\Φ63*4\12Cr1MoVG\T740031-EⅠ-01-11</t>
  </si>
  <si>
    <t>【上海电气锅炉】 屏式再热器外数第十二圈U型弯管\Φ63*4\12Cr1MoVG\T740031-EⅠ-01-12</t>
  </si>
  <si>
    <t>【上海电气锅炉】 屏式再热器外数第十三圈U型弯管\Φ63*5\12Cr1MoVG\T740031-EⅠ-01-13</t>
  </si>
  <si>
    <t>【上海电气锅炉】 屏式再热器外数第十四圈U型弯管\Φ63*5\12Cr1MoVG\T740031-EⅠ-01-14</t>
  </si>
  <si>
    <t>【上海电气锅炉】 低温过热器上上部外数第一圈U型弯管\Φ51*6.5\15CrMoG\544844-E1-04-1</t>
  </si>
  <si>
    <t>【上海电气锅炉】 低温过热器上上部外数第二圈U型弯管\Φ51*6.5\15CrMoG\544844-E1-04-2</t>
  </si>
  <si>
    <t>【上海电气锅炉】 低温过热器上上部外数第三圈U型弯管\Φ51*6.5\15CrMoG\544844-E1-04-3</t>
  </si>
  <si>
    <t>【上海电气锅炉】 低温过热器上上部外数第四圈U型弯管\Φ51*6.5\15CrMoG\544844-E1-04-4</t>
  </si>
  <si>
    <t>【上海电气锅炉】 低温过热器上上部外数第五圈U型弯管\Φ51*6.5\15CrMoG\544844-E1-04-5</t>
  </si>
  <si>
    <t>【上海电气锅炉】 低温过热器下部外数第一圈U型弯管\Φ51*6\15CrMoG\544844-E1-04-6</t>
  </si>
  <si>
    <t>【上海电气锅炉】 低温过热器下部外数第二圈U型弯管\Φ51*6\15CrMoG\544844-E1-04-7</t>
  </si>
  <si>
    <t>【上海电气锅炉】 低温过热器下部外数第三圈U型弯管\Φ51*6\15CrMoG\544844-E1-04-8</t>
  </si>
  <si>
    <t>【上海电气锅炉】 低温过热器下部外数第四圈U型弯管\Φ51*6\15CrMoG\544844-E1-04-9</t>
  </si>
  <si>
    <t>【上海电气锅炉】 低温过热器下部外数第五圈U型弯管\Φ51*6\15CrMoG\544844-E1-04-10</t>
  </si>
  <si>
    <t>【上海电气锅炉】 低温过热器中上部外数第一圈U型弯管\Φ51*7.5\20G\544844-E1-04-11</t>
  </si>
  <si>
    <t>【上海电气锅炉】 低温过热器中上部外数第二圈U型弯管\Φ51*7.5\20G\544844-E1-04-12</t>
  </si>
  <si>
    <t>【上海电气锅炉】 低温过热器中上部外数第三圈U型弯管\Φ51*7.5\20G\544844-E1-04-13</t>
  </si>
  <si>
    <t>【上海电气锅炉】 低温过热器中上部外数第四圈U型弯管\Φ51*7.5\20G\544844-E1-04-14</t>
  </si>
  <si>
    <t>【上海电气锅炉】 低温过热器中上部外数第五圈U型弯管\Φ51*7.5\20G\544844-E1-04-15</t>
  </si>
  <si>
    <t>【上海电气锅炉】 低温过热器中下部外数第一圈U型弯管\Φ51*6.5\20G\544844-E1-04-16</t>
  </si>
  <si>
    <t>【上海电气锅炉】 低温过热器中下部外数第二圈U型弯管\Φ51*6.5\20G\544844-E1-04-17</t>
  </si>
  <si>
    <t>【上海电气锅炉】 低温过热器中下部外数第三圈U型弯管\Φ51*6.5\20G\544844-E1-04-18</t>
  </si>
  <si>
    <t>【上海电气锅炉】 低温过热器中下部外数第四圈U型弯管\Φ51*6.5\20G\544844-E1-04-19</t>
  </si>
  <si>
    <t>【上海电气锅炉】 低温过热器中下部外数第五圈U型弯管\Φ51*6.5\20G\544844-E1-04-20</t>
  </si>
  <si>
    <t>【上海电气锅炉】 低温过热器下部外数第一圈U型弯管\Φ51*6\20G\544844-E1-04-21</t>
  </si>
  <si>
    <t>【上海电气锅炉】 低温过热器下部外数第二圈U型弯管\Φ51*6\20G\544844-E1-04-22</t>
  </si>
  <si>
    <t>【上海电气锅炉】 低温过热器下部外数第三圈U型弯管\Φ51*6\20G\544844-E1-04-23</t>
  </si>
  <si>
    <t>【上海电气锅炉】 低温过热器下部外数第四圈U型弯管\Φ51*6\20G\544844-E1-04-24</t>
  </si>
  <si>
    <t>【上海电气锅炉】 低温过热器下部外数第五圈U型弯管\Φ51*6\20G\544844-E1-04-25</t>
  </si>
  <si>
    <t>【上海电气锅炉】 分隔屏过热器外数第一圈U型弯管\Φ51*6\SA213-T91\540844-E1-01-1</t>
  </si>
  <si>
    <t>【上海电气锅炉】 分隔屏过热器外数第二圈U型弯管\Φ51*7\12Cr1MoV\540844-E1-01-2</t>
  </si>
  <si>
    <t>【上海电气锅炉】 分隔屏过热器外数第三圈U型弯管\Φ51*7\12Cr1MoV\540844-E1-01-3</t>
  </si>
  <si>
    <t>【上海电气锅炉】 分隔屏过热器外数第四圈U型弯管\Φ51*7\12Cr1MoV\540844-E1-01-4</t>
  </si>
  <si>
    <t>【上海电气锅炉】 分隔屏过热器外数第五圈U型弯管\Φ51*7\12Cr1MoV\540844-E1-01-5</t>
  </si>
  <si>
    <t>【上海电气锅炉】 分隔屏过热器外数第六圈U型弯管\Φ51*7\12Cr1MoV\540844-E1-01-6</t>
  </si>
  <si>
    <t>【上海电气锅炉】 分隔屏过热器外数第七圈U型弯管\Φ51*7\12Cr1MoV\540844-E1-01-7</t>
  </si>
  <si>
    <t>【上海电气锅炉】 分隔屏过热器外数第八圈U型弯管\Φ51*7\12Cr1MoV\540844-E1-01-8</t>
  </si>
  <si>
    <t>【上海电气锅炉】 分隔屏过热器外数第九圈U型弯管\Φ51*7\12Cr1MoV\540844-E1-01-9</t>
  </si>
  <si>
    <t>【上海电气锅炉】 后屏过热器外数第一圈U型弯管\Φ60*9\SA213-TP347H\540844-E1-02-1</t>
  </si>
  <si>
    <t>【上海电气锅炉】 后屏过热器外数第二圈U型弯管\Φ54*8\12Cr2MoWVTiB\540844-E1-02-2</t>
  </si>
  <si>
    <t>【上海电气锅炉】 后屏过热器外数第三圈U型弯管\Φ54*8\12Cr2MoWVTiB\540844-E1-02-3</t>
  </si>
  <si>
    <t>【上海电气锅炉】 后屏过热器外数第四圈U型弯管\Φ54*8\12Cr2MoWVTiB\540844-E1-02-4</t>
  </si>
  <si>
    <t>【上海电气锅炉】 后屏过热器外数第五圈U型弯管\Φ54*8\12Cr2MoWVTiB\540844-E1-02-5</t>
  </si>
  <si>
    <t>【上海电气锅炉】 后屏过热器外数第六圈U型弯管\Φ54*10\12Cr1MoV\540844-E1-02-6</t>
  </si>
  <si>
    <t>【上海电气锅炉】 后屏过热器外数第七圈U型弯管\Φ54*10\12Cr1MoV\540844-E1-02-7</t>
  </si>
  <si>
    <t>【上海电气锅炉】 后屏过热器外数第八圈U型弯管\Φ54*9\12Cr1MoV\540844-E1-02-8</t>
  </si>
  <si>
    <t>【上海电气锅炉】 后屏过热器外数第九圈U型弯管\Φ54*9\12Cr1MoV\540844-E1-02-9</t>
  </si>
  <si>
    <t>【上海电气锅炉】 后屏过热器外数第十圈U型弯管\Φ54*9\12Cr1MoV\540844-E1-02-10</t>
  </si>
  <si>
    <t>【上海电气锅炉】 后屏过热器外数第十一圈U型弯管\Φ54*9\12Cr1MoV\540844-E1-02-11</t>
  </si>
  <si>
    <t>【上海电气锅炉】 后屏过热器外数第十二圈U型弯管\Φ54*9\12Cr1MoV\540844-E1-02-12</t>
  </si>
  <si>
    <t>【上海电气锅炉】 后屏过热器外数第十三圈U型弯管\Φ54*9\12Cr1MoV\540844-E1-02-13</t>
  </si>
  <si>
    <t>【上海电气锅炉】 后屏过热器外数第十四圈U型弯管\Φ54*8\SA213-TP347H\540844-E1-02-14</t>
  </si>
  <si>
    <t>【上海电气锅炉】 末级再热器外数第一圈U型弯管\Φ63*4\SA213-T91\740871-D1-01-1</t>
  </si>
  <si>
    <t>【上海电气锅炉】 末级再热器外数第二圈U型弯管\Φ63*4\SA213-T91\740871-D1-01-2</t>
  </si>
  <si>
    <t>【上海电气锅炉】 末级再热器外数第三圈U型弯管\Φ63*4\SA213-T91\740871-D1-01-3</t>
  </si>
  <si>
    <t>【上海电气锅炉】 末级再热器外数第四圈U型弯管\Φ63*4\SA213-T91\740871-D1-01-4</t>
  </si>
  <si>
    <t>【上海电气锅炉】 末级再热器外数第五圈U型弯管\Φ63*4\SA213-T91\740871-D1-01-5</t>
  </si>
  <si>
    <t>【上海电气锅炉】 末级再热器外数第六圈U型弯管\Φ63*4\SA213-T91\740871-D1-01-6</t>
  </si>
  <si>
    <t>【上海电气锅炉】 末级再热器外数第七圈U型弯管\Φ63*5.5\SA213-T91\740871-D1-01-7</t>
  </si>
  <si>
    <t>【上海电气锅炉】 省煤器外数第一圈U型弯管\Φ51*6\SA210-C\560867-E1-01-1</t>
  </si>
  <si>
    <t>【上海电气锅炉】 省煤器外数第二圈U型弯管\Φ51*6\SA210-C\560867-E1-01-2</t>
  </si>
  <si>
    <t>【上海电气锅炉】 省煤器外数第三圈U型弯管\Φ51*6\SA210-C\560867-E1-01-3</t>
  </si>
  <si>
    <t>【上海电气锅炉】 末级过热器前屏外数第一圈U型弯管\Φ51*6.5\SA213-T91\540867-E1-03-1</t>
  </si>
  <si>
    <t>【上海电气锅炉】 末级过热器前屏外数第二圈U型弯管\Φ51*6.5\SA213-T91\540867-E1-03-2</t>
  </si>
  <si>
    <t>【上海电气锅炉】 末级过热器前屏外数第三圈U型弯管\Φ51*6.5\SA213-T91\540867-E1-03-3</t>
  </si>
  <si>
    <t>【上海电气锅炉】 末级过热器前屏外数第四圈U型弯管\Φ51*6.5\SA213-T91\540867-E1-03-4</t>
  </si>
  <si>
    <t>【上海电气锅炉】 末级过热器后屏外数第一圈U型弯管\Φ51*7\SA213-T91\540867-E1-03-5</t>
  </si>
  <si>
    <t>【上海电气锅炉】 末级过热器后屏外数第二圈U型弯管\Φ51*7\SA213-T91\540867-E1-03-6</t>
  </si>
  <si>
    <t>【上海电气锅炉】 末级过热器后屏外数第三圈U型弯管\Φ51*6.5\SA213-T91\540867-E1-03-7</t>
  </si>
  <si>
    <t>【上海电气锅炉】 末级过热器后屏外数第四圈U型弯管\Φ51*6.5\SA213-T91\540867-E1-03-8</t>
  </si>
  <si>
    <t>【上海电气锅炉】 末级再热器外数第一圈U型弯管\Φ63.5*4\SA213-TP347HFG-SB\7408883-E1-02-1</t>
  </si>
  <si>
    <t>【上海电气锅炉】 末级再热器外数第二圈U型弯管\Φ57*4\SA213-TP347HFG-SB\7408883-E1-02-2</t>
  </si>
  <si>
    <t>【上海电气锅炉】 末级再热器外数第三圈U型弯管\Φ57*4\SA213-TP347HFG-SB\7408883-E1-02-3</t>
  </si>
  <si>
    <t>【上海电气锅炉】 末级再热器外数第四圈U型弯管\Φ57*4\SA213-TP347HFG-SB\7408883-E1-02-4</t>
  </si>
  <si>
    <t>【上海电气锅炉】 末级再热器外数第五圈U型弯管\Φ57*4\SA213-TP347HFG-SB\7408883-E1-02-5</t>
  </si>
  <si>
    <t>【上海电气锅炉】 末级再热器外数第六圈U型弯管\Φ57*4\SA213-TP347HFG-SB\7408883-E1-02-6</t>
  </si>
  <si>
    <t>【上海电气锅炉】 末级再热器外数第七圈U型弯管\Φ57*5.5\SA213-TP347HFG-SB\7408883-E1-02-7</t>
  </si>
  <si>
    <t>【上海电气锅炉】 屏式再热器外数第一圈U型弯管\Φ63.5*4\SA213-T91\7408883-E1-01-1</t>
  </si>
  <si>
    <t>【上海电气锅炉】 屏式再热器外数第二圈U型弯管\Φ57*4\SA213-T91\7408883-E1-01-2</t>
  </si>
  <si>
    <t>【上海电气锅炉】 屏式再热器外数第三圈U型弯管\Φ57*4\SA213-T91\7408883-E1-01-3</t>
  </si>
  <si>
    <t>【上海电气锅炉】 屏式再热器外数第四圈U型弯管\Φ57*4\SA213-T91\7408883-E1-01-4</t>
  </si>
  <si>
    <t>【上海电气锅炉】 屏式再热器外数第五圈U型弯管\Φ57*4\SA213-T91\7408883-E1-01-5</t>
  </si>
  <si>
    <t>【上海电气锅炉】 屏式再热器外数第六圈U型弯管\Φ57*4\SA213-T91\7408883-E1-01-6</t>
  </si>
  <si>
    <t>【上海电气锅炉】 屏式再热器外数第七圈U型弯管\Φ57*4\SA213-T91\7408883-E1-01-7</t>
  </si>
  <si>
    <t>【上海电气锅炉】 屏式再热器外数第八圈U型弯管\Φ57*4\SA213-T91\7408883-E1-01-8</t>
  </si>
  <si>
    <t>【上海电气锅炉】 屏式再热器外数第九圈U型弯管\Φ57*4\SA213-T91\7408883-E1-01-9</t>
  </si>
  <si>
    <t>【上海电气锅炉】 屏式再热器外数第十圈U型弯管\Φ57*4\SA213-T91\7408883-E1-01-10</t>
  </si>
  <si>
    <t>【上海电气锅炉】 屏式再热器外数第十一圈U型弯管\Φ57*4\SA213-T91\7408883-E1-01-11</t>
  </si>
  <si>
    <t>【上海电气锅炉】 屏式再热器外数第十二圈U型弯管\Φ57*4\SA213-T91\7408883-E1-01-12</t>
  </si>
  <si>
    <t>【上海电气锅炉】 屏式再热器外数第十三圈U型弯管\Φ57*4\SA213-T91\7408883-E1-01-13</t>
  </si>
  <si>
    <t>【上海电气锅炉】 屏式再热器外数第十四圈U型弯管\Φ57*5.5\SA213-T91\7408883-E1-01-14</t>
  </si>
  <si>
    <t>【上海电气锅炉】 低温过热器上部外数第一圈U型弯管\Φ51*6.5\15CrMoG\544867-E1-01-1</t>
  </si>
  <si>
    <t>【上海电气锅炉】 低温过热器上部外数第二圈U型弯管\Φ51*6.5\15CrMoG\544867-E1-01-2</t>
  </si>
  <si>
    <t>【上海电气锅炉】 低温过热器上部外数第三圈U型弯管\Φ51*6.5\15CrMoG\544867-E1-01-3</t>
  </si>
  <si>
    <t>【上海电气锅炉】 低温过热器上部外数第四圈U型弯管\Φ51*6.5\15CrMoG\544867-E1-01-4</t>
  </si>
  <si>
    <t>【上海电气锅炉】 低温过热器上部外数第五圈U型弯管\Φ51*6.5\15CrMoG\544867-E1-01-5</t>
  </si>
  <si>
    <t>【上海电气锅炉】 低温过热器中上部外数第一圈U型弯管\Φ51*6\15CrMoG\544867-E1-01-6</t>
  </si>
  <si>
    <t>【上海电气锅炉】 低温过热器中上部外数第二圈U型弯管\Φ51*6\15CrMoG\544867-E1-01-7</t>
  </si>
  <si>
    <t>【上海电气锅炉】 低温过热器中上部外数第三圈U型弯管\Φ51*6\15CrMoG\544867-E1-01-8</t>
  </si>
  <si>
    <t>【上海电气锅炉】 低温过热器中上部外数第四圈U型弯管\Φ51*6\15CrMoG\544867-E1-01-9</t>
  </si>
  <si>
    <t>【上海电气锅炉】 低温过热器中上部外数第五圈U型弯管\Φ51*6\15CrMoG\544867-E1-01-10</t>
  </si>
  <si>
    <t>【上海电气锅炉】 低温过热器中下部外数第一圈U型弯管\Φ51*6.5\20G\544867-E1-01-11</t>
  </si>
  <si>
    <t>【上海电气锅炉】 低温过热器中下部外数第二圈U型弯管\Φ51*6.5\20G\544867-E1-01-12</t>
  </si>
  <si>
    <t>【上海电气锅炉】 低温过热器中下部外数第三圈U型弯管\Φ51*6.5\20G\544867-E1-01-13</t>
  </si>
  <si>
    <t>【上海电气锅炉】 低温过热器中下部外数第四圈U型弯管\Φ51*6.5\20G\544867-E1-01-14</t>
  </si>
  <si>
    <t>【上海电气锅炉】 低温过热器中下部外数第五圈U型弯管\Φ51*6.5\20G\544867-E1-01-15</t>
  </si>
  <si>
    <t>【上海电气锅炉】 低温过热器下部外数第一圈U型弯管\Φ51*6\20G\544867-E1-01-16</t>
  </si>
  <si>
    <t>【上海电气锅炉】 低温过热器下部外数第二圈U型弯管\Φ51*6\20G\544867-E1-01-17</t>
  </si>
  <si>
    <t>【上海电气锅炉】 低温过热器下部外数第三圈U型弯管\Φ51*6\20G\544867-E1-01-18</t>
  </si>
  <si>
    <t>【上海电气锅炉】 低温过热器下部外数第四圈U型弯管\Φ51*6\20G\544867-E1-01-19</t>
  </si>
  <si>
    <t>【上海电气锅炉】 低温过热器下部外数第五圈U型弯管\Φ51*6\20G\544867-E1-01-20</t>
  </si>
  <si>
    <t>【上海电气锅炉】 分隔屏外数第一圈U型弯管\Φ51*6.5\SA213-T91\540867-E1-01-1</t>
  </si>
  <si>
    <t>【上海电气锅炉】 分隔屏外数第二圈U型弯管\Φ51*6.5\SA213-T91\540867-E1-01-2</t>
  </si>
  <si>
    <t>【上海电气锅炉】 分隔屏外数第三圈U型弯管\Φ51*6.5\SA213-T91\540867-E1-01-3</t>
  </si>
  <si>
    <t>【上海电气锅炉】 分隔屏外数第四圈U型弯管\Φ51*7\2Cr1MoVG\540867-E1-01-4</t>
  </si>
  <si>
    <t>【上海电气锅炉】 分隔屏外数第五圈U型弯管\Φ51*7\2Cr1MoVG\540867-E1-01-5</t>
  </si>
  <si>
    <t>【上海电气锅炉】 分隔屏外数第六圈U型弯管\Φ51*7\2Cr1MoVG\540867-E1-01-6</t>
  </si>
  <si>
    <t>【上海电气锅炉】 分隔屏外数第七圈U型弯管\Φ51*7\2Cr1MoVG\540867-E1-01-7</t>
  </si>
  <si>
    <t>【上海电气锅炉】 分隔屏外数第八圈U型弯管\Φ51*7\2Cr1MoVG\540867-E1-01-8</t>
  </si>
  <si>
    <t>【上海电气锅炉】 分隔屏外数第九圈U型弯管\Φ51*7\2Cr1MoVG\540867-E1-01-9</t>
  </si>
  <si>
    <t>【上海电气锅炉】 后屏过热器外数第一圈U型弯管\Φ60*9\SA213-TP347H\540867-E1-02-1</t>
  </si>
  <si>
    <t>【上海电气锅炉】 后屏过热器外数第二圈U型弯管\Φ54*8\SA213-TP347H\540867-E1-02-2</t>
  </si>
  <si>
    <t>【上海电气锅炉】 后屏过热器外数第三圈U型弯管\Φ54*8\SA213-TP347H\540867-E1-02-3</t>
  </si>
  <si>
    <t>【上海电气锅炉】 后屏过热器外数第四圈U型弯管\Φ54*7.5\SA213-T91\540867-E1-02-4</t>
  </si>
  <si>
    <t>【上海电气锅炉】 后屏过热器外数第五圈U型弯管\Φ54*7.5\SA213-T91\540867-E1-02-5</t>
  </si>
  <si>
    <t>【上海电气锅炉】 后屏过热器外数第六圈U型弯管\Φ54*7.5\SA213-T91\540867-E1-02-6</t>
  </si>
  <si>
    <t>【上海电气锅炉】 后屏过热器外数第七圈U型弯管\Φ54*10\12Cr1MoVG\540867-E1-02-7</t>
  </si>
  <si>
    <t>【上海电气锅炉】 后屏过热器外数第八圈U型弯管\Φ54*9\12Cr1MoVG\540867-E1-02-8</t>
  </si>
  <si>
    <t>【上海电气锅炉】 后屏过热器外数第九圈U型弯管\Φ54*9\12Cr1MoVG\540867-E1-02-9</t>
  </si>
  <si>
    <t>【上海电气锅炉】 后屏过热器外数第十圈U型弯管\Φ54*9\12Cr1MoVG\540867-E1-02-10</t>
  </si>
  <si>
    <t>【上海电气锅炉】 后屏过热器外数第十一圈U型弯管\Φ54*9\12Cr1MoVG\540867-E1-02-11</t>
  </si>
  <si>
    <t>【上海电气锅炉】 后屏过热器外数第十二圈U型弯管\Φ54*9\12Cr1MoVG\540867-E1-02-12</t>
  </si>
  <si>
    <t>【上海电气锅炉】 后屏过热器外数第十三圈U型弯管\Φ54*9\12Cr1MoVG\540867-E1-02-13</t>
  </si>
  <si>
    <t>【上海电气锅炉】 后屏过热器外数第十四圈U型弯管\Φ54*8\SA213-TP347H\540867-E1-02-14</t>
  </si>
  <si>
    <t>【上海电气锅炉】 一级过热器外数第1圈管U型弯管\Φ48.3*9\SA213-T92\540538-E1-02-01</t>
  </si>
  <si>
    <t>【上海电气锅炉】 一级过热器外数第2圈管U型弯管\Φ48.3*9\SA213-T92\540538-E1-02-02</t>
  </si>
  <si>
    <t>【上海电气锅炉】 一级过热器外数第3圈管U型弯管\Φ48.3*9\SA213-T92\540538-E1-02-03</t>
  </si>
  <si>
    <t>【上海电气锅炉】 一级过热器外数第4圈管U型弯管\Φ48.3*9\SA213-T92\540538-E1-02-04</t>
  </si>
  <si>
    <t>【上海电气锅炉】 二过热器上外数第1圈管U型弯管\Φ48.3*7.5\SA213-T91\540538-E1-05-01</t>
  </si>
  <si>
    <t>【上海电气锅炉】 二过热器上外数第2圈管U型弯管\Φ48.3*7.5\SA213-T91\540538-E1-05-02</t>
  </si>
  <si>
    <t>【上海电气锅炉】 二过热器上外数第3圈管U型弯管\Φ48.3*7.5\SA213-T91\540538-E1-05-03</t>
  </si>
  <si>
    <t>【上海电气锅炉】 二过热器上外数第4圈管U型弯管\Φ48.3*7.5\SA213-T91\540538-E1-05-04</t>
  </si>
  <si>
    <t>【上海电气锅炉】 二过热器上外数第5圈管U型弯管\Φ48.3*7.5\SA213-T91\540538-E1-05-05</t>
  </si>
  <si>
    <t>【上海电气锅炉】 二过热器上外数第6圈管U型弯管\Φ48.3*7.5\SA213-T91\540538-E1-05-06</t>
  </si>
  <si>
    <t>【上海电气锅炉】 二过热器上外数第7圈管U型弯管\Φ48.3*7.5\SA213-T91\540538-E1-05-07</t>
  </si>
  <si>
    <t>【上海电气锅炉】 二过热器下外数第1圈管U型弯管\Φ48.3*6.8\SA213-SUPER304H\540538-E1-05-08</t>
  </si>
  <si>
    <t>【上海电气锅炉】 二过热器下外数第2圈管U型弯管\Φ48.3*6.8\SA213-SUPER304H\540538-E1-05-09</t>
  </si>
  <si>
    <t>【上海电气锅炉】 二过热器下外数第3圈管U型弯管\Φ48.3*6.8\SA213-SUPER304H\540538-E1-05-10</t>
  </si>
  <si>
    <t>【上海电气锅炉】 二过热器下外数第4圈管U型弯管\Φ48.3*6.8\SA213-SUPER304H\540538-E1-05-11</t>
  </si>
  <si>
    <t>【上海电气锅炉】 二过热器下外数第5圈管U型弯管\Φ48.3*6.8\SA213-SUPER304H\540538-E1-05-12</t>
  </si>
  <si>
    <t>【上海电气锅炉】 二过热器下外数第6圈管U型弯管\Φ48.3*6.8\SA213-SUPER304H\540538-E1-05-13</t>
  </si>
  <si>
    <t>【上海电气锅炉】 二过热器下外数第7圈管U型弯管\Φ48.3*6.8\SA213-SUPER304H\540538-E1-05-14</t>
  </si>
  <si>
    <t>【上海电气锅炉】 二过热器下外数第8圈管U型弯管\Φ48.3*6.8\SA213-SUPER304H\540538-E1-05-15</t>
  </si>
  <si>
    <t>【上海电气锅炉】 二过热器下外数第9圈管U型弯管\Φ48.3*6.8\SA213-SUPER304H\540538-E1-05-16</t>
  </si>
  <si>
    <t>【上海电气锅炉】 二过热器下外数第10圈管U型弯管\Φ48.3*6.8\SA213-SUPER304H\540538-E1-05-17</t>
  </si>
  <si>
    <t>【上海电气锅炉】 二过热器下外数第11圈管U型弯管\Φ48.3*6.8\SA213-SUPER304H\540538-E1-05-18</t>
  </si>
  <si>
    <t>【上海电气锅炉】 二过热器下外数第12圈管U型弯管\Φ48.3*6.8\SA213-SUPER304H\540538-E1-05-19</t>
  </si>
  <si>
    <t>【上海电气锅炉】 二过热器下外数第13圈管U型弯管\Φ48.3*6.8\SA213-SUPER304H\540538-E1-05-20</t>
  </si>
  <si>
    <t>【上海电气锅炉】 二过热器下外数第14圈管U型弯管\Φ48.3*6.8\SA213-SUPER304H\540538-E1-05-21</t>
  </si>
  <si>
    <t>【上海电气锅炉】 省煤器外数第1圈管U型弯管\Φ42*6.5\SA210-C\560538-E1-02-01</t>
  </si>
  <si>
    <t>【上海电气锅炉】 省煤器外数第2圈管U型弯管\Φ42*6.5\SA210-C\560538-E1-02-02</t>
  </si>
  <si>
    <t>【上海电气锅炉】 省煤器外数第3圈管U型弯管\Φ42*6.5\SA210-C\560538-E1-02-03</t>
  </si>
  <si>
    <t>【上海电气锅炉】 省煤器外数第4圈管U型弯管\Φ42*6.5\SA210-C\560538-E1-02-04</t>
  </si>
  <si>
    <t>【上海电气锅炉】 省煤器外数第5圈管U型弯管\Φ42*6.5\SA210-C\560538-E1-02-05</t>
  </si>
  <si>
    <t>【上海电气锅炉】 省煤器外数第6圈管U型弯管\Φ42*6.5\SA210-C\560538-E1-02-06</t>
  </si>
  <si>
    <t>【上海电气锅炉】 省煤器外数第7圈管U型弯管\Φ42*6.5\SA210-C\560538-E1-02-07</t>
  </si>
  <si>
    <t>【上海电气锅炉】 省煤器外数第8圈管U型弯管\Φ42*6.5\SA210-C\560538-E1-02-08</t>
  </si>
  <si>
    <t>【上海电气锅炉】 一级再热左下外数第1圈管U型弯管\Φ57.2*3.8\SA213-T91\740538-E1-02-01</t>
  </si>
  <si>
    <t>【上海电气锅炉】 一级再热左下外数第2圈管U型弯管\Φ57.2*3.8\SA213-T91\740538-E1-02-02</t>
  </si>
  <si>
    <t>【上海电气锅炉】 一级再热左下外数第3圈管U型弯管\Φ57.2*3.8\SA213-T91\740538-E1-02-03</t>
  </si>
  <si>
    <t>【上海电气锅炉】 一级再热左下外数第4圈管U型弯管\Φ57.2*3.8\SA213-T91\740538-E1-02-04</t>
  </si>
  <si>
    <t>【上海电气锅炉】 一级再热左下外数第5圈管U型弯管\Φ57.2*3.8\SA213-T91\740538-E1-02-05</t>
  </si>
  <si>
    <t>【上海电气锅炉】 一级再热左下外数第6圈管U型弯管\Φ57.2*3.8\SA213-T91\740538-E1-02-06</t>
  </si>
  <si>
    <t>【上海电气锅炉】 一级再热左下外数第7圈管U型弯管\Φ57.2*3.8\SA213-T91\740538-E1-02-07</t>
  </si>
  <si>
    <t>【上海电气锅炉】 一级再热左下外数第8圈管U型弯管\Φ57.2*4.5\12Cr1MoVG\740538-E1-02-08</t>
  </si>
  <si>
    <t>【上海电气锅炉】 一级再热右下外数第1圈管U型弯管\Φ57.2*3.8\12Cr1MoVG\740538-E1-02-09</t>
  </si>
  <si>
    <t>【上海电气锅炉】 一级再热右下外数第2圈管U型弯管\Φ57.2*3.8\12Cr1MoVG\740538-E1-02-10</t>
  </si>
  <si>
    <t>【上海电气锅炉】 一级再热右下外数第3圈管U型弯管\Φ57.2*3.8\12Cr1MoVG\740538-E1-02-11</t>
  </si>
  <si>
    <t>【上海电气锅炉】 一级再热右下外数第4圈管U型弯管\Φ57.2*3.8\12Cr1MoVG\740538-E1-02-12</t>
  </si>
  <si>
    <t>【上海电气锅炉】 一级再热右下外数第5圈管U型弯管\Φ57.2*3.8\12Cr1MoVG\740538-E1-02-13</t>
  </si>
  <si>
    <t>【上海电气锅炉】 一级再热右下外数第6圈管U型弯管\Φ57.2*3.8\12Cr1MoVG\740538-E1-02-14</t>
  </si>
  <si>
    <t>【上海电气锅炉】 一级再热右下外数第7圈管U型弯管\Φ57.2*3.8\12Cr1MoVG\740538-E1-02-15</t>
  </si>
  <si>
    <t>【上海电气锅炉】 一级再热右下外数第8圈管U型弯管\Φ57.2*4.5\12Cr1MoVG\740538-E1-02-16</t>
  </si>
  <si>
    <t>【上海电气锅炉】 一级再热上外数第1圈管U型弯管\Φ57.2*3.8\15CrMoG\740538-E1-02-17</t>
  </si>
  <si>
    <t>【上海电气锅炉】 一级再热上外数第2圈管U型弯管\Φ57.2*3.8\15CrMoG\740538-E1-02-18</t>
  </si>
  <si>
    <t>【上海电气锅炉】 一级再热上外数第3圈管U型弯管\Φ57.2*3.8\15CrMoG\740538-E1-02-19</t>
  </si>
  <si>
    <t>【上海电气锅炉】 一级再热上外数第4圈管U型弯管\Φ57.2*3.8\15CrMoG\740538-E1-02-20</t>
  </si>
  <si>
    <t>【上海电气锅炉】 一级再热上外数第5圈管U型弯管\Φ57.2*3.8\15CrMoG\740538-E1-02-21</t>
  </si>
  <si>
    <t>【上海电气锅炉】 一级再热上外数第6圈管U型弯管\Φ57.2*3.8\15CrMoG\740538-E1-02-22</t>
  </si>
  <si>
    <t>【上海电气锅炉】 一级再热上外数第7圈管U型弯管\Φ57.2*3.8\15CrMoG\740538-E1-02-23</t>
  </si>
  <si>
    <t>【上海电气锅炉】 一级再热上外数第8圈管U型弯管\Φ57.2*4.5\15CrMoG\740538-E1-02-24</t>
  </si>
  <si>
    <t>【上海电气锅炉】 省煤器外数第一圈U型弯管\Φ42*5.5\20G\560314-E1-01-1</t>
  </si>
  <si>
    <t>【上海电气锅炉】 省煤器外数第二圈U型弯管\Φ42*5.5\20G\560314-E1-01-2</t>
  </si>
  <si>
    <t>【上海电气锅炉】 末级过热器前屏外数第一圈U型弯管\Φ51*6.5\12Cr2MoWVTiB\540314-E1-03-1</t>
  </si>
  <si>
    <t>【上海电气锅炉】 末级过热器前屏外数第二圈U型弯管\Φ51*6.5\12Cr2MoWVTiB\540314-E1-03-2</t>
  </si>
  <si>
    <t>【上海电气锅炉】 末级过热器前屏外数第三圈U型弯管\Φ51*6.5\12Cr2MoWVTiB\540314-E1-03-3</t>
  </si>
  <si>
    <t>【上海电气锅炉】 末级过热器前屏外数第四圈U型弯管\Φ51*6.5\12Cr2MoWVTiB\540314-E1-03-4</t>
  </si>
  <si>
    <t>【上海电气锅炉】 末级过热器后屏外数第一圈U型弯管\Φ51*7\12Cr2MoWVTiB\540314-E1-03-5</t>
  </si>
  <si>
    <t>【上海电气锅炉】 末级过热器后屏外数第二圈U型弯管\Φ51*7\12Cr2MoWVTiB\540314-E1-03-6</t>
  </si>
  <si>
    <t>【上海电气锅炉】 末级过热器后屏外数第三圈U型弯管\Φ51*7\12Cr2MoWVTiB\540314-E1-03-7</t>
  </si>
  <si>
    <t>【上海电气锅炉】 末级过热器后屏外数第四圈U型弯管\Φ51*7\12Cr2MoWVTiB\540314-E1-03-8</t>
  </si>
  <si>
    <t>【上海电气锅炉】 分隔屏过热器外数第一圈U型弯管\Φ51*6\SA213-T91\540314-F1-01-1</t>
  </si>
  <si>
    <t>【上海电气锅炉】 分隔屏过热器外数第二圈U型弯管\Φ51*7\15CrMoG\540314-F1-01-2</t>
  </si>
  <si>
    <t>【上海电气锅炉】 分隔屏过热器外数第三圈U型弯管\Φ51*7\15CrMoG\540314-F1-01-3</t>
  </si>
  <si>
    <t>【上海电气锅炉】 分隔屏过热器外数第四圈U型弯管\Φ51*7\15CrMoG\540314-F1-01-4</t>
  </si>
  <si>
    <t>【上海电气锅炉】 分隔屏过热器外数第五圈U型弯管\Φ51*7\15CrMoG\540314-F1-01-5</t>
  </si>
  <si>
    <t>【上海电气锅炉】 分隔屏过热器外数第六圈U型弯管\Φ51*7\15CrMoG\540314-F1-01-6</t>
  </si>
  <si>
    <t>【上海电气锅炉】 分隔屏过热器外数第七圈U型弯管\Φ51*7\15CrMoG\540314-F1-01-7</t>
  </si>
  <si>
    <t>【上海电气锅炉】 分隔屏过热器外数第八圈U型弯管\Φ51*7\15CrMoG\540314-F1-01-8</t>
  </si>
  <si>
    <t>【上海电气锅炉】 后屏过热器外数第一圈U型弯管\Φ60*9\SA213-TP347H\540314-E1-02-1</t>
  </si>
  <si>
    <t>【上海电气锅炉】 后屏过热器外数第二圈U型弯管\Φ54*8\12Cr2MoWVTiB\540314-E1-02-2</t>
  </si>
  <si>
    <t>【上海电气锅炉】 后屏过热器外数第三圈U型弯管\Φ54*8\12Cr2MoWVTiB\540314-E1-02-3</t>
  </si>
  <si>
    <t>【上海电气锅炉】 后屏过热器外数第四圈U型弯管\Φ54*8\12Cr2MoWVTiB\540314-E1-02-4</t>
  </si>
  <si>
    <t>【上海电气锅炉】 后屏过热器外数第五圈U型弯管\Φ54*8\12Cr2MoWVTiB\540314-E1-02-5</t>
  </si>
  <si>
    <t>【上海电气锅炉】 后屏过热器外数第六圈U型弯管\Φ54*10\12Cr1MoVG\540314-E1-02-6</t>
  </si>
  <si>
    <t>【上海电气锅炉】 后屏过热器外数第七圈U型弯管\Φ54*10\12Cr1MoVG\540314-E1-02-7</t>
  </si>
  <si>
    <t>【上海电气锅炉】 后屏过热器外数第八圈U型弯管\Φ54*10\12Cr1MoVG\540314-E1-02-8</t>
  </si>
  <si>
    <t>【上海电气锅炉】 后屏过热器外数第九圈U型弯管\Φ54*9\12Cr1MoVG\540314-E1-02-9</t>
  </si>
  <si>
    <t>【上海电气锅炉】 后屏过热器外数第十圈U型弯管\Φ54*9\12Cr1MoVG\540314-E1-02-10</t>
  </si>
  <si>
    <t>【上海电气锅炉】 后屏过热器外数第十一圈U型弯管\Φ54*9\12Cr1MoVG\540314-E1-02-11</t>
  </si>
  <si>
    <t>【上海电气锅炉】 后屏过热器外数第十二圈U型弯管\Φ54*9\12Cr1MoVG\540314-E1-02-12</t>
  </si>
  <si>
    <t>【上海电气锅炉】 后屏过热器外数第十三圈U型弯管\Φ54*9\12Cr1MoVG\540314-E1-02-13</t>
  </si>
  <si>
    <t>【上海电气锅炉】 后屏过热器外数第十四圈U型弯管\Φ54*8\SA213-TP347H\540314-E1-02-14</t>
  </si>
  <si>
    <t>【上海电气锅炉】 末级再热器外数第一圈U型弯管\Φ57*4.5\12Cr2MoWVTiB\740314-E1-04-1</t>
  </si>
  <si>
    <t>【上海电气锅炉】 末级再热器外数第二圈U型弯管\Φ57*4\12Cr2MoWVTiB\740314-E1-04-2</t>
  </si>
  <si>
    <t>【上海电气锅炉】 末级再热器外数第三圈U型弯管\Φ57*4\12Cr2MoWVTiB\740314-E1-04-3</t>
  </si>
  <si>
    <t>【上海电气锅炉】 末级再热器外数第四圈U型弯管\Φ57*4\12Cr2MoWVTiB\740314-E1-04-4</t>
  </si>
  <si>
    <t>【上海电气锅炉】 末级再热器外数第五圈U型弯管\Φ57*4\12Cr2MoWVTiB\740314-E1-04-5</t>
  </si>
  <si>
    <t>【上海电气锅炉】 末级再热器外数第六圈U型弯管\Φ57*5\12Cr2MoWVTiB\740314-E1-04-6</t>
  </si>
  <si>
    <t>【上海电气锅炉】 屏式再热器外数第一圈U型弯管\Φ63*4\12Cr1MoVG\740314-E1-03-1</t>
  </si>
  <si>
    <t>【上海电气锅炉】 屏式再热器外数第二圈U型弯管\Φ63*4\12Cr1MoVG\740314-E1-03-2</t>
  </si>
  <si>
    <t>【上海电气锅炉】 屏式再热器外数第三圈U型弯管\Φ63*4\12Cr1MoVG\740314-E1-03-3</t>
  </si>
  <si>
    <t>【上海电气锅炉】 屏式再热器外数第四圈U型弯管\Φ63*4\15CrMoG\740314-E1-03-4</t>
  </si>
  <si>
    <t>【上海电气锅炉】 屏式再热器外数第五圈U型弯管\Φ63*4\15CrMoG\740314-E1-03-5</t>
  </si>
  <si>
    <t>【上海电气锅炉】 屏式再热器外数第六圈U型弯管\Φ63*4\15CrMoG\740314-E1-03-6</t>
  </si>
  <si>
    <t>【上海电气锅炉】 屏式再热器外数第七圈U型弯管\Φ63*4\15CrMoG\740314-E1-03-7</t>
  </si>
  <si>
    <t>【上海电气锅炉】 屏式再热器外数第八圈U型弯管\Φ63*4\15CrMoG\740314-E1-03-8</t>
  </si>
  <si>
    <t>【上海电气锅炉】 屏式再热器外数第九圈U型弯管\Φ63*4\15CrMoG\740314-E1-03-9</t>
  </si>
  <si>
    <t>【上海电气锅炉】 屏式再热器外数第十圈U型弯管\Φ63*4\15CrMoG\740314-E1-03-10</t>
  </si>
  <si>
    <t>【上海电气锅炉】 屏式再热器外数第十一圈U型弯管\Φ63*4\15CrMoG\740314-E1-03-11</t>
  </si>
  <si>
    <t>【上海电气锅炉】 屏式再热器外数第十二圈U型弯管\Φ63*4\15CrMoG\740314-E1-03-12</t>
  </si>
  <si>
    <t>【上海电气锅炉】 低温过热器上部外数第一圈U型弯管\Φ51*6\15CrMoG\540314-E1-04-1</t>
  </si>
  <si>
    <t>【上海电气锅炉】 低温过热器上部外数第二圈U型弯管\Φ51*6\15CrMoG\540314-E1-04-2</t>
  </si>
  <si>
    <t>【上海电气锅炉】 低温过热器上部外数第三圈U型弯管\Φ51*6\15CrMoG\540314-E1-04-3</t>
  </si>
  <si>
    <t>【上海电气锅炉】 低温过热器上部外数第四圈U型弯管\Φ51*6\15CrMoG\540314-E1-04-4</t>
  </si>
  <si>
    <t>【上海电气锅炉】 低温过热器上部外数第五圈U型弯管\Φ51*6\15CrMoG\540314-E1-04-5</t>
  </si>
  <si>
    <t>【上海电气锅炉】 低温过热器中上部外数第一圈U型弯管\Φ51*7.5\20G\540314-E1-04-6</t>
  </si>
  <si>
    <t>【上海电气锅炉】 低温过热器中上部外数第二圈U型弯管\Φ51*7.5\20G\540314-E1-04-7</t>
  </si>
  <si>
    <t>【上海电气锅炉】 低温过热器中上部外数第三圈U型弯管\Φ51*7.5\20G\540314-E1-04-8</t>
  </si>
  <si>
    <t>【上海电气锅炉】 低温过热器中上部外数第四圈U型弯管\Φ51*7.5\20G\540314-E1-04-9</t>
  </si>
  <si>
    <t>【上海电气锅炉】 低温过热器中上部外数第五圈U型弯管\Φ51*7.5\20G\540314-E1-04-10</t>
  </si>
  <si>
    <t>【上海电气锅炉】 低温过热器中下部外数第一圈U型弯管\Φ51*6.5\20G\540314-E1-04-11</t>
  </si>
  <si>
    <t>【上海电气锅炉】 低温过热器中下部外数第二圈U型弯管\Φ51*6.5\20G\540314-E1-04-12</t>
  </si>
  <si>
    <t>【上海电气锅炉】 低温过热器中下部外数第三圈U型弯管\Φ51*6.5\20G\540314-E1-04-13</t>
  </si>
  <si>
    <t>【上海电气锅炉】 低温过热器中下部外数第四圈U型弯管\Φ51*6.5\20G\540314-E1-04-14</t>
  </si>
  <si>
    <t>【上海电气锅炉】 低温过热器中下部外数第五圈U型弯管\Φ51*6.5\20G\540314-E1-04-15</t>
  </si>
  <si>
    <t>【上海电气锅炉】 低温过热器下部外数第一圈U型弯管\Φ51*6\20G\540314-E1-04-16</t>
  </si>
  <si>
    <t>【上海电气锅炉】 低温过热器下部外数第二圈U型弯管\Φ51*6\20G\540314-E1-04-17</t>
  </si>
  <si>
    <t>【上海电气锅炉】 低温过热器下部外数第三圈U型弯管\Φ51*6\20G\540314-E1-04-18</t>
  </si>
  <si>
    <t>【上海电气锅炉】 低温过热器下部外数第四圈U型弯管\Φ51*6\20G\540314-E1-04-19</t>
  </si>
  <si>
    <t>【上海电气锅炉】 低温过热器下部外数第五圈U型弯管\Φ51*6\20G\540314-E1-04-20</t>
  </si>
  <si>
    <t>【上海电气锅炉】 省煤器外数第一圈U型弯管\Φ51*6.5\20G\560833-E1-01-1</t>
  </si>
  <si>
    <t>【上海电气锅炉】 省煤器外数第二圈U型弯管\Φ51*6.5\20G\560833-E1-01-2</t>
  </si>
  <si>
    <t>【上海电气锅炉】 末级过热器前屏外数第一圈U型弯管\Φ51*6.5\12Cr2MoWVTiB\540833-E1-03-1</t>
  </si>
  <si>
    <t>【上海电气锅炉】 末级过热器前屏外数第二圈U型弯管\Φ51*6.5\12Cr2MoWVTiB\540833-E1-03-2</t>
  </si>
  <si>
    <t>【上海电气锅炉】 末级过热器前屏外数第三圈U型弯管\Φ51*6.5\12Cr2MoWVTiB\540833-E1-03-3</t>
  </si>
  <si>
    <t>【上海电气锅炉】 末级过热器前屏外数第四圈U型弯管\Φ51*6.5\12Cr2MoWVTiB\540833-E1-03-4</t>
  </si>
  <si>
    <t>【上海电气锅炉】 末级过热器后屏外数第一圈U型弯管\Φ51*7\12Cr2MoWVTiB\540833-E1-03-5</t>
  </si>
  <si>
    <t>【上海电气锅炉】 末级过热器后屏外数第二圈U型弯管\Φ51*7\12Cr2MoWVTiB\540833-E1-03-6</t>
  </si>
  <si>
    <t>【上海电气锅炉】 末级过热器后屏外数第三圈U型弯管\Φ51*7\12Cr2MoWVTiB\540833-E1-03-7</t>
  </si>
  <si>
    <t>【上海电气锅炉】 末级过热器后屏外数第四圈U型弯管\Φ51*7\12Cr2MoWVTiB\540833-E1-03-8</t>
  </si>
  <si>
    <t>【上海电气锅炉】 分隔屏过热器外数第一圈U型弯管\Φ51*6\SA213-T91\540833-E1-01-1</t>
  </si>
  <si>
    <t>【上海电气锅炉】 分隔屏过热器外数第二圈U型弯管\Φ51*7\12Cr1MoVG\540833-E1-01-2</t>
  </si>
  <si>
    <t>【上海电气锅炉】 分隔屏过热器外数第三圈U型弯管\Φ51*7\12Cr1MoVG\540833-E1-01-3</t>
  </si>
  <si>
    <t>【上海电气锅炉】 分隔屏过热器外数第四圈U型弯管\Φ51*7\12Cr1MoVG\540833-E1-01-4</t>
  </si>
  <si>
    <t>【上海电气锅炉】 分隔屏过热器外数第五圈U型弯管\Φ51*7\15CrMoG\540833-E1-01-5</t>
  </si>
  <si>
    <t>【上海电气锅炉】 分隔屏过热器外数第六圈U型弯管\Φ51*7\15CrMoG\540833-E1-01-6</t>
  </si>
  <si>
    <t>【上海电气锅炉】 分隔屏过热器外数第七圈U型弯管\Φ51*7\15CrMoG\540833-E1-01-7</t>
  </si>
  <si>
    <t>【上海电气锅炉】 分隔屏过热器外数第八圈U型弯管\Φ51*7\12Cr1MoVG\540833-E1-01-8</t>
  </si>
  <si>
    <t>【上海电气锅炉】 后屏过热器外数第一圈U型弯管\Φ60*9\SA213-TP347H\540833-E1-02-1</t>
  </si>
  <si>
    <t>【上海电气锅炉】 后屏过热器外数第二圈U型弯管\Φ54*8\12Cr2MoWVTiB\540833-E1-02-2</t>
  </si>
  <si>
    <t>【上海电气锅炉】 后屏过热器外数第三圈U型弯管\Φ54*8\12Cr2MoWVTiB\540833-E1-02-3</t>
  </si>
  <si>
    <t>【上海电气锅炉】 后屏过热器外数第四圈U型弯管\Φ54*8\12Cr2MoWVTiB\540833-E1-02-4</t>
  </si>
  <si>
    <t>【上海电气锅炉】 后屏过热器外数第五圈U型弯管\Φ54*8\12Cr2MoWVTiB\540833-E1-02-5</t>
  </si>
  <si>
    <t>【上海电气锅炉】 后屏过热器外数第六圈U型弯管\Φ54*10\12Cr1MoVG\540833-E1-02-6</t>
  </si>
  <si>
    <t>【上海电气锅炉】 后屏过热器外数第七圈U型弯管\Φ54*10\12Cr1MoVG\540833-E1-02-7</t>
  </si>
  <si>
    <t>【上海电气锅炉】 后屏过热器外数第八圈U型弯管\Φ54*10\12Cr1MoVG\540833-E1-02-8</t>
  </si>
  <si>
    <t>【上海电气锅炉】 后屏过热器外数第九圈U型弯管\Φ54*9\12Cr1MoVG\540833-E1-02-9</t>
  </si>
  <si>
    <t>【上海电气锅炉】 后屏过热器外数第十圈U型弯管\Φ54*9\12Cr1MoVG\540833-E1-02-10</t>
  </si>
  <si>
    <t>【上海电气锅炉】 后屏过热器外数第十一圈U型弯管\Φ54*9\12Cr1MoVG\540833-E1-02-11</t>
  </si>
  <si>
    <t>【上海电气锅炉】 后屏过热器外数第十二圈U型弯管\Φ54*9\12Cr1MoVG\540833-E1-02-12</t>
  </si>
  <si>
    <t>【上海电气锅炉】 后屏过热器外数第十三圈U型弯管\Φ54*9\12Cr1MoVG\540833-E1-02-13</t>
  </si>
  <si>
    <t>【上海电气锅炉】 后屏过热器外数第十四圈U型弯管\Φ54*9\SA213-TP347H\540833-E1-02-14</t>
  </si>
  <si>
    <t>【上海电气锅炉】 末级再热器外数第一圈U型弯管\Φ63*4.5\SA213-T91\740833-E1-04-1</t>
  </si>
  <si>
    <t>【上海电气锅炉】 末级再热器外数第二圈U型弯管\Φ63*4\12Cr2MoWVTiB\740833-E1-04-2</t>
  </si>
  <si>
    <t>【上海电气锅炉】 末级再热器外数第三圈U型弯管\Φ63*4\12Cr2MoWVTiB\740833-E1-04-3</t>
  </si>
  <si>
    <t>【上海电气锅炉】 末级再热器外数第四圈U型弯管\Φ63*4\12Cr2MoWVTiB\740833-E1-04-4</t>
  </si>
  <si>
    <t>【上海电气锅炉】 末级再热器外数第五圈U型弯管\Φ63*4\12Cr2MoWVTiB\740833-E1-04-5</t>
  </si>
  <si>
    <t>【上海电气锅炉】 末级再热器外数第六圈U型弯管\Φ63*6\12Cr1MoVG\740833-E1-04-6</t>
  </si>
  <si>
    <t>【上海电气锅炉】 屏式再热器外数第一圈U型弯管\Φ63*4.5\SA213-T91\740836-E1-01-1</t>
  </si>
  <si>
    <t>【上海电气锅炉】 屏式再热器外数第二圈U型弯管\Φ63*4\SA213-T91\740836-E1-01-2</t>
  </si>
  <si>
    <t>【上海电气锅炉】 屏式再热器外数第三圈U型弯管\Φ63*4\12Cr1MoVG\740836-E1-01-3</t>
  </si>
  <si>
    <t>【上海电气锅炉】 屏式再热器外数第四圈U型弯管\Φ63*4\12Cr1MoVG\740836-E1-01-4</t>
  </si>
  <si>
    <t>【上海电气锅炉】 屏式再热器外数第五圈U型弯管\Φ63*4\12Cr1MoVG\740836-E1-01-5</t>
  </si>
  <si>
    <t>【上海电气锅炉】 屏式再热器外数第六圈U型弯管\Φ63*4\12Cr1MoVG\740836-E1-01-6</t>
  </si>
  <si>
    <t>【上海电气锅炉】 屏式再热器外数第七圈U型弯管\Φ63*4\12Cr1MoVG\740836-E1-01-7</t>
  </si>
  <si>
    <t>【上海电气锅炉】 屏式再热器外数第八圈U型弯管\Φ63*4\12Cr1MoVG\740836-E1-01-8</t>
  </si>
  <si>
    <t>【上海电气锅炉】 屏式再热器外数第九圈U型弯管\Φ63*4\12Cr1MoVG\740836-E1-01-9</t>
  </si>
  <si>
    <t>【上海电气锅炉】 屏式再热器外数第十圈U型弯管\Φ63*4\12Cr1MoVG\740836-E1-01-10</t>
  </si>
  <si>
    <t>【上海电气锅炉】 屏式再热器外数第十一圈U型弯管\Φ63*5\12Cr1MoVG\740836-E1-01-11</t>
  </si>
  <si>
    <t>【上海电气锅炉】 屏式再热器外数第十二圈U型弯管\Φ63*5\12Cr1MoVG\740836-E1-01-12</t>
  </si>
  <si>
    <t>【上海电气锅炉】 低温过热器上部外数第一圈U型弯管\Φ51*6.5\15CrMoG\540833-E1-04-1</t>
  </si>
  <si>
    <t>【上海电气锅炉】 低温过热器上部外数第二圈U型弯管\Φ51*6.5\15CrMoG\540833-E1-04-2</t>
  </si>
  <si>
    <t>【上海电气锅炉】 低温过热器上部外数第三圈U型弯管\Φ51*6.5\15CrMoG\540833-E1-04-3</t>
  </si>
  <si>
    <t>【上海电气锅炉】 低温过热器上部外数第四圈U型弯管\Φ51*6.5\15CrMoG\540833-E1-04-4</t>
  </si>
  <si>
    <t>【上海电气锅炉】 低温过热器上部外数第五圈U型弯管\Φ51*6.5\15CrMoG\540833-E1-04-5</t>
  </si>
  <si>
    <t>【上海电气锅炉】 低温过热器中上部外数第一圈U型弯管\Φ51*6\15CrMoG\540833-E1-04-6</t>
  </si>
  <si>
    <t>【上海电气锅炉】 低温过热器中上部外数第二圈U型弯管\Φ51*6\15CrMoG\540833-E1-04-7</t>
  </si>
  <si>
    <t>【上海电气锅炉】 低温过热器中上部外数第三圈U型弯管\Φ51*6\15CrMoG\540833-E1-04-8</t>
  </si>
  <si>
    <t>【上海电气锅炉】 低温过热器中上部外数第四圈U型弯管\Φ51*6\15CrMoG\540833-E1-04-9</t>
  </si>
  <si>
    <t>【上海电气锅炉】 低温过热器中上部外数第五圈U型弯管\Φ51*6\15CrMoG\540833-E1-04-10</t>
  </si>
  <si>
    <t>【上海电气锅炉】 低温过热器中下部外数第一圈U型弯管\Φ51*6.5\20G\540833-E1-04-11</t>
  </si>
  <si>
    <t>【上海电气锅炉】 低温过热器中下部外数第二圈U型弯管\Φ51*6.5\20G\540833-E1-04-12</t>
  </si>
  <si>
    <t>【上海电气锅炉】 低温过热器中下部外数第三圈U型弯管\Φ51*6.5\20G\540833-E1-04-13</t>
  </si>
  <si>
    <t>【上海电气锅炉】 低温过热器中下部外数第四圈U型弯管\Φ51*6.5\20G\540833-E1-04-14</t>
  </si>
  <si>
    <t>【上海电气锅炉】 低温过热器中下部外数第五圈U型弯管\Φ51*6.5\20G\540833-E1-04-15</t>
  </si>
  <si>
    <t>【上海电气锅炉】 低温过热器下部外数第一圈U型弯管\Φ51*6\20G\540833-E1-04-16</t>
  </si>
  <si>
    <t>【上海电气锅炉】 低温过热器下部外数第二圈U型弯管\Φ51*6\20G\540833-E1-04-17</t>
  </si>
  <si>
    <t>【上海电气锅炉】 低温过热器下部外数第三圈U型弯管\Φ51*6\20G\540833-E1-04-18</t>
  </si>
  <si>
    <t>【上海电气锅炉】 低温过热器下部外数第四圈U型弯管\Φ51*6\20G\540833-E1-04-19</t>
  </si>
  <si>
    <t>【上海电气锅炉】 低温过热器下部外数第五圈U型弯管\Φ51*6\20G\540833-E1-04-20</t>
  </si>
  <si>
    <t>【上海电气锅炉】 低温过热器上部外数第一圈U型弯管\Φ51*6.5\15CrMoG\540833-E2-01-1</t>
  </si>
  <si>
    <t>【上海电气锅炉】 低温过热器上部外数第二圈U型弯管\Φ51*6.5\15CrMoG\540833-E2-01-2</t>
  </si>
  <si>
    <t>【上海电气锅炉】 低温过热器上部外数第三圈U型弯管\Φ51*6.5\15CrMoG\540833-E2-01-3</t>
  </si>
  <si>
    <t>【上海电气锅炉】 低温过热器上部外数第四圈U型弯管\Φ51*6.5\15CrMoG\540833-E2-01-4</t>
  </si>
  <si>
    <t>【上海电气锅炉】 低温过热器上部外数第五圈U型弯管\Φ51*6.5\15CrMoG\540833-E2-01-5</t>
  </si>
  <si>
    <t>【上海电气锅炉】 低温过热器中上部外数第一圈U型弯管\Φ51*6\15CrMoG\540833-E2-01-6</t>
  </si>
  <si>
    <t>【上海电气锅炉】 低温过热器中上部外数第二圈U型弯管\Φ51*6\15CrMoG\540833-E2-01-7</t>
  </si>
  <si>
    <t>【上海电气锅炉】 低温过热器中上部外数第三圈U型弯管\Φ51*6\15CrMoG\540833-E2-01-8</t>
  </si>
  <si>
    <t>【上海电气锅炉】 低温过热器中上部外数第四圈U型弯管\Φ51*6\15CrMoG\540833-E2-01-9</t>
  </si>
  <si>
    <t>【上海电气锅炉】 低温过热器中上部外数第五圈U型弯管\Φ51*6\15CrMoG\540833-E2-01-10</t>
  </si>
  <si>
    <t>【上海电气锅炉】 低温过热器中下部外数第一圈U型弯管\Φ51*6.5\20G\540833-E2-01-11</t>
  </si>
  <si>
    <t>【上海电气锅炉】 低温过热器中下部外数第二圈U型弯管\Φ51*6.5\20G\540833-E2-01-12</t>
  </si>
  <si>
    <t>【上海电气锅炉】 低温过热器中下部外数第三圈U型弯管\Φ51*6.5\20G\540833-E2-01-13</t>
  </si>
  <si>
    <t>【上海电气锅炉】 低温过热器中下部外数第四圈U型弯管\Φ51*6.5\20G\540833-E2-01-14</t>
  </si>
  <si>
    <t>【上海电气锅炉】 低温过热器中下部外数第五圈U型弯管\Φ51*6.5\20G\540833-E2-01-15</t>
  </si>
  <si>
    <t>【上海电气锅炉】 低温过热器下部外数第一圈U型弯管\Φ51*6\20G\540833-E2-01-16</t>
  </si>
  <si>
    <t>【上海电气锅炉】 低温过热器下部外数第二圈U型弯管\Φ51*6\20G\540833-E2-01-17</t>
  </si>
  <si>
    <t>【上海电气锅炉】 低温过热器下部外数第三圈U型弯管\Φ51*6\20G\540833-E2-01-18</t>
  </si>
  <si>
    <t>【上海电气锅炉】 低温过热器下部外数第四圈U型弯管\Φ51*6\20G\540833-E2-01-19</t>
  </si>
  <si>
    <t>【上海电气锅炉】 低温过热器下部外数第五圈U型弯管\Φ51*6\20G\540833-E2-01-20</t>
  </si>
  <si>
    <t>【上海电气锅炉】 省煤器外数第一圈U型弯管\Φ51*6\SA210-C\560749-E1-01-1</t>
  </si>
  <si>
    <t>【上海电气锅炉】 省煤器外数第二圈U型弯管\Φ51*6\SA210-C\560749-E1-01-2</t>
  </si>
  <si>
    <t>【上海电气锅炉】 省煤器外数第三圈U型弯管\Φ51*6\SA210-C\560749-E1-01-3</t>
  </si>
  <si>
    <t>【上海电气锅炉】 末级过热器前屏外数第一圈U型弯管\Φ51*7\SA213-T23\545749-E1-01-1</t>
  </si>
  <si>
    <t>【上海电气锅炉】 末级过热器前屏外数第二圈U型弯管\Φ51*7\SA213-T23\545749-E1-01-2</t>
  </si>
  <si>
    <t>【上海电气锅炉】 末级过热器前屏外数第三圈U型弯管\Φ51*7\SA213-T23\545749-E1-01-3</t>
  </si>
  <si>
    <t>【上海电气锅炉】 末级过热器前屏外数第四圈U型弯管\Φ51*7\SA213-T23\545749-E1-01-4</t>
  </si>
  <si>
    <t>【上海电气锅炉】 末级过热器后屏外数第一圈U型弯管\Φ51*7\SA213-T91\545749-E1-01-5</t>
  </si>
  <si>
    <t>【上海电气锅炉】 末级过热器后屏外数第二圈U型弯管\Φ51*7\SA213-T91\545749-E1-01-6</t>
  </si>
  <si>
    <t>【上海电气锅炉】 末级过热器后屏外数第三圈U型弯管\Φ51*7\SA213-T91\545749-E1-01-7</t>
  </si>
  <si>
    <t>【上海电气锅炉】 末级过热器后屏外数第四圈U型弯管\Φ51*7\SA213-T91\545749-E1-01-8</t>
  </si>
  <si>
    <t>【上海电气锅炉】 分隔屏过热器外数第一圈U型弯管\Φ51*6\SA213-T91\540749-E1-01-1</t>
  </si>
  <si>
    <t>【上海电气锅炉】 分隔屏过热器外数第二圈U型弯管\Φ51*6\SA213-T91\540749-E1-01-2</t>
  </si>
  <si>
    <t>【上海电气锅炉】 分隔屏过热器外数第三圈U型弯管\Φ51*6\SA213-T91\540749-E1-01-3</t>
  </si>
  <si>
    <t>【上海电气锅炉】 分隔屏过热器外数第四圈U型弯管\Φ51*6.5\12Cr1MoVG\540749-E1-01-4</t>
  </si>
  <si>
    <t>【上海电气锅炉】 分隔屏过热器外数第五圈U型弯管\Φ51*6.5\12Cr1MoVG\540749-E1-01-5</t>
  </si>
  <si>
    <t>【上海电气锅炉】 分隔屏过热器外数第六圈U型弯管\Φ51*6.5\12Cr1MoVG\540749-E1-01-6</t>
  </si>
  <si>
    <t>【上海电气锅炉】 分隔屏过热器外数第七圈U型弯管\Φ51*6.5\12Cr1MoVG\540749-E1-01-7</t>
  </si>
  <si>
    <t>【上海电气锅炉】 分隔屏过热器外数第八圈U型弯管\Φ51*6.5\12Cr1MoVG\540749-E1-01-8</t>
  </si>
  <si>
    <t>【上海电气锅炉】 分隔屏过热器外数第九圈U型弯管\Φ51*6.5\12Cr1MoVG\540749-E1-01-9</t>
  </si>
  <si>
    <t>【上海电气锅炉】 后屏过热器外数第一圈U型弯管\Φ60*9\SA213-TP347H\540749-E1-02-1</t>
  </si>
  <si>
    <t>【上海电气锅炉】 后屏过热器外数第二圈U型弯管\Φ54*8\SA213-TP347H\540749-E1-02-2</t>
  </si>
  <si>
    <t>【上海电气锅炉】 后屏过热器外数第三圈U型弯管\Φ54*8\SA213-TP347H\540749-E1-02-3</t>
  </si>
  <si>
    <t>【上海电气锅炉】 后屏过热器外数第四圈U型弯管\Φ54*8\SA213-T91\540749-E1-02-4</t>
  </si>
  <si>
    <t>【上海电气锅炉】 后屏过热器外数第五圈U型弯管\Φ54*8\SA213-T91\540749-E1-02-5</t>
  </si>
  <si>
    <t>【上海电气锅炉】 后屏过热器外数第六圈U型弯管\Φ54*9\12Cr1MoVG\540749-E1-02-6</t>
  </si>
  <si>
    <t>【上海电气锅炉】 后屏过热器外数第七圈U型弯管\Φ54*9\12Cr1MoVG\540749-E1-02-7</t>
  </si>
  <si>
    <t>【上海电气锅炉】 后屏过热器外数第八圈U型弯管\Φ54*8.5\12Cr1MoVG\540749-E1-02-8</t>
  </si>
  <si>
    <t>【上海电气锅炉】 后屏过热器外数第九圈U型弯管\Φ54*8.5\12Cr1MoVG\540749-E1-02-9</t>
  </si>
  <si>
    <t>【上海电气锅炉】 后屏过热器外数第十圈U型弯管\Φ54*8.5\12Cr1MoVG\540749-E1-02-10</t>
  </si>
  <si>
    <t>【上海电气锅炉】 后屏过热器外数第十一圈U型弯管\Φ54*8.5\12Cr1MoVG\540749-E1-02-11</t>
  </si>
  <si>
    <t>【上海电气锅炉】 后屏过热器外数第十二圈U型弯管\Φ54*8.5\12Cr1MoVG\540749-E1-02-12</t>
  </si>
  <si>
    <t>【上海电气锅炉】 后屏过热器外数第十三圈U型弯管\Φ54*8.5\12Cr1MoVG\540749-E1-02-13</t>
  </si>
  <si>
    <t>【上海电气锅炉】 后屏过热器外数第十四圈U型弯管\Φ54*8\SA213-TP347H\540749-E1-02-14</t>
  </si>
  <si>
    <t>【上海电气锅炉】 末级再热器外数第一圈U型弯管\Φ63*4.5\SA213-TP347H\740749-E1-02-1</t>
  </si>
  <si>
    <t>【上海电气锅炉】 末级再热器外数第二圈U型弯管\Φ63*4\SA213-TP347H\740749-E1-02-2</t>
  </si>
  <si>
    <t>【上海电气锅炉】 末级再热器外数第三圈U型弯管\Φ63*4\SA213-TP347H\740749-E1-02-3</t>
  </si>
  <si>
    <t>【上海电气锅炉】 末级再热器外数第四圈U型弯管\Φ63*4\SA213-TP347H\740749-E1-02-4</t>
  </si>
  <si>
    <t>【上海电气锅炉】 末级再热器外数第五圈U型弯管\Φ63*4\SA213-TP347H\740749-E1-02-5</t>
  </si>
  <si>
    <t>【上海电气锅炉】 末级再热器外数第六圈U型弯管\Φ63*4\SA213-TP347H\740749-E1-02-6</t>
  </si>
  <si>
    <t>【上海电气锅炉】 末级再热器外数第七圈U型弯管\Φ63*5.5\SA213-TP347H\740749-E1-02-7</t>
  </si>
  <si>
    <t>【上海电气锅炉】 屏式再热器外数第一圈U型弯管\Φ63*4.5\SA213-T91\740749-E1-01-1</t>
  </si>
  <si>
    <t>【上海电气锅炉】 屏式再热器外数第二圈U型弯管\Φ63*4\12Cr1MoVG\740749-E1-01-2</t>
  </si>
  <si>
    <t>【上海电气锅炉】 屏式再热器外数第三圈U型弯管\Φ63*4\12Cr1MoVG\740749-E1-01-3</t>
  </si>
  <si>
    <t>【上海电气锅炉】 屏式再热器外数第四圈U型弯管\Φ63*4\12Cr1MoVG\740749-E1-01-4</t>
  </si>
  <si>
    <t>【上海电气锅炉】 屏式再热器外数第五圈U型弯管\Φ63*4\12Cr1MoVG\740749-E1-01-5</t>
  </si>
  <si>
    <t>【上海电气锅炉】 屏式再热器外数第六圈U型弯管\Φ63*4\12Cr1MoVG\740749-E1-01-6</t>
  </si>
  <si>
    <t>【上海电气锅炉】 屏式再热器外数第七圈U型弯管\Φ63*4\12Cr1MoVG\740749-E1-01-7</t>
  </si>
  <si>
    <t>【上海电气锅炉】 屏式再热器外数第八圈U型弯管\Φ63*4\12Cr1MoVG\740749-E1-01-8</t>
  </si>
  <si>
    <t>【上海电气锅炉】 屏式再热器外数第九圈U型弯管\Φ63*4\12Cr1MoVG\740749-E1-01-9</t>
  </si>
  <si>
    <t>【上海电气锅炉】 屏式再热器外数第十圈U型弯管\Φ63*4\12Cr1MoVG\740749-E1-01-10</t>
  </si>
  <si>
    <t>【上海电气锅炉】 屏式再热器外数第十一圈U型弯管\Φ63*4\12Cr1MoVG\740749-E1-01-11</t>
  </si>
  <si>
    <t>【上海电气锅炉】 屏式再热器外数第十二圈U型弯管\Φ63*4\12Cr1MoVG\740749-E1-01-12</t>
  </si>
  <si>
    <t>【上海电气锅炉】 屏式再热器外数第十三圈U型弯管\Φ63*5\12Cr1MoVG\740749-E1-01-13</t>
  </si>
  <si>
    <t>【上海电气锅炉】 屏式再热器外数第十四圈U型弯管\Φ63*5\12Cr1MoVG\740749-E1-01-14</t>
  </si>
  <si>
    <t>【上海电气锅炉】 低温过热器上部外数第一圈U型弯管\Φ51*6\15CrMoG\544749-E1-01-1</t>
  </si>
  <si>
    <t>【上海电气锅炉】 低温过热器上部外数第二圈U型弯管\Φ51*6\15CrMoG\544749-E1-01-2</t>
  </si>
  <si>
    <t>【上海电气锅炉】 低温过热器上部外数第三圈U型弯管\Φ51*6\15CrMoG\544749-E1-01-3</t>
  </si>
  <si>
    <t>【上海电气锅炉】 低温过热器上部外数第四圈U型弯管\Φ51*6\15CrMoG\544749-E1-01-4</t>
  </si>
  <si>
    <t>【上海电气锅炉】 低温过热器上部外数第五圈U型弯管\Φ51*6\15CrMoG\544749-E1-01-5</t>
  </si>
  <si>
    <t>【上海电气锅炉】 低温过热器中上部外数第一圈U型弯管\Φ51*5.5\15CrMoG\544749-E1-01-6</t>
  </si>
  <si>
    <t>【上海电气锅炉】 低温过热器中上部外数第二圈U型弯管\Φ51*5.5\15CrMoG\544749-E1-01-7</t>
  </si>
  <si>
    <t>【上海电气锅炉】 低温过热器中上部外数第三圈U型弯管\Φ51*5.5\15CrMoG\544749-E1-01-8</t>
  </si>
  <si>
    <t>【上海电气锅炉】 低温过热器中上部外数第四圈U型弯管\Φ51*5.5\15CrMoG\544749-E1-01-9</t>
  </si>
  <si>
    <t>【上海电气锅炉】 低温过热器中上部外数第五圈U型弯管\Φ51*5.5\15CrMoG\544749-E1-01-10</t>
  </si>
  <si>
    <t>【上海电气锅炉】 低温过热器中下部外数第一圈U型弯管\Φ51*6.5\20G\544749-E1-01-11</t>
  </si>
  <si>
    <t>【上海电气锅炉】 低温过热器中下部外数第二圈U型弯管\Φ51*6.5\20G\544749-E1-01-12</t>
  </si>
  <si>
    <t>【上海电气锅炉】 低温过热器中下部外数第三圈U型弯管\Φ51*6.5\20G\544749-E1-01-13</t>
  </si>
  <si>
    <t>【上海电气锅炉】 低温过热器中下部外数第四圈U型弯管\Φ51*6.5\20G\544749-E1-01-14</t>
  </si>
  <si>
    <t>【上海电气锅炉】 低温过热器中下部外数第五圈U型弯管\Φ51*6.5\20G\544749-E1-01-15</t>
  </si>
  <si>
    <t>【上海电气锅炉】 低温过热器下部外数第一圈U型弯管\Φ51*6\20G\544749-E1-01-16</t>
  </si>
  <si>
    <t>【上海电气锅炉】 低温过热器下部外数第二圈U型弯管\Φ51*6\20G\544749-E1-01-17</t>
  </si>
  <si>
    <t>【上海电气锅炉】 低温过热器下部外数第三圈U型弯管\Φ51*6\20G\544749-E1-01-18</t>
  </si>
  <si>
    <t>【上海电气锅炉】 低温过热器下部外数第四圈U型弯管\Φ51*6\20G\544749-E1-01-19</t>
  </si>
  <si>
    <t>【上海电气锅炉】 低温过热器下部外数第五圈U型弯管\Φ51*6\20G\544749-E1-01-20</t>
  </si>
  <si>
    <t>【上海电气锅炉】 省煤器外数第一圈U型弯管\Φ51*6\SA210-C\560743-E1-01-1</t>
  </si>
  <si>
    <t>【上海电气锅炉】 省煤器外数第二圈U型弯管\Φ51*6\SA210-C\560743-E1-01-2</t>
  </si>
  <si>
    <t>【上海电气锅炉】 省煤器外数第三圈U型弯管\Φ51*6\SA210-C\560743-E1-01-3</t>
  </si>
  <si>
    <t>【上海电气锅炉】 末级过热器前屏外数第一圈U型弯管\Φ51*7\SA213-T23\540743-E1-03-1</t>
  </si>
  <si>
    <t>【上海电气锅炉】 末级过热器前屏外数第二圈U型弯管\Φ51*7\SA213-T23\540743-E1-03-2</t>
  </si>
  <si>
    <t>【上海电气锅炉】 末级过热器前屏外数第三圈U型弯管\Φ51*7\SA213-T23\540743-E1-03-3</t>
  </si>
  <si>
    <t>【上海电气锅炉】 末级过热器前屏外数第四圈U型弯管\Φ51*7\SA213-T23\540743-E1-03-4</t>
  </si>
  <si>
    <t>【上海电气锅炉】 末级过热器后屏外数第一圈U型弯管\Φ51*7\SA213-T91\540743-E1-03-5</t>
  </si>
  <si>
    <t>【上海电气锅炉】 末级过热器后屏外数第二圈U型弯管\Φ51*7\SA213-T91\540743-E1-03-6</t>
  </si>
  <si>
    <t>【上海电气锅炉】 末级过热器后屏外数第三圈U型弯管\Φ51*7\SA213-T91\540743-E1-03-7</t>
  </si>
  <si>
    <t>【上海电气锅炉】 末级过热器后屏外数第四圈U型弯管\Φ51*7\SA213-T91\540743-E1-03-8</t>
  </si>
  <si>
    <t>【上海电气锅炉】 分隔屏过热器外数第一圈U型弯管\Φ51*6\SA213-T91\540743-E1-01-1</t>
  </si>
  <si>
    <t>【上海电气锅炉】 分隔屏过热器外数第二圈U型弯管\Φ51*6\SA213-T91\540743-E1-01-2</t>
  </si>
  <si>
    <t>【上海电气锅炉】 分隔屏过热器外数第三圈U型弯管\Φ51*6\SA213-T91\540743-E1-01-3</t>
  </si>
  <si>
    <t>【上海电气锅炉】 分隔屏过热器外数第四圈U型弯管\Φ51*6.5\12Cr1MoVG\540743-E1-01-4</t>
  </si>
  <si>
    <t>【上海电气锅炉】 分隔屏过热器外数第五圈U型弯管\Φ51*6.5\12Cr1MoVG\540743-E1-01-5</t>
  </si>
  <si>
    <t>【上海电气锅炉】 分隔屏过热器外数第六圈U型弯管\Φ51*6.5\12Cr1MoVG\540743-E1-01-6</t>
  </si>
  <si>
    <t>【上海电气锅炉】 分隔屏过热器外数第七圈U型弯管\Φ51*6.5\12Cr1MoVG\540743-E1-01-7</t>
  </si>
  <si>
    <t>【上海电气锅炉】 分隔屏过热器外数第八圈U型弯管\Φ51*6.5\12Cr1MoVG\540743-E1-01-8</t>
  </si>
  <si>
    <t>【上海电气锅炉】 分隔屏过热器外数第九圈U型弯管\Φ51*6.5\12Cr1MoVG\540743-E1-01-9</t>
  </si>
  <si>
    <t>【上海电气锅炉】 后屏过热器外数第一圈U型弯管\Φ60*9\SA213-TP347H\540743-E1-02-1</t>
  </si>
  <si>
    <t>【上海电气锅炉】 后屏过热器外数第二圈U型弯管\Φ54*8\SA213-TP347H\540743-E1-02-2</t>
  </si>
  <si>
    <t>【上海电气锅炉】 后屏过热器外数第三圈U型弯管\Φ54*8\SA213-TP347H\540743-E1-02-3</t>
  </si>
  <si>
    <t>【上海电气锅炉】 后屏过热器外数第四圈U型弯管\Φ54*8\SA213-T91\540743-E1-02-4</t>
  </si>
  <si>
    <t>【上海电气锅炉】 后屏过热器外数第五圈U型弯管\Φ54*8\SA213-T91\540743-E1-02-5</t>
  </si>
  <si>
    <t>【上海电气锅炉】 后屏过热器外数第六圈U型弯管\Φ54*9\12Cr1MoVG\540743-E1-02-6</t>
  </si>
  <si>
    <t>【上海电气锅炉】 后屏过热器外数第七圈U型弯管\Φ54*9\12Cr1MoVG\540743-E1-02-7</t>
  </si>
  <si>
    <t>【上海电气锅炉】 后屏过热器外数第八圈U型弯管\Φ54*8.5\12Cr1MoVG\540743-E1-02-8</t>
  </si>
  <si>
    <t>【上海电气锅炉】 后屏过热器外数第九圈U型弯管\Φ54*8.5\12Cr1MoVG\540743-E1-02-9</t>
  </si>
  <si>
    <t>【上海电气锅炉】 后屏过热器外数第十圈U型弯管\Φ54*8.5\12Cr1MoVG\540743-E1-02-10</t>
  </si>
  <si>
    <t>【上海电气锅炉】 后屏过热器外数第十一圈U型弯管\Φ54*8.5\12Cr1MoVG\540743-E1-02-11</t>
  </si>
  <si>
    <t>【上海电气锅炉】 后屏过热器外数第十二圈U型弯管\Φ54*8.5\12Cr1MoVG\540743-E1-02-12</t>
  </si>
  <si>
    <t>【上海电气锅炉】 后屏过热器外数第十三圈U型弯管\Φ54*8.5\12Cr1MoVG\540743-E1-02-13</t>
  </si>
  <si>
    <t>【上海电气锅炉】 后屏过热器外数第十四圈U型弯管\Φ54*8\SA213-TP347H\540743-E1-02-14</t>
  </si>
  <si>
    <t>【上海电气锅炉】 末级再热器外数第一圈U型弯管\Φ63*4.5\SA213-T91\740743-E1-02-1</t>
  </si>
  <si>
    <t>【上海电气锅炉】 末级再热器外数第二圈U型弯管\Φ63*4\SA213-T91\740743-E1-02-2</t>
  </si>
  <si>
    <t>【上海电气锅炉】 末级再热器外数第三圈U型弯管\Φ63*4\SA213-T91\740743-E1-02-3</t>
  </si>
  <si>
    <t>【上海电气锅炉】 末级再热器外数第四圈U型弯管\Φ63*4\SA213-T91\740743-E1-02-4</t>
  </si>
  <si>
    <t>【上海电气锅炉】 末级再热器外数第五圈U型弯管\Φ63*4\SA213-T91\740743-E1-02-5</t>
  </si>
  <si>
    <t>【上海电气锅炉】 末级再热器外数第六圈U型弯管\Φ63*4\SA213-T91\740743-E1-02-6</t>
  </si>
  <si>
    <t>【上海电气锅炉】 末级再热器外数第七圈U型弯管\Φ63*5.5\SA213-T91\740743-E1-02-7</t>
  </si>
  <si>
    <t>【上海电气锅炉】 屏式再热器外数第一圈U型弯管\Φ63*4.5\SA213-T91\740743-E1-01-1</t>
  </si>
  <si>
    <t>【上海电气锅炉】 屏式再热器外数第二圈U型弯管\Φ63*4\SA213-T91\740743-E1-01-2</t>
  </si>
  <si>
    <t>【上海电气锅炉】 屏式再热器外数第三圈U型弯管\Φ63*4\SA213-T91\740743-E1-01-3</t>
  </si>
  <si>
    <t>【上海电气锅炉】 屏式再热器外数第四圈U型弯管\Φ63*4\12Cr1MoVG\740743-E1-01-4</t>
  </si>
  <si>
    <t>【上海电气锅炉】 屏式再热器外数第五圈U型弯管\Φ63*4\12Cr1MoVG\740743-E1-01-5</t>
  </si>
  <si>
    <t>【上海电气锅炉】 屏式再热器外数第六圈U型弯管\Φ63*4\12Cr1MoVG\740743-E1-01-6</t>
  </si>
  <si>
    <t>【上海电气锅炉】 屏式再热器外数第七圈U型弯管\Φ63*4\12Cr1MoVG\740743-E1-01-7</t>
  </si>
  <si>
    <t>【上海电气锅炉】 屏式再热器外数第八圈U型弯管\Φ63*4\12Cr1MoVG\740743-E1-01-8</t>
  </si>
  <si>
    <t>【上海电气锅炉】 屏式再热器外数第九圈U型弯管\Φ63*4\12Cr1MoVG\740743-E1-01-9</t>
  </si>
  <si>
    <t>【上海电气锅炉】 屏式再热器外数第十圈U型弯管\Φ63*4\12Cr1MoVG\740743-E1-01-10</t>
  </si>
  <si>
    <t>【上海电气锅炉】 屏式再热器外数第十一圈U型弯管\Φ63*4\12Cr1MoVG\740743-E1-01-11</t>
  </si>
  <si>
    <t>【上海电气锅炉】 屏式再热器外数第十二圈U型弯管\Φ63*4\12Cr1MoVG\740743-E1-01-12</t>
  </si>
  <si>
    <t>【上海电气锅炉】 屏式再热器外数第十三圈U型弯管\Φ63*5\12Cr1MoVG\740743-E1-01-13</t>
  </si>
  <si>
    <t>【上海电气锅炉】 屏式再热器外数第十四圈U型弯管\Φ63*5\12Cr1MoVG\740743-E1-01-14</t>
  </si>
  <si>
    <t>【上海电气锅炉】 低温过热器上部外数第一圈U型弯管\Φ57*6.5\15CrMoG\544743-E1-01-1</t>
  </si>
  <si>
    <t>【上海电气锅炉】 低温过热器上部外数第二圈U型弯管\Φ57*6.5\15CrMoG\544743-E1-01-2</t>
  </si>
  <si>
    <t>【上海电气锅炉】 低温过热器上部外数第三圈U型弯管\Φ57*6.5\15CrMoG\544743-E1-01-3</t>
  </si>
  <si>
    <t>【上海电气锅炉】 低温过热器上部外数第四圈U型弯管\Φ57*6.5\15CrMoG\544743-E1-01-4</t>
  </si>
  <si>
    <t>【上海电气锅炉】 低温过热器上部外数第五圈U型弯管\Φ57*6.5\15CrMoG\544743-E1-01-5</t>
  </si>
  <si>
    <t>【上海电气锅炉】 低温过热器中上部外数第一圈U型弯管\Φ57*6\15CrMoG\544743-E1-01-6</t>
  </si>
  <si>
    <t>【上海电气锅炉】 低温过热器中上部外数第二圈U型弯管\Φ57*6\15CrMoG\544743-E1-01-7</t>
  </si>
  <si>
    <t>【上海电气锅炉】 低温过热器中上部外数第三圈U型弯管\Φ57*6\15CrMoG\544743-E1-01-8</t>
  </si>
  <si>
    <t>【上海电气锅炉】 低温过热器中上部外数第四圈U型弯管\Φ57*6\15CrMoG\544743-E1-01-9</t>
  </si>
  <si>
    <t>【上海电气锅炉】 低温过热器中上部外数第五圈U型弯管\Φ57*6\15CrMoG\544743-E1-01-10</t>
  </si>
  <si>
    <t>【上海电气锅炉】 低温过热器中下部外数第一圈U型弯管\Φ57*7.5\20G\544743-E1-01-11</t>
  </si>
  <si>
    <t>【上海电气锅炉】 低温过热器中下部外数第二圈U型弯管\Φ57*7.5\20G\544743-E1-01-12</t>
  </si>
  <si>
    <t>【上海电气锅炉】 低温过热器中下部外数第三圈U型弯管\Φ57*7.5\20G\544743-E1-01-13</t>
  </si>
  <si>
    <t>【上海电气锅炉】 低温过热器中下部外数第四圈U型弯管\Φ57*7.5\20G\544743-E1-01-14</t>
  </si>
  <si>
    <t>【上海电气锅炉】 低温过热器中下部外数第五圈U型弯管\Φ57*7.5\20G\544743-E1-01-15</t>
  </si>
  <si>
    <t>【上海电气锅炉】 低温过热器下部外数第一圈U型弯管\Φ57*7\20G\544743-E1-01-16</t>
  </si>
  <si>
    <t>【上海电气锅炉】 低温过热器下部外数第二圈U型弯管\Φ57*7\20G\544743-E1-01-17</t>
  </si>
  <si>
    <t>【上海电气锅炉】 低温过热器下部外数第三圈U型弯管\Φ57*7\20G\544743-E1-01-18</t>
  </si>
  <si>
    <t>【上海电气锅炉】 低温过热器下部外数第四圈U型弯管\Φ57*7\20G\544743-E1-01-19</t>
  </si>
  <si>
    <t>【上海电气锅炉】 低温过热器下部外数第五圈U型弯管\Φ57*7\20G\544743-E1-01-20</t>
  </si>
  <si>
    <t>【上海电气锅炉】 省煤器外数第一圈U型弯管\Φ51*6\SA210-C\560738-E1-01-1</t>
  </si>
  <si>
    <t>【上海电气锅炉】 省煤器外数第二圈U型弯管\Φ51*6\SA210-C\560738-E1-01-2</t>
  </si>
  <si>
    <t>【上海电气锅炉】 省煤器外数第三圈U型弯管\Φ51*6\SA210-C\560738-E1-01-3</t>
  </si>
  <si>
    <t>【上海电气锅炉】 末级过热器前屏外数第一圈U型弯管\Φ51*7\SA213-T23\540738-E1-02-1</t>
  </si>
  <si>
    <t>【上海电气锅炉】 末级过热器前屏外数第二圈U型弯管\Φ51*7\SA213-T23\540738-E1-02-2</t>
  </si>
  <si>
    <t>【上海电气锅炉】 末级过热器前屏外数第三圈U型弯管\Φ51*7\SA213-T23\540738-E1-02-3</t>
  </si>
  <si>
    <t>【上海电气锅炉】 末级过热器前屏外数第四圈U型弯管\Φ51*7\SA213-T23\540738-E1-02-4</t>
  </si>
  <si>
    <t>【上海电气锅炉】 末级过热器后屏外数第一圈U型弯管\Φ51*7\SA213-T91\540738-E1-02-5</t>
  </si>
  <si>
    <t>【上海电气锅炉】 末级过热器后屏外数第二圈U型弯管\Φ51*7\SA213-T91\540738-E1-02-6</t>
  </si>
  <si>
    <t>【上海电气锅炉】 末级过热器后屏外数第三圈U型弯管\Φ51*7\SA213-T91\540738-E1-02-7</t>
  </si>
  <si>
    <t>【上海电气锅炉】 末级过热器后屏外数第四圈U型弯管\Φ51*7\SA213-T91\540738-E1-02-8</t>
  </si>
  <si>
    <t>【上海电气锅炉】 分隔屏过热器外数第一圈U型弯管\Φ51*6\SA213-T91\540724-E1-01-1</t>
  </si>
  <si>
    <t>【上海电气锅炉】 分隔屏过热器外数第二圈U型弯管\Φ51*6\SA213-T91\540724-E1-01-2</t>
  </si>
  <si>
    <t>【上海电气锅炉】 分隔屏过热器外数第三圈U型弯管\Φ51*6\SA213-T91\540724-E1-01-3</t>
  </si>
  <si>
    <t>【上海电气锅炉】 分隔屏过热器外数第四圈U型弯管\Φ51*6.5\12Cr1MoVG\540724-E1-01-4</t>
  </si>
  <si>
    <t>【上海电气锅炉】 分隔屏过热器外数第五圈U型弯管\Φ51*6.5\12Cr1MoVG\540724-E1-01-5</t>
  </si>
  <si>
    <t>【上海电气锅炉】 分隔屏过热器外数第六圈U型弯管\Φ51*6.5\12Cr1MoVG\540724-E1-01-6</t>
  </si>
  <si>
    <t>【上海电气锅炉】 分隔屏过热器外数第七圈U型弯管\Φ51*6.5\12Cr1MoVG\540724-E1-01-7</t>
  </si>
  <si>
    <t>【上海电气锅炉】 分隔屏过热器外数第八圈U型弯管\Φ51*6.5\12Cr1MoVG\540724-E1-01-8</t>
  </si>
  <si>
    <t>【上海电气锅炉】 分隔屏过热器外数第九圈U型弯管\Φ51*6.5\12Cr1MoVG\540724-E1-01-9</t>
  </si>
  <si>
    <t>【上海电气锅炉】 后屏过热器外数第二圈U型弯管\Φ54*8\SA213-TP347H\540738-E1-01-2</t>
  </si>
  <si>
    <t>【上海电气锅炉】 后屏过热器外数第三圈U型弯管\Φ54*8\SA213-TP347H\540738-E1-01-3</t>
  </si>
  <si>
    <t>【上海电气锅炉】 后屏过热器外数第四圈U型弯管\Φ54*8\SA213-T91\540738-E1-01-4</t>
  </si>
  <si>
    <t>【上海电气锅炉】 后屏过热器外数第五圈U型弯管\Φ54*8\SA213-T91\540738-E1-01-5</t>
  </si>
  <si>
    <t>【上海电气锅炉】 后屏过热器外数第六圈U型弯管\Φ54*9\12Cr1MoVG\540738-E1-01-6</t>
  </si>
  <si>
    <t>【上海电气锅炉】 后屏过热器外数第七圈U型弯管\Φ54*9\12Cr1MoVG\540738-E1-01-7</t>
  </si>
  <si>
    <t>【上海电气锅炉】 后屏过热器外数第八圈U型弯管\Φ54*8.5\12Cr1MoVG\540738-E1-01-8</t>
  </si>
  <si>
    <t>【上海电气锅炉】 后屏过热器外数第九圈U型弯管\Φ54*8.5\12Cr1MoVG\540738-E1-01-9</t>
  </si>
  <si>
    <t>【上海电气锅炉】 后屏过热器外数第十圈U型弯管\Φ54*8.5\12Cr1MoVG\540738-E1-01-10</t>
  </si>
  <si>
    <t>【上海电气锅炉】 后屏过热器外数第十一圈U型弯管\Φ54*8.5\12Cr1MoVG\540738-E1-01-11</t>
  </si>
  <si>
    <t>【上海电气锅炉】 后屏过热器外数第十二圈U型弯管\Φ54*8.5\12Cr1MoVG\540738-E1-01-12</t>
  </si>
  <si>
    <t>【上海电气锅炉】 后屏过热器外数第十三圈U型弯管\Φ54*8.5\12Cr1MoVG\540738-E1-01-13</t>
  </si>
  <si>
    <t>【上海电气锅炉】 后屏过热器外数第十四圈U型弯管\Φ54*8\SA213-TP347H\540738-E1-01-14</t>
  </si>
  <si>
    <t>【上海电气锅炉】 后屏过热器外数第一圈U型弯管\Φ60*9\SA213-TP347H\540738-E1-01-1</t>
  </si>
  <si>
    <t>【上海电气锅炉】 末级再热器外数第一圈U型弯管\Φ63*4.5\SA213-T91\740738-E1-01-1</t>
  </si>
  <si>
    <t>【上海电气锅炉】 末级再热器外数第二圈U型弯管\Φ63*4\SA213-T91\740738-E1-01-2</t>
  </si>
  <si>
    <t>【上海电气锅炉】 末级再热器外数第三圈U型弯管\Φ63*4\SA213-T91\740738-E1-01-3</t>
  </si>
  <si>
    <t>【上海电气锅炉】 末级再热器外数第四圈U型弯管\Φ63*4\SA213-T91\740738-E1-01-4</t>
  </si>
  <si>
    <t>【上海电气锅炉】 末级再热器外数第五圈U型弯管\Φ63*4\SA213-T91\740738-E1-01-5</t>
  </si>
  <si>
    <t>【上海电气锅炉】 末级再热器外数第六圈U型弯管\Φ63*4\SA213-T91\740738-E1-01-6</t>
  </si>
  <si>
    <t>【上海电气锅炉】 末级再热器外数第七圈U型弯管\Φ63*5.5\SA213-T91\740738-E1-01-7</t>
  </si>
  <si>
    <t>【上海电气锅炉】 屏式再热器外数第一圈U型弯管\Φ63*4.5\SA213-T91\740724-E1-01-1</t>
  </si>
  <si>
    <t>【上海电气锅炉】 屏式再热器外数第二圈U型弯管\Φ63*4\SA213-T91\740724-E1-01-2</t>
  </si>
  <si>
    <t>【上海电气锅炉】 屏式再热器外数第三圈U型弯管\Φ63*4\SA213-T91\740724-E1-01-3</t>
  </si>
  <si>
    <t>【上海电气锅炉】 屏式再热器外数第四圈U型弯管\Φ63*4\12Cr1MoVG\740724-E1-01-4</t>
  </si>
  <si>
    <t>【上海电气锅炉】 屏式再热器外数第五圈U型弯管\Φ63*4\12Cr1MoVG\740724-E1-01-5</t>
  </si>
  <si>
    <t>【上海电气锅炉】 屏式再热器外数第六圈U型弯管\Φ63*4\12Cr1MoVG\740724-E1-01-6</t>
  </si>
  <si>
    <t>【上海电气锅炉】 屏式再热器外数第七圈U型弯管\Φ63*4\12Cr1MoVG\740724-E1-01-7</t>
  </si>
  <si>
    <t>【上海电气锅炉】 屏式再热器外数第八圈U型弯管\Φ63*4\12Cr1MoVG\740724-E1-01-8</t>
  </si>
  <si>
    <t>【上海电气锅炉】 屏式再热器外数第九圈U型弯管\Φ63*4\12Cr1MoVG\740724-E1-01-9</t>
  </si>
  <si>
    <t>【上海电气锅炉】 屏式再热器外数第十圈U型弯管\Φ63*4\12Cr1MoVG\740724-E1-01-10</t>
  </si>
  <si>
    <t>【上海电气锅炉】 屏式再热器外数第十一圈U型弯管\Φ63*4\12Cr1MoVG\740724-E1-01-11</t>
  </si>
  <si>
    <t>【上海电气锅炉】 屏式再热器外数第十二圈U型弯管\Φ63*4\12Cr1MoVG\740724-E1-01-12</t>
  </si>
  <si>
    <t>【上海电气锅炉】 屏式再热器外数第十三圈U型弯管\Φ63*5\12Cr1MoVG\740724-E1-01-13</t>
  </si>
  <si>
    <t>【上海电气锅炉】 屏式再热器外数第十四圈U型弯管\Φ63*5\12Cr1MoVG\740724-E1-01-14</t>
  </si>
  <si>
    <t>【上海电气锅炉】 低温过热器上部外数第一圈U型弯管\Φ57*7\15CrMoG\544738-E1-01-1</t>
  </si>
  <si>
    <t>【上海电气锅炉】 低温过热器上部外数第二圈U型弯管\Φ57*7\15CrMoG\544738-E1-01-2</t>
  </si>
  <si>
    <t>【上海电气锅炉】 低温过热器上部外数第三圈U型弯管\Φ57*7\15CrMoG\544738-E1-01-3</t>
  </si>
  <si>
    <t>【上海电气锅炉】 低温过热器上部外数第四圈U型弯管\Φ57*7\15CrMoG\544738-E1-01-4</t>
  </si>
  <si>
    <t>【上海电气锅炉】 低温过热器上部外数第五圈U型弯管\Φ57*7\15CrMoG\544738-E1-01-5</t>
  </si>
  <si>
    <t>【上海电气锅炉】 低温过热器中上部外数第一圈U型弯管\Φ57*6.5\15CrMoG\544738-E1-01-6</t>
  </si>
  <si>
    <t>【上海电气锅炉】 低温过热器中上部外数第二圈U型弯管\Φ57*6.5\15CrMoG\544738-E1-01-7</t>
  </si>
  <si>
    <t>【上海电气锅炉】 低温过热器中上部外数第三圈U型弯管\Φ57*6.5\15CrMoG\544738-E1-01-8</t>
  </si>
  <si>
    <t>【上海电气锅炉】 低温过热器中上部外数第四圈U型弯管\Φ57*6.5\15CrMoG\544738-E1-01-9</t>
  </si>
  <si>
    <t>【上海电气锅炉】 低温过热器中上部外数第五圈U型弯管\Φ57*6.5\15CrMoG\544738-E1-01-10</t>
  </si>
  <si>
    <t>【上海电气锅炉】 低温过热器中下部外数第一圈U型弯管\Φ57*7.5\20G\544738-E1-01-11</t>
  </si>
  <si>
    <t>【上海电气锅炉】 低温过热器中下部外数第二圈U型弯管\Φ57*7.5\20G\544738-E1-01-12</t>
  </si>
  <si>
    <t>【上海电气锅炉】 低温过热器中下部外数第三圈U型弯管\Φ57*7.5\20G\544738-E1-01-13</t>
  </si>
  <si>
    <t>【上海电气锅炉】 低温过热器中下部外数第四圈U型弯管\Φ57*7.5\20G\544738-E1-01-14</t>
  </si>
  <si>
    <t>【上海电气锅炉】 低温过热器中下部外数第五圈U型弯管\Φ57*7.5\20G\544738-E1-01-15</t>
  </si>
  <si>
    <t>【上海电气锅炉】 低温过热器下部外数第一圈U型弯管\Φ57*7\20G\544738-E1-01-16</t>
  </si>
  <si>
    <t>【上海电气锅炉】 低温过热器下部外数第二圈U型弯管\Φ57*7\20G\544738-E1-01-17</t>
  </si>
  <si>
    <t>【上海电气锅炉】 低温过热器下部外数第三圈U型弯管\Φ57*7\20G\544738-E1-01-18</t>
  </si>
  <si>
    <t>【上海电气锅炉】 低温过热器下部外数第四圈U型弯管\Φ57*7\20G\544738-E1-01-19</t>
  </si>
  <si>
    <t>【上海电气锅炉】 低温过热器下部外数第五圈U型弯管\Φ57*7\20G\544738-E1-01-20</t>
  </si>
  <si>
    <t>【上海电气锅炉】 省煤器外数第一圈U型弯管\Φ51*6\SA210-C\560727-E1-01-1</t>
  </si>
  <si>
    <t>【上海电气锅炉】 省煤器外数第二圈U型弯管\Φ51*6\SA210-C\560727-E1-01-2</t>
  </si>
  <si>
    <t>【上海电气锅炉】 省煤器外数第三圈U型弯管\Φ51*6\SA210-C\560727-E1-01-3</t>
  </si>
  <si>
    <t>【上海电气锅炉】 末级再热器外数第一圈U型弯管\Φ63*4.5\SA213-T91\740727-E1-02-1</t>
  </si>
  <si>
    <t>【上海电气锅炉】 末级再热器外数第二圈U型弯管\Φ63*4\SA213-T91\740727-E1-02-2</t>
  </si>
  <si>
    <t>【上海电气锅炉】 末级再热器外数第三圈U型弯管\Φ63*4\SA213-T91\740727-E1-02-3</t>
  </si>
  <si>
    <t>【上海电气锅炉】 末级再热器外数第四圈U型弯管\Φ63*4\SA213-T91\740727-E1-02-4</t>
  </si>
  <si>
    <t>【上海电气锅炉】 末级再热器外数第五圈U型弯管\Φ63*4\SA213-T91\740727-E1-02-5</t>
  </si>
  <si>
    <t>【上海电气锅炉】 末级再热器外数第六圈U型弯管\Φ63*4\SA213-T91\740727-E1-02-6</t>
  </si>
  <si>
    <t>【上海电气锅炉】 末级再热器外数第七圈U型弯管\Φ63*5.5\SA213-T91\740727-E1-02-7</t>
  </si>
  <si>
    <t>【上海电气锅炉】 屏式再热器外数第一圈U型弯管\Φ63*4.5\SA213-T91\740727-E1-01-1</t>
  </si>
  <si>
    <t>【上海电气锅炉】 屏式再热器外数第二圈U型弯管\Φ63*4\SA213-T91\740727-E1-01-2</t>
  </si>
  <si>
    <t>【上海电气锅炉】 屏式再热器外数第三圈U型弯管\Φ63*4\SA213-T91\740727-E1-01-3</t>
  </si>
  <si>
    <t>【上海电气锅炉】 屏式再热器外数第四圈U型弯管\Φ63*4\12Cr1MoVG\740727-E1-01-4</t>
  </si>
  <si>
    <t>【上海电气锅炉】 屏式再热器外数第五圈U型弯管\Φ63*4\12Cr1MoVG\740727-E1-01-5</t>
  </si>
  <si>
    <t>【上海电气锅炉】 屏式再热器外数第六圈U型弯管\Φ63*4\12Cr1MoVG\740727-E1-01-6</t>
  </si>
  <si>
    <t>【上海电气锅炉】 屏式再热器外数第七圈U型弯管\Φ63*4\12Cr1MoVG\740727-E1-01-7</t>
  </si>
  <si>
    <t>【上海电气锅炉】 屏式再热器外数第八圈U型弯管\Φ63*4\12Cr1MoVG\740727-E1-01-8</t>
  </si>
  <si>
    <t>【上海电气锅炉】 屏式再热器外数第九圈U型弯管\Φ63*4\12Cr1MoVG\740727-E1-01-9</t>
  </si>
  <si>
    <t>【上海电气锅炉】 屏式再热器外数第十圈U型弯管\Φ63*4\12Cr1MoVG\740727-E1-01-10</t>
  </si>
  <si>
    <t>【上海电气锅炉】 屏式再热器外数第十一圈U型弯管\Φ63*4\12Cr1MoVG\740727-E1-01-11</t>
  </si>
  <si>
    <t>【上海电气锅炉】 屏式再热器外数第十二圈U型弯管\Φ63*4\12Cr1MoVG\740727-E1-01-12</t>
  </si>
  <si>
    <t>【上海电气锅炉】 屏式再热器外数第十三圈U型弯管\Φ63*5\12Cr1MoVG\740727-E1-01-13</t>
  </si>
  <si>
    <t>【上海电气锅炉】 屏式再热器外数第十四圈U型弯管\Φ63*5\12Cr1MoVG\740727-E1-01-14</t>
  </si>
  <si>
    <t>【上海电气锅炉】 低温过热器上部外数第一圈U型弯管\Φ57*6.5\15CrMoG\544727-E1-01-1</t>
  </si>
  <si>
    <t>【上海电气锅炉】 低温过热器上部外数第二圈U型弯管\Φ57*6.5\15CrMoG\544727-E1-01-2</t>
  </si>
  <si>
    <t>【上海电气锅炉】 低温过热器上部外数第三圈U型弯管\Φ57*6.5\15CrMoG\544727-E1-01-3</t>
  </si>
  <si>
    <t>【上海电气锅炉】 低温过热器上部外数第四圈U型弯管\Φ57*6.5\15CrMoG\544727-E1-01-4</t>
  </si>
  <si>
    <t>【上海电气锅炉】 低温过热器上部外数第五圈U型弯管\Φ57*6.5\15CrMoG\544727-E1-01-5</t>
  </si>
  <si>
    <t>【上海电气锅炉】 低温过热器中上部外数第一圈U型弯管\Φ57*6\15CrMoG\544727-E1-01-6</t>
  </si>
  <si>
    <t>【上海电气锅炉】 低温过热器中上部外数第二圈U型弯管\Φ57*6\15CrMoG\544727-E1-01-7</t>
  </si>
  <si>
    <t>【上海电气锅炉】 低温过热器中上部外数第三圈U型弯管\Φ57*6\15CrMoG\544727-E1-01-8</t>
  </si>
  <si>
    <t>【上海电气锅炉】 低温过热器中上部外数第四圈U型弯管\Φ57*6\15CrMoG\544727-E1-01-9</t>
  </si>
  <si>
    <t>【上海电气锅炉】 低温过热器中上部外数第五圈U型弯管\Φ57*6\15CrMoG\544727-E1-01-10</t>
  </si>
  <si>
    <t>【上海电气锅炉】 低温过热器中下部外数第一圈U型弯管\Φ57*7.5\20G\544727-E1-01-11</t>
  </si>
  <si>
    <t>【上海电气锅炉】 低温过热器中下部外数第二圈U型弯管\Φ57*7.5\20G\544727-E1-01-12</t>
  </si>
  <si>
    <t>【上海电气锅炉】 低温过热器中下部外数第三圈U型弯管\Φ57*7.5\20G\544727-E1-01-13</t>
  </si>
  <si>
    <t>【上海电气锅炉】 低温过热器中下部外数第四圈U型弯管\Φ57*7.5\20G\544727-E1-01-14</t>
  </si>
  <si>
    <t>【上海电气锅炉】 低温过热器中下部外数第五圈U型弯管\Φ57*7.5\20G\544727-E1-01-15</t>
  </si>
  <si>
    <t>【上海电气锅炉】 低温过热器下部外数第一圈U型弯管\Φ57*7\20G\544727-E1-01-16</t>
  </si>
  <si>
    <t>【上海电气锅炉】 低温过热器下部外数第二圈U型弯管\Φ57*7\20G\544727-E1-01-17</t>
  </si>
  <si>
    <t>【上海电气锅炉】 低温过热器下部外数第三圈U型弯管\Φ57*7\20G\544727-E1-01-18</t>
  </si>
  <si>
    <t>【上海电气锅炉】 低温过热器下部外数第四圈U型弯管\Φ57*7\20G\544727-E1-01-19</t>
  </si>
  <si>
    <t>【上海电气锅炉】 低温过热器下部外数第五圈U型弯管\Φ57*7\20G\544727-E1-01-20</t>
  </si>
  <si>
    <t>【上海电气锅炉】 后屏过热器外数第一圈U型弯管\Φ60*9\SA213-TP347H\540727-E1-02-1</t>
  </si>
  <si>
    <t>【上海电气锅炉】 后屏过热器外数第二圈U型弯管\Φ54*8\SA213-TP347H\540727-E1-02-2</t>
  </si>
  <si>
    <t>【上海电气锅炉】 后屏过热器外数第三圈U型弯管\Φ54*8\SA213-TP347H\540727-E1-02-3</t>
  </si>
  <si>
    <t>【上海电气锅炉】 后屏过热器外数第四圈U型弯管\Φ54*8\SA213-T91\540727-E1-02-4</t>
  </si>
  <si>
    <t>【上海电气锅炉】 后屏过热器外数第五圈U型弯管\Φ54*8\SA213-T91\540727-E1-02-5</t>
  </si>
  <si>
    <t>【上海电气锅炉】 后屏过热器外数第六圈U型弯管\Φ54*10\12Cr1MoVG\540727-E1-02-6</t>
  </si>
  <si>
    <t>【上海电气锅炉】 后屏过热器外数第七圈U型弯管\Φ54*10\12Cr1MoVG\540727-E1-02-7</t>
  </si>
  <si>
    <t>【上海电气锅炉】 后屏过热器外数第八圈U型弯管\Φ54*9\12Cr1MoVG\540727-E1-02-8</t>
  </si>
  <si>
    <t>【上海电气锅炉】 后屏过热器外数第九圈U型弯管\Φ54*9\12Cr1MoVG\540727-E1-02-9</t>
  </si>
  <si>
    <t>【上海电气锅炉】 后屏过热器外数第十圈U型弯管\Φ54*9\12Cr1MoVG\540727-E1-02-10</t>
  </si>
  <si>
    <t>【上海电气锅炉】 后屏过热器外数第十一圈U型弯管\Φ54*9\12Cr1MoVG\540727-E1-02-11</t>
  </si>
  <si>
    <t>【上海电气锅炉】 后屏过热器外数第十二圈U型弯管\Φ54*9\12Cr1MoVG\540727-E1-02-12</t>
  </si>
  <si>
    <t>【上海电气锅炉】 后屏过热器外数第十三圈U型弯管\Φ54*9\12Cr1MoVG\540727-E1-02-13</t>
  </si>
  <si>
    <t>【上海电气锅炉】 后屏过热器外数第十四圈U型弯管\Φ54*8\SA213-TP347H\540727-E1-02-14</t>
  </si>
  <si>
    <t>【上海电气锅炉】 末级过热器前屏外数第一圈U型弯管\Φ51*7\SA213-T23\540727-E1-03-1</t>
  </si>
  <si>
    <t>【上海电气锅炉】 末级过热器前屏外数第二圈U型弯管\Φ51*7\SA213-T23\540727-E1-03-2</t>
  </si>
  <si>
    <t>【上海电气锅炉】 末级过热器前屏外数第三圈U型弯管\Φ51*7\SA213-T23\540727-E1-03-3</t>
  </si>
  <si>
    <t>【上海电气锅炉】 末级过热器前屏外数第四圈U型弯管\Φ51*7\SA213-T23\540727-E1-03-4</t>
  </si>
  <si>
    <t>【上海电气锅炉】 末级过热器后屏外数第一圈U型弯管\Φ51*7\SA213-T91\540727-E1-03-5</t>
  </si>
  <si>
    <t>【上海电气锅炉】 末级过热器后屏外数第二圈U型弯管\Φ51*7\SA213-T91\540727-E1-03-6</t>
  </si>
  <si>
    <t>【上海电气锅炉】 末级过热器后屏外数第三圈U型弯管\Φ51*7\SA213-T91\540727-E1-03-7</t>
  </si>
  <si>
    <t>【上海电气锅炉】 末级过热器后屏外数第四圈U型弯管\Φ51*7\SA213-T91\540727-E1-03-8</t>
  </si>
  <si>
    <t>【上海电气锅炉】 分隔屏过热器外数第一圈U型弯管\Φ51*6\SA213-T91\540727-E1-01-1</t>
  </si>
  <si>
    <t>【上海电气锅炉】 分隔屏过热器外数第二圈U型弯管\Φ51*6\SA213-T91\540727-E1-01-2</t>
  </si>
  <si>
    <t>【上海电气锅炉】 分隔屏过热器外数第三圈U型弯管\Φ51*6\SA213-T91\540727-E1-01-3</t>
  </si>
  <si>
    <t>【上海电气锅炉】 分隔屏过热器外数第四圈U型弯管\Φ51*6.5\12Cr1MoVG\540727-E1-01-4</t>
  </si>
  <si>
    <t>【上海电气锅炉】 分隔屏过热器外数第五圈U型弯管\Φ51*6.5\12Cr1MoVG\540727-E1-01-5</t>
  </si>
  <si>
    <t>【上海电气锅炉】 分隔屏过热器外数第六圈U型弯管\Φ51*6.5\12Cr1MoVG\540727-E1-01-6</t>
  </si>
  <si>
    <t>【上海电气锅炉】 分隔屏过热器外数第七圈U型弯管\Φ51*6.5\12Cr1MoVG\540727-E1-01-7</t>
  </si>
  <si>
    <t>【上海电气锅炉】 分隔屏过热器外数第八圈U型弯管\Φ51*6.5\12Cr1MoVG\540727-E1-01-8</t>
  </si>
  <si>
    <t>【上海电气锅炉】 分隔屏过热器外数第九圈U型弯管\Φ51*6.5\12Cr1MoVG\540727-E1-01-9</t>
  </si>
  <si>
    <t>【上海电气锅炉】 省煤器外数第一圈U型弯管\Φ51*6\SA210-C\560726-E1-01-1</t>
  </si>
  <si>
    <t>【上海电气锅炉】 省煤器外数第二圈U型弯管\Φ51*6\SA210-C\560726-E1-01-2</t>
  </si>
  <si>
    <t>【上海电气锅炉】 省煤器外数第三圈U型弯管\Φ51*6\SA210-C\560726-E1-01-3</t>
  </si>
  <si>
    <t>【上海电气锅炉】 后屏过热器外数第一圈U型弯管\Φ60*9\SA213-TP347H\540726-E1-01-1</t>
  </si>
  <si>
    <t>【上海电气锅炉】 后屏过热器外数第二圈U型弯管\Φ54*8\SA213-TP347H\540726-E1-01-2</t>
  </si>
  <si>
    <t>【上海电气锅炉】 后屏过热器外数第三圈U型弯管\Φ54*8\SA213-TP347H\540726-E1-01-3</t>
  </si>
  <si>
    <t>【上海电气锅炉】 后屏过热器外数第四圈U型弯管\Φ54*8\SA213-T91\540726-E1-01-4</t>
  </si>
  <si>
    <t>【上海电气锅炉】 后屏过热器外数第五圈U型弯管\Φ54*8\SA213-T91\540726-E1-01-5</t>
  </si>
  <si>
    <t>【上海电气锅炉】 后屏过热器外数第六圈U型弯管\Φ54*9\12Cr1MoVG\540726-E1-01-6</t>
  </si>
  <si>
    <t>【上海电气锅炉】 后屏过热器外数第七圈U型弯管\Φ54*9\12Cr1MoVG\540726-E1-01-7</t>
  </si>
  <si>
    <t>【上海电气锅炉】 后屏过热器外数第八圈U型弯管\Φ54*8.5\12Cr1MoVG\540726-E1-01-8</t>
  </si>
  <si>
    <t>【上海电气锅炉】 后屏过热器外数第九圈U型弯管\Φ54*8.5\12Cr1MoVG\540726-E1-01-9</t>
  </si>
  <si>
    <t>【上海电气锅炉】 后屏过热器外数第十圈U型弯管\Φ54*8.5\12Cr1MoVG\540726-E1-01-10</t>
  </si>
  <si>
    <t>【上海电气锅炉】 后屏过热器外数第十一圈U型弯管\Φ54*8.5\12Cr1MoVG\540726-E1-01-11</t>
  </si>
  <si>
    <t>【上海电气锅炉】 后屏过热器外数第十二圈U型弯管\Φ54*8.5\12Cr1MoVG\540726-E1-01-12</t>
  </si>
  <si>
    <t>【上海电气锅炉】 后屏过热器外数第十三圈U型弯管\Φ54*8.5\12Cr1MoVG\540726-E1-01-13</t>
  </si>
  <si>
    <t>【上海电气锅炉】 后屏过热器外数第十四圈U型弯管\Φ54*8\SA213-TP347H\540726-E1-01-14</t>
  </si>
  <si>
    <t>【上海电气锅炉】 末级再热器外数第一圈U型弯管\Φ63*4\SA213-T91\740726-E1-02-1</t>
  </si>
  <si>
    <t>【上海电气锅炉】 末级再热器外数第二圈U型弯管\Φ63*4\SA213-T91\740726-E1-02-2</t>
  </si>
  <si>
    <t>【上海电气锅炉】 末级再热器外数第三圈U型弯管\Φ63*4\SA213-T91\740726-E1-02-3</t>
  </si>
  <si>
    <t>【上海电气锅炉】 末级再热器外数第四圈U型弯管\Φ63*4\SA213-T91\740726-E1-02-4</t>
  </si>
  <si>
    <t>【上海电气锅炉】 末级再热器外数第五圈U型弯管\Φ63*4\SA213-T91\740726-E1-02-5</t>
  </si>
  <si>
    <t>【上海电气锅炉】 末级再热器外数第六圈U型弯管\Φ63*4\SA213-T91\740726-E1-02-6</t>
  </si>
  <si>
    <t>【上海电气锅炉】 末级再热器外数第七圈U型弯管\Φ63*5.5\SA213-T91\740726-E1-02-7</t>
  </si>
  <si>
    <t>【上海电气锅炉】 屏式再热器外数第一圈U型弯管\Φ63*4\SA213-T91\740726-E1-01-1</t>
  </si>
  <si>
    <t>【上海电气锅炉】 屏式再热器外数第二圈U型弯管\Φ63*4\SA213-T91\740726-E1-01-2</t>
  </si>
  <si>
    <t>【上海电气锅炉】 屏式再热器外数第三圈U型弯管\Φ63*4\SA213-T91\740726-E1-01-3</t>
  </si>
  <si>
    <t>【上海电气锅炉】 屏式再热器外数第四圈U型弯管\Φ63*4\12Cr1MoVG\740726-E1-01-4</t>
  </si>
  <si>
    <t>【上海电气锅炉】 屏式再热器外数第五圈U型弯管\Φ63*4\12Cr1MoVG\740726-E1-01-5</t>
  </si>
  <si>
    <t>【上海电气锅炉】 屏式再热器外数第六圈U型弯管\Φ63*4\12Cr1MoVG\740726-E1-01-6</t>
  </si>
  <si>
    <t>【上海电气锅炉】 屏式再热器外数第七圈U型弯管\Φ63*4\12Cr1MoVG\740726-E1-01-7</t>
  </si>
  <si>
    <t>【上海电气锅炉】 屏式再热器外数第八圈U型弯管\Φ63*4\12Cr1MoVG\740726-E1-01-8</t>
  </si>
  <si>
    <t>【上海电气锅炉】 屏式再热器外数第九圈U型弯管\Φ63*4\12Cr1MoVG\740726-E1-01-9</t>
  </si>
  <si>
    <t>【上海电气锅炉】 屏式再热器外数第十圈U型弯管\Φ63*4\12Cr1MoVG\740726-E1-01-10</t>
  </si>
  <si>
    <t>【上海电气锅炉】 屏式再热器外数第十一圈U型弯管\Φ63*4\12Cr1MoVG\740726-E1-01-11</t>
  </si>
  <si>
    <t>【上海电气锅炉】 屏式再热器外数第十二圈U型弯管\Φ63*4\12Cr1MoVG\740726-E1-01-12</t>
  </si>
  <si>
    <t>【上海电气锅炉】 屏式再热器外数第十三圈U型弯管\Φ63*5\12Cr1MoVG\740726-E1-01-13</t>
  </si>
  <si>
    <t>【上海电气锅炉】 屏式再热器外数第十四圈U型弯管\Φ63*5\12Cr1MoVG\740726-E1-01-14</t>
  </si>
  <si>
    <t>【上海电气锅炉】 低温过热器上部外数第一圈U型弯管\Φ51*6\15CrMoG\544726-E1-01-1</t>
  </si>
  <si>
    <t>【上海电气锅炉】 低温过热器上部外数第二圈U型弯管\Φ51*6\15CrMoG\544726-E1-01-2</t>
  </si>
  <si>
    <t>【上海电气锅炉】 低温过热器上部外数第三圈U型弯管\Φ51*6\15CrMoG\544726-E1-01-3</t>
  </si>
  <si>
    <t>【上海电气锅炉】 低温过热器上部外数第四圈U型弯管\Φ51*6\15CrMoG\544726-E1-01-4</t>
  </si>
  <si>
    <t>【上海电气锅炉】 低温过热器上部外数第五圈U型弯管\Φ51*6\15CrMoG\544726-E1-01-5</t>
  </si>
  <si>
    <t>【上海电气锅炉】 低温过热器中上部外数第一圈U型弯管\Φ51*5.5\15CrMoG\544726-E1-01-6</t>
  </si>
  <si>
    <t>【上海电气锅炉】 低温过热器中上部外数第二圈U型弯管\Φ51*5.5\15CrMoG\544726-E1-01-7</t>
  </si>
  <si>
    <t>【上海电气锅炉】 低温过热器中上部外数第三圈U型弯管\Φ51*5.5\15CrMoG\544726-E1-01-8</t>
  </si>
  <si>
    <t>【上海电气锅炉】 低温过热器中上部外数第四圈U型弯管\Φ51*5.5\15CrMoG\544726-E1-01-9</t>
  </si>
  <si>
    <t>【上海电气锅炉】 低温过热器中上部外数第五圈U型弯管\Φ51*5.5\15CrMoG\544726-E1-01-10</t>
  </si>
  <si>
    <t>【上海电气锅炉】 低温过热器中下部外数第一圈U型弯管\Φ51*6.5\20G\544726-E1-01-11</t>
  </si>
  <si>
    <t>【上海电气锅炉】 低温过热器中下部外数第二圈U型弯管\Φ51*6.5\20G\544726-E1-01-12</t>
  </si>
  <si>
    <t>【上海电气锅炉】 低温过热器中下部外数第三圈U型弯管\Φ51*6.5\20G\544726-E1-01-13</t>
  </si>
  <si>
    <t>【上海电气锅炉】 低温过热器中下部外数第四圈U型弯管\Φ51*6.5\20G\544726-E1-01-14</t>
  </si>
  <si>
    <t>【上海电气锅炉】 低温过热器中下部外数第五圈U型弯管\Φ51*6.5\20G\544726-E1-01-15</t>
  </si>
  <si>
    <t>【上海电气锅炉】 低温过热器下部外数第一圈U型弯管\Φ51*6\20G\544726-E1-01-16</t>
  </si>
  <si>
    <t>【上海电气锅炉】 低温过热器下部外数第二圈U型弯管\Φ51*6\20G\544726-E1-01-17</t>
  </si>
  <si>
    <t>【上海电气锅炉】 低温过热器下部外数第三圈U型弯管\Φ51*6\20G\544726-E1-01-18</t>
  </si>
  <si>
    <t>【上海电气锅炉】 低温过热器下部外数第四圈U型弯管\Φ51*6\20G\544726-E1-01-19</t>
  </si>
  <si>
    <t>【上海电气锅炉】 低温过热器下部外数第五圈U型弯管\Φ51*6\20G\544726-E1-01-20</t>
  </si>
  <si>
    <t>【上海电气锅炉】 省煤器外数第一圈U型弯管\Φ51*6\SA210-C\560724-E1-01-1</t>
  </si>
  <si>
    <t>【上海电气锅炉】 省煤器外数第二圈U型弯管\Φ51*6\SA210-C\560724-E1-01-2</t>
  </si>
  <si>
    <t>【上海电气锅炉】 省煤器外数第三圈U型弯管\Φ51*6\SA210-C\560724-E1-01-3</t>
  </si>
  <si>
    <t>【上海电气锅炉】 末级过热器前屏外数第一圈U型弯管\Φ51*7\SA213-T23\540724-E1-03-1</t>
  </si>
  <si>
    <t>【上海电气锅炉】 末级过热器前屏外数第二圈U型弯管\Φ51*7\SA213-T23\540724-E1-03-2</t>
  </si>
  <si>
    <t>【上海电气锅炉】 末级过热器前屏外数第三圈U型弯管\Φ51*7\SA213-T23\540724-E1-03-3</t>
  </si>
  <si>
    <t>【上海电气锅炉】 末级过热器前屏外数第四圈U型弯管\Φ51*7\SA213-T23\540724-E1-03-4</t>
  </si>
  <si>
    <t>【上海电气锅炉】 末级过热器后屏外数第一圈U型弯管\Φ51*7\SA213-T91\540724-E1-03-5</t>
  </si>
  <si>
    <t>【上海电气锅炉】 末级过热器后屏外数第二圈U型弯管\Φ51*7\SA213-T91\540724-E1-03-6</t>
  </si>
  <si>
    <t>【上海电气锅炉】 末级过热器后屏外数第三圈U型弯管\Φ51*7\SA213-T91\540724-E1-03-7</t>
  </si>
  <si>
    <t>【上海电气锅炉】 末级过热器后屏外数第四圈U型弯管\Φ51*7\SA213-T91\540724-E1-03-8</t>
  </si>
  <si>
    <t>【上海电气锅炉】 后屏过热器外数第一圈U型弯管\Φ60*9\SA213-TP347H\540724-E1-02-1</t>
  </si>
  <si>
    <t>【上海电气锅炉】 后屏过热器外数第二圈U型弯管\Φ54*8\SA213-TP347H\540724-E1-02-2</t>
  </si>
  <si>
    <t>【上海电气锅炉】 后屏过热器外数第三圈U型弯管\Φ54*8\SA213-TP347H\540724-E1-02-3</t>
  </si>
  <si>
    <t>【上海电气锅炉】 后屏过热器外数第四圈U型弯管\Φ54*8\SA213-T91\540724-E1-02-4</t>
  </si>
  <si>
    <t>【上海电气锅炉】 后屏过热器外数第五圈U型弯管\Φ54*8\SA213-T91\540724-E1-02-5</t>
  </si>
  <si>
    <t>【上海电气锅炉】 后屏过热器外数第六圈U型弯管\Φ54*9\12Cr1MoVG\540724-E1-02-6</t>
  </si>
  <si>
    <t>【上海电气锅炉】 后屏过热器外数第七圈U型弯管\Φ54*9\12Cr1MoVG\540724-E1-02-7</t>
  </si>
  <si>
    <t>【上海电气锅炉】 后屏过热器外数第八圈U型弯管\Φ54*8.5\12Cr1MoVG\540724-E1-02-8</t>
  </si>
  <si>
    <t>【上海电气锅炉】 后屏过热器外数第九圈U型弯管\Φ54*8.5\12Cr1MoVG\540724-E1-02-9</t>
  </si>
  <si>
    <t>【上海电气锅炉】 后屏过热器外数第十圈U型弯管\Φ54*8.5\12Cr1MoVG\540724-E1-02-10</t>
  </si>
  <si>
    <t>【上海电气锅炉】 后屏过热器外数第十一圈U型弯管\Φ54*8.5\12Cr1MoVG\540724-E1-02-11</t>
  </si>
  <si>
    <t>【上海电气锅炉】 后屏过热器外数第十二圈U型弯管\Φ54*8.5\12Cr1MoVG\540724-E1-02-12</t>
  </si>
  <si>
    <t>【上海电气锅炉】 后屏过热器外数第十三圈U型弯管\Φ54*8.5\12Cr1MoVG\540724-E1-02-13</t>
  </si>
  <si>
    <t>【上海电气锅炉】 后屏过热器外数第十四圈U型弯管\Φ54*8\SA213-TP347H\540724-E1-02-14</t>
  </si>
  <si>
    <t>【上海电气锅炉】 末级再热器外数第一圈U型弯管\Φ63*4.5\SA213-T91\740724-E1-02-1</t>
  </si>
  <si>
    <t>【上海电气锅炉】 末级再热器外数第二圈U型弯管\Φ63*4\SA213-T91\740724-E1-02-2</t>
  </si>
  <si>
    <t>【上海电气锅炉】 末级再热器外数第三圈U型弯管\Φ63*4\SA213-T91\740724-E1-02-3</t>
  </si>
  <si>
    <t>【上海电气锅炉】 末级再热器外数第四圈U型弯管\Φ63*4\SA213-T91\740724-E1-02-4</t>
  </si>
  <si>
    <t>【上海电气锅炉】 末级再热器外数第五圈U型弯管\Φ63*4\SA213-T91\740724-E1-02-5</t>
  </si>
  <si>
    <t>【上海电气锅炉】 末级再热器外数第六圈U型弯管\Φ63*4\SA213-T91\740724-E1-02-6</t>
  </si>
  <si>
    <t>【上海电气锅炉】 末级再热器外数第七圈U型弯管\Φ63*5.5\SA213-T91\740724-E1-02-7</t>
  </si>
  <si>
    <t>【上海电气锅炉】 低温过热器上部外数第一圈U型弯管\Φ57*6.5\15CrMoG\544724-E1-01-1</t>
  </si>
  <si>
    <t>【上海电气锅炉】 低温过热器上部外数第二圈U型弯管\Φ57*6.5\15CrMoG\544724-E1-01-2</t>
  </si>
  <si>
    <t>【上海电气锅炉】 低温过热器上部外数第三圈U型弯管\Φ57*6.5\15CrMoG\544724-E1-01-3</t>
  </si>
  <si>
    <t>【上海电气锅炉】 低温过热器上部外数第四圈U型弯管\Φ57*6.5\15CrMoG\544724-E1-01-4</t>
  </si>
  <si>
    <t>【上海电气锅炉】 低温过热器上部外数第五圈U型弯管\Φ57*6.5\15CrMoG\544724-E1-01-5</t>
  </si>
  <si>
    <t>【上海电气锅炉】 低温过热器中上部外数第一圈U型弯管\Φ57*6\15CrMoG\544724-E1-01-6</t>
  </si>
  <si>
    <t>【上海电气锅炉】 低温过热器中上部外数第二圈U型弯管\Φ57*6\15CrMoG\544724-E1-01-7</t>
  </si>
  <si>
    <t>【上海电气锅炉】 低温过热器中上部外数第三圈U型弯管\Φ57*6\15CrMoG\544724-E1-01-8</t>
  </si>
  <si>
    <t>【上海电气锅炉】 低温过热器中上部外数第四圈U型弯管\Φ57*6\15CrMoG\544724-E1-01-9</t>
  </si>
  <si>
    <t>【上海电气锅炉】 低温过热器中上部外数第五圈U型弯管\Φ57*6\15CrMoG\544724-E1-01-10</t>
  </si>
  <si>
    <t>【上海电气锅炉】 低温过热器中下部外数第一圈U型弯管\Φ57*7.5\20G\544724-E1-01-11</t>
  </si>
  <si>
    <t>【上海电气锅炉】 低温过热器中下部外数第二圈U型弯管\Φ57*7.5\20G\544724-E1-01-12</t>
  </si>
  <si>
    <t>【上海电气锅炉】 低温过热器中下部外数第三圈U型弯管\Φ57*7.5\20G\544724-E1-01-13</t>
  </si>
  <si>
    <t>【上海电气锅炉】 低温过热器中下部外数第四圈U型弯管\Φ57*7.5\20G\544724-E1-01-14</t>
  </si>
  <si>
    <t>【上海电气锅炉】 低温过热器中下部外数第五圈U型弯管\Φ57*7.5\20G\544724-E1-01-15</t>
  </si>
  <si>
    <t>【上海电气锅炉】 低温过热器下部外数第一圈U型弯管\Φ57*7\20G\544724-E1-01-16</t>
  </si>
  <si>
    <t>【上海电气锅炉】 低温过热器下部外数第二圈U型弯管\Φ57*7\20G\544724-E1-01-17</t>
  </si>
  <si>
    <t>【上海电气锅炉】 低温过热器下部外数第三圈U型弯管\Φ57*7\20G\544724-E1-01-18</t>
  </si>
  <si>
    <t>【上海电气锅炉】 低温过热器下部外数第四圈U型弯管\Φ57*7\20G\544724-E1-01-19</t>
  </si>
  <si>
    <t>【上海电气锅炉】 低温过热器下部外数第五圈U型弯管\Φ57*7\20G\544724-E1-01-20</t>
  </si>
  <si>
    <t>【上海电气锅炉】 省煤器外数第一圈U型弯管\Φ51*6\SA210-C\5604013-E1-01-1</t>
  </si>
  <si>
    <t>【上海电气锅炉】 省煤器外数第二圈U型弯管\Φ51*6\SA210-C\5604013-E1-01-2</t>
  </si>
  <si>
    <t>【上海电气锅炉】 省煤器外数第三圈U型弯管\Φ51*6\SA210-C\5604013-E1-01-3</t>
  </si>
  <si>
    <t>【上海电气锅炉】 末级过热器前屏外数第一圈U型弯管\Φ51*7\SA213-T23\5454013-E1-01-1</t>
  </si>
  <si>
    <t>【上海电气锅炉】 末级过热器前屏外数第二圈U型弯管\Φ51*7\SA213-T23\5454013-E1-01-2</t>
  </si>
  <si>
    <t>【上海电气锅炉】 末级过热器前屏外数第三圈U型弯管\Φ51*7\SA213-T23\5454013-E1-01-3</t>
  </si>
  <si>
    <t>【上海电气锅炉】 末级过热器前屏外数第四圈U型弯管\Φ51*7\SA213-T23\5454013-E1-01-4</t>
  </si>
  <si>
    <t>【上海电气锅炉】 末级过热器后屏外数第一圈U型弯管\Φ51*7\SA213-T91\5454013-E1-01-5</t>
  </si>
  <si>
    <t>【上海电气锅炉】 末级过热器后屏外数第二圈U型弯管\Φ51*7\SA213-T91\5454013-E1-01-6</t>
  </si>
  <si>
    <t>【上海电气锅炉】 末级过热器后屏外数第三圈U型弯管\Φ51*7\SA213-T91\5454013-E1-01-7</t>
  </si>
  <si>
    <t>【上海电气锅炉】 末级过热器后屏外数第四圈U型弯管\Φ51*7\SA213-T91\5454013-E1-01-8</t>
  </si>
  <si>
    <t>【上海电气锅炉】 分隔屏过热器外数第一圈U型弯管\Φ51*6\SA213-T91\5404013-E1-01-1</t>
  </si>
  <si>
    <t>【上海电气锅炉】 分隔屏过热器外数第二圈U型弯管\Φ51*6\SA213-T91\5404013-E1-01-2</t>
  </si>
  <si>
    <t>【上海电气锅炉】 分隔屏过热器外数第三圈U型弯管\Φ51*6\SA213-T91\5404013-E1-01-3</t>
  </si>
  <si>
    <t>【上海电气锅炉】 分隔屏过热器外数第四圈U型弯管\Φ51*6.5\12Cr1MoVG\5404013-E1-01-4</t>
  </si>
  <si>
    <t>【上海电气锅炉】 分隔屏过热器外数第五圈U型弯管\Φ51*6.5\12Cr1MoVG\5404013-E1-01-5</t>
  </si>
  <si>
    <t>【上海电气锅炉】 分隔屏过热器外数第六圈U型弯管\Φ51*6.5\12Cr1MoVG\5404013-E1-01-6</t>
  </si>
  <si>
    <t>【上海电气锅炉】 分隔屏过热器外数第七圈U型弯管\Φ51*6.5\12Cr1MoVG\5404013-E1-01-7</t>
  </si>
  <si>
    <t>【上海电气锅炉】 分隔屏过热器外数第八圈U型弯管\Φ51*6.5\12Cr1MoVG\5404013-E1-01-8</t>
  </si>
  <si>
    <t>【上海电气锅炉】 分隔屏过热器外数第九圈U型弯管\Φ51*6.5\12Cr1MoVG\5404013-E1-01-9</t>
  </si>
  <si>
    <t>【上海电气锅炉】 后屏过热器外数第一圈U型弯管\Φ60*9\SA213-TP347H\5404013-E1-02-1</t>
  </si>
  <si>
    <t>【上海电气锅炉】 后屏过热器外数第二圈U型弯管\Φ54*8\SA213-TP347H\5404013-E1-02-2</t>
  </si>
  <si>
    <t>【上海电气锅炉】 后屏过热器外数第三圈U型弯管\Φ54*8\SA213-TP347H\5404013-E1-02-3</t>
  </si>
  <si>
    <t>【上海电气锅炉】 后屏过热器外数第四圈U型弯管\Φ54*8\SA213-T91\5404013-E1-02-4</t>
  </si>
  <si>
    <t>【上海电气锅炉】 后屏过热器外数第五圈U型弯管\Φ54*8\SA213-T91\5404013-E1-02-5</t>
  </si>
  <si>
    <t>【上海电气锅炉】 后屏过热器外数第六圈U型弯管\Φ54*9\12Cr1MoVG\5404013-E1-02-6</t>
  </si>
  <si>
    <t>【上海电气锅炉】 后屏过热器外数第七圈U型弯管\Φ54*9\12Cr1MoVG\5404013-E1-02-7</t>
  </si>
  <si>
    <t>【上海电气锅炉】 后屏过热器外数第八圈U型弯管\Φ54*8.5\12Cr1MoVG\5404013-E1-02-8</t>
  </si>
  <si>
    <t>【上海电气锅炉】 后屏过热器外数第九圈U型弯管\Φ54*8.5\12Cr1MoVG\5404013-E1-02-9</t>
  </si>
  <si>
    <t>【上海电气锅炉】 后屏过热器外数第十圈U型弯管\Φ54*8.5\12Cr1MoVG\5404013-E1-02-10</t>
  </si>
  <si>
    <t>【上海电气锅炉】 后屏过热器外数第十一圈U型弯管\Φ54*8.5\12Cr1MoVG\5404013-E1-02-11</t>
  </si>
  <si>
    <t>【上海电气锅炉】 后屏过热器外数第十二圈U型弯管\Φ54*8.5\12Cr1MoVG\5404013-E1-02-12</t>
  </si>
  <si>
    <t>【上海电气锅炉】 后屏过热器外数第十三圈U型弯管\Φ54*8.5\12Cr1MoVG\5404013-E1-02-13</t>
  </si>
  <si>
    <t>【上海电气锅炉】 后屏过热器外数第十四圈U型弯管\Φ54*8H\SA213-TP347H\5404013-E1-02-14</t>
  </si>
  <si>
    <t>【上海电气锅炉】 末级再热器外数第一圈U型弯管\Φ63.5*4.5\SA213-T91\7404013-E1-02-1</t>
  </si>
  <si>
    <t>【上海电气锅炉】 末级再热器外数第二圈U型弯管\Φ63.5*4\SA213-T91\7404013-E1-02-2</t>
  </si>
  <si>
    <t>【上海电气锅炉】 末级再热器外数第三圈U型弯管\Φ63.5*4\SA213-T91\7404013-E1-02-3</t>
  </si>
  <si>
    <t>【上海电气锅炉】 末级再热器外数第四圈U型弯管\Φ63.5*4\SA213-T91\7404013-E1-02-4</t>
  </si>
  <si>
    <t>【上海电气锅炉】 末级再热器外数第五圈U型弯管\Φ63.5*4\SA213-T91\7404013-E1-02-5</t>
  </si>
  <si>
    <t>【上海电气锅炉】 末级再热器外数第六圈U型弯管\Φ63.5*4\SA213-T91\7404013-E1-02-6</t>
  </si>
  <si>
    <t>【上海电气锅炉】 末级再热器外数第七圈U型弯管\Φ63.5*5.5\SA213-T91\7404013-E1-02-7</t>
  </si>
  <si>
    <t>【上海电气锅炉】 屏式再热器外数第一圈U型弯管\Φ63*4.5\SA213-T91\7404013-E1-01-1</t>
  </si>
  <si>
    <t>【上海电气锅炉】 屏式再热器外数第二圈U型弯管\Φ63*4\SA213-T91\7404013-E1-01-2</t>
  </si>
  <si>
    <t>【上海电气锅炉】 屏式再热器外数第三圈U型弯管\Φ63*4\SA213-T91\7404013-E1-01-3</t>
  </si>
  <si>
    <t>【上海电气锅炉】 屏式再热器外数第四圈U型弯管\Φ63*4\12Cr1MoVG\7404013-E1-01-4</t>
  </si>
  <si>
    <t>【上海电气锅炉】 屏式再热器外数第五圈U型弯管\Φ63*4\12Cr1MoVG\7404013-E1-01-5</t>
  </si>
  <si>
    <t>【上海电气锅炉】 屏式再热器外数第六圈U型弯管\Φ63*4\12Cr1MoVG\7404013-E1-01-6</t>
  </si>
  <si>
    <t>【上海电气锅炉】 屏式再热器外数第七圈U型弯管\Φ63*4\12Cr1MoVG\7404013-E1-01-7</t>
  </si>
  <si>
    <t>【上海电气锅炉】 屏式再热器外数第八圈U型弯管\Φ63*4\12Cr1MoVG\7404013-E1-01-8</t>
  </si>
  <si>
    <t>【上海电气锅炉】 屏式再热器外数第九圈U型弯管\Φ63*4\12Cr1MoVG\7404013-E1-01-9</t>
  </si>
  <si>
    <t>【上海电气锅炉】 屏式再热器外数第十圈U型弯管\Φ63*4\12Cr1MoVG\7404013-E1-01-10</t>
  </si>
  <si>
    <t>【上海电气锅炉】 屏式再热器外数第十一圈U型弯管\Φ63*4\12Cr1MoVG\7404013-E1-01-11</t>
  </si>
  <si>
    <t>【上海电气锅炉】 屏式再热器外数第十二圈U型弯管\Φ63*4\12Cr1MoVG\7404013-E1-01-12</t>
  </si>
  <si>
    <t>【上海电气锅炉】 屏式再热器外数第十三圈U型弯管\Φ63*5\12Cr1MoVG\7404013-E1-01-13</t>
  </si>
  <si>
    <t>【上海电气锅炉】 屏式再热器外数第十四圈U型弯管\Φ63*5\12Cr1MoVG\7404013-E1-01-14</t>
  </si>
  <si>
    <t>【上海电气锅炉】 低温过热器上部外数第一圈U型弯管\Φ57*6.5\15CrMoG\T544030-DⅡ-02-1</t>
  </si>
  <si>
    <t>【上海电气锅炉】 低温过热器上部外数第二圈U型弯管\Φ57*6.5\15CrMoG\T544030-DⅡ-02-2</t>
  </si>
  <si>
    <t>【上海电气锅炉】 低温过热器上部外数第三圈U型弯管\Φ57*6.5\15CrMoG\T544030-DⅡ-02-3</t>
  </si>
  <si>
    <t>【上海电气锅炉】 低温过热器上部外数第四圈U型弯管\Φ57*6.5\15CrMoG\T544030-DⅡ-02-4</t>
  </si>
  <si>
    <t>【上海电气锅炉】 低温过热器上部外数第五圈U型弯管\Φ57*6.5\15CrMoG\T544030-DⅡ-02-5</t>
  </si>
  <si>
    <t>【上海电气锅炉】 低温过热器中上部外数第一圈U型弯管\Φ57*6\15CrMoG\T544030-DⅡ-03-6</t>
  </si>
  <si>
    <t>【上海电气锅炉】 低温过热器中上部外数第二圈U型弯管\Φ57*6\15CrMoG\T544030-DⅡ-03-7</t>
  </si>
  <si>
    <t>【上海电气锅炉】 低温过热器中上部外数第三圈U型弯管\Φ57*6\15CrMoG\T544030-DⅡ-03-8</t>
  </si>
  <si>
    <t>【上海电气锅炉】 低温过热器中上部外数第四圈U型弯管\Φ57*6\15CrMoG\T544030-DⅡ-03-9</t>
  </si>
  <si>
    <t>【上海电气锅炉】 低温过热器中上部外数第五圈U型弯管\Φ57*6\15CrMoG\T544030-DⅡ-03-10</t>
  </si>
  <si>
    <t>【上海电气锅炉】 低温过热器中下部外数第一圈U型弯管\Φ57*7.5\20G\T544030-DⅡ-04-11</t>
  </si>
  <si>
    <t>【上海电气锅炉】 低温过热器中下部外数第二圈U型弯管\Φ57*7.5\20G\T544030-DⅡ-04-12</t>
  </si>
  <si>
    <t>【上海电气锅炉】 低温过热器中下部外数第三圈U型弯管\Φ57*7.5\20G\T544030-DⅡ-04-13</t>
  </si>
  <si>
    <t>【上海电气锅炉】 低温过热器中下部外数第四圈U型弯管\Φ57*7.5\20G\T544030-DⅡ-04-14</t>
  </si>
  <si>
    <t>【上海电气锅炉】 低温过热器中下部外数第五圈U型弯管\Φ57*7.5\20G\T544030-DⅡ-04-15</t>
  </si>
  <si>
    <t>【上海电气锅炉】 低温过热器下部外数第一圈U型弯管\Φ57*7\20G\T544030-DⅡ-05-16</t>
  </si>
  <si>
    <t>【上海电气锅炉】 低温过热器下部外数第二圈U型弯管\Φ57*7\20G\T544030-DⅡ-05-17</t>
  </si>
  <si>
    <t>【上海电气锅炉】 低温过热器下部外数第三圈U型弯管\Φ57*7\20G\T544030-DⅡ-05-18</t>
  </si>
  <si>
    <t>【上海电气锅炉】 低温过热器下部外数第四圈U型弯管\Φ57*7\20G\T544030-DⅡ-05-19</t>
  </si>
  <si>
    <t>【上海电气锅炉】 低温过热器下部外数第五圈U型弯管\Φ57*7\20G\T544030-DⅡ-05-20</t>
  </si>
  <si>
    <t>【上海电气锅炉】 高温过热器左侧上部外数第一圈U型弯管\Φ48*6.5\SA213-T91\540801-D1-01-1</t>
  </si>
  <si>
    <t>【上海电气锅炉】 高温过热器左侧上部外数第二圈U型弯管\Φ48*6.5\SA213-T91\540801-D1-01-2</t>
  </si>
  <si>
    <t>【上海电气锅炉】 高温过热器左侧上部外数第三圈U型弯管\Φ48*6.5\SA213-T91\540801-D1-01-3</t>
  </si>
  <si>
    <t>【上海电气锅炉】 高温过热器左侧上部外数第四圈U型弯管\Φ48*6.5\SA213-T91\540801-D1-01-4</t>
  </si>
  <si>
    <t>【上海电气锅炉】 高温过热器右侧上部外数第一圈U型弯管\Φ48*6.5\SA213-T91\540801-D1-01-5</t>
  </si>
  <si>
    <t>【上海电气锅炉】 高温过热器右侧上部外数第二圈U型弯管\Φ48*6.5\SA213-T91\540801-D1-01-6</t>
  </si>
  <si>
    <t>【上海电气锅炉】 高温过热器右侧上部外数第三圈U型弯管\Φ48*6.5\SA213-T91\540801-D1-01-7</t>
  </si>
  <si>
    <t>【上海电气锅炉】 高温过热器右侧上部外数第四圈U型弯管\Φ48*6.5\SA213-T91\540801-D1-01-8</t>
  </si>
  <si>
    <t>【上海电气锅炉】 高温过热器右侧上部外数第五圈U型弯管\Φ48*6.5\SA213-T91\540801-D1-01-9</t>
  </si>
  <si>
    <t>【上海电气锅炉】 高温过热器右侧上部外数第六圈U型弯管\Φ48*6.5\SA213-T91\540801-D1-01-10</t>
  </si>
  <si>
    <t>【上海电气锅炉】 高温过热器右侧上部外数第七圈U型弯管\Φ48*6.5\SA213-T91\540801-D1-01-11</t>
  </si>
  <si>
    <t>【上海电气锅炉】 高温过热器右侧上部外数第八圈U型弯管\Φ48*6.5\SA213-T91\540801-D1-01-12</t>
  </si>
  <si>
    <t>【上海电气锅炉】 高温过热器下部外数第一圈U型弯管\Φ48*6.5\12Cr1MoVG\540801-D1-01-13</t>
  </si>
  <si>
    <t>【上海电气锅炉】 高温过热器下部外数第二圈U型弯管\Φ48*6.5\12Cr1MoVG\540801-D1-01-14</t>
  </si>
  <si>
    <t>【上海电气锅炉】 高温过热器下部外数第三圈U型弯管\Φ48*6.5\12Cr1MoVG\540801-D1-01-15</t>
  </si>
  <si>
    <t>【上海电气锅炉】 高温过热器下部外数第四圈U型弯管\Φ48*6.5\12Cr1MoVG\540801-D1-01-16</t>
  </si>
  <si>
    <t>【上海电气锅炉】 低温过热器外数第一圈U型弯管\Φ51*7\15CrMoG\548801-E1-01-1</t>
  </si>
  <si>
    <t>【上海电气锅炉】 低温过热器外数第二圈U型弯管\Φ51*7\15CrMoG\548801-E1-01-2</t>
  </si>
  <si>
    <t>【上海电气锅炉】 低温过热器外数第三圈U型弯管\Φ51*7\15CrMoG\548801-E1-01-3</t>
  </si>
  <si>
    <t>【上海电气锅炉】 低温过热器外数第四圈U型弯管\Φ51*7\15CrMoG\548801-E1-01-4</t>
  </si>
  <si>
    <t>【上海电气锅炉】 低温过热器外数第五圈U型弯管\Φ51*7\15CrMoG\548801-E1-01-5</t>
  </si>
  <si>
    <t>【上海电气锅炉】 一级中温过热器上部外数第一圈U型弯管\Φ51*8.5\12Cr1MoVG\548801-E1-02-1</t>
  </si>
  <si>
    <t>【上海电气锅炉】 一级中温过热器上部外数第二圈U型弯管\Φ51*8.5\12Cr1MoVG\548801-E1-02-2</t>
  </si>
  <si>
    <t>【上海电气锅炉】 一级中温过热器上部外数第三圈U型弯管\Φ51*8.5\12Cr1MoVG\548801-E1-02-3</t>
  </si>
  <si>
    <t>【上海电气锅炉】 一级中温过热器上部外数第四圈U型弯管\Φ51*8.5\12Cr1MoVG\548801-E1-02-4</t>
  </si>
  <si>
    <t>【上海电气锅炉】 一级中温过热器上部外数第五圈U型弯管\Φ51*8.5\12Cr1MoVG\548801-E1-02-5</t>
  </si>
  <si>
    <t>【上海电气锅炉】 一级中温过热器下部外数第一圈U型弯管\Φ51*7\15CrMoG\548801-E1-02-6</t>
  </si>
  <si>
    <t>【上海电气锅炉】 一级中温过热器下部外数第二圈U型弯管\Φ51*7\15CrMoG\548801-E1-02-7</t>
  </si>
  <si>
    <t>【上海电气锅炉】 一级中温过热器下部外数第三圈U型弯管\Φ51*7\15CrMoG\548801-E1-02-8</t>
  </si>
  <si>
    <t>【上海电气锅炉】 一级中温过热器下部外数第四圈U型弯管\Φ51*7\15CrMoG\548801-E1-02-9</t>
  </si>
  <si>
    <t>【上海电气锅炉】 一级中温过热器下部外数第五圈U型弯管\Φ51*7\15CrMoG\548801-E1-02-10</t>
  </si>
  <si>
    <t>【上海电气锅炉】 一级省煤器外数第一圈U型弯管\Φ48*5\SA210-C\560801-E1-01-1</t>
  </si>
  <si>
    <t>【上海电气锅炉】 一级省煤器外数第二圈U型弯管\Φ48*5\SA210-C\560801-E1-01-2</t>
  </si>
  <si>
    <t>【上海电气锅炉】 二级省煤器外数第一圈U型弯管\Φ48*6\SA210-C\560801-E1-02-1</t>
  </si>
  <si>
    <t>【上海电气锅炉】 二级省煤器外数第二圈U型弯管\Φ48*6\SA210-C\560801-E1-02-2</t>
  </si>
  <si>
    <t>【上海电气锅炉】 二级省煤器外数第三圈U型弯管\Φ48*6\SA210-C\560801-E1-02-3</t>
  </si>
  <si>
    <t>【上海电气锅炉】 低温再热器上部外数第一圈U型弯管\Φ63.5*5\15CrMoG\740801-D1-01-1</t>
  </si>
  <si>
    <t>【上海电气锅炉】 低温再热器上部外数第二圈U型弯管\Φ63.5*5\15CrMoG\740801-D1-01-2</t>
  </si>
  <si>
    <t>【上海电气锅炉】 低温再热器上部外数第三圈U型弯管\Φ63.5*5\15CrMoG\740801-D1-01-3</t>
  </si>
  <si>
    <t>【上海电气锅炉】 低温再热器上部外数第四圈U型弯管\Φ63.5*5\15CrMoG\740801-D1-01-4</t>
  </si>
  <si>
    <t>【上海电气锅炉】 低温再热器下部外数第一圈U型弯管\Φ63.5*4\20G\740801-D1-01-5</t>
  </si>
  <si>
    <t>【上海电气锅炉】 低温再热器下部外数第二圈U型弯管\Φ63.5*4\20G\740801-D1-01-6</t>
  </si>
  <si>
    <t>【上海电气锅炉】 低温再热器下部外数第三圈U型弯管\Φ63.5*4\20G\740801-D1-01-7</t>
  </si>
  <si>
    <t>【上海电气锅炉】 低温再热器下部外数第四圈U型弯管\Φ63.5*4\20G\740801-D1-01-8</t>
  </si>
  <si>
    <t>【上海电气锅炉】 分隔屏过热器外数第1圈管U型弯管\Φ44.5*6.5\SA213-SUPER304H\5406001-E1-01-01</t>
  </si>
  <si>
    <t>【上海电气锅炉】 分隔屏过热器外数第2圈管U型弯管\Φ44.5*6.5\SA213-SUPER304H\5406001-E1-01-02</t>
  </si>
  <si>
    <t>【上海电气锅炉】 分隔屏过热器外数第3圈管U型弯管\Φ44.5*6.5\SA213-SUPER304H\5406001-E1-01-03</t>
  </si>
  <si>
    <t>【上海电气锅炉】 分隔屏过热器外数第4圈管U型弯管\Φ44.5*8\SA213-T91\5406001-E1-01-04</t>
  </si>
  <si>
    <t>【上海电气锅炉】 分隔屏过热器外数第5圈管U型弯管\Φ44.5*8\SA213-T91\5406001-E1-01-05</t>
  </si>
  <si>
    <t>【上海电气锅炉】 分隔屏过热器外数第6圈管U型弯管\Φ44.5*8\SA213-T91\5406001-E1-01-06</t>
  </si>
  <si>
    <t>【上海电气锅炉】 分隔屏过热器外数第7圈管U型弯管\Φ44.5*8\SA213-T91\5406001-E1-01-07</t>
  </si>
  <si>
    <t>【上海电气锅炉】 分隔屏过热器外数第8圈管U型弯管\Φ44.5*8\SA213-T91\5406001-E1-01-08</t>
  </si>
  <si>
    <t>【上海电气锅炉】 分隔屏过热器外数第9圈管U型弯管\Φ44.5*8\SA213-T91\5406001-E1-01-09</t>
  </si>
  <si>
    <t>【上海电气锅炉】 分隔屏过热器外数第10圈管U型弯管\Φ44.5*8\SA213-T91\5406001-E1-01-10</t>
  </si>
  <si>
    <t>【上海电气锅炉】 分隔屏过热器外数第11圈管U型弯管\Φ44.5*8\SA213-T91\5406001-E1-01-11</t>
  </si>
  <si>
    <t>【上海电气锅炉】 分隔屏过热器外数第12圈管U型弯管\Φ44.5*8\SA213-T91\5406001-E1-01-12</t>
  </si>
  <si>
    <t>【上海电气锅炉】 后屏过热器外数第1圈管U型弯管\Φ54*10.5\SA213-SUPER304H-SB\5406001-D1-02-01</t>
  </si>
  <si>
    <t>【上海电气锅炉】 后屏过热器外数第2圈管U型弯管\Φ48*7.5\SA213-SUPER304H-SB\5406001-D1-02-02</t>
  </si>
  <si>
    <t>【上海电气锅炉】 后屏过热器外数第3圈管U型弯管\Φ48*7.5\SA213-SUPER304H-SB\5406001-D1-02-03</t>
  </si>
  <si>
    <t>【上海电气锅炉】 后屏过热器外数第4圈管U型弯管\Φ48*7.5\SA213-SUPER304H-SB\5406001-D1-02-04</t>
  </si>
  <si>
    <t>【上海电气锅炉】 后屏过热器外数第5圈管U型弯管\Φ48*7.5\SA213-SUPER304H-SB\5406001-D1-02-05</t>
  </si>
  <si>
    <t>【上海电气锅炉】 后屏过热器外数第6圈管U型弯管\Φ48*7.5\SA213-SUPER304H-SB\5406001-D1-02-06</t>
  </si>
  <si>
    <t>【上海电气锅炉】 后屏过热器外数第7圈管U型弯管\Φ48*7.5\SA213-SUPER304H-SB\5406001-D1-02-07</t>
  </si>
  <si>
    <t>【上海电气锅炉】 后屏过热器外数第8圈管U型弯管\Φ48*8.5\SA213-TP347HFG\5406001-D1-02-08</t>
  </si>
  <si>
    <t>【上海电气锅炉】 后屏过热器外数第9圈管U型弯管\Φ48*8.5\SA213-TP347HFG\5406001-D1-02-09</t>
  </si>
  <si>
    <t>【上海电气锅炉】 后屏过热器外数第10圈管U型弯管\Φ48*8.5\SA213-TP347HFG\5406001-D1-02-10</t>
  </si>
  <si>
    <t>【上海电气锅炉】 后屏过热器外数第11圈管U型弯管\Φ48*8.5\SA213-TP347HFG\5406001-D1-02-11</t>
  </si>
  <si>
    <t>【上海电气锅炉】 后屏过热器外数第12圈管U型弯管\Φ48*8.5\SA213-TP347HFG\5406001-D1-02-12</t>
  </si>
  <si>
    <t>【上海电气锅炉】 后屏过热器外数第13圈管U型弯管\Φ48*8.5\SA213-TP347HFG\5406001-D1-02-13</t>
  </si>
  <si>
    <t>【上海电气锅炉】 后屏过热器外数第14圈管U型弯管\Φ48*8.5\SA213-TP347HFG\5406001-D1-02-14</t>
  </si>
  <si>
    <t>【上海电气锅炉】 后屏过热器外数第15圈管U型弯管\Φ48*8.5\SA213-TP347HFG\5406001-D1-02-15</t>
  </si>
  <si>
    <t>【上海电气锅炉】 后屏过热器外数第16圈管U型弯管\Φ48*8.5\SA213-TP347HFG\5406001-D1-02-16</t>
  </si>
  <si>
    <t>【上海电气锅炉】 后屏过热器外数第17圈管U型弯管\Φ48*8\SA213-TP347HFG\5406001-D1-02-17</t>
  </si>
  <si>
    <t>【上海电气锅炉】 后屏过热器外数第18圈管U型弯管\Φ48*8\SA213-TP347HFG\5406001-D1-02-18</t>
  </si>
  <si>
    <t>【上海电气锅炉】 后屏过热器外数第19圈管U型弯管\Φ48*8\SA213-TP347HFG\5406001-D1-02-19</t>
  </si>
  <si>
    <t>【上海电气锅炉】 后屏过热器外数第20圈管U型弯管\Φ48*8\SA213-TP347HFG\5406001-D1-02-20</t>
  </si>
  <si>
    <t>【上海电气锅炉】 后屏过热器外数第21圈管U型弯管\Φ48*8\SA213-TP347HFG\5406001-D1-02-21</t>
  </si>
  <si>
    <t>【上海电气锅炉】 后屏过热器外数第22圈管U型弯管\Φ48*7.5\SA213-SUPER304H-SB\5406001-D1-02-22</t>
  </si>
  <si>
    <t>【上海电气锅炉】 低温过热器第一层外数第1圈管U型弯管\Φ51*7\SA213-T91\5446001-E1-01-1</t>
  </si>
  <si>
    <t>【上海电气锅炉】 低温过热器第一层外数第2圈管U型弯管\Φ51*8\12Cr1MoVG\5446001-E1-01-2</t>
  </si>
  <si>
    <t>【上海电气锅炉】 低温过热器第一层外数第3圈管U型弯管\Φ51*8\12Cr1MoVG\5446001-E1-01-3</t>
  </si>
  <si>
    <t>【上海电气锅炉】 低温过热器第一层外数第4圈管U型弯管\Φ51*8\12Cr1MoVG\5446001-E1-01-4</t>
  </si>
  <si>
    <t>【上海电气锅炉】 低温过热器第一层外数第5圈管U型弯管\Φ51*8\12Cr1MoVG\5446001-E1-01-5</t>
  </si>
  <si>
    <t>【上海电气锅炉】 低温过热器第一层外数第6圈管U型弯管\Φ51*7\SA213-T91\5446001-E1-01-6</t>
  </si>
  <si>
    <t>【上海电气锅炉】 低温过热器第二层外数第1圈管U型弯管\Φ51*7.5\12Cr1MoVG\5446001-E1-01-7</t>
  </si>
  <si>
    <t>【上海电气锅炉】 低温过热器第二层外数第2圈管U型弯管\Φ51*7.5\12Cr1MoVG\5446001-E1-01-8</t>
  </si>
  <si>
    <t>【上海电气锅炉】 低温过热器第二层外数第3圈管U型弯管\Φ51*7.5\12Cr1MoVG\5446001-E1-01-9</t>
  </si>
  <si>
    <t>【上海电气锅炉】 低温过热器第二层外数第4圈管U型弯管\Φ51*7.5\12Cr1MoVG\5446001-E1-01-10</t>
  </si>
  <si>
    <t>【上海电气锅炉】 低温过热器第二层外数第5圈管U型弯管\Φ51*7.5\12Cr1MoVG\5446001-E1-01-11</t>
  </si>
  <si>
    <t>【上海电气锅炉】 低温过热器第二层外数第6圈管U型弯管\Φ51*7.5\12Cr1MoVG\5446001-E1-01-12</t>
  </si>
  <si>
    <t>【上海电气锅炉】 末级过热器外数第1圈管U型弯管\Φ54*11\SA213-TP310HCbN\5456001-E1-01-01</t>
  </si>
  <si>
    <t>【上海电气锅炉】 末级过热器外数第2圈管U型弯管\Φ41.3*7\SA213-TP310HCbN\5456001-E1-01-02</t>
  </si>
  <si>
    <t>【上海电气锅炉】 末级过热器外数第3圈管U型弯管\Φ41.3*7\SA213-TP310HCbN\5456001-E1-01-03</t>
  </si>
  <si>
    <t>【上海电气锅炉】 末级过热器外数第4圈管U型弯管\Φ41.3*7\SA213-TP310HCbN\5456001-E1-01-04</t>
  </si>
  <si>
    <t>【上海电气锅炉】 末级过热器外数第5圈管U型弯管\Φ41.3*7\SA213-TP310HCbN\5456001-E1-01-05</t>
  </si>
  <si>
    <t>【上海电气锅炉】 末级过热器外数第6圈管U型弯管\Φ41.3*7\SA213-TP310HCbN\5456001-E1-01-06</t>
  </si>
  <si>
    <t>【上海电气锅炉】 末级过热器外数第7圈管U型弯管\Φ41.3*7\SA213-TP310HCbN\5456001-E1-01-07</t>
  </si>
  <si>
    <t>【上海电气锅炉】 末级过热器外数第8圈管U型弯管\Φ41.3*7\SA213-TP310HCbN\5456001-E1-01-08</t>
  </si>
  <si>
    <t>【上海电气锅炉】 末级过热器外数第9圈管U型弯管\Φ41.3*7\SA213-TP310HCbN\5456001-E1-01-09</t>
  </si>
  <si>
    <t>【上海电气锅炉】 末级过热器外数第10圈管U型弯管\Φ41.3*7\SA213-SUPER304H-SB\5456001-E1-01-10</t>
  </si>
  <si>
    <t>【上海电气锅炉】 末级过热器外数第11圈管U型弯管\Φ41.3*7\SA213-SUPER304H-SB\5456001-E1-01-11</t>
  </si>
  <si>
    <t>【上海电气锅炉】 末级过热器外数第12圈管U型弯管\Φ41.3*7\SA213-SUPER304H-SB\5456001-E1-01-12</t>
  </si>
  <si>
    <t>【上海电气锅炉】 末级过热器外数第13圈管U型弯管\Φ41.3*7\SA213-SUPER304H-SB\5456001-E1-01-13</t>
  </si>
  <si>
    <t>【上海电气锅炉】 末级过热器外数第14圈管U型弯管\Φ41.3*7\SA213-SUPER304H-SB\5456001-E1-01-14</t>
  </si>
  <si>
    <t>【上海电气锅炉】 末级过热器外数第15圈管U型弯管\Φ41.3*7\SA213-SUPER304H-SB\5456001-E1-01-15</t>
  </si>
  <si>
    <t>【上海电气锅炉】 末级过热器外数第16圈管U型弯管\Φ41.3*7\SA213-SUPER304H-SB\5456001-E1-01-16</t>
  </si>
  <si>
    <t>【上海电气锅炉】 末级过热器外数第17圈管U型弯管\Φ41.3*7\SA213-SUPER304H-SB\5456001-E1-01-17</t>
  </si>
  <si>
    <t>【上海电气锅炉】 末级过热器外数第18圈管U型弯管\Φ41.3*7\SA213-SUPER304H-SB\5456001-E1-01-18</t>
  </si>
  <si>
    <t>【上海电气锅炉】 末级过热器外数第19圈管U型弯管\Φ41.3*7\SA213-SUPER304H-SB\5456001-E1-01-19</t>
  </si>
  <si>
    <t>【上海电气锅炉】 末级过热器外数第20圈管U型弯管\Φ41.3*7\SA213-SUPER304H-SB\5456001-E1-01-20</t>
  </si>
  <si>
    <t>【上海电气锅炉】 末级过热器外数第21圈管U型弯管\Φ41.3*7\SA213-SUPER304H-SB\5456001-E1-01-21</t>
  </si>
  <si>
    <t>【上海电气锅炉】 末级过热器外数第22圈管U型弯管\Φ41.3*7\SA213-SUPER304H-SB\5456001-E1-01-22</t>
  </si>
  <si>
    <t>【上海电气锅炉】 低温再热器水平段第一层外数第1圈U型弯管\Φ63.5*4\15CrMoG\7406001-E1-01-01</t>
  </si>
  <si>
    <t>【上海电气锅炉】 低温再热器水平段第一层外数第2圈U型弯管\Φ63.5*4\15CrMoG\7406001-E1-01-02</t>
  </si>
  <si>
    <t>【上海电气锅炉】 低温再热器水平段第一层外数第3圈U型弯管\Φ63.5*4\15CrMoG\7406001-E1-01-03</t>
  </si>
  <si>
    <t>【上海电气锅炉】 低温再热器水平段第一层外数第4圈U型弯管\Φ63.5*4\15CrMoG\7406001-E1-01-04</t>
  </si>
  <si>
    <t>【上海电气锅炉】 低温再热器水平段第一层外数第5圈U型弯管\Φ63.5*4\15CrMoG\7406001-E1-01-05</t>
  </si>
  <si>
    <t>【上海电气锅炉】 低温再热器水平段第一层外数第6圈U型弯管\Φ63.5*4\15CrMoG\7406001-E1-01-06</t>
  </si>
  <si>
    <t>【上海电气锅炉】 低温再热器水平段第一层外数第7圈U型弯管\Φ63.5*6\15CrMoG\7406001-E1-01-07</t>
  </si>
  <si>
    <t>【上海电气锅炉】 低温再热器水平段第二层外数第1圈U型弯管\Φ63.5*6\15CrMoG\7406001-E1-01-08</t>
  </si>
  <si>
    <t>【上海电气锅炉】 低温再热器水平段第二层外数第2圈U型弯管\Φ63.5*4\15CrMoG\7406001-E1-01-09</t>
  </si>
  <si>
    <t>【上海电气锅炉】 低温再热器水平段第二层外数第3圈U型弯管\Φ63.5*4\15CrMoG\7406001-E1-01-10</t>
  </si>
  <si>
    <t>【上海电气锅炉】 低温再热器水平段第二层外数第4圈U型弯管\Φ63.5*4\15CrMoG\7406001-E1-01-11</t>
  </si>
  <si>
    <t>【上海电气锅炉】 低温再热器水平段第二层外数第5圈U型弯管\Φ63.5*4\15CrMoG\7406001-E1-01-12</t>
  </si>
  <si>
    <t>【上海电气锅炉】 低温再热器水平段第二层外数第6圈U型弯管\Φ63.5*4\15CrMoG\7406001-E1-01-13</t>
  </si>
  <si>
    <t>【上海电气锅炉】 低温再热器水平段第二层外数第7圈U型弯管\Φ63.5*4\15CrMoG\7406001-E1-01-14</t>
  </si>
  <si>
    <t>【上海电气锅炉】 末级再热器外数第1圈U型弯管\Φ57*4\SA213-TP310HCbN\7406001-E1-04-01</t>
  </si>
  <si>
    <t>【上海电气锅炉】 末级再热器外数第2圈U型弯管\Φ57*4\SA213-T91\7406001-E1-04-02</t>
  </si>
  <si>
    <t>【上海电气锅炉】 末级再热器外数第3圈U型弯管\Φ57*4\SA213-T91\7406001-E1-04-03</t>
  </si>
  <si>
    <t>【上海电气锅炉】 末级再热器外数第4圈U型弯管\Φ57*4\SA213-T91\7406001-E1-04-04</t>
  </si>
  <si>
    <t>【上海电气锅炉】 末级再热器外数第5圈U型弯管\Φ57*4\SA213-T91\7406001-E1-04-05</t>
  </si>
  <si>
    <t>【上海电气锅炉】 末级再热器外数第6圈U型弯管\Φ57*4\SA213-T91\7406001-E1-04-06</t>
  </si>
  <si>
    <t>【上海电气锅炉】 末级再热器外数第7圈U型弯管\Φ57*4\SA213-T91\7406001-E1-04-07</t>
  </si>
  <si>
    <t>【上海电气锅炉】 末级再热器外数第8圈U型弯管\Φ57*4\SA213-T91\7406001-E1-04-08</t>
  </si>
  <si>
    <t>【上海电气锅炉】 末级再热器外数第9圈U型弯管\Φ57*4\SA213-T91\7406001-E1-04-09</t>
  </si>
  <si>
    <t>【上海电气锅炉】 末级再热器外数第10圈U型弯管\Φ57*4\SA213-T91\7406001-E1-04-10</t>
  </si>
  <si>
    <t>【上海电气锅炉】 省煤器低再侧外数第1圈U型弯管\Φ48*8\SA210-C\5606001-E1-01-01</t>
  </si>
  <si>
    <t>【上海电气锅炉】 省煤器低再侧外数第2圈U型弯管\Φ48*8\SA210-C\5606001-E1-01-02</t>
  </si>
  <si>
    <t>【上海电气锅炉】 省煤器低过侧外数第1圈U型弯管\Φ48*8\SA210-C\5606001-E1-02-01</t>
  </si>
  <si>
    <t>【上海电气锅炉】 省煤器低过侧外数第2圈U型弯管\Φ48*8\SA210-C\5606001-E1-02-02</t>
  </si>
  <si>
    <t>【上海电气锅炉】 低温过热器外数第1圈管U型弯管\Φ42*7.5\SA213-SUPER304H-SB\5407050-E1-02-01</t>
  </si>
  <si>
    <t>【上海电气锅炉】 低温过热器外数第2圈管U型弯管\Φ42*7.5\SA213-SUPER304H-SB\5407050-E1-02-02</t>
  </si>
  <si>
    <t>【上海电气锅炉】 低温过热器外数第3圈管U型弯管\Φ42*7.5\SA213-SUPER304H-SB\5407050-E1-02-03</t>
  </si>
  <si>
    <t>【上海电气锅炉】 低温过热器外数第4圈管U型弯管\Φ42*7.5\SA213-SUPER304H-SB\5407050-E1-02-04</t>
  </si>
  <si>
    <t>【上海电气锅炉】 低温过热器外数第5圈管U型弯管\Φ42*7.5\SA213-SUPER304H-SB\5407050-E1-02-05</t>
  </si>
  <si>
    <t>【上海电气锅炉】 低温过热器外数第6圈管U型弯管\Φ42*7.5\SA213-SUPER304H-SB\5407050-E1-02-06</t>
  </si>
  <si>
    <t>【上海电气锅炉】 低温过热器外数第7圈管U型弯管\Φ42*7.5\SA213-SUPER304H-SB\5407050-E1-02-07</t>
  </si>
  <si>
    <t>【上海电气锅炉】 低温过热器外数第8圈管U型弯管\Φ42*7.5\SA213-SUPER304H-SB\5407050-E1-02-08</t>
  </si>
  <si>
    <t>【上海电气锅炉】 低温过热器外数第9圈管U型弯管\Φ42*7.5\SA213-SUPER304H-SB\5407050-E1-02-09</t>
  </si>
  <si>
    <t>【上海电气锅炉】 低温过热器外数第10圈管U型弯管\Φ42*7.5\SA213-SUPER304H-SB\5407050-E1-02-10</t>
  </si>
  <si>
    <t>【上海电气锅炉】 低温过热器外数第11圈管U型弯管\Φ42*7.5\SA213-SUPER304H-SB\5407050-E1-02-11</t>
  </si>
  <si>
    <t>【上海电气锅炉】 低温过热器外数第12圈管U型弯管\Φ42*7.5\SA213-SUPER304H-SB\5407050-E1-02-12</t>
  </si>
  <si>
    <t>【上海电气锅炉】 低温过热器外数第13圈管U型弯管\Φ42*7.5\SA213-SUPER304H-SB\5407050-E1-02-13</t>
  </si>
  <si>
    <t>【上海电气锅炉】 低温过热器外数第14圈管U型弯管\Φ42*7.5\SA213-SUPER304H-SB\5407050-E1-02-14</t>
  </si>
  <si>
    <t>【上海电气锅炉】 低温过热器外数第15圈管U型弯管\Φ42*7.5\SA213-SUPER304H-SB\5407050-E1-02-15</t>
  </si>
  <si>
    <t>【上海电气锅炉】 低温过热器外数第16圈管U型弯管\Φ42*7.5\SA213-SUPER304H-SB\5407050-E1-02-16</t>
  </si>
  <si>
    <t>【上海电气锅炉】 低温过热器外数第17圈管U型弯管\Φ42*7.5\SA213-SUPER304H-SB\5407050-E1-02-17</t>
  </si>
  <si>
    <t>【上海电气锅炉】 低温过热器外数第18圈管U型弯管\Φ42*7.5\SA213-SUPER304H-SB\5407050-E1-02-18</t>
  </si>
  <si>
    <t>【上海电气锅炉】 高温过热器上部外数第1圈管U型弯管\Φ48*11\SA213-TP310HCbN\5407050-E1-05-01</t>
  </si>
  <si>
    <t>【上海电气锅炉】 高温过热器上部外数第2圈管U型弯管\Φ48*11\SA213-TP310HCbN\5407050-E1-05-02</t>
  </si>
  <si>
    <t>【上海电气锅炉】 高温过热器上部外数第3圈管U型弯管\Φ48*11\SA213-TP310HCbN\5407050-E1-05-03</t>
  </si>
  <si>
    <t>【上海电气锅炉】 高温过热器上部外数第4圈管U型弯管\Φ48*11\SA213-TP310HCbN\5407050-E1-05-04</t>
  </si>
  <si>
    <t>【上海电气锅炉】 高温过热器上部外数第5圈管U型弯管\Φ48*11\SA213-TP310HCbN\5407050-E1-05-05</t>
  </si>
  <si>
    <t>【上海电气锅炉】 高温过热器上部外数第6圈管U型弯管\Φ48*11\SA213-TP310HCbN\5407050-E1-05-06</t>
  </si>
  <si>
    <t>【上海电气锅炉】 高温过热器上部外数第7圈管U型弯管\Φ48*11\SA213-TP310HCbN\5407050-E1-05-07</t>
  </si>
  <si>
    <t>【上海电气锅炉】 高温过热器上部外数第8圈管U型弯管\Φ48*11\SA213-TP310HCbN\5407050-E1-05-08</t>
  </si>
  <si>
    <t>【上海电气锅炉】 高温过热器上部外数第9圈管U型弯管\Φ48*11\SA213-TP310HCbN\5407050-E1-05-09</t>
  </si>
  <si>
    <t>【上海电气锅炉】 高温过热器上部外数第10圈管U型弯管\Φ48*11\SA213-TP310HCbN\5407050-E1-05-10</t>
  </si>
  <si>
    <t>【上海电气锅炉】 高温过热器下部外数第1圈管U型弯管\Φ48*9\SA213-SUPER304H-SB\5407050-E1-05-11</t>
  </si>
  <si>
    <t>【上海电气锅炉】 高温过热器下部外数第2圈管U型弯管\Φ48*9\SA213-SUPER304H-SB\5407050-E1-05-12</t>
  </si>
  <si>
    <t>【上海电气锅炉】 高温过热器下部外数第3圈管U型弯管\Φ48*9\SA213-SUPER304H-SB\5407050-E1-05-13</t>
  </si>
  <si>
    <t>【上海电气锅炉】 高温过热器下部外数第4圈管U型弯管\Φ48*9\SA213-SUPER304H-SB\5407050-E1-05-14</t>
  </si>
  <si>
    <t>【上海电气锅炉】 高温过热器下部外数第5圈管U型弯管\Φ48*9\SA213-SUPER304H-SB\5407050-E1-05-15</t>
  </si>
  <si>
    <t>【上海电气锅炉】 高温过热器下部外数第6圈管U型弯管\Φ48*9\SA213-SUPER304H-SB\5407050-E1-05-16</t>
  </si>
  <si>
    <t>【上海电气锅炉】 高温过热器下部外数第7圈管U型弯管\Φ48*9\SA213-SUPER304H-SB\5407050-E1-05-17</t>
  </si>
  <si>
    <t>【上海电气锅炉】 高温过热器下部外数第8圈管U型弯管\Φ48*9\SA213-SUPER304H-SB\5407050-E1-05-18</t>
  </si>
  <si>
    <t>【上海电气锅炉】 高温过热器下部外数第9圈管U型弯管\Φ48*9\SA213-SUPER304H-SB\5407050-E1-05-19</t>
  </si>
  <si>
    <t>【上海电气锅炉】 高温过热器下部外数第10圈管U型弯管\Φ48*9\SA213-SUPER304H-SB\5407050-E1-05-20</t>
  </si>
  <si>
    <t>【上海电气锅炉】 高温过热器下部外数第11圈管U型弯管\Φ48*9\SA213-SUPER304H-SB\5407050-E1-05-21</t>
  </si>
  <si>
    <t>【上海电气锅炉】 高温过热器下部外数第12圈管U型弯管\Φ48*9\SA213-SUPER304H-SB\5407050-E1-05-22</t>
  </si>
  <si>
    <t>【上海电气锅炉】 高温过热器下部外数第13圈管U型弯管\Φ48*9\SA213-SUPER304H-SB\5407050-E1-05-23</t>
  </si>
  <si>
    <t>【上海电气锅炉】 高温过热器下部外数第14圈管U型弯管\Φ48*9\SA213-SUPER304H-SB\5407050-E1-05-24</t>
  </si>
  <si>
    <t>【上海电气锅炉】 高温过热器下部外数第15圈管U型弯管\Φ48*9\SA213-SUPER304H-SB\5407050-E1-05-25</t>
  </si>
  <si>
    <t>【上海电气锅炉】 高温过热器下部外数第16圈管U型弯管\Φ48*9\SA213-SUPER304H-SB\5407050-E1-05-26</t>
  </si>
  <si>
    <t>【上海电气锅炉】 高温过热器下部外数第17圈管U型弯管\Φ48*9\SA213-SUPER304H-SB\5407050-E1-05-27</t>
  </si>
  <si>
    <t>【上海电气锅炉】 高温过热器下部外数第18圈管U型弯管\Φ48*9\SA213-SUPER304H-SB\5407050-E1-05-28</t>
  </si>
  <si>
    <t>【上海电气锅炉】 高温过热器下部外数第19圈管U型弯管\Φ48*9\SA213-SUPER304H-SB\5407050-E1-05-29</t>
  </si>
  <si>
    <t>【上海电气锅炉】 高温过热器下部外数第20圈管U型弯管\Φ48*9\SA213-SUPER304H-SB\5407050-E1-05-30</t>
  </si>
  <si>
    <t>【上海电气锅炉】 高过炉前一次再热高再外数第1圈管U型弯管\Φ60*6.5\SA213-SUPER304H-SB\5407050-E1-05-31</t>
  </si>
  <si>
    <t>【上海电气锅炉】 高过炉前一次再热高再外数第2圈管U型弯管\Φ60*6.5\SA213-SUPER304H-SB\5407050-E1-05-32</t>
  </si>
  <si>
    <t>【上海电气锅炉】 高过炉前一次再热高再外数第3圈管U型弯管\Φ60*6.5\SA213-SUPER304H-SB\5407050-E1-05-33</t>
  </si>
  <si>
    <t>【上海电气锅炉】 高过炉前一次再热高再外数第4圈管U型弯管\Φ60*6.5\SA213-SUPER304H-SB\5407050-E1-05-34</t>
  </si>
  <si>
    <t>【上海电气锅炉】 高过炉前一次再热高再外数第5圈管U型弯管\Φ60*6.5\SA213-SUPER304H-SB\5407050-E1-05-35</t>
  </si>
  <si>
    <t>【上海电气锅炉】 高过炉前一次再热高再外数第6圈管U型弯管\Φ60*6.5\SA213-SUPER304H-SB\5407050-E1-05-36</t>
  </si>
  <si>
    <t>【上海电气锅炉】 高过炉前一次再热高再外数第7圈管U型弯管\Φ60*6.5\SA213-SUPER304H-SB\5407050-E1-05-37</t>
  </si>
  <si>
    <t>【上海电气锅炉】 高过炉前一次再热高再外数第8圈管U型弯管\Φ60*6.5\SA213-SUPER304H-SB\5407050-E1-05-38</t>
  </si>
  <si>
    <t>【上海电气锅炉】 高过炉前一次再热高再外数第9圈管U型弯管\Φ60*6.5\SA213-SUPER304H-SB\5407050-E1-05-39</t>
  </si>
  <si>
    <t>【上海电气锅炉】 高过炉前一次再热高再外数第10圈管U型弯管\Φ60*6.5\SA213-SUPER304H-SB\5407050-E1-05-40</t>
  </si>
  <si>
    <t>【上海电气锅炉】 一次再热低温再热器上部外数第1圈管U型弯管\Φ60*5.5\12Cr1MoVG\7407050-E1-02-01</t>
  </si>
  <si>
    <t>【上海电气锅炉】 一次再热低温再热器上部外数第2圈管U型弯管\Φ60*5.5\12Cr1MoVG\7407050-E1-02-02</t>
  </si>
  <si>
    <t>【上海电气锅炉】 一次再热低温再热器上部外数第3圈管U型弯管\Φ60*5.5\12Cr1MoVG\7407050-E1-02-03</t>
  </si>
  <si>
    <t>【上海电气锅炉】 一次再热低温再热器上部外数第4圈管U型弯管\Φ60*5.5\12Cr1MoVG\7407050-E1-02-04</t>
  </si>
  <si>
    <t>【上海电气锅炉】 一次再热低温再热器上部外数第5圈管U型弯管\Φ60*5.5\12Cr1MoVG\7407050-E1-02-05</t>
  </si>
  <si>
    <t>【上海电气锅炉】 一次再热低温再热器上部外数第6圈管U型弯管\Φ60*6.5\12Cr1MoVG\7407050-E1-02-06</t>
  </si>
  <si>
    <t>【上海电气锅炉】 一次再热低温再热器中部外数第1圈管U型弯管\Φ60*5\SA213-T91\7407050-E1-02-07</t>
  </si>
  <si>
    <t>【上海电气锅炉】 一次再热低温再热器中部外数第2圈管U型弯管\Φ60*5\SA213-T91\7407050-E1-02-08</t>
  </si>
  <si>
    <t>【上海电气锅炉】 一次再热低温再热器中部外数第3圈管U型弯管\Φ60*5\SA213-T91\7407050-E1-02-09</t>
  </si>
  <si>
    <t>【上海电气锅炉】 一次再热低温再热器中部外数第4圈管U型弯管\Φ60*5\SA213-T91\7407050-E1-02-10</t>
  </si>
  <si>
    <t>【上海电气锅炉】 一次再热低温再热器中部外数第5圈管U型弯管\Φ60*5\SA213-T91\7407050-E1-02-11</t>
  </si>
  <si>
    <t>【上海电气锅炉】 一次再热低温再热器中部外数第6圈管U型弯管\Φ60*6.5\SA213-T91\7407050-E1-02-12</t>
  </si>
  <si>
    <t>【上海电气锅炉】 一次再热低温再热器下部外数第1圈管U型弯管\Φ60*6.5\SA213-T91\7407050-E1-02-13</t>
  </si>
  <si>
    <t>【上海电气锅炉】 一次再热低温再热器下部外数第2圈管U型弯管\Φ60*6.5\SA213-T91\7407050-E1-02-14</t>
  </si>
  <si>
    <t>【上海电气锅炉】 一次再热低温再热器下部外数第3圈管U型弯管\Φ60*6.5\SA213-T91\7407050-E1-02-15</t>
  </si>
  <si>
    <t>【上海电气锅炉】 一次再热低温再热器下部外数第4圈管U型弯管\Φ60*6.5\SA213-T91\7407050-E1-02-16</t>
  </si>
  <si>
    <t>【上海电气锅炉】 一次再热低温再热器下部外数第5圈管U型弯管\Φ60*6.5\SA213-T91\7407050-E1-02-17</t>
  </si>
  <si>
    <t>【上海电气锅炉】 一次再热低温再热器下部外数第6圈管U型弯管\Φ60*6.5\SA213-T91\7407050-E1-02-18</t>
  </si>
  <si>
    <t>【上海电气锅炉】 一次再热高温再热器上部外数第1圈管U型弯管\Φ60*8\SA213-TP310HCbN\7407050-E1-06-01</t>
  </si>
  <si>
    <t>【上海电气锅炉】 一次再热高温再热器上部外数第2圈管U型弯管\Φ60*8\SA213-TP310HCbN\7407050-E1-06-02</t>
  </si>
  <si>
    <t>【上海电气锅炉】 一次再热高温再热器上部外数第3圈管U型弯管\Φ60*8\SA213-TP310HCbN\7407050-E1-06-03</t>
  </si>
  <si>
    <t>【上海电气锅炉】 一次再热高温再热器上部外数第4圈管U型弯管\Φ60*8\SA213-TP310HCbN\7407050-E1-06-04</t>
  </si>
  <si>
    <t>【上海电气锅炉】 一次再热高温再热器上部外数第5圈管U型弯管\Φ60*8\SA213-TP310HCbN\7407050-E1-06-05</t>
  </si>
  <si>
    <t>【上海电气锅炉】 一次再热高温再热器上部外数第6圈管U型弯管\Φ60*8\SA213-TP310HCbN\7407050-E1-06-06</t>
  </si>
  <si>
    <t>【上海电气锅炉】 一次再热高温再热器上部外数第7圈管U型弯管\Φ60*8\SA213-TP310HCbN\7407050-E1-06-07</t>
  </si>
  <si>
    <t>【上海电气锅炉】 一次再热高温再热器上部外数第8圈管U型弯管\Φ60*8\SA213-TP310HCbN\7407050-E1-06-08</t>
  </si>
  <si>
    <t>【上海电气锅炉】 一次再热高温再热器上部外数第9圈管U型弯管\Φ60*8\SA213-TP310HCbN\7407050-E1-06-09</t>
  </si>
  <si>
    <t>【上海电气锅炉】 一次再热高温再热器上部外数第10圈管U型弯管\Φ60*8\SA213-TP310HCbN\7407050-E1-06-10</t>
  </si>
  <si>
    <t>【上海电气锅炉】 二次再热低温再热器上部外数第1圈管U型弯管\Φ60*4\15CrMoG\7407050-E1-09-01</t>
  </si>
  <si>
    <t>【上海电气锅炉】 二次再热低温再热器上部外数第2圈管U型弯管\Φ60*4\15CrMoG\7407050-E1-09-02</t>
  </si>
  <si>
    <t>【上海电气锅炉】 二次再热低温再热器上部外数第3圈管U型弯管\Φ60*4\15CrMoG\7407050-E1-09-03</t>
  </si>
  <si>
    <t>【上海电气锅炉】 二次再热低温再热器上部外数第4圈管U型弯管\Φ60*4\15CrMoG\7407050-E1-09-04</t>
  </si>
  <si>
    <t>【上海电气锅炉】 二次再热低温再热器上部外数第5圈管U型弯管\Φ60*4\15CrMoG\7407050-E1-09-05</t>
  </si>
  <si>
    <t>【上海电气锅炉】 二次再热低温再热器上部外数第6圈管U型弯管\Φ60*6.5\15CrMoG\7407050-E1-09-06</t>
  </si>
  <si>
    <t>【上海电气锅炉】 二次再热低温再热器中部外数第1圈管U型弯管\Φ60*4\12Cr1MoVG\7407050-E1-09-07</t>
  </si>
  <si>
    <t>【上海电气锅炉】 二次再热低温再热器中部外数第2圈管U型弯管\Φ60*4\12Cr1MoVG\7407050-E1-09-08</t>
  </si>
  <si>
    <t>【上海电气锅炉】 二次再热低温再热器中部外数第3圈管U型弯管\Φ60*4\12Cr1MoVG\7407050-E1-09-09</t>
  </si>
  <si>
    <t>【上海电气锅炉】 二次再热低温再热器中部外数第4圈管U型弯管\Φ60*4\12Cr1MoVG\7407050-E1-09-10</t>
  </si>
  <si>
    <t>【上海电气锅炉】 二次再热低温再热器中部外数第5圈管U型弯管\Φ60*4\12Cr1MoVG\7407050-E1-09-11</t>
  </si>
  <si>
    <t>【上海电气锅炉】 二次再热低温再热器中部外数第6圈管U型弯管\Φ60*6.5\12Cr1MoVG\7407050-E1-09-12</t>
  </si>
  <si>
    <t>【上海电气锅炉】 二次再热低温再热器下部外数第1圈管U型弯管\Φ60*4\SA213-T91\7407050-E1-09-13</t>
  </si>
  <si>
    <t>【上海电气锅炉】 二次再热低温再热器下部外数第2圈管U型弯管\Φ60*4\SA213-T91\7407050-E1-09-14</t>
  </si>
  <si>
    <t>【上海电气锅炉】 二次再热低温再热器下部外数第3圈管U型弯管\Φ60*4\SA213-T91\7407050-E1-09-15</t>
  </si>
  <si>
    <t>【上海电气锅炉】 二次再热低温再热器下部外数第4圈管U型弯管\Φ60*4\SA213-T91\7407050-E1-09-16</t>
  </si>
  <si>
    <t>【上海电气锅炉】 二次再热低温再热器下部外数第5圈管U型弯管\Φ60*4\SA213-T91\7407050-E1-09-17</t>
  </si>
  <si>
    <t>【上海电气锅炉】 二次再热低温再热器下部外数第6圈管U型弯管\Φ60*6.5\SA213-T91\7407050-E1-09-18</t>
  </si>
  <si>
    <t>【上海电气锅炉】 二次再热高温再热器上部外数第1圈管U型弯管\Φ60*4\SA213-TP310HCbN\7407050-E1-13-01</t>
  </si>
  <si>
    <t>【上海电气锅炉】 二次再热高温再热器上部外数第2圈管U型弯管\Φ60*4\SA213-TP310HCbN\7407050-E1-13-02</t>
  </si>
  <si>
    <t>【上海电气锅炉】 二次再热高温再热器上部外数第3圈管U型弯管\Φ60*4\SA213-TP310HCbN\7407050-E1-13-03</t>
  </si>
  <si>
    <t>【上海电气锅炉】 二次再热高温再热器上部外数第4圈管U型弯管\Φ60*4\SA213-TP310HCbN\7407050-E1-13-04</t>
  </si>
  <si>
    <t>【上海电气锅炉】 二次再热高温再热器上部外数第5圈管U型弯管\Φ60*4\SA213-TP310HCbN\7407050-E1-13-05</t>
  </si>
  <si>
    <t>【上海电气锅炉】 二次再热高温再热器上部外数第6圈管U型弯管\Φ60*4\SA213-TP310HCbN\7407050-E1-13-06</t>
  </si>
  <si>
    <t>【上海电气锅炉】 二次再热高温再热器上部外数第7圈管U型弯管\Φ60*4\SA213-TP310HCbN\7407050-E1-13-07</t>
  </si>
  <si>
    <t>【上海电气锅炉】 二次再热高温再热器上部外数第8圈管U型弯管\Φ60*4\SA213-TP310HCbN\7407050-E1-13-08</t>
  </si>
  <si>
    <t>【上海电气锅炉】 二次再热高温再热器上部外数第9圈管U型弯管\Φ60*6.5\SA213-SUPER304H-SB\7407050-E1-13-09</t>
  </si>
  <si>
    <t>【上海电气锅炉】 二次再热高温再热器上部外数第10圈管U型弯管\Φ60*6.5\SA213-SUPER304H-SB\7407050-E1-13-10</t>
  </si>
  <si>
    <t>【上海电气锅炉】 前烟道省煤器外数第1圈管U型弯管\Φ42*8\SA210-C\5607050-E1-02-01</t>
  </si>
  <si>
    <t>【上海电气锅炉】 前烟道省煤器外数第2圈管U型弯管\Φ42*8\SA210-C\5607050-E1-02-02</t>
  </si>
  <si>
    <t>【上海电气锅炉】 前烟道省煤器外数第3圈管U型弯管\Φ42*8\SA210-C\5607050-E1-02-03</t>
  </si>
  <si>
    <t>【上海电气锅炉】 前烟道省煤器外数第4圈管U型弯管\Φ42*8\SA210-C\5607050-E1-02-04</t>
  </si>
  <si>
    <t>【上海电气锅炉】 后烟道省煤器外数第1圈管U型弯管\Φ42*8\SA210-C\5607050-E1-03-01</t>
  </si>
  <si>
    <t>【上海电气锅炉】 后烟道省煤器外数第2圈管U型弯管\Φ42*8\SA210-C\5607050-E1-03-02</t>
  </si>
  <si>
    <t>【上海电气锅炉】 后烟道省煤器外数第3圈管U型弯管\Φ42*8\SA210-C\5607050-E1-03-03</t>
  </si>
  <si>
    <t>【上海电气锅炉】 后烟道省煤器外数第4圈管U型弯管\Φ42*8\SA210-C\5607050-E1-03-04</t>
  </si>
  <si>
    <t>【上海电气锅炉】 前屏过热器外数第1圈管U型弯管\Φ42*5\12Cr2MoWVTiB\540778-E1-01-01</t>
  </si>
  <si>
    <t>【上海电气锅炉】 前屏过热器外数第2圈管U型弯管\Φ42*5\12Cr2MoWVTiB\540778-E1-01-02</t>
  </si>
  <si>
    <t>【上海电气锅炉】 前屏过热器外数第3圈管U型弯管\Φ42*5\12Cr2MoWVTiB\540778-E1-01-03</t>
  </si>
  <si>
    <t>【上海电气锅炉】 前屏过热器外数第4圈管U型弯管\Φ42*5\12Cr1MoVG\540778-E1-01-04</t>
  </si>
  <si>
    <t>【上海电气锅炉】 前屏过热器外数第5圈管U型弯管\Φ42*5\12Cr1MoVG\540778-E1-01-05</t>
  </si>
  <si>
    <t>【上海电气锅炉】 前屏过热器外数第6圈管U型弯管\Φ42*5\12Cr1MoVG\540778-E1-01-06</t>
  </si>
  <si>
    <t>【上海电气锅炉】 前屏过热器外数第7圈管U型弯管\Φ42*5\12Cr1MoVG\540778-E1-01-07</t>
  </si>
  <si>
    <t>【上海电气锅炉】 前屏过热器外数第8圈管U型弯管\Φ42*5\12Cr1MoVG\540778-E1-01-08</t>
  </si>
  <si>
    <t>【上海电气锅炉】 前屏过热器外数第9圈管U型弯管\Φ42*5\12Cr1MoVG\540778-E1-01-09</t>
  </si>
  <si>
    <t>【上海电气锅炉】 前屏过热器外数第10圈管U型弯管\Φ42*5\12Cr1MoVG\540778-E1-01-10</t>
  </si>
  <si>
    <t>【上海电气锅炉】 前屏过热器外数第11圈管U型弯管\Φ42*5\12Cr1MoVG\540778-E1-01-11</t>
  </si>
  <si>
    <t>【上海电气锅炉】 前屏过热器外数第12圈管U型弯管\Φ42*5\12Cr1MoVG\540778-E1-01-12</t>
  </si>
  <si>
    <t>【上海电气锅炉】 前屏过热器外数第13圈管U型弯管\Φ42*5\12Cr1MoVG\540778-E1-01-13</t>
  </si>
  <si>
    <t>【上海电气锅炉】 前屏过热器外数第14圈管U型弯管\Φ42*5\12Cr1MoVG\540778-E1-01-14</t>
  </si>
  <si>
    <t>【上海电气锅炉】 前屏过热器外数第15圈管U型弯管\Φ42*5\12Cr1MoVG\540778-E1-01-15</t>
  </si>
  <si>
    <t>【上海电气锅炉】 前屏过热器外数第16圈管U型弯管\Φ42*5\12Cr1MoVG\540778-E1-01-16</t>
  </si>
  <si>
    <t>【上海电气锅炉】 前屏过热器外数第17圈管U型弯管\Φ42*5\12Cr1MoVG\540778-E1-01-17</t>
  </si>
  <si>
    <t>【上海电气锅炉】 前屏过热器外数第18圈管U型弯管\Φ42*5\12Cr1MoVG\540778-E1-01-18</t>
  </si>
  <si>
    <t>【上海电气锅炉】 前屏过热器外数第19圈管U型弯管\Φ42*5\12Cr1MoVG\540778-E1-01-19</t>
  </si>
  <si>
    <t>【上海电气锅炉】 前屏过热器外数第20圈管U型弯管\Φ42*5\12Cr1MoVG\540778-E1-01-20</t>
  </si>
  <si>
    <t>【上海电气锅炉】 前屏过热器外数第21圈管U型弯管\Φ42*5\12Cr1MoVG\540778-E1-01-21</t>
  </si>
  <si>
    <t>【上海电气锅炉】 前屏过热器外数第22圈管U型弯管\Φ42*5\12Cr2MoWVTiB\540778-E1-01-22</t>
  </si>
  <si>
    <t>【上海电气锅炉】 前屏过热器外数第23圈管U型弯管\Φ42*5\12Cr2MoWVTiB\540778-E1-01-23</t>
  </si>
  <si>
    <t>【上海电气锅炉】 前屏过热器外数第24圈管U型弯管\Φ42*5\12Cr2MoWVTiB\540778-E1-01-24</t>
  </si>
  <si>
    <t>【上海电气锅炉】 后屏过热器外数第1圈管U型弯管\Φ42*5.5\12Cr2MoWVTiB\540778-E1-02-01</t>
  </si>
  <si>
    <t>【上海电气锅炉】 后屏过热器外数第2圈管U型弯管\Φ42*5.5\12Cr2MoWVTiB\540778-E1-02-02</t>
  </si>
  <si>
    <t>【上海电气锅炉】 后屏过热器外数第3圈管U型弯管\Φ42*5.5\12Cr2MoWVTiB\540778-E1-02-03</t>
  </si>
  <si>
    <t>【上海电气锅炉】 后屏过热器外数第4圈管上U型弯管\Φ42*5.5\12Cr1MoVG\540778-E1-02-04</t>
  </si>
  <si>
    <t>【上海电气锅炉】 后屏过热器外数第4圈管下U型弯管\Φ42*5.5\12Cr1MoVG\540778-E1-02-05</t>
  </si>
  <si>
    <t>【上海电气锅炉】 后屏过热器外数第5圈管上U型弯管\Φ42*5.5\12Cr1MoVG\540778-E1-02-06</t>
  </si>
  <si>
    <t>【上海电气锅炉】 后屏过热器外数第5圈管下U型弯管\Φ42*5.5\12Cr1MoVG\540778-E1-02-07</t>
  </si>
  <si>
    <t>【上海电气锅炉】 后屏过热器外数第6圈管上U型弯管\Φ42*5.5\12Cr1MoVG\540778-E1-02-08</t>
  </si>
  <si>
    <t>【上海电气锅炉】 后屏过热器外数第6圈管下U型弯管\Φ42*5.5\12Cr1MoVG\540778-E1-02-09</t>
  </si>
  <si>
    <t>【上海电气锅炉】 后屏过热器外数第7圈管上U型弯管\Φ42*5.5\12Cr1MoVG\540778-E1-02-10</t>
  </si>
  <si>
    <t>【上海电气锅炉】 后屏过热器外数第7圈管下U型弯管\Φ42*5.5\12Cr1MoVG\540778-E1-02-11</t>
  </si>
  <si>
    <t>【上海电气锅炉】 后屏过热器外数第8圈管上U型弯管\Φ42*5.5\12Cr1MoVG\540778-E1-02-12</t>
  </si>
  <si>
    <t>【上海电气锅炉】 后屏过热器外数第8圈管下U型弯管\Φ42*5.5\12Cr1MoVG\540778-E1-02-13</t>
  </si>
  <si>
    <t>【上海电气锅炉】 后屏过热器外数第9圈管上U型弯管\Φ42*5.5\12Cr1MoVG\540778-E1-02-14</t>
  </si>
  <si>
    <t>【上海电气锅炉】 后屏过热器外数第9圈管下U型弯管\Φ42*5.5\12Cr1MoVG\540778-E1-02-15</t>
  </si>
  <si>
    <t>【上海电气锅炉】 后屏过热器外数第10圈管上U型弯管\Φ42*5.5\12Cr1MoVG\540778-E1-02-16</t>
  </si>
  <si>
    <t>【上海电气锅炉】 后屏过热器外数第10圈管下U型弯管\Φ42*5.5\12Cr1MoVG\540778-E1-02-17</t>
  </si>
  <si>
    <t>【上海电气锅炉】 后屏过热器外数第11圈管上U型弯管\Φ42*5.5\12Cr1MoVG\540778-E1-02-18</t>
  </si>
  <si>
    <t>【上海电气锅炉】 后屏过热器外数第11圈管下U型弯管\Φ42*5.5\12Cr2MoWVTiB\540778-E1-02-19</t>
  </si>
  <si>
    <t>【上海电气锅炉】 高温过热器外数第1圈管右U型弯管\Φ42*6.5\12Cr2MoWVTiB\540761-E1-03-01</t>
  </si>
  <si>
    <t>【上海电气锅炉】 高温过热器外数第1圈管中U型弯管\Φ42*6.5\12Cr2MoWVTiB\540761-E1-03-02</t>
  </si>
  <si>
    <t>【上海电气锅炉】 高温过热器外数第1圈管左U型弯管\Φ42*6\2Cr1MoVG\540761-E1-03-03</t>
  </si>
  <si>
    <t>【上海电气锅炉】 高温过热器外数第2圈管右U型弯管\Φ42*6.5\12Cr2MoWVTiB\540761-E1-03-04</t>
  </si>
  <si>
    <t>【上海电气锅炉】 高温过热器外数第2圈管中U型弯管\Φ42*6.5\12Cr2MoWVTiB\540761-E1-03-05</t>
  </si>
  <si>
    <t>【上海电气锅炉】 高温过热器外数第2圈管左U型弯管\Φ42*6\12Cr1MoVG\540761-E1-03-06</t>
  </si>
  <si>
    <t>【上海电气锅炉】 高温过热器外数第3圈管右U型弯管\Φ42*6.5\12Cr2MoWVTiB\540761-E1-03-07</t>
  </si>
  <si>
    <t>【上海电气锅炉】 高温过热器外数第3圈管中U型弯管\Φ42*6.5\12Cr2MoWVTiB\540761-E1-03-08</t>
  </si>
  <si>
    <t>【上海电气锅炉】 高温过热器外数第3圈管左U型弯管\Φ42*6\12Cr1MoVG\540761-E1-03-09</t>
  </si>
  <si>
    <t>【上海电气锅炉】 高温过热器外数第4圈管右U型弯管\Φ42*6.5\12Cr2MoWVTiB\540761-E1-03-10</t>
  </si>
  <si>
    <t>【上海电气锅炉】 高温过热器外数第4圈管中U型弯管\Φ42*6.5\12Cr2MoWVTiB\540761-E1-03-11</t>
  </si>
  <si>
    <t>【上海电气锅炉】 高温过热器外数第4圈管左U型弯管\Φ42*6\12Cr1MoVG\540761-E1-03-12</t>
  </si>
  <si>
    <t>【上海电气锅炉】 高温过热器外数第5圈管右U型弯管\Φ42*6.5\12Cr2MoWVTiB\540761-E1-03-13</t>
  </si>
  <si>
    <t>【上海电气锅炉】 高温过热器外数第5圈管中U型弯管\Φ42*6.5\12Cr2MoWVTiB\540761-E1-03-14</t>
  </si>
  <si>
    <t>【上海电气锅炉】 高温过热器外数第5圈管左U型弯管\Φ42*6\12Cr1MoVG\540761-E1-03-15</t>
  </si>
  <si>
    <t>【上海电气锅炉】 低温过热器第1级管屏外数第1圈管U型弯管\Φ54*5.5\15CrMoG\540761-E1-04-01</t>
  </si>
  <si>
    <t>【上海电气锅炉】 低温过热器第1级管屏外数第2圈管U型弯管\Φ54*5.5\15CrMoG\540761-E1-04-02</t>
  </si>
  <si>
    <t>【上海电气锅炉】 低温过热器第2～4级管屏外数第1圈管U型弯管\Φ54*6\SA210-C\540761-E1-04-03</t>
  </si>
  <si>
    <t>【上海电气锅炉】 低温过热器第2～4级管屏外数第2圈管U型弯管\Φ54*6\SA210-C\540761-E1-04-04</t>
  </si>
  <si>
    <t>【上海电气锅炉】 一级省煤器外数第1圈管U型弯管\Φ42*4\20G\560778-E1-01-01</t>
  </si>
  <si>
    <t>【上海电气锅炉】 一级省煤器外数第2圈管U型弯管\Φ42*4\20G\560778-E1-01-02</t>
  </si>
  <si>
    <t>【上海电气锅炉】 二级省煤器外数第1圈管U型弯管\Φ42*4\20G\560778-E1-03-01</t>
  </si>
  <si>
    <t>【上海电气锅炉】 二级省煤器外数第2圈管U型弯管\Φ42*4\20G\560778-E1-03-02</t>
  </si>
  <si>
    <t>【上海电气锅炉】 低温再热器第1级管屏上部外数第1圈管U型弯管\Φ57*3.5\12Cr1MoVG\740778-E1-01-01</t>
  </si>
  <si>
    <t>【上海电气锅炉】 低温再热器第1级管屏上部外数第2圈管U型弯管\Φ57*3.5\12Cr1MoVG\740778-E1-01-02</t>
  </si>
  <si>
    <t>【上海电气锅炉】 低温再热器第1级管屏上部外数第3圈管U型弯管\Φ57*3.5\12Cr1MoVG\740778-E1-01-03</t>
  </si>
  <si>
    <t>【上海电气锅炉】 低温再热器第1级管屏上部外数第4圈管U型弯管\Φ57*5\12Cr1MoVG\740778-E1-01-04</t>
  </si>
  <si>
    <t>【上海电气锅炉】 低温再热器第1级管屏下部外数第1圈管U型弯管\Φ57*3.5\15CrMoG\740778-E1-01-05</t>
  </si>
  <si>
    <t>【上海电气锅炉】 低温再热器第1级管屏下部外数第2圈管U型弯管\Φ57*3.5\15CrMoG\740778-E1-01-06</t>
  </si>
  <si>
    <t>【上海电气锅炉】 低温再热器第1级管屏下部外数第3圈管U型弯管\Φ57*3.5\15CrMoG\740778-E1-01-07</t>
  </si>
  <si>
    <t>【上海电气锅炉】 低温再热器第1级管屏下部外数第4圈管U型弯管\Φ57*5\12Cr1MoVG\740778-E1-01-08</t>
  </si>
  <si>
    <t>【上海电气锅炉】 低温再热器第2～4级管屏上部外数第1圈管U型弯管\Φ57*3.5\20G\740778-E1-01-09</t>
  </si>
  <si>
    <t>【上海电气锅炉】 低温再热器第2～4级管屏上部外数第2圈管U型弯管\Φ57*3.5\20G\740778-E1-01-10</t>
  </si>
  <si>
    <t>【上海电气锅炉】 低温再热器第2～4级管屏上部外数第3圈管U型弯管\Φ57*3.5\20G\740778-E1-01-11</t>
  </si>
  <si>
    <t>【上海电气锅炉】 低温再热器第2～4级管屏上部外数第4圈管U型弯管\Φ57*5\20G\740778-E1-01-12</t>
  </si>
  <si>
    <t>【上海电气锅炉】 高温再热器左下侧外数第1圈管U型弯管\Φ51*4\SA213-T91\740778-E1-02-01</t>
  </si>
  <si>
    <t>【上海电气锅炉】 高温再热器左下侧外数第2圈管U型弯管\Φ51*4\12Cr1MoVG\740778-E1-02-02</t>
  </si>
  <si>
    <t>【上海电气锅炉】 高温再热器左下侧外数第3圈管U型弯管\Φ51*4\12Cr1MoVG\740778-E1-02-03</t>
  </si>
  <si>
    <t>【上海电气锅炉】 高温再热器左下侧外数第4圈管U型弯管\Φ51*4\12Cr1MoVG\740778-E1-02-04</t>
  </si>
  <si>
    <t>【上海电气锅炉】 高温再热器左下侧外数第5圈管U型弯管\Φ51*4.5\12Cr1MoVG\740778-E1-02-05</t>
  </si>
  <si>
    <t>【上海电气锅炉】 高温再热器外数第1圈管下部U型弯管（左下侧除外）\Φ51*4\SA213-T91\740778-E1-02-06</t>
  </si>
  <si>
    <t>【上海电气锅炉】 高温再热器外数第2圈管下部U型弯管（左下侧除外）\Φ51*4\SA213-T91\740778-E1-02-07</t>
  </si>
  <si>
    <t>【上海电气锅炉】 高温再热器外数第3圈管下部U型弯管（左下侧除外）\Φ51*4\SA213-T91\740778-E1-02-08</t>
  </si>
  <si>
    <t>【上海电气锅炉】 高温再热器外数第4圈管下部U型弯管（左下侧除外）\Φ51*4\SA213-T91\740778-E1-02-09</t>
  </si>
  <si>
    <t>【上海电气锅炉】 高温再热器外数第5圈管下部U型弯管（左下侧除外）\Φ51*4.5\SA213-T91\740778-E1-02-10</t>
  </si>
  <si>
    <t>【上海电气锅炉】 高温再热器外数第1圈管左侧上部U型弯管\Φ51*4\12Cr1MoVG\740778-E1-02-11</t>
  </si>
  <si>
    <t>【上海电气锅炉】 高温再热器外数第2圈管左侧上部U型弯管\Φ51*4\12Cr1MoVG\740778-E1-02-12</t>
  </si>
  <si>
    <t>【上海电气锅炉】 高温再热器外数第3圈管左侧上部U型弯管\Φ51*4\12Cr1MoVG\740778-E1-02-13</t>
  </si>
  <si>
    <t>【上海电气锅炉】 高温再热器外数第4圈管左侧上部U型弯管\Φ51*4\12Cr1MoVG\740778-E1-02-14</t>
  </si>
  <si>
    <t>【上海电气锅炉】 高温再热器外数第5圈管左侧上部U型弯管\Φ51*4.5\SA213-T91\740778-E1-02-15</t>
  </si>
  <si>
    <t>【上海电气锅炉】 高温再热器外数第1圈管右侧上部U型弯管\Φ51*4\SA213-T91\740778-E1-02-16</t>
  </si>
  <si>
    <t>【上海电气锅炉】 高温再热器外数第2圈管右侧上部U型弯管\Φ51*4\SA213-T91\740778-E1-02-17</t>
  </si>
  <si>
    <t>【上海电气锅炉】 高温再热器外数第3圈管右侧上部U型弯管\Φ51*4\SA213-T91\740778-E1-02-18</t>
  </si>
  <si>
    <t>【上海电气锅炉】 高温再热器外数第4圈管右侧上部U型弯管\Φ51*4\SA213-T91\740778-E1-02-19</t>
  </si>
  <si>
    <t>【上海电气锅炉】 高温再热器外数第5圈管右侧上部U型弯管\Φ51*4.5\SA213-T91\740778-E1-02-20</t>
  </si>
  <si>
    <t>【上海电气锅炉】 一级过热器上部外数第1圈管U型弯管\Φ48*9\SA213-T92\5407001-E1-02-1</t>
  </si>
  <si>
    <t>【上海电气锅炉】 一级过热器上部外数第2圈管U型弯管\Φ48*9\SA213-T92\5407001-E1-02-2</t>
  </si>
  <si>
    <t>【上海电气锅炉】 一级过热器上部外数第3圈管U型弯管\Φ48*9\SA213-T92\5407001-E1-02-3</t>
  </si>
  <si>
    <t>【上海电气锅炉】 一级过热器上部外数第4圈管U型弯管\Φ48*9\SA213-T92\5407001-E1-02-4</t>
  </si>
  <si>
    <t>【上海电气锅炉】 二级过热器上部外数第1圈管U型弯管\Φ48*7.5\SA213-T91\5407001-E1-05-1</t>
  </si>
  <si>
    <t>【上海电气锅炉】 二级过热器上部外数第2圈管U型弯管\Φ48*7.5\SA213-T91\5407001-E1-05-2</t>
  </si>
  <si>
    <t>【上海电气锅炉】 二级过热器上部外数第3圈管U型弯管\Φ48*7.5\SA213-T91\5407001-E1-05-3</t>
  </si>
  <si>
    <t>【上海电气锅炉】 二级过热器上部外数第4圈管U型弯管\Φ48*7.5\SA213-T91\5407001-E1-05-4</t>
  </si>
  <si>
    <t>【上海电气锅炉】 二级过热器上部外数第5圈管U型弯管\Φ48*7.5\SA213-T91\5407001-E1-05-5</t>
  </si>
  <si>
    <t>【上海电气锅炉】 二级过热器上部外数第6圈管U型弯管\Φ48*7.5\SA213-T91\5407001-E1-05-6</t>
  </si>
  <si>
    <t>【上海电气锅炉】 二级过热器上部外数第7圈管U型弯管\Φ48*7.5\SA213-T91\5407001-E1-05-7</t>
  </si>
  <si>
    <t>【上海电气锅炉】 二级过热器下部外数第1圈管U型弯管\Φ48*6.8\SA213-SUPER304H\5407011-E1-05-8</t>
  </si>
  <si>
    <t>【上海电气锅炉】 二级过热器下部外数第2圈管U型弯管\Φ48*6.8\SA213-SUPER304H\5407011-E1-05-9</t>
  </si>
  <si>
    <t>【上海电气锅炉】 二级过热器下部外数第3圈管U型弯管\Φ48*6.8\SA213-SUPER304H\5407011-E1-05-10</t>
  </si>
  <si>
    <t>【上海电气锅炉】 二级过热器下部外数第4圈管U型弯管\Φ48*6.8\SA213-SUPER304H\5407011-E1-05-11</t>
  </si>
  <si>
    <t>【上海电气锅炉】 二级过热器下部外数第5圈管U型弯管\Φ48*6.8\SA213-SUPER304H\5407011-E1-05-12</t>
  </si>
  <si>
    <t>【上海电气锅炉】 二级过热器下部外数第6圈管U型弯管\Φ48*6.8\SA213-SUPER304H\5407011-E1-05-13</t>
  </si>
  <si>
    <t>【上海电气锅炉】 二级过热器下部外数第7圈管U型弯管\Φ48*6.8\SA213-SUPER304H\5407011-E1-05-14</t>
  </si>
  <si>
    <t>【上海电气锅炉】 二级过热器下部外数第8圈管U型弯管\Φ48*6.8\SA213-SUPER304H\5407011-E1-05-15</t>
  </si>
  <si>
    <t>【上海电气锅炉】 二级过热器下部外数第9圈管U型弯管\Φ48*6.8\SA213-SUPER304H\5407011-E1-05-16</t>
  </si>
  <si>
    <t>【上海电气锅炉】 二级过热器下部外数第10圈管U型弯管\Φ48*6.8\SA213-SUPER304H\5407011-E1-05-17</t>
  </si>
  <si>
    <t>【上海电气锅炉】 二级过热器下部外数第11圈管U型弯管\Φ48*6.8\SA213-SUPER304H\5407011-E1-05-18</t>
  </si>
  <si>
    <t>【上海电气锅炉】 二级过热器下部外数第12圈管U型弯管\Φ48*6.8\SA213-SUPER304H\5407011-E1-05-19</t>
  </si>
  <si>
    <t>【上海电气锅炉】 二级过热器下部外数第13圈管U型弯管\Φ48*6.8\SA213-SUPER304H\5407011-E1-05-20</t>
  </si>
  <si>
    <t>【上海电气锅炉】 二级过热器下部外数第14圈管U型弯管\Φ48*6.8\SA213-SUPER304H\5407011-E1-05-21</t>
  </si>
  <si>
    <t>【上海电气锅炉】 一级再热器上部外数第1圈管U型弯管\Φ57*3.8\15CrMoG\7407001-E1-02-01</t>
  </si>
  <si>
    <t>【上海电气锅炉】 一级再热器上部外数第2圈管U型弯管\Φ57*3.8\15CrMoG\7407001-E1-02-02</t>
  </si>
  <si>
    <t>【上海电气锅炉】 一级再热器上部外数第3圈管U型弯管\Φ57*3.8\15CrMoG\7407001-E1-02-03</t>
  </si>
  <si>
    <t>【上海电气锅炉】 一级再热器上部外数第4圈管U型弯管\Φ57*3.8\15CrMoG\7407001-E1-02-04</t>
  </si>
  <si>
    <t>【上海电气锅炉】 一级再热器上部外数第5圈管U型弯管\Φ57*3.8\15CrMoG\7407001-E1-02-05</t>
  </si>
  <si>
    <t>【上海电气锅炉】 一级再热器上部外数第6圈管U型弯管\Φ57*3.8\15CrMoG\7407001-E1-02-06</t>
  </si>
  <si>
    <t>【上海电气锅炉】 一级再热器上部外数第7圈管U型弯管\Φ57*3.8\15CrMoG\7407001-E1-02-07</t>
  </si>
  <si>
    <t>【上海电气锅炉】 一级再热器上部外数第8圈管U型弯管\Φ57*4.5\15CrMoG\7407001-E1-02-08</t>
  </si>
  <si>
    <t>【上海电气锅炉】 一级再热器下部右侧外数第1圈管U型弯管\Φ57*3.8\12Cr1MoVG\7407001-E1-02-09</t>
  </si>
  <si>
    <t>【上海电气锅炉】 一级再热器下部右侧外数第2圈管U型弯管\Φ57*3.8\12Cr1MoVG\7407001-E1-02-10</t>
  </si>
  <si>
    <t>【上海电气锅炉】 一级再热器下部右侧外数第3圈管U型弯管\Φ57*3.8\12Cr1MoVG\7407001-E1-02-11</t>
  </si>
  <si>
    <t>【上海电气锅炉】 一级再热器下部右侧外数第4圈管U型弯管\Φ57*3.8\12Cr1MoVG\7407001-E1-02-12</t>
  </si>
  <si>
    <t>【上海电气锅炉】 一级再热器下部右侧外数第5圈管U型弯管\Φ57*3.8\12Cr1MoVG\7407001-E1-02-13</t>
  </si>
  <si>
    <t>【上海电气锅炉】 一级再热器下部右侧外数第6圈管U型弯管\Φ57*3.8\12Cr1MoVG\7407001-E1-02-14</t>
  </si>
  <si>
    <t>【上海电气锅炉】 一级再热器下部右侧外数第7圈管U型弯管\Φ57*3.8\12Cr1MoVG\7407001-E1-02-15</t>
  </si>
  <si>
    <t>【上海电气锅炉】 一级再热器下部右侧外数第8圈管U型弯管\Φ57*4.5\12Cr1MoVG\7407001-E1-02-16</t>
  </si>
  <si>
    <t>【上海电气锅炉】 一级再热器下部左侧外数第1圈管U型弯管\Φ57*3.8\SA213-T91\7407001-E1-02-17</t>
  </si>
  <si>
    <t>【上海电气锅炉】 一级再热器下部左侧外数第2圈管U型弯管\Φ57*3.8\SA213-T91\7407001-E1-02-18</t>
  </si>
  <si>
    <t>【上海电气锅炉】 一级再热器下部左侧外数第3圈管U型弯管\Φ57*3.8\SA213-T91\7407001-E1-02-19</t>
  </si>
  <si>
    <t>【上海电气锅炉】 一级再热器下部左侧外数第4圈管U型弯管\Φ57*3.8\SA213-T91\7407001-E1-02-20</t>
  </si>
  <si>
    <t>【上海电气锅炉】 一级再热器下部左侧外数第5圈管U型弯管\Φ57*3.8\SA213-T91\7407001-E1-02-21</t>
  </si>
  <si>
    <t>【上海电气锅炉】 一级再热器下部左侧外数第6圈管U型弯管\Φ57*3.8\SA213-T91\7407001-E1-02-22</t>
  </si>
  <si>
    <t>【上海电气锅炉】 一级再热器下部左侧外数第7圈管U型弯管\Φ57*3.8\SA213-T91\7407001-E1-02-23</t>
  </si>
  <si>
    <t>【上海电气锅炉】 一级再热器下部左侧外数第8圈管U型弯管\Φ57*4.5\12Cr1MoVG\7407001-E1-02-24</t>
  </si>
  <si>
    <t>【上海电气锅炉】 省煤器外数第1圈管U型弯管\Φ42*6.5\SA210-C\5607001-E1-02-01</t>
  </si>
  <si>
    <t>【上海电气锅炉】 省煤器外数第2圈管U型弯管\Φ42*6.5\SA210-C\5607001-E1-02-02</t>
  </si>
  <si>
    <t>【上海电气锅炉】 省煤器外数第3圈管U型弯管\Φ42*6.5\SA210-C\5607001-E1-02-03</t>
  </si>
  <si>
    <t>【上海电气锅炉】 省煤器外数第4圈管U型弯管\Φ42*6.5\SA210-C\5607001-E1-02-04</t>
  </si>
  <si>
    <t>【上海电气锅炉】 省煤器外数第5圈管U型弯管\Φ42*6.5\SA210-C\5607001-E1-02-05</t>
  </si>
  <si>
    <t>【上海电气锅炉】 省煤器外数第6圈管U型弯管\Φ42*6.5\SA210-C\5607001-E1-02-06</t>
  </si>
  <si>
    <t>【上海电气锅炉】 省煤器外数第7圈管U型弯管\Φ42*6.5\SA210-C\5607001-E1-02-07</t>
  </si>
  <si>
    <t>【上海电气锅炉】 省煤器外数第8圈管U型弯管\Φ42*6.5\SA210-C\5607001-E1-02-08</t>
  </si>
  <si>
    <t>【上海电气锅炉】 过热器一级减温器\12Cr1MoVG\580724-D1-01</t>
  </si>
  <si>
    <t>【上海电气锅炉】 过热器二级减温器\12Cr1MoVG\580724-D1-02</t>
  </si>
  <si>
    <t>【上海电气锅炉】 过热器Ⅰ级减温器（右）\A335P12\580950-D1-01</t>
  </si>
  <si>
    <t>【上海电气锅炉】 过热器Ⅰ级减温器（左）\A335P12\580950-D1-02</t>
  </si>
  <si>
    <t>【上海电气锅炉】 过热器Ⅱ级减温器（右）\A335P91\580950-D1-03</t>
  </si>
  <si>
    <t>【上海电气锅炉】 过热器Ⅱ级减温器（左）\A335P91\580950-D1-04</t>
  </si>
  <si>
    <t>【上海电气锅炉】 过热器Ⅰ级减温器\12Cr1MoVG\580977-D1-01</t>
  </si>
  <si>
    <t>【上海电气锅炉】 过热器Ⅱ级减温器\12Cr1MoVG\580977-D1-02</t>
  </si>
  <si>
    <t>【上海电气锅炉】 过热器减温装置\12Cr1MoVG\580314-E1-01</t>
  </si>
  <si>
    <t>【上海电气锅炉】 过热器Ⅰ级减温装置\12Cr1MoVG\580877-C1-01</t>
  </si>
  <si>
    <t>【上海电气锅炉】 过热器Ⅱ级减温装置\12Cr1MoVG\580877-C1-02</t>
  </si>
  <si>
    <t>【上海电气锅炉】 过热器一级减温器\A335P91\580538-E1-01</t>
  </si>
  <si>
    <t>【上海电气锅炉】 过热器二级减温器\A335P91\580538-E1-02</t>
  </si>
  <si>
    <t>【上海电气锅炉】 过热器Ⅰ级减温装置\12Cr1MoVG\580830-E1-01</t>
  </si>
  <si>
    <t>【上海电气锅炉】 过热器Ⅱ级减温装置\12Cr1MoVG\580830-E1-02</t>
  </si>
  <si>
    <t>【上海电气锅炉】 过热器一级减温器\12Cr1MoVG\580727-D1-01</t>
  </si>
  <si>
    <t>【上海电气锅炉】 过热器二级减温器\12Cr1MoVG\580727-D1-02</t>
  </si>
  <si>
    <t>【上海电气锅炉】 过热器Ⅰ级减温器\SA106-C\580801-D1-01</t>
  </si>
  <si>
    <t>【上海电气锅炉】 过热器Ⅱ级减温器\A335P12\580801-D1-02</t>
  </si>
  <si>
    <t>【上海电气锅炉】 过热器Ⅲ级减温器\A335P12\580801-D1-03</t>
  </si>
  <si>
    <t>【上海电气锅炉】 过热器一级减温器\12Cr1MoVG\5804013-D1-01</t>
  </si>
  <si>
    <t>【上海电气锅炉】 过热器二级减温器\12Cr1MoVG\5804013-D1-02</t>
  </si>
  <si>
    <t>【上海电气锅炉】 过热器Ⅰ级减温器（前）\12Cr1MoVG\5806001-D1-01</t>
  </si>
  <si>
    <t>【上海电气锅炉】 过热器Ⅰ级减温器（后）\12Cr1MoVG\5806001-D1-02</t>
  </si>
  <si>
    <t>【上海电气锅炉】 过热器Ⅱ级减温器（右）\A335P91\5806001-D1-03</t>
  </si>
  <si>
    <t>【上海电气锅炉】 过热器Ⅱ级减温器（左）\A335P91\5806001-D1-04</t>
  </si>
  <si>
    <t>【上海电气锅炉】 过热器Ⅲ级减温器（右）\A335P91\5806001-D1-05</t>
  </si>
  <si>
    <t>【上海电气锅炉】 过热器Ⅲ级减温器（左）\A335P91\5806001-D1-06</t>
  </si>
  <si>
    <t>【上海电气锅炉】 过热器一级减温器\12Cr1MoVG\580749-D1-01</t>
  </si>
  <si>
    <t>【上海电气锅炉】 过热器二级减温器\12Cr1MoVG\580749-D1-02</t>
  </si>
  <si>
    <t>【上海电气锅炉】 过热器Ⅰ级减温器\12Cr1MoVG\580867-E1-01</t>
  </si>
  <si>
    <t>【上海电气锅炉】 过热器Ⅱ级减温器\12Cr1MoVG\580867-E1-02</t>
  </si>
  <si>
    <t>【上海电气锅炉】 过热器一级减温器\12Cr1MoVG\580743-D1-01</t>
  </si>
  <si>
    <t>【上海电气锅炉】 过热器二级减温器\12Cr1MoVG\580743-D1-02</t>
  </si>
  <si>
    <t>【上海电气锅炉】 过热器一级减温器\S-4\12Cr1MoVG\5807050-E1-01</t>
  </si>
  <si>
    <t>【上海电气锅炉】 过热器二级减温器\S-17\A335P91\5807050-E1-02</t>
  </si>
  <si>
    <t>【上海电气锅炉】 过热器Ⅰ级减温器\12Cr1MoVG\T580100-D1-01</t>
  </si>
  <si>
    <t>【上海电气锅炉】 过热器Ⅱ级减温器\12Cr1MoVG\T580100-D1-02</t>
  </si>
  <si>
    <t>【上海电气锅炉】 过热器一级减温器\12Cr1MoVG\580738-D1-01</t>
  </si>
  <si>
    <t>【上海电气锅炉】 过热器二级减温器\12Cr1MoVG\580738-D1-02</t>
  </si>
  <si>
    <t>【上海电气锅炉】 再热器事故喷水减温器（右）\SA106-C\580955-D1-05</t>
  </si>
  <si>
    <t>【上海电气锅炉】 再热器事故喷水减温器（左）\SA106-C\580955-D1-06</t>
  </si>
  <si>
    <t>【上海电气锅炉】 再热器事故喷水减温器\SA106-C\580977-D1-03</t>
  </si>
  <si>
    <t>【上海电气锅炉】 再热器事故喷水减温装置\SA106-B\580840-D1-02</t>
  </si>
  <si>
    <t>【上海电气锅炉】 再热器事故喷水减温装置\SA106-B\580877-D1-03</t>
  </si>
  <si>
    <t>【上海电气锅炉】 再热器微量喷水减温器\12Cr1MoVG\580538-E1-03</t>
  </si>
  <si>
    <t>【上海电气锅炉】 再热器事故喷水减温器\SA691-2-1/4CrCL22\580538-E1-04</t>
  </si>
  <si>
    <t>【上海电气锅炉】 再热器微量喷水减温器\12Cr1MoVG\580538-E2-03</t>
  </si>
  <si>
    <t>【上海电气锅炉】 再热器事故喷水减温器\SA691-2-1/4CrCL22\580538-E2-04</t>
  </si>
  <si>
    <t>【上海电气锅炉】 再热器事故喷水减温装置\SA106-B\580314-E1-02</t>
  </si>
  <si>
    <t>【上海电气锅炉】 再热器事故喷水减温装置\20G代\580830-E1-03</t>
  </si>
  <si>
    <t>【上海电气锅炉】 再热器事故喷水减温器\SA106-B\580738-D1-03</t>
  </si>
  <si>
    <t>【上海电气锅炉】 再热器左（右）侧事故喷水装置\SA106-B\580761-D1-05</t>
  </si>
  <si>
    <t>【上海电气锅炉】 再热器左（右）侧微量喷水装置\12Cr1MoVG\580761-D1-06</t>
  </si>
  <si>
    <t>【上海电气锅炉】 再热器事故喷水减温器\SA106-B\580727-D1-03</t>
  </si>
  <si>
    <t>【上海电气锅炉】 再热器事故喷水减温器\A672B70CL32\580801-D1-04</t>
  </si>
  <si>
    <t>【上海电气锅炉】 再热器事故喷水减温器\SA106-B\5804013-D1-03</t>
  </si>
  <si>
    <t>【上海电气锅炉】 再热器微量喷水减温器（前）\12Cr1MoVG\5806001-E1-07</t>
  </si>
  <si>
    <t>【上海电气锅炉】 再热器微量喷水减温器（后）\12Cr1MoVG\5806001-E1-08</t>
  </si>
  <si>
    <t>【上海电气锅炉】 再热器事故喷水减温器\SA106-B\580749-D1-03</t>
  </si>
  <si>
    <t>【上海电气锅炉】 再热器事故喷水减温器\SA106-B\580867-E1-03</t>
  </si>
  <si>
    <t>【上海电气锅炉】 再热器事故喷水减温器\SA106-B\T580100-D1-03</t>
  </si>
  <si>
    <t>【上海电气锅炉】 再热器事故喷水减温器\SA106-B\580724-D1-03</t>
  </si>
  <si>
    <t>【上海电气锅炉】 一次再热器微量喷水减温器\12Cr1MoVG\5807050-E1-03</t>
  </si>
  <si>
    <t>【上海电气锅炉】 一次再热器事故喷水减温器\A335P22\5807050-E1-04</t>
  </si>
  <si>
    <t>【上海电气锅炉】 二次再热器微量喷水减温器\12Cr1MoVG\5807050-E1-05</t>
  </si>
  <si>
    <t>【上海电气锅炉】 二次再热器事故喷水减温器\A335P22\5807050-E1-06</t>
  </si>
  <si>
    <t>【上海电气锅炉】 一级喷水减温器（前）\SA106-B\580768-E1-01</t>
  </si>
  <si>
    <t>【上海电气锅炉】 一级喷水减温器（后）\SA106-B\580768-E1-02</t>
  </si>
  <si>
    <t>【上海电气锅炉】 二级喷水减温器（前）\12Cr1MoVG\580768-E1-03</t>
  </si>
  <si>
    <t>【上海电气锅炉】 二级喷水减温器（后）\12Cr1MoVG\580768-E1-04</t>
  </si>
  <si>
    <t>【上海电气锅炉】 一级喷水减温器（前）\20G代\58417-1-0</t>
  </si>
  <si>
    <t>【上海电气锅炉】 一级喷水减温器（后）\20G代\58417-2-0</t>
  </si>
  <si>
    <t>【上海电气锅炉】 二级喷水减温器（前）\12Cr1MoVG\58417-3-0</t>
  </si>
  <si>
    <t>【上海电气锅炉】 二级喷水减温器（后）\12Cr1MoVG\58417-4-0</t>
  </si>
  <si>
    <t>【上海电气锅炉】 一级喷水减温器（左）\SA106-B\580761-E1-01</t>
  </si>
  <si>
    <t>【上海电气锅炉】 一级喷水减温器（右）\SA106-B\580761-E1-02</t>
  </si>
  <si>
    <t>【上海电气锅炉】 二级喷水减温器（前）\12Cr1MoVG\580761-E1-03</t>
  </si>
  <si>
    <t>【上海电气锅炉】 二级喷水减温器（后）\12Cr1MoVG\580761-E1-04</t>
  </si>
  <si>
    <t>【上海电气锅炉】 微量喷水减温器\12Cr1MoVG\580977-D1-04</t>
  </si>
  <si>
    <t>【上海电气锅炉】 二次风喷嘴\NR9\6804013-B1-05001</t>
  </si>
  <si>
    <t>【上海电气锅炉】 二次风喷嘴\NR9\6804013-B1-05002</t>
  </si>
  <si>
    <t>【上海电气锅炉】 二次风喷嘴\\680892-B1-05001</t>
  </si>
  <si>
    <t>【上海电气锅炉】 二次风喷嘴\1Cr18Ni9Ti\F181.04</t>
  </si>
  <si>
    <t>【上海电气锅炉】 二次风喷嘴\1Cr18Ni9Ti\F187.40</t>
  </si>
  <si>
    <t>【上海电气锅炉】 防磨罩\t3\1Cr18Ni9Ti\</t>
  </si>
  <si>
    <t>【上海电气锅炉】 防磨罩\t3\SUS310S\</t>
  </si>
  <si>
    <t>【上海电气锅炉】 防磨罩\t3\1Cr6Si2Mo\</t>
  </si>
  <si>
    <t>【上海电气锅炉】 再热器活动连接件\ZGCr20Ni14Si2Mn1.5\SG5215-2003</t>
  </si>
  <si>
    <t>【上海电气锅炉】 过热器活动连接件（凸形）\10*13\ZGCr20Ni14Si2Mn1.5\SG5216-2003</t>
  </si>
  <si>
    <t>【上海电气锅炉】 再热器梳型管夹\t5\1Cr20Ni14Si2\T740030-BⅡ-02034</t>
  </si>
  <si>
    <t>【上海电气锅炉】 再热器管夹\t5\1Cr20Ni14Si2\T740030-BⅡ-02035</t>
  </si>
  <si>
    <t>【上海电气锅炉】 再热器钢板\t12*16*16\1Cr20Ni14Si2\再热器钢板\t12*16*16</t>
  </si>
  <si>
    <t>【上海电气锅炉】 再热器钢板\t10*76*1328\1Cr20Ni14Si2\再热器钢板\t10*76*1328</t>
  </si>
  <si>
    <t>【上海电气锅炉】 托块\ZGCr20Ni14Si2\SG5239-2003</t>
  </si>
  <si>
    <t>【上海电气锅炉】 再热器U形杆Ⅰ\1Cr20Ni14Si2\SG5228-2003</t>
  </si>
  <si>
    <t>【上海电气锅炉】 再热器梳型管夹\t5\1Cr20Ni14Si2\T740030-AⅡ-02036</t>
  </si>
  <si>
    <t>【上海电气锅炉】 再热器管夹\t5\1Cr20Ni14Si2\T740030-AⅡ-02037</t>
  </si>
  <si>
    <t>【上海电气锅炉】 过热器钢板\t8*20*30\1Cr18Ni9Ti\过热器钢板\t8*20*30</t>
  </si>
  <si>
    <t>【上海电气锅炉】 过热器定位板\t5\1Cr20Ni14Si2\T545030-BⅡ-01045</t>
  </si>
  <si>
    <t>【上海电气锅炉】 过热器定位夹板\t5\1Cr20Ni14Si2\T545030-BⅡ-01046</t>
  </si>
  <si>
    <t>【上海电气锅炉】 过热器定位板\t5\1Cr20Ni14Si2\T545030-BⅡ-01047</t>
  </si>
  <si>
    <t>【上海电气锅炉】 过热器定位夹板\t5\1Cr20Ni14Si2\T545030-BⅡ-01048</t>
  </si>
  <si>
    <t>【上海电气锅炉】 过热器U型杆\1Cr20Ni14Si2\T545030-AⅡ-01049</t>
  </si>
  <si>
    <t>【上海电气锅炉】 过热器钢板\t10*76*1005\1Cr20Ni14Si2\过热器钢板\t10*76*1005</t>
  </si>
  <si>
    <t>【上海电气锅炉】 过热器钢板\t10*76*1176\1Cr20Ni14Si2\过热器钢板\t10*76*1176</t>
  </si>
  <si>
    <t>【上海电气锅炉】 省煤器钢板\t6*30*75\12Cr1MoVG\省煤器钢板\t6*30*75</t>
  </si>
  <si>
    <t>【上海电气锅炉】 省煤器钢板\t6*15*20\12Cr1MoVG\省煤器钢板\t6*15*20</t>
  </si>
  <si>
    <t>【上海电气锅炉】 省煤器钢板\t6*35*50\12Cr1MoVG\省煤器钢板\t6*35*50</t>
  </si>
  <si>
    <t>【上海电气锅炉】 检查门Φ450\Φ450\SG4019-92</t>
  </si>
  <si>
    <t>【上海电气锅炉】 检查门Φ120\Φ120\SG4016-92</t>
  </si>
  <si>
    <t>【上海电气锅炉】 检查门150*200\150*200\L71.09-0</t>
  </si>
  <si>
    <t>【上海电气锅炉】 检修门\\750801-D1-01</t>
  </si>
  <si>
    <t>【上海电气锅炉】 检查门\\750801-C1-02</t>
  </si>
  <si>
    <t>【上海电气锅炉】 检查门(100*300)\100*300\750953-C1-02</t>
  </si>
  <si>
    <t>【上海电气锅炉】 检查门(457*406)\457*406\SG4024.3.0-94</t>
  </si>
  <si>
    <t>【上海电气锅炉】 检查门(457*406)\457*406\L71.21-0</t>
  </si>
  <si>
    <t>【上海电气锅炉】 检查门100*300\100*300\SG4061-2006</t>
  </si>
  <si>
    <t>【上海电气锅炉】 打焦门200*700\200*700\L72.10-0</t>
  </si>
  <si>
    <t>【上海电气锅炉】 打焦门200*700\200*700\L72.11-0</t>
  </si>
  <si>
    <t>【上海电气锅炉】 看火门(100*250)\100*250\L72.49-0</t>
  </si>
  <si>
    <t>【上海电气锅炉】 看火门(100*250)\100*250\SG4023.4.0-94</t>
  </si>
  <si>
    <t>【上海电气锅炉】 看火孔装置\\750314-C1-01018</t>
  </si>
  <si>
    <t>【上海电气锅炉】 人孔门600\Φ600\750953-D1-01</t>
  </si>
  <si>
    <t>【上海电气锅炉】 人孔门Φ600\Φ600\SG4060-2006</t>
  </si>
  <si>
    <t>【上海电气锅炉】 人孔门装置\\750314-C1-01008</t>
  </si>
  <si>
    <t>【上海电气锅炉】 人孔门装置\\750314-D1-01001</t>
  </si>
  <si>
    <t>【上海电气锅炉】 水冷却门和看火孔装置\\750314-D1-01004</t>
  </si>
  <si>
    <t>【上海电气锅炉】 水冷却门(610*760)\610*760\L172.01-0</t>
  </si>
  <si>
    <t>【上海电气锅炉】 水冷却门(610*760)\610*760\L72.50-0</t>
  </si>
  <si>
    <t>【上海电气锅炉】 仪表测点孔装置\\750314-C1-01009</t>
  </si>
  <si>
    <t>【上海电气锅炉】 仪表测点孔装置\\750314-C1-01016</t>
  </si>
  <si>
    <t>【上海电气锅炉】 仪表测点孔装置Ⅰ型\\SG4056-99</t>
  </si>
  <si>
    <t>【上海电气锅炉】 斜向看火孔装置\\750314-C1-01019</t>
  </si>
  <si>
    <t>【上海电气锅炉】 伸缩式吹灰器孔装置\\750314-C1-01020</t>
  </si>
  <si>
    <t>【上海电气锅炉】 伸缩式温度探抢孔装置\\750314-C1-01022</t>
  </si>
  <si>
    <t>【上海电气锅炉】 电视摄像孔装置\\750314-C1-01023</t>
  </si>
  <si>
    <t>【上海电气锅炉】 墙式吹灰器孔装置\\750314-C1-01026</t>
  </si>
  <si>
    <t>【上海电气锅炉】 氧量测点孔装置\\750878-A1-01</t>
  </si>
  <si>
    <t>【上海电气锅炉】 减速箱\液耦\SGW90</t>
  </si>
  <si>
    <t>【上海电气锅炉】 减速箱\液耦\SGW90A</t>
  </si>
  <si>
    <t>【上海电气锅炉】 减速箱\液耦\SGW90B</t>
  </si>
  <si>
    <t>【上海电气锅炉】 减速箱\液耦\SGW90C</t>
  </si>
  <si>
    <t>【上海电气锅炉】 减速箱\液耦\SGW90D</t>
  </si>
  <si>
    <t>【上海电气锅炉】 减速箱\变频控制柜\SGW90D-1</t>
  </si>
  <si>
    <t>【上海电气锅炉】 减速箱\变频控制柜\SGW90E</t>
  </si>
  <si>
    <t>【上海电气锅炉】 减速箱\就地简单操作柜\SGW90E-1</t>
  </si>
  <si>
    <t>【上海电气锅炉】 减速箱\就地简单操作柜\SGW90E-2</t>
  </si>
  <si>
    <t>【上海电气锅炉】 减速箱\就地简单操作柜\SGW90E-3</t>
  </si>
  <si>
    <t>【上海电气锅炉】 减速箱\就地柜\SGW90E-4</t>
  </si>
  <si>
    <t>【上海电气锅炉】 减速箱\就地柜\SGW90E-5</t>
  </si>
  <si>
    <t>【上海电气锅炉】 减速箱\液耦\SGW95</t>
  </si>
  <si>
    <t>【上海电气锅炉】 减速箱\永磁\SGW95-1</t>
  </si>
  <si>
    <t>【上海电气锅炉】 减速箱\永磁\SGW95-2</t>
  </si>
  <si>
    <t>【上海电气锅炉】 减速箱\液耦\SGW95A</t>
  </si>
  <si>
    <t>【上海电气锅炉】 减速箱\永磁\SGW95A-1</t>
  </si>
  <si>
    <t>【上海电气锅炉】 减速箱\永磁\SGW95A-2</t>
  </si>
  <si>
    <t>【上海电气锅炉】 减速箱\变频启动\SGW95B</t>
  </si>
  <si>
    <t>【上海电气锅炉】 减速箱\变频启动\SGW95C</t>
  </si>
  <si>
    <t>【上海电气锅炉】 减速箱\变频启动\SGW95G-01</t>
  </si>
  <si>
    <t>【上海电气锅炉】 减速箱\液耦\SGW100</t>
  </si>
  <si>
    <t>【上海电气锅炉】 减速箱\液耦\SGW100A</t>
  </si>
  <si>
    <t>【上海电气锅炉】 减速箱\液耦\SGW100B</t>
  </si>
  <si>
    <t>【上海电气锅炉】 减速箱\液耦\SGW100C</t>
  </si>
  <si>
    <t>【上海电气锅炉】 减速箱\液耦\SGW100D</t>
  </si>
  <si>
    <t>【上海电气锅炉】 减速箱\液耦\SGW100E</t>
  </si>
  <si>
    <t>【上海电气锅炉】 减速箱\液耦\SGW100F</t>
  </si>
  <si>
    <t>【上海电气锅炉】 减速箱\永磁\SGW100F-1</t>
  </si>
  <si>
    <t>【上海电气锅炉】 减速箱\永磁\SGW100F-2</t>
  </si>
  <si>
    <t>【上海电气锅炉】 减速箱\永磁\SGW100G-A版</t>
  </si>
  <si>
    <t>【上海电气锅炉】 减速箱\弹联+法兰\SGW100G-01</t>
  </si>
  <si>
    <t>【上海电气锅炉】 减速箱\液耦\SGW600-01</t>
  </si>
  <si>
    <t>【上海电气锅炉】 减速箱\液耦\SGW600-02</t>
  </si>
  <si>
    <t>【上海电气锅炉】 减速箱\永磁\SGW600-03</t>
  </si>
  <si>
    <t>【上海电气锅炉】 减速箱\液耦\SGW600-04</t>
  </si>
  <si>
    <t>【上海电气锅炉】 减速箱\变频启动\SGW600-05</t>
  </si>
  <si>
    <t>【上海电气锅炉】 减速箱\变频启动\SGW600-06</t>
  </si>
  <si>
    <t>【上海电气锅炉】 减速箱\变频启动\SGW600-07</t>
  </si>
  <si>
    <t>【上海电气锅炉】 减速箱\变频启动\SGW600-08</t>
  </si>
  <si>
    <t>【上海电气锅炉】 减速箱\软启动\SGW600-09</t>
  </si>
  <si>
    <t>【上海电气锅炉】 减速箱\变频启动\SGW600-10</t>
  </si>
  <si>
    <t>【上海电气锅炉】 减速箱\变频启动\SGW600-11</t>
  </si>
  <si>
    <t>【上海电气锅炉】 减速箱\变频\SGW600-KS</t>
  </si>
  <si>
    <t>【上海电气锅炉】 减速箱\就地控制柜\B4SV306</t>
  </si>
  <si>
    <t>【上海电气锅炉】 减速箱\\B4SV309-01</t>
  </si>
  <si>
    <t>【上海电气锅炉】 减速箱\\B4SV309-02</t>
  </si>
  <si>
    <t>【上海电气锅炉】 减速箱\\B4SV11</t>
  </si>
  <si>
    <t>【上海电气锅炉】 减速箱\\B4SV311</t>
  </si>
  <si>
    <t>【上海电气锅炉】 减速箱\\B4SV311-60A</t>
  </si>
  <si>
    <t>【上海电气锅炉】 减速箱\\B4SV311-60A-1</t>
  </si>
  <si>
    <t>【上海电气锅炉】 减速箱\\B4SV311-60B</t>
  </si>
  <si>
    <t>【上海电气锅炉】 减速箱\\B4SV311-60B-1</t>
  </si>
  <si>
    <t>【上海电气锅炉】 减速箱\\B4SV311-100</t>
  </si>
  <si>
    <t>【上海电气锅炉】 减速箱\变频启动\B4SV311-100A</t>
  </si>
  <si>
    <t>【上海电气锅炉】 减速箱\变频启动\B4SV311-100B</t>
  </si>
  <si>
    <t>【上海电气锅炉】 减速箱\变频启动\B4SV311-100C</t>
  </si>
  <si>
    <t>【上海电气锅炉】 减速箱\变频启动\B4SV311-100C-1</t>
  </si>
  <si>
    <t>【上海电气锅炉】 减速箱\永磁\B4SV311-100D</t>
  </si>
  <si>
    <t>【上海电气锅炉】 减速箱\脱开永磁+限矩永磁+控制柜\B4SV311-100E</t>
  </si>
  <si>
    <t>【上海电气锅炉】 减速箱\脱开永磁+限矩永磁+控制柜\B4SV311-100E-1</t>
  </si>
  <si>
    <t>【上海电气锅炉】 减速箱\变频启动\SBWL-RO02/250-01A</t>
  </si>
  <si>
    <t>【上海电气锅炉】 减速箱\变频启动\SBWL-RO02/250-02</t>
  </si>
  <si>
    <t>【上海电气锅炉】 减速箱\液耦\SBWL-RO02/315-01</t>
  </si>
  <si>
    <t>【上海电气锅炉】 减速箱\液耦\SBWL-RO02/315-01A</t>
  </si>
  <si>
    <t>【上海电气锅炉】 减速箱\变频启动\SBWL-RO02/315-01B</t>
  </si>
  <si>
    <t>【上海电气锅炉】 减速箱\变频启动\SBWL-RO02/315-01C</t>
  </si>
  <si>
    <t>【上海电气锅炉】 减速箱\变频启动\SBWL-RO02/315-01D</t>
  </si>
  <si>
    <t>【上海电气锅炉】 减速箱\变频启动\SBWL-RO02/315-01E</t>
  </si>
  <si>
    <t>【上海电气锅炉】 减速箱\液耦\SBWL-RO02/315-02</t>
  </si>
  <si>
    <t>【上海电气锅炉】 减速箱\CL100-R02\SBWL-RO02/315-02A</t>
  </si>
  <si>
    <t>【上海电气锅炉】 减速箱\主-CL100-R02，备-液偶\SBWL-RO02/315-02B</t>
  </si>
  <si>
    <t>【上海电气锅炉】 减速箱\变频启动\SBWL-RO02/315-03</t>
  </si>
  <si>
    <t>【上海电气锅炉】 减速箱\变频启动\SBWL-RO02/315-03-A</t>
  </si>
  <si>
    <t>【上海电气锅炉】 减速箱\主-单片永磁+电磁离合\SBWL-RO02/315-03-B</t>
  </si>
  <si>
    <t>【上海电气锅炉】 减速箱\变频启动\SBWL-RO02/315-04</t>
  </si>
  <si>
    <t>【上海电气锅炉】 减速箱\主-永磁，备-变频\SBWL-RO02/315-04-A</t>
  </si>
  <si>
    <t>【上海电气锅炉】 减速箱\变频启动\SBWL-RO02/315-04-B</t>
  </si>
  <si>
    <t>【上海电气锅炉】 减速箱\可脱开永磁+限距型永磁\SBWL-RO02/315-05</t>
  </si>
  <si>
    <t>【上海电气锅炉】 减速箱\液耦\STM-300-01-CW</t>
  </si>
  <si>
    <t>【上海电气锅炉】 减速箱\变频启动\STM-300-02CW,CCW</t>
  </si>
  <si>
    <t>【上海电气锅炉】 减速箱\变频启动\STM-300-03CW,CCW</t>
  </si>
  <si>
    <t>【上海电气锅炉】 减速箱\变频启动\STM-300-03-ACW,CCW</t>
  </si>
  <si>
    <t>【上海电气锅炉】 减速箱\永磁\STM-600-01-CW，CCW</t>
  </si>
  <si>
    <t>【上海电气锅炉】 减速箱\脱开永磁+限距永磁\STM-1000-01-CW&amp;CCW</t>
  </si>
  <si>
    <t>【上海电气锅炉】 减速箱\变频启动\SEW600-01</t>
  </si>
  <si>
    <t>【上海电气锅炉】 减速箱\变频启动\SEW600-02-CW</t>
  </si>
  <si>
    <t>【上海电气锅炉】 减速箱\变频启动\SEW1000-01-CW</t>
  </si>
  <si>
    <t>【上海电气锅炉】 电机\15KW\M2BAX160MLB4B3</t>
  </si>
  <si>
    <t>【上海电气锅炉】 电机\15KW\M2BAX160MLB4B3069</t>
  </si>
  <si>
    <t>【上海电气锅炉】 电机\15KW\QABP-160L4A-B3</t>
  </si>
  <si>
    <t>【上海电气锅炉】 电机\15KW\QABP-J41-1604A-B3069</t>
  </si>
  <si>
    <t>【上海电气锅炉】 电机\18.5KW\M2BAX180MLA4B3</t>
  </si>
  <si>
    <t>【上海电气锅炉】 电机\18.5KW\M2BAX180MLA4B3069</t>
  </si>
  <si>
    <t>【上海电气锅炉】 电机\18.5KW\QABP-180M4AB3</t>
  </si>
  <si>
    <t>【上海电气锅炉】 电机\18.5KW\QABP-J1-180M4A-B3069</t>
  </si>
  <si>
    <t>【上海电气锅炉】 电机\30KW\M2BAX200MLA4B3</t>
  </si>
  <si>
    <t>【上海电气锅炉】 电机\30KW\M2BAX200MLA4B3069</t>
  </si>
  <si>
    <t>【上海电气锅炉】 电机\30KW\QABP-200L4A-B3</t>
  </si>
  <si>
    <t>【上海电气锅炉】 电机\30KW\QABP-J1-200L4A-B3069</t>
  </si>
  <si>
    <t>【上海电气锅炉】 电机\37KW\M2BAX225SMA4B3</t>
  </si>
  <si>
    <t>【上海电气锅炉】 电机\37KW\M2BAX225SMA4B3069</t>
  </si>
  <si>
    <t>【上海电气锅炉】 电机\37KW\QABP-225S4A-B3</t>
  </si>
  <si>
    <t>【上海电气锅炉】 电机\37KW\QABP-J1-225S4A-B3069</t>
  </si>
  <si>
    <t>【上海电气锅炉】 电机\45KW\M2BAX225SMB4B3</t>
  </si>
  <si>
    <t>【上海电气锅炉】 电机\45KW\M2BAX225SMB4B3069</t>
  </si>
  <si>
    <t>【上海电气锅炉】 电机\45KW\QABP-225M4A-B3</t>
  </si>
  <si>
    <t>【上海电气锅炉】 电机\45KW\QABP-J1-225M4A-B3069</t>
  </si>
  <si>
    <t>【上海电气锅炉】 电机\55KW\M2BAX250SMA4B3</t>
  </si>
  <si>
    <t>【上海电气锅炉】 电机\55KW\M2BAX250SMA4B3069</t>
  </si>
  <si>
    <t>【上海电气锅炉】 电机\30/42KW\M2QA250M8/4A30/42KWB3</t>
  </si>
  <si>
    <t>【上海电气锅炉】 电机\30/42KW\M2QA250M8/4A30/42KWB3069</t>
  </si>
  <si>
    <t>【上海电气锅炉】 电机\空气马达\92RB045</t>
  </si>
  <si>
    <t>【上海电气锅炉】 电机\空气马达\48RA022</t>
  </si>
  <si>
    <t>【上海电气锅炉】 LCS漏风控制系统\600MW两分仓\LCS漏风控制系统\600MW两分仓</t>
  </si>
  <si>
    <t>【上海电气锅炉】 LCS漏风控制系统\600MW三分仓\LCS漏风控制系统\600MW三分仓</t>
  </si>
  <si>
    <t>【上海电气锅炉】 LCS漏风控制系统\600MW四分仓\LCS漏风控制系统\600MW四分仓</t>
  </si>
  <si>
    <t>【上海电气锅炉】 LCS漏风控制系统\1000MW两分仓\LCS漏风控制系统\1000MW两分仓</t>
  </si>
  <si>
    <t>【上海电气锅炉】 LCS漏风控制系统\1000MW三分仓\LCS漏风控制系统\1000MW三分仓</t>
  </si>
  <si>
    <t>【上海电气锅炉】 LCS漏风控制系统\1000MW四分仓\LCS漏风控制系统\1000MW四分仓</t>
  </si>
  <si>
    <t>【上海电气锅炉】 烟气进口热电偶\WRN-430/T-75\烟气进口热电偶\WRN-430/T-75</t>
  </si>
  <si>
    <t>【上海电气锅炉】 行程限位装置\KGX-12-BD-01\行程限位装置\KGX-12-BD-01</t>
  </si>
  <si>
    <t>【上海电气锅炉】 开关电源\MDR-40-24\开关电源\MDR-40-24</t>
  </si>
  <si>
    <t>【上海电气锅炉】 PLCDI模块\1769-IQ32\PLCDI模块\1769-IQ32</t>
  </si>
  <si>
    <t>【上海电气锅炉】 PLCDI模块\6ES7321-1BL00-0AA0\PLCDI模块\6ES7321-1BL00-0AA0</t>
  </si>
  <si>
    <t>【上海电气锅炉】 PLCDI模块\TSXDEZ32D2\PLCDI模块\TSXDEZ32D2</t>
  </si>
  <si>
    <t>【上海电气锅炉】 PLCDO模块\1769-OW16\PLCDO模块\1769-OW16</t>
  </si>
  <si>
    <t>【上海电气锅炉】 PLCDO模块\6ES7322-1HH01-0AA0\PLCDO模块\6ES7322-1HH01-0AA0</t>
  </si>
  <si>
    <t>【上海电气锅炉】 PLCDO模块\TSXDSZ32R5\PLCDO模块\TSXDSZ32R5</t>
  </si>
  <si>
    <t>【上海电气锅炉】 PLCAI模块\1769-IF8\PLCAI模块\1769-IF8</t>
  </si>
  <si>
    <t>【上海电气锅炉】 PLCAI模块\6ES7331-1KF02-4AB1\PLCAI模块\6ES7331-1KF02-4AB1</t>
  </si>
  <si>
    <t>【上海电气锅炉】 PLCAI模块\TSXAEZ801\PLCAI模块\TSXAEZ801</t>
  </si>
  <si>
    <t>【上海电气锅炉】 PLCTC模块\1769-IT6\PLCTC模块\1769-IT6</t>
  </si>
  <si>
    <t>【上海电气锅炉】 PLCTC模块\6ES7331-7KF02-4AB1\PLCTC模块\6ES7331-7KF02-4AB1</t>
  </si>
  <si>
    <t>【上海电气锅炉】 PLCTC模块\TSXAEZ414\PLCTC模块\TSXAEZ414</t>
  </si>
  <si>
    <t>【上海电气锅炉】 螺旋升降机\20T\螺旋升降机\20T</t>
  </si>
  <si>
    <t>【上海电气锅炉】 螺旋升降机\25T\螺旋升降机\25T</t>
  </si>
  <si>
    <t>【上海电气锅炉】 传感器限位开关\激光式（初级和次级）\传感器限位开关\激光式（初级和次级）</t>
  </si>
  <si>
    <t>【上海电气锅炉】 传感器限位开关\机械式（初级和次级）\传感器限位开关\机械式（初级和次级）</t>
  </si>
  <si>
    <t>【上海电气锅炉】 传感器\激光式（CGQL07)\传感器\激光式（CGQL07)</t>
  </si>
  <si>
    <t>【上海电气锅炉】 传感器\机械式（CGQM03)\传感器\机械式（CGQM03)</t>
  </si>
  <si>
    <t>【上海电气锅炉】 传感瓣\CGB01\传感瓣\CGB01</t>
  </si>
  <si>
    <t>【上海电气锅炉】 提升装置减速器\含驱动电机（380V，0.75KW)\提升装置减速器\含驱动电机（380V，0.75KW)</t>
  </si>
  <si>
    <t>【上海电气锅炉】 A热段层元件包\\7706020-C1-09001</t>
  </si>
  <si>
    <t>【上海电气锅炉】 B热段层元件包\\7706020-C1-09002</t>
  </si>
  <si>
    <t>【上海电气锅炉】 C热段层元件包\\7706020-C1-09003</t>
  </si>
  <si>
    <t>【上海电气锅炉】 D热段层元件包\\7706020-C1-09004</t>
  </si>
  <si>
    <t>【上海电气锅炉】 E热段层元件包\\7706020-C1-09005</t>
  </si>
  <si>
    <t>【上海电气锅炉】 F热段层元件包\\7706020-C1-09006</t>
  </si>
  <si>
    <t>【上海电气锅炉】 A热段中间层元件包\\7706020-C1-09007</t>
  </si>
  <si>
    <t>【上海电气锅炉】 B热段中间层元件包\\7706020-C1-09008</t>
  </si>
  <si>
    <t>【上海电气锅炉】 C热段中间层元件包\\7706020-C1-09009</t>
  </si>
  <si>
    <t>【上海电气锅炉】 D热段中间层元件包\\7706020-C1-09010</t>
  </si>
  <si>
    <t>【上海电气锅炉】 E热段中间层元件包\\7706020-C1-09011</t>
  </si>
  <si>
    <t>【上海电气锅炉】 F热段中间层元件包\\7706020-C1-09012</t>
  </si>
  <si>
    <t>【上海电气锅炉】 A冷段层元件包\\7706020-C1-11001</t>
  </si>
  <si>
    <t>【上海电气锅炉】 B冷段层元件包\\7706020-C1-11002</t>
  </si>
  <si>
    <t>【上海电气锅炉】 C冷段层元件包\\7706020-C1-11003</t>
  </si>
  <si>
    <t>【上海电气锅炉】 D冷段层元件包\\7706020-C1-11004</t>
  </si>
  <si>
    <t>【上海电气锅炉】 E冷段层元件包\\7706020-C1-11005</t>
  </si>
  <si>
    <t>【上海电气锅炉】 F冷段层元件包\\7706020-C1-11006</t>
  </si>
  <si>
    <t>【上海电气锅炉】 A热段层元件包\\770324-C5-09001</t>
  </si>
  <si>
    <t>【上海电气锅炉】 B热段层元件包\\770324-C5-09002</t>
  </si>
  <si>
    <t>【上海电气锅炉】 C热段层元件包\\770324-C5-09003</t>
  </si>
  <si>
    <t>【上海电气锅炉】 D热段层元件包\\770324-C5-09004</t>
  </si>
  <si>
    <t>【上海电气锅炉】 A冷段层元件包\\770324-C5-11001</t>
  </si>
  <si>
    <t>【上海电气锅炉】 B冷段层元件包\\770324-C5-11002</t>
  </si>
  <si>
    <t>【上海电气锅炉】 C冷段层元件包\\770324-C5-11003</t>
  </si>
  <si>
    <t>【上海电气锅炉】 D冷段层元件包\\770324-C5-11004</t>
  </si>
  <si>
    <t>【上海电气锅炉】 A冷段层元件包\\7706019-C1-11001</t>
  </si>
  <si>
    <t>【上海电气锅炉】 B冷段层元件包\\7706019-C1-11002</t>
  </si>
  <si>
    <t>【上海电气锅炉】 C冷段层元件包\\7706019-C1-11003</t>
  </si>
  <si>
    <t>【上海电气锅炉】 D冷段层元件包\\7706019-C1-11004</t>
  </si>
  <si>
    <t>【上海电气锅炉】 E冷段层元件包\\7706019-C1-11005</t>
  </si>
  <si>
    <t>【上海电气锅炉】 F冷段层元件包\\7706019-C1-11006</t>
  </si>
  <si>
    <t>【上海电气锅炉】 A热段层元件包\\7704434-C1-09001</t>
  </si>
  <si>
    <t>【上海电气锅炉】 B热段层元件包\\7704434-C1-09002</t>
  </si>
  <si>
    <t>【上海电气锅炉】 C热段层元件包\\7704434-C1-09003</t>
  </si>
  <si>
    <t>【上海电气锅炉】 D热段层元件包\\7704434-C1-09004</t>
  </si>
  <si>
    <t>【上海电气锅炉】 E热段层元件包\\7704434-C1-09005</t>
  </si>
  <si>
    <t>【上海电气锅炉】 A热段中间层元件包\\7704416-C1-09006</t>
  </si>
  <si>
    <t>【上海电气锅炉】 B热段中间层元件包\\7704416-C1-09007</t>
  </si>
  <si>
    <t>【上海电气锅炉】 C热段中间层元件包\\7704416-C1-09008</t>
  </si>
  <si>
    <t>【上海电气锅炉】 D热段中间层元件包\\7704416-C1-09009</t>
  </si>
  <si>
    <t>【上海电气锅炉】 E热段中间层元件包\\7704416-C1-09010</t>
  </si>
  <si>
    <t>【上海电气锅炉】 A冷段层元件包\\7704434-C1-11001</t>
  </si>
  <si>
    <t>【上海电气锅炉】 B冷段层元件包\\7704434-C1-11002</t>
  </si>
  <si>
    <t>【上海电气锅炉】 C冷段层元件包\\7704434-C1-11003</t>
  </si>
  <si>
    <t>【上海电气锅炉】 D冷段层元件包\\7704434-C1-11004</t>
  </si>
  <si>
    <t>【上海电气锅炉】 E冷段层元件包\\7704434-C1-11005</t>
  </si>
  <si>
    <t>【上海电气锅炉】 A冷段层元件包\\770089-C6-11001</t>
  </si>
  <si>
    <t>【上海电气锅炉】 B冷段层元件包\\770089-C6-11002</t>
  </si>
  <si>
    <t>【上海电气锅炉】 C冷段层元件包\\770089-C6-11003</t>
  </si>
  <si>
    <t>【上海电气锅炉】 D冷段层元件包\\770089-C6-11004</t>
  </si>
  <si>
    <t>【上海电气锅炉】 E冷段层元件包\\770089-C6-11005</t>
  </si>
  <si>
    <t>【上海电气锅炉】 F冷段层元件包\\770089-C6-11006</t>
  </si>
  <si>
    <t>【上海电气锅炉】 A热段层元件包\\770077-B2-09001</t>
  </si>
  <si>
    <t>【上海电气锅炉】 B热段层元件包\\770077-B2-09004</t>
  </si>
  <si>
    <t>【上海电气锅炉】 C热段层元件包\\770077-B2-09006</t>
  </si>
  <si>
    <t>【上海电气锅炉】 D热段层元件包\\770077-B2-09007</t>
  </si>
  <si>
    <t>【上海电气锅炉】 E热段层元件包\\770077-B2-09008</t>
  </si>
  <si>
    <t>【上海电气锅炉】 F热段层元件包\\770086-B1-09001</t>
  </si>
  <si>
    <t>【上海电气锅炉】 G热段层元件包\\770086-B1-09004</t>
  </si>
  <si>
    <t>【上海电气锅炉】 A热段中间层元件包\\770077-B2-09020</t>
  </si>
  <si>
    <t>【上海电气锅炉】 B热段中间层元件包\\770077-B2-09022</t>
  </si>
  <si>
    <t>【上海电气锅炉】 C热段中间层元件包\\770077-B2-09023</t>
  </si>
  <si>
    <t>【上海电气锅炉】 D热段中间层元件包\\770077-B2-09024</t>
  </si>
  <si>
    <t>【上海电气锅炉】 E热段中间层元件包\\770077-B2-09025</t>
  </si>
  <si>
    <t>【上海电气锅炉】 F热段中间层元件包\\770086-B1-09007</t>
  </si>
  <si>
    <t>【上海电气锅炉】 G热段中间层元件包\\770086-B1-09008</t>
  </si>
  <si>
    <t>【上海电气锅炉】 A冷段层元件包\\770077-C1-11001</t>
  </si>
  <si>
    <t>【上海电气锅炉】 B冷段层元件包\\770077-C1-11006</t>
  </si>
  <si>
    <t>【上海电气锅炉】 C冷段层元件包\\770077-C1-11009</t>
  </si>
  <si>
    <t>【上海电气锅炉】 D冷段层元件包\\770077-C1-11010</t>
  </si>
  <si>
    <t>【上海电气锅炉】 E冷段层元件包\\770077-C1-11011</t>
  </si>
  <si>
    <t>【上海电气锅炉】 F冷段层元件包\\770086-B1-11001</t>
  </si>
  <si>
    <t>【上海电气锅炉】 G冷段层元件包\\770086-B1-11005</t>
  </si>
  <si>
    <t>【上海电气锅炉】 A热段层元件包\\770089-C1-09001</t>
  </si>
  <si>
    <t>【上海电气锅炉】 B热段层元件包\\770089-C1-09002</t>
  </si>
  <si>
    <t>【上海电气锅炉】 C热段层元件包\\770089-C1-09003</t>
  </si>
  <si>
    <t>【上海电气锅炉】 D热段层元件包\\770089-C1-09004</t>
  </si>
  <si>
    <t>【上海电气锅炉】 E热段层元件包\\770089-C1-09005</t>
  </si>
  <si>
    <t>【上海电气锅炉】 F热段层元件包\\770089-C1-09006</t>
  </si>
  <si>
    <t>【上海电气锅炉】 A热段中间层元件包\\770089-C3-09001</t>
  </si>
  <si>
    <t>【上海电气锅炉】 B热段中间层元件包\\770089-C3-09002</t>
  </si>
  <si>
    <t>【上海电气锅炉】 C热段中间层元件包\\770089-C3-09003</t>
  </si>
  <si>
    <t>【上海电气锅炉】 D热段中间层元件包\\770089-C3-09004</t>
  </si>
  <si>
    <t>【上海电气锅炉】 E热段中间层元件包\\770089-C3-09005</t>
  </si>
  <si>
    <t>【上海电气锅炉】 F热段中间层元件包\\770089-C3-09006</t>
  </si>
  <si>
    <t>【上海电气锅炉】 A冷段层元件包\\770089-C3-11001</t>
  </si>
  <si>
    <t>【上海电气锅炉】 B冷段层元件包\\770089-C3-11002</t>
  </si>
  <si>
    <t>【上海电气锅炉】 C冷段层元件包\\770089-C3-11003</t>
  </si>
  <si>
    <t>【上海电气锅炉】 D冷段层元件包\\770089-C3-11004</t>
  </si>
  <si>
    <t>【上海电气锅炉】 E冷段层元件包\\770089-C3-11005</t>
  </si>
  <si>
    <t>【上海电气锅炉】 F冷段层元件包\\770089-C3-11006</t>
  </si>
  <si>
    <t>【上海电气锅炉】 A热段层元件包\\770089-C2-09001</t>
  </si>
  <si>
    <t>【上海电气锅炉】 B热段层元件包\\770089-C2-09002</t>
  </si>
  <si>
    <t>【上海电气锅炉】 C热段层元件包\\770089-C2-09003</t>
  </si>
  <si>
    <t>【上海电气锅炉】 D热段层元件包\\770089-C2-09004</t>
  </si>
  <si>
    <t>【上海电气锅炉】 E热段层元件包\\770089-C2-09005</t>
  </si>
  <si>
    <t>【上海电气锅炉】 F热段层元件包\\770089-C2-09006</t>
  </si>
  <si>
    <t>【上海电气锅炉】 A热段中间层元件包\\770089-C1-09007</t>
  </si>
  <si>
    <t>【上海电气锅炉】 B热段中间层元件包\\770089-C1-09008</t>
  </si>
  <si>
    <t>【上海电气锅炉】 C热段中间层元件包\\770089-C1-09009</t>
  </si>
  <si>
    <t>【上海电气锅炉】 D热段中间层元件包\\770089-C1-09010</t>
  </si>
  <si>
    <t>【上海电气锅炉】 E热段中间层元件包\\770089-C1-09011</t>
  </si>
  <si>
    <t>【上海电气锅炉】 F热段中间层元件包\\770089-C1-09012</t>
  </si>
  <si>
    <t>【上海电气锅炉】 A冷段层元件包\\770089-C1-11001</t>
  </si>
  <si>
    <t>【上海电气锅炉】 B冷段层元件包\\770089-C1-11002</t>
  </si>
  <si>
    <t>【上海电气锅炉】 C冷段层元件包\\770089-C1-11003</t>
  </si>
  <si>
    <t>【上海电气锅炉】 D冷段层元件包\\770089-C1-11004</t>
  </si>
  <si>
    <t>【上海电气锅炉】 E冷段层元件包\\770089-C1-11005</t>
  </si>
  <si>
    <t>【上海电气锅炉】 F冷段层元件包\\770089-C1-11006</t>
  </si>
  <si>
    <t>【上海电气锅炉】 A热段元件包\\770107-C1-09001</t>
  </si>
  <si>
    <t>【上海电气锅炉】 B热段元件包\\770107-C1-09002</t>
  </si>
  <si>
    <t>【上海电气锅炉】 C热段元件包\\770107-C1-09003</t>
  </si>
  <si>
    <t>【上海电气锅炉】 A冷段层元件包\\770107-C1-11001</t>
  </si>
  <si>
    <t>【上海电气锅炉】 B冷段层元件包\\770107-C1-11002</t>
  </si>
  <si>
    <t>【上海电气锅炉】 C冷段层元件包\\770107-C1-11003</t>
  </si>
  <si>
    <t>【上海电气锅炉】 A热段层元件包\\7707014-C1-09001</t>
  </si>
  <si>
    <t>【上海电气锅炉】 B热段层元件包\\7707014-C1-09002</t>
  </si>
  <si>
    <t>【上海电气锅炉】 C热段层元件包\\7707014-C1-09003</t>
  </si>
  <si>
    <t>【上海电气锅炉】 D热段层元件包\\7707014-C1-09004</t>
  </si>
  <si>
    <t>【上海电气锅炉】 E热段层元件包\\7707014-C1-09005</t>
  </si>
  <si>
    <t>【上海电气锅炉】 F热段层元件包\\7707014-C1-09006</t>
  </si>
  <si>
    <t>【上海电气锅炉】 G热段层元件包\\7707014-C1-09007</t>
  </si>
  <si>
    <t>【上海电气锅炉】 H热段层元件包\\7707014-C1-09008</t>
  </si>
  <si>
    <t>【上海电气锅炉】 A热段中间层元件包\\7707013-C1-09009</t>
  </si>
  <si>
    <t>【上海电气锅炉】 B热段中间层元件包\\7707013-C1-09010</t>
  </si>
  <si>
    <t>【上海电气锅炉】 C热段中间层元件包\\7707013-C1-09011</t>
  </si>
  <si>
    <t>【上海电气锅炉】 D热段中间层元件包\\7707013-C1-09012</t>
  </si>
  <si>
    <t>【上海电气锅炉】 E热段中间层元件包\\7707013-C1-09013</t>
  </si>
  <si>
    <t>【上海电气锅炉】 F热段中间层元件包\\7707013-C1-09014</t>
  </si>
  <si>
    <t>【上海电气锅炉】 G热段中间层元件包\\7707013-C1-09015</t>
  </si>
  <si>
    <t>【上海电气锅炉】 H热段中间层元件包\\7707013-C1-09016</t>
  </si>
  <si>
    <t>【上海电气锅炉】 A冷段层元件包\\7707014-C1-11001</t>
  </si>
  <si>
    <t>【上海电气锅炉】 B冷段层元件包\\7707014-C1-11002</t>
  </si>
  <si>
    <t>【上海电气锅炉】 C冷段层元件包\\7707014-C1-11003</t>
  </si>
  <si>
    <t>【上海电气锅炉】 D冷段层元件包\\7707014-C1-11004</t>
  </si>
  <si>
    <t>【上海电气锅炉】 E冷段层元件包\\7707014-C1-11005</t>
  </si>
  <si>
    <t>【上海电气锅炉】 F冷段层元件包\\7707014-C1-11006</t>
  </si>
  <si>
    <t>【上海电气锅炉】 G冷段层元件包\\7707014-C1-11007</t>
  </si>
  <si>
    <t>【上海电气锅炉】 H冷段层元件包\\7707014-C1-11008</t>
  </si>
  <si>
    <t>【上海电气锅炉】 A热段层元件包\\770066-B2-09001</t>
  </si>
  <si>
    <t>【上海电气锅炉】 B热段层元件包\\770066-B2-09006</t>
  </si>
  <si>
    <t>【上海电气锅炉】 C热段层元件包\\770066-B2-09008</t>
  </si>
  <si>
    <t>【上海电气锅炉】 D热段层元件包\\770066-B2-09010</t>
  </si>
  <si>
    <t>【上海电气锅炉】 E热段层元件包\\770066-B2-09013</t>
  </si>
  <si>
    <t>【上海电气锅炉】 A冷段层元件包\\770070-B1-11001</t>
  </si>
  <si>
    <t>【上海电气锅炉】 B冷段层元件包\\770070-B1-11005</t>
  </si>
  <si>
    <t>【上海电气锅炉】 C冷段层元件包\\770070-B1-11007</t>
  </si>
  <si>
    <t>【上海电气锅炉】 D冷段层元件包\\770070-B1-11009</t>
  </si>
  <si>
    <t>【上海电气锅炉】 E冷段层元件包\\770066-B2-11001</t>
  </si>
  <si>
    <t>【上海电气锅炉】 A热段元件包\\7705506-C1-09001</t>
  </si>
  <si>
    <t>【上海电气锅炉】 B热段元件包\\7705506-C1-09002</t>
  </si>
  <si>
    <t>【上海电气锅炉】 C热段元件包\\7705506-C1-09003</t>
  </si>
  <si>
    <t>【上海电气锅炉】 D热段元件包\\7705506-C1-09004</t>
  </si>
  <si>
    <t>【上海电气锅炉】 E热段元件包\\7705506-C1-09005</t>
  </si>
  <si>
    <t>【上海电气锅炉】 F热段元件包\\7705506-C1-09006</t>
  </si>
  <si>
    <t>【上海电气锅炉】 A冷段层元件包\\7705506-C1-11001</t>
  </si>
  <si>
    <t>【上海电气锅炉】 B冷段层元件包\\7705506-C1-11002</t>
  </si>
  <si>
    <t>【上海电气锅炉】 C冷段层元件包\\7705506-C1-11003</t>
  </si>
  <si>
    <t>【上海电气锅炉】 D冷段层元件包\\7705506-C1-11004</t>
  </si>
  <si>
    <t>【上海电气锅炉】 E冷段层元件包\\7705506-C1-11005</t>
  </si>
  <si>
    <t>【上海电气锅炉】 F冷段层元件包\\7705506-C1-11006</t>
  </si>
  <si>
    <t>【上海电气锅炉】 A热段层元件包\\770105-B1-09001</t>
  </si>
  <si>
    <t>【上海电气锅炉】 B热段层元件包\\770105-B1-09004</t>
  </si>
  <si>
    <t>【上海电气锅炉】 C热段层元件包\\770105-B1-09006</t>
  </si>
  <si>
    <t>【上海电气锅炉】 D热段层元件包\\770105-B1-09010</t>
  </si>
  <si>
    <t>【上海电气锅炉】 A冷段层元件包\\770105-B1-11001</t>
  </si>
  <si>
    <t>【上海电气锅炉】 B冷段层元件包\\770105-B1-11004</t>
  </si>
  <si>
    <t>【上海电气锅炉】 C冷段层元件包\\770105-B1-11007</t>
  </si>
  <si>
    <t>【上海电气锅炉】 D冷段层元件包\\770105-B1-11010</t>
  </si>
  <si>
    <t>【上海电气锅炉】 A冷段层元件包\\7704432-C1-11001</t>
  </si>
  <si>
    <t>【上海电气锅炉】 B冷段层元件包\\7704432-C1-11002</t>
  </si>
  <si>
    <t>【上海电气锅炉】 C冷段层元件包\\7704432-C1-11003</t>
  </si>
  <si>
    <t>【上海电气锅炉】 D冷段层元件包\\7704432-C1-11004</t>
  </si>
  <si>
    <t>【上海电气锅炉】 E冷段层元件包\\7704432-C1-11005</t>
  </si>
  <si>
    <t>【上海电气锅炉】 A热段层元件包\\7707013-C1-09001</t>
  </si>
  <si>
    <t>【上海电气锅炉】 B热段层元件包\\7707013-C1-09002</t>
  </si>
  <si>
    <t>【上海电气锅炉】 C热段层元件包\\7707013-C1-09003</t>
  </si>
  <si>
    <t>【上海电气锅炉】 D热段层元件包\\7707013-C1-09004</t>
  </si>
  <si>
    <t>【上海电气锅炉】 E热段层元件包\\7707013-C1-09005</t>
  </si>
  <si>
    <t>【上海电气锅炉】 F热段层元件包\\7707013-C1-09006</t>
  </si>
  <si>
    <t>【上海电气锅炉】 G热段层元件包\\7707013-C1-09007</t>
  </si>
  <si>
    <t>【上海电气锅炉】 H热段层元件包\\7707013-C1-09008</t>
  </si>
  <si>
    <t>【上海电气锅炉】 A冷段层元件包\\7707013-C1-11001</t>
  </si>
  <si>
    <t>【上海电气锅炉】 B冷段层元件包\\7707013-C1-11002</t>
  </si>
  <si>
    <t>【上海电气锅炉】 C冷段层元件包\\7707013-C1-11003</t>
  </si>
  <si>
    <t>【上海电气锅炉】 D冷段层元件包\\7707013-C1-11004</t>
  </si>
  <si>
    <t>【上海电气锅炉】 E冷段层元件包\\7707013-C1-11005</t>
  </si>
  <si>
    <t>【上海电气锅炉】 F冷段层元件包\\7707013-C1-11006</t>
  </si>
  <si>
    <t>【上海电气锅炉】 G冷段层元件包\\7707013-C1-11007</t>
  </si>
  <si>
    <t>【上海电气锅炉】 H冷段层元件包\\7707013-C1-11008</t>
  </si>
  <si>
    <t>【上海电气锅炉】 A热段元件包\\7702102-C1-09001</t>
  </si>
  <si>
    <t>【上海电气锅炉】 B热段元件包\\7702102-C1-09002</t>
  </si>
  <si>
    <t>【上海电气锅炉】 C热段元件包\\7702102-C1-09003</t>
  </si>
  <si>
    <t>【上海电气锅炉】 A冷段元件包\\7702209-C1-11001</t>
  </si>
  <si>
    <t>【上海电气锅炉】 B冷段元件包\\7702209-C1-11002</t>
  </si>
  <si>
    <t>【上海电气锅炉】 C冷段元件包\\7702102-C1-11001</t>
  </si>
  <si>
    <t>【上海电气锅炉】 A热段层元件包\\7704430-C1-09001</t>
  </si>
  <si>
    <t>【上海电气锅炉】 B热段层元件包\\7704430-C1-09002</t>
  </si>
  <si>
    <t>【上海电气锅炉】 C热段层元件包\\7704430-C1-09003</t>
  </si>
  <si>
    <t>【上海电气锅炉】 D热段层元件包\\7704430-C1-09004</t>
  </si>
  <si>
    <t>【上海电气锅炉】 E热段层元件包\\7704430-C1-09005</t>
  </si>
  <si>
    <t>【上海电气锅炉】 A热段中间层元件包\\7704428-C1-09006</t>
  </si>
  <si>
    <t>【上海电气锅炉】 B热段中间层元件包\\7704428-C1-09007</t>
  </si>
  <si>
    <t>【上海电气锅炉】 C热段中间层元件包\\7704428-C1-09008</t>
  </si>
  <si>
    <t>【上海电气锅炉】 D热段中间层元件包\\7704428-C1-09009</t>
  </si>
  <si>
    <t>【上海电气锅炉】 E热段中间层元件包\\7704428-C1-09010</t>
  </si>
  <si>
    <t>【上海电气锅炉】 A冷段层元件包\\7704430-C1-11001</t>
  </si>
  <si>
    <t>【上海电气锅炉】 B冷段层元件包\\7704430-C1-11002</t>
  </si>
  <si>
    <t>【上海电气锅炉】 C冷段层元件包\\7704430-C1-11003</t>
  </si>
  <si>
    <t>【上海电气锅炉】 D冷段层元件包\\7704430-C1-11004</t>
  </si>
  <si>
    <t>【上海电气锅炉】 E冷段层元件包\\7704430-C1-11005</t>
  </si>
  <si>
    <t>【上海电气锅炉】 A热段层元件包\\770042-B6-09001</t>
  </si>
  <si>
    <t>【上海电气锅炉】 B热段层元件包\\770042-B6-09003</t>
  </si>
  <si>
    <t>【上海电气锅炉】 C热段层元件包\\770042-B6-09004</t>
  </si>
  <si>
    <t>【上海电气锅炉】 A冷段层元件包\\770042-B6-11001</t>
  </si>
  <si>
    <t>【上海电气锅炉】 B冷段层元件包\\770042-B6-11005</t>
  </si>
  <si>
    <t>【上海电气锅炉】 C冷段层元件包\\770042-B6-11007</t>
  </si>
  <si>
    <t>【上海电气锅炉】 A热段层元件包\\7704428-C1-09001</t>
  </si>
  <si>
    <t>【上海电气锅炉】 B热段层元件包\\7704428-C1-09002</t>
  </si>
  <si>
    <t>【上海电气锅炉】 C热段层元件包\\7704428-C1-09003</t>
  </si>
  <si>
    <t>【上海电气锅炉】 D热段层元件包\\7704428-C1-09004</t>
  </si>
  <si>
    <t>【上海电气锅炉】 E热段层元件包\\7704428-C1-09005</t>
  </si>
  <si>
    <t>【上海电气锅炉】 A热段元件包\\7704431-C1-09001</t>
  </si>
  <si>
    <t>【上海电气锅炉】 B热段元件包\\7704431-C1-09002</t>
  </si>
  <si>
    <t>【上海电气锅炉】 C热段元件包\\7704431-C1-09003</t>
  </si>
  <si>
    <t>【上海电气锅炉】 D热段元件包\\7704431-C1-09004</t>
  </si>
  <si>
    <t>【上海电气锅炉】 E热段元件包\\7704431-C1-09005</t>
  </si>
  <si>
    <t>【上海电气锅炉】 A热段层元件包\\7704416-C1-09001</t>
  </si>
  <si>
    <t>【上海电气锅炉】 B热段层元件包\\7704416-C1-09002</t>
  </si>
  <si>
    <t>【上海电气锅炉】 C热段层元件包\\7704416-C1-09003</t>
  </si>
  <si>
    <t>【上海电气锅炉】 D热段层元件包\\7704416-C1-09004</t>
  </si>
  <si>
    <t>【上海电气锅炉】 E热段层元件包\\7704416-C1-09005</t>
  </si>
  <si>
    <t>【上海电气锅炉】 A热段层元件包\\7702209-C1-09001</t>
  </si>
  <si>
    <t>【上海电气锅炉】 B热段层元件包\\7702209-C1-09002</t>
  </si>
  <si>
    <t>【上海电气锅炉】 C热段层元件包\\7702209-C1-09003</t>
  </si>
  <si>
    <t>【上海电气锅炉】 C冷段层元件包\\7702209-C1-11003</t>
  </si>
  <si>
    <t>【上海电气锅炉】 A热段层元件包\\770042-B8-09001</t>
  </si>
  <si>
    <t>【上海电气锅炉】 B热段层元件包\\770042-B8-09003</t>
  </si>
  <si>
    <t>【上海电气锅炉】 C热段层元件包\\770042-B8-09005</t>
  </si>
  <si>
    <t>【上海电气锅炉】 A热段层元件包\\7707011-C1-09001</t>
  </si>
  <si>
    <t>【上海电气锅炉】 B热段层元件包\\7707011-C1-09002</t>
  </si>
  <si>
    <t>【上海电气锅炉】 C热段层元件包\\7707011-C1-09003</t>
  </si>
  <si>
    <t>【上海电气锅炉】 D热段层元件包\\7707011-C1-09004</t>
  </si>
  <si>
    <t>【上海电气锅炉】 E热段层元件包\\7707011-C1-09005</t>
  </si>
  <si>
    <t>【上海电气锅炉】 F热段层元件包\\7707011-C1-09006</t>
  </si>
  <si>
    <t>【上海电气锅炉】 G热段层元件包\\7707011-C1-09007</t>
  </si>
  <si>
    <t>【上海电气锅炉】 A热段中间层元件包\\7707053-C1-09008</t>
  </si>
  <si>
    <t>【上海电气锅炉】 B热段中间层元件包\\7707053-C1-09009</t>
  </si>
  <si>
    <t>【上海电气锅炉】 C热段中间层元件包\\7707053-C1-09010</t>
  </si>
  <si>
    <t>【上海电气锅炉】 D热段中间层元件包\\7707053-C1-09011</t>
  </si>
  <si>
    <t>【上海电气锅炉】 E热段中间层元件包\\7707053-C1-09012</t>
  </si>
  <si>
    <t>【上海电气锅炉】 F热段中间层元件包\\7707053-C1-09013</t>
  </si>
  <si>
    <t>【上海电气锅炉】 G热段中间层元件包\\7707053-C1-09014</t>
  </si>
  <si>
    <t>【上海电气锅炉】 A热段层元件包\\7707053-C1-09001</t>
  </si>
  <si>
    <t>【上海电气锅炉】 B热段层元件包\\7707053-C1-09002</t>
  </si>
  <si>
    <t>【上海电气锅炉】 C热段层元件包\\7707053-C1-09003</t>
  </si>
  <si>
    <t>【上海电气锅炉】 D热段层元件包\\7707053-C1-09004</t>
  </si>
  <si>
    <t>【上海电气锅炉】 E热段层元件包\\7707053-C1-09005</t>
  </si>
  <si>
    <t>【上海电气锅炉】 F热段层元件包\\7707053-C1-09006</t>
  </si>
  <si>
    <t>【上海电气锅炉】 G热段层元件包\\7707053-C1-09007</t>
  </si>
  <si>
    <t>【上海电气锅炉】 A冷段层元件包\\7707053-C1-11001</t>
  </si>
  <si>
    <t>【上海电气锅炉】 B冷段层元件包\\7707053-C1-11002</t>
  </si>
  <si>
    <t>【上海电气锅炉】 C冷段层元件包\\7707053-C1-11003</t>
  </si>
  <si>
    <t>【上海电气锅炉】 D冷段层元件包\\7707053-C1-11004</t>
  </si>
  <si>
    <t>【上海电气锅炉】 E冷段层元件包\\7707053-C1-11005</t>
  </si>
  <si>
    <t>【上海电气锅炉】 F冷段层元件包\\7707053-C1-11006</t>
  </si>
  <si>
    <t>【上海电气锅炉】 G冷段层元件包\\7707053-C1-11007</t>
  </si>
  <si>
    <t>【上海电气锅炉】 A热段层元件包\\770085-C3-09001</t>
  </si>
  <si>
    <t>【上海电气锅炉】 B热段层元件包\\770085-C3-09002</t>
  </si>
  <si>
    <t>【上海电气锅炉】 C热段层元件包\\770085-C3-09003</t>
  </si>
  <si>
    <t>【上海电气锅炉】 D热段层元件包\\770085-C3-09004</t>
  </si>
  <si>
    <t>【上海电气锅炉】 E热段层元件包\\770085-C3-09005</t>
  </si>
  <si>
    <t>【上海电气锅炉】 F热段层元件包\\770085-C3-09006</t>
  </si>
  <si>
    <t>【上海电气锅炉】 G热段层元件包\\770085-C3-09007</t>
  </si>
  <si>
    <t>【上海电气锅炉】 H热段层元件包\\770085-C3-09008</t>
  </si>
  <si>
    <t>【上海电气锅炉】 I热段层元件包\\770085-C3-09009</t>
  </si>
  <si>
    <t>【上海电气锅炉】 A热段中间层元件包\\770088-C1-09001</t>
  </si>
  <si>
    <t>【上海电气锅炉】 B热段中间层元件包\\770088-C1-09002</t>
  </si>
  <si>
    <t>【上海电气锅炉】 C热段中间层元件包\\770088-C1-09003</t>
  </si>
  <si>
    <t>【上海电气锅炉】 D热段中间层元件包\\770088-C1-09004</t>
  </si>
  <si>
    <t>【上海电气锅炉】 E热段中间层元件包\\770088-C1-09005</t>
  </si>
  <si>
    <t>【上海电气锅炉】 F热段中间层元件包\\770088-C1-09006</t>
  </si>
  <si>
    <t>【上海电气锅炉】 G热段中间层元件包\\770088-C1-09007</t>
  </si>
  <si>
    <t>【上海电气锅炉】 H热段中间层元件包\\770088-C1-09008</t>
  </si>
  <si>
    <t>【上海电气锅炉】 I热段中间层元件包\\770088-C1-09009</t>
  </si>
  <si>
    <t>【上海电气锅炉】 A热段层元件包\\770090-C2-09001</t>
  </si>
  <si>
    <t>【上海电气锅炉】 B热段层元件包\\770090-C2-09002</t>
  </si>
  <si>
    <t>【上海电气锅炉】 C热段层元件包\\770090-C2-09003</t>
  </si>
  <si>
    <t>【上海电气锅炉】 D热段层元件包\\770090-C2-09004</t>
  </si>
  <si>
    <t>【上海电气锅炉】 E热段层元件包\\770090-C2-09005</t>
  </si>
  <si>
    <t>【上海电气锅炉】 F热段层元件包\\770090-C2-09006</t>
  </si>
  <si>
    <t>【上海电气锅炉】 G热段层元件包\\770090-C2-09007</t>
  </si>
  <si>
    <t>【上海电气锅炉】 A热段中间层元件包\\770090-C3-09001</t>
  </si>
  <si>
    <t>【上海电气锅炉】 B热段中间层元件包\\770090-C3-09002</t>
  </si>
  <si>
    <t>【上海电气锅炉】 C热段中间层元件包\\770090-C3-09003</t>
  </si>
  <si>
    <t>【上海电气锅炉】 D热段中间层元件包\\770090-C3-09004</t>
  </si>
  <si>
    <t>【上海电气锅炉】 E热段中间层元件包\\770090-C3-09005</t>
  </si>
  <si>
    <t>【上海电气锅炉】 F热段中间层元件包\\770090-C3-09006</t>
  </si>
  <si>
    <t>【上海电气锅炉】 G热段中间层元件包\\770090-C3-09007</t>
  </si>
  <si>
    <t>【上海电气锅炉】 A冷段层元件包\\770090-C3-11001</t>
  </si>
  <si>
    <t>【上海电气锅炉】 B冷段层元件包\\770090-C3-11002</t>
  </si>
  <si>
    <t>【上海电气锅炉】 C冷段层元件包\\770090-C3-11003</t>
  </si>
  <si>
    <t>【上海电气锅炉】 D冷段层元件包\\770090-C3-11004</t>
  </si>
  <si>
    <t>【上海电气锅炉】 E冷段层元件包\\770090-C3-11005</t>
  </si>
  <si>
    <t>【上海电气锅炉】 F冷段层元件包\\770090-C3-11006</t>
  </si>
  <si>
    <t>【上海电气锅炉】 G冷段层元件包\\770090-C3-11007</t>
  </si>
  <si>
    <t>【上海电气锅炉】 热端转轴密封\t6\770087-B3-04001</t>
  </si>
  <si>
    <t>【上海电气锅炉】 热端内侧径向密封片\t2.6\770085-B3-04002</t>
  </si>
  <si>
    <t>【上海电气锅炉】 热端中间径向密封片\t2.6\770085-B3-04003</t>
  </si>
  <si>
    <t>【上海电气锅炉】 热端中间径向密封片\t2.6\770085-B3-04004</t>
  </si>
  <si>
    <t>【上海电气锅炉】 热端中间径向密封片\t2.6\770085-B3-04005</t>
  </si>
  <si>
    <t>【上海电气锅炉】 热端外侧径向密封片\t2.6\770087-A3-04002</t>
  </si>
  <si>
    <t>【上海电气锅炉】 热端补隙片\t2.6\770087-A3-04003</t>
  </si>
  <si>
    <t>【上海电气锅炉】 冷端转轴密封\t2.6\770087-B3-04005</t>
  </si>
  <si>
    <t>【上海电气锅炉】 冷端内侧径向密封片\t2.6\770087-B3-04006</t>
  </si>
  <si>
    <t>【上海电气锅炉】 冷端中间径向密封片\t2.6\770087-B3-04007</t>
  </si>
  <si>
    <t>【上海电气锅炉】 冷端中间径向密封片\t2.6\770087-B3-04008</t>
  </si>
  <si>
    <t>【上海电气锅炉】 冷端中间径向密封片\t2.6\corten-A\770077-A1-04012</t>
  </si>
  <si>
    <t>【上海电气锅炉】 冷端外侧径向密封片\t2.6\770077-A1-04013</t>
  </si>
  <si>
    <t>【上海电气锅炉】 冷端外侧径向密封片\t2.6\770087-A3-04009</t>
  </si>
  <si>
    <t>【上海电气锅炉】 冷端补隙片\t2.6\770087-A3-04010</t>
  </si>
  <si>
    <t>【上海电气锅炉】 压板\t3\770087-A3-04012</t>
  </si>
  <si>
    <t>【上海电气锅炉】 压板\t3\770085-A3-04012</t>
  </si>
  <si>
    <t>【上海电气锅炉】 压板\t3\770087-A3-04013</t>
  </si>
  <si>
    <t>【上海电气锅炉】 热端周向密封片\t2.6\770087-A3-04014</t>
  </si>
  <si>
    <t>【上海电气锅炉】 冷端周向密封片\t2.6\770087-A3-04015</t>
  </si>
  <si>
    <t>【上海电气锅炉】 热端转轴密封\t6\770085-B3-04001</t>
  </si>
  <si>
    <t>【上海电气锅炉】 热端外侧径向密封片\t2.6\770085-B3-04006</t>
  </si>
  <si>
    <t>【上海电气锅炉】 热端补隙片\t2.6\770085-A1-04004</t>
  </si>
  <si>
    <t>【上海电气锅炉】 冷端内侧径向密封片\t2.6\770088-B1-04001</t>
  </si>
  <si>
    <t>【上海电气锅炉】 冷端中间径向密封片\t2.6\770085-B3-04008</t>
  </si>
  <si>
    <t>【上海电气锅炉】 冷端中间径向密封片\t2.6\770085-B3-04009</t>
  </si>
  <si>
    <t>【上海电气锅炉】 冷端中间径向密封片\t2.6\770055-A1-04010</t>
  </si>
  <si>
    <t>【上海电气锅炉】 冷端外侧径向密封片\t2.6\770085-B3-04010</t>
  </si>
  <si>
    <t>【上海电气锅炉】 冷端补隙片\t2.6\770085-A3-04011</t>
  </si>
  <si>
    <t>【上海电气锅炉】 压板\t3\770085-A3-04013</t>
  </si>
  <si>
    <t>【上海电气锅炉】 热端内侧径向软密封片\t1.5\770085-B3-04014</t>
  </si>
  <si>
    <t>【上海电气锅炉】 热端内侧径向软密封片\t1.5\770085-B3-04015</t>
  </si>
  <si>
    <t>【上海电气锅炉】 热端中间径向软密封片\t1.5\770085-B3-04016</t>
  </si>
  <si>
    <t>【上海电气锅炉】 热端中间径向软密封片\t1.5\770085-B3-04017</t>
  </si>
  <si>
    <t>【上海电气锅炉】 热端中间径向软密封片\t1.5\770085-B3-04018</t>
  </si>
  <si>
    <t>【上海电气锅炉】 热端中间径向软密封片\t1.5\770085-B3-04019</t>
  </si>
  <si>
    <t>【上海电气锅炉】 热端中间径向软密封片\t1.5\770085-B3-04020</t>
  </si>
  <si>
    <t>【上海电气锅炉】 热端中间径向软密封片\t1.5\770085-B3-04021</t>
  </si>
  <si>
    <t>【上海电气锅炉】 热端外侧径向软密封片\t1.5\770085-B3-04022</t>
  </si>
  <si>
    <t>【上海电气锅炉】 热端外侧径向软密封片\t1.5\770085-B3-04023</t>
  </si>
  <si>
    <t>【上海电气锅炉】 热端软密封补隙片\t1.5\770085-A3-04024</t>
  </si>
  <si>
    <t>【上海电气锅炉】 冷端内侧径向软密封片\t1.5\770088-B1-04002</t>
  </si>
  <si>
    <t>【上海电气锅炉】 冷端内侧径向软密封片\t1.5\770088-B1-04003</t>
  </si>
  <si>
    <t>【上海电气锅炉】 冷端中间径向软密封片\t1.5\770085-B3-04027</t>
  </si>
  <si>
    <t>【上海电气锅炉】 冷端中间径向软密封片\t1.5\770085-B3-04028</t>
  </si>
  <si>
    <t>【上海电气锅炉】 冷端中间径向软密封片\t1.5\770085-B3-04029</t>
  </si>
  <si>
    <t>【上海电气锅炉】 冷端中间径向软密封片\t1.5\770085-B3-04030</t>
  </si>
  <si>
    <t>【上海电气锅炉】 冷端中间径向软密封片\t1.5\770085-B3-04031</t>
  </si>
  <si>
    <t>【上海电气锅炉】 冷端中间径向软密封片\t1.5\770085-B3-04032</t>
  </si>
  <si>
    <t>【上海电气锅炉】 冷端中间径向软密封片\t1.5\770085-B3-04033</t>
  </si>
  <si>
    <t>【上海电气锅炉】 冷端中间径向软密封片\t1.5\770085-B3-04034</t>
  </si>
  <si>
    <t>【上海电气锅炉】 冷端中间径向软密封片\t1.5\770085-B3-04035</t>
  </si>
  <si>
    <t>【上海电气锅炉】 冷端中间径向软密封片\t1.5\770085-B3-04036</t>
  </si>
  <si>
    <t>【上海电气锅炉】 冷端外侧径向软密封片\t1.5\770085-B3-04037</t>
  </si>
  <si>
    <t>【上海电气锅炉】 冷端外侧径向软密封片\t1.5\770085-B3-04038</t>
  </si>
  <si>
    <t>【上海电气锅炉】 冷端软密封补隙片\t1.5\770088-A1-04004</t>
  </si>
  <si>
    <t>【上海电气锅炉】 热端周向密封片\t2.6\770085-A3-04040</t>
  </si>
  <si>
    <t>【上海电气锅炉】 冷端周向密封片\t2.6\770085-A3-04041</t>
  </si>
  <si>
    <t>【上海电气锅炉】 冷端转轴密封\t6\770085-B3-04042</t>
  </si>
  <si>
    <t>【上海电气锅炉】 压板\t3\770088-A1-04005</t>
  </si>
  <si>
    <t>【上海电气锅炉】 热端中心筒密封\t10\7702209-B1-04001</t>
  </si>
  <si>
    <t>【上海电气锅炉】 内侧径向密封片(热端)\t2.6\7702102-B1-04005</t>
  </si>
  <si>
    <t>【上海电气锅炉】 内侧径向软密封片(热端)\t1.5\7702102-B1-04006</t>
  </si>
  <si>
    <t>【上海电气锅炉】 外侧径向密封片(热端)\t2.6\7702209-B1-04009</t>
  </si>
  <si>
    <t>【上海电气锅炉】 外侧径向软密封片(热端)\t1.5\7702209-B1-04010</t>
  </si>
  <si>
    <t>【上海电气锅炉】 热端内侧压板\t3\7702102-A1-04007</t>
  </si>
  <si>
    <t>【上海电气锅炉】 热端外侧压板\t3\7702209-B1-04012</t>
  </si>
  <si>
    <t>【上海电气锅炉】 冷端中心筒密封\t6.5\7702209-B1-04013</t>
  </si>
  <si>
    <t>【上海电气锅炉】 内侧径向密封片(冷端)\t2.6\7702102-A1-04008</t>
  </si>
  <si>
    <t>【上海电气锅炉】 内侧径向软密封片(冷端)\t1.5\7702102-B1-04009</t>
  </si>
  <si>
    <t>【上海电气锅炉】 内侧径向软密封片(冷端)\t1.5\7702102-B1-04010</t>
  </si>
  <si>
    <t>【上海电气锅炉】 外侧径向密封片(冷端)\t2.6\7702209-B1-04017</t>
  </si>
  <si>
    <t>【上海电气锅炉】 外侧径向软密封片(冷端)\t1.5\7702209-B1-04018</t>
  </si>
  <si>
    <t>【上海电气锅炉】 外侧径向软密封片(冷端)\t1.5\7702209-B1-04019</t>
  </si>
  <si>
    <t>【上海电气锅炉】 内侧压板(冷端)\t3\7702102-A1-04011</t>
  </si>
  <si>
    <t>【上海电气锅炉】 外侧压板(冷端)\t3\7702209-A1-04021</t>
  </si>
  <si>
    <t>【上海电气锅炉】 冷端密封补隙片\t2.6\7702209-A1-04022</t>
  </si>
  <si>
    <t>【上海电气锅炉】 冷端软密封补隙片\t1.5\7702209-A1-04023</t>
  </si>
  <si>
    <t>【上海电气锅炉】 内侧径向密封片(热端)\t2.6\7702209-B1-04007</t>
  </si>
  <si>
    <t>【上海电气锅炉】 内侧径向软密封片(热端)\t1.5\7702209-B1-04008</t>
  </si>
  <si>
    <t>【上海电气锅炉】 热端内侧压板\t3\7702209-A1-04011</t>
  </si>
  <si>
    <t>【上海电气锅炉】 内侧径向密封片(冷端)\t2.6\7702209-A1-04014</t>
  </si>
  <si>
    <t>【上海电气锅炉】 内侧径向软密封片(冷端)\t1.5\7702209-B1-04015</t>
  </si>
  <si>
    <t>【上海电气锅炉】 内侧径向软密封片(冷端)\t1.5\7702209-B1-04016</t>
  </si>
  <si>
    <t>【上海电气锅炉】 内侧压板(冷端)\t3\7702209-A1-04020</t>
  </si>
  <si>
    <t>【上海电气锅炉】 热端中心筒密封\t10\7704416-B1-04001</t>
  </si>
  <si>
    <t>【上海电气锅炉】 内侧径向密封片(热端)\t2.6\7704416-A1-04010</t>
  </si>
  <si>
    <t>【上海电气锅炉】 内侧径向软密封片(热端)\t1.5\7704416-A1-04011</t>
  </si>
  <si>
    <t>【上海电气锅炉】 中间径向密封片(热端)\t2.6\7704416-A1-04012</t>
  </si>
  <si>
    <t>【上海电气锅炉】 中间径向软密封片(热端)\t1.5\7704416-A1-04013</t>
  </si>
  <si>
    <t>【上海电气锅炉】 外侧径向密封片(热端)\t2.6\7704416-A1-04014</t>
  </si>
  <si>
    <t>【上海电气锅炉】 外侧径向软密封片(热端)\1.5\7704416-A1-04015</t>
  </si>
  <si>
    <t>【上海电气锅炉】 热端内侧压板\t3\7704416-A1-04016</t>
  </si>
  <si>
    <t>【上海电气锅炉】 热端压板\t3\7704416-A1-04017</t>
  </si>
  <si>
    <t>【上海电气锅炉】 冷端中心筒密封\t6.5\7704416-B1-04018</t>
  </si>
  <si>
    <t>【上海电气锅炉】 内侧径向密封片(冷端)\t2.6\7704416-A1-04019</t>
  </si>
  <si>
    <t>【上海电气锅炉】 中间径向密封片(冷端)\t2.6\7704416-A1-04020</t>
  </si>
  <si>
    <t>【上海电气锅炉】 外侧径向密封片(冷端)\t2.6\7704416-A1-04021</t>
  </si>
  <si>
    <t>【上海电气锅炉】 冷端压板\t3\7704416-A1-04022</t>
  </si>
  <si>
    <t>【上海电气锅炉】 密封补隙片(冷端)\t2.6\7704416-A1-04023</t>
  </si>
  <si>
    <t>【上海电气锅炉】 内侧径向软密封片(冷端)\t1.5\7704416-A1-04028</t>
  </si>
  <si>
    <t>【上海电气锅炉】 内侧径向软密封片(冷端)\t1.5\7704416-A1-04029</t>
  </si>
  <si>
    <t>【上海电气锅炉】 中间径向软密封片(冷端)\t1.5\7704416-A1-04030</t>
  </si>
  <si>
    <t>【上海电气锅炉】 中间径向软密封片(冷端)\t1.5\7704416-A1-04031</t>
  </si>
  <si>
    <t>【上海电气锅炉】 外侧径向软密封片(冷端)\t1.5\7704416-A1-04032</t>
  </si>
  <si>
    <t>【上海电气锅炉】 外侧径向软密封片(冷端)\t1.5\7704416-A1-04033</t>
  </si>
  <si>
    <t>【上海电气锅炉】 软密封补隙片(冷端)\t1.5\7704416-A1-04034</t>
  </si>
  <si>
    <t>【上海电气锅炉】 热端中心筒密封\t10\7704431-B1-04001</t>
  </si>
  <si>
    <t>【上海电气锅炉】 内侧径向密封片(热端)\t2.6\7704431-A1-04008</t>
  </si>
  <si>
    <t>【上海电气锅炉】 中间径向密封片(热端)\t2.6\7704431-B1-04009</t>
  </si>
  <si>
    <t>【上海电气锅炉】 外侧径向密封片(热端)\t2.6\7704431-B1-04010</t>
  </si>
  <si>
    <t>【上海电气锅炉】 内侧径向软密封片(热端)\t1.5\7704431-A1-04011</t>
  </si>
  <si>
    <t>【上海电气锅炉】 中间径向软密封片(热端)\t1.5\7704431-B1-04012</t>
  </si>
  <si>
    <t>【上海电气锅炉】 外侧径向软密封片(热端)\t1.5\7704431-B1-04013</t>
  </si>
  <si>
    <t>【上海电气锅炉】 热端压板\t3\7704431-B1-04014</t>
  </si>
  <si>
    <t>【上海电气锅炉】 冷端中心筒密封\t6.5\7704431-B1-04015</t>
  </si>
  <si>
    <t>【上海电气锅炉】 内侧径向密封片(冷端)\t2.6\7704431-A1-04016</t>
  </si>
  <si>
    <t>【上海电气锅炉】 内侧压板(冷端)\t3\7704431-A1-04017</t>
  </si>
  <si>
    <t>【上海电气锅炉】 外侧径向密封片(冷端)\t2.6\7704431-A1-04018</t>
  </si>
  <si>
    <t>【上海电气锅炉】 外侧压板(冷端)\t3\7704431-B1-04019</t>
  </si>
  <si>
    <t>【上海电气锅炉】 密封补隙片(冷端)\t2.6\7704431-A1-04020</t>
  </si>
  <si>
    <t>【上海电气锅炉】 密封补隙片(冷端)\t2.6\7704431-A1-04021</t>
  </si>
  <si>
    <t>【上海电气锅炉】 内侧径向软密封片(冷端)\t1.5\7704431-A1-04026</t>
  </si>
  <si>
    <t>【上海电气锅炉】 内侧径向软密封片(冷端)\t1.5\7704431-A1-04027</t>
  </si>
  <si>
    <t>【上海电气锅炉】 外侧径向软密封片(冷端)\t1.5\7704431-A1-04028</t>
  </si>
  <si>
    <t>【上海电气锅炉】 外侧径向软密封片(冷端)\t1.5\7704431-A1-04029</t>
  </si>
  <si>
    <t>【上海电气锅炉】 软密封补隙片(冷端)\t1.5\7704431-A1-04030</t>
  </si>
  <si>
    <t>【上海电气锅炉】 软密封补隙片(冷端)\t1.5\7704431-A1-04031</t>
  </si>
  <si>
    <t>【上海电气锅炉】 软密封补隙片(冷端)\t1.5\7704431-A1-04032</t>
  </si>
  <si>
    <t>【上海电气锅炉】 内侧压板\t3\7704431-A1-04033</t>
  </si>
  <si>
    <t>【上海电气锅炉】 外侧压板(冷端)\t3\7704431-A1-04034</t>
  </si>
  <si>
    <t>【上海电气锅炉】 热端补隙片\t3\7704431-A1-04036</t>
  </si>
  <si>
    <t>【上海电气锅炉】 热端中心筒密封\t6\7706019-A1-04001</t>
  </si>
  <si>
    <t>【上海电气锅炉】 内侧径向密封片(热端)\t2.6\7706019-B1-04002</t>
  </si>
  <si>
    <t>【上海电气锅炉】 内侧压板\t3\7706019-A1-04003</t>
  </si>
  <si>
    <t>【上海电气锅炉】 外侧径向密封片(热端)\t2.6\7706019-B1-04004</t>
  </si>
  <si>
    <t>【上海电气锅炉】 外侧压板\t3\7706019-A1-04005</t>
  </si>
  <si>
    <t>【上海电气锅炉】 热端补隙片\t2.6\7706019-A1-04006</t>
  </si>
  <si>
    <t>【上海电气锅炉】 冷端中心筒密封\t6\7706019-A1-04007</t>
  </si>
  <si>
    <t>【上海电气锅炉】 冷端内侧径向密封片\t2.6\7706019-B1-04008</t>
  </si>
  <si>
    <t>【上海电气锅炉】 冷端中间径向密封片\t2.6\7706019-A1-04009</t>
  </si>
  <si>
    <t>【上海电气锅炉】 冷端外侧第二片径向密封片\t2.6\7706019-A1-04010</t>
  </si>
  <si>
    <t>【上海电气锅炉】 冷端外侧径向密封片\t2.6\7706019-A1-04011</t>
  </si>
  <si>
    <t>【上海电气锅炉】 冷端补隙片\t2.6\7706019-A1-04012</t>
  </si>
  <si>
    <t>【上海电气锅炉】 内侧径向软密封片（热端)\t1.5\7706019-A1-04017</t>
  </si>
  <si>
    <t>【上海电气锅炉】 内侧径向软密封片（热端)\t1.5\7706019-A1-04018</t>
  </si>
  <si>
    <t>【上海电气锅炉】 外侧径向软密封片（热端)\t1.5\7706019-B1-04019</t>
  </si>
  <si>
    <t>【上海电气锅炉】 外侧径向软密封片(热端)\t1.5\7706019-B1-04020</t>
  </si>
  <si>
    <t>【上海电气锅炉】 热端软补隙片\t1.5\7706019-A1-04021</t>
  </si>
  <si>
    <t>【上海电气锅炉】 内侧径向软密封片(冷端)\t1.5\7706019-A1-04022</t>
  </si>
  <si>
    <t>【上海电气锅炉】 内侧径向软密封片(冷端)\t1.5\7706019-A1-04023</t>
  </si>
  <si>
    <t>【上海电气锅炉】 冷端中间径向软密封片\t1.5\7706019-A1-04024</t>
  </si>
  <si>
    <t>【上海电气锅炉】 冷端中间径向软密封片\t1.5\7706019-A1-04025</t>
  </si>
  <si>
    <t>【上海电气锅炉】 冷端外侧第二片径向软密封片\t1.5\7706019-A1-04026</t>
  </si>
  <si>
    <t>【上海电气锅炉】 冷端外侧第二片径向软密封片\t1.5\7706019-A1-04027</t>
  </si>
  <si>
    <t>【上海电气锅炉】 冷端外侧径向软密封片\t1.5\7706019-A1-04028</t>
  </si>
  <si>
    <t>【上海电气锅炉】 冷端外侧径向软密封片\t1.5\7706019-A1-04029</t>
  </si>
  <si>
    <t>【上海电气锅炉】 冷端软密封补隙片\t1.5\7706019-A1-04030</t>
  </si>
  <si>
    <t>【上海电气锅炉】 热端中心筒密封\t6\7706020-A1-04001</t>
  </si>
  <si>
    <t>【上海电气锅炉】 内侧径向密封片（热端）\\7706020-B1-04002</t>
  </si>
  <si>
    <t>【上海电气锅炉】 内侧压板\t3\7706020-A1-04003</t>
  </si>
  <si>
    <t>【上海电气锅炉】 外侧径向密封片(热端)\\7706020-B1-04004</t>
  </si>
  <si>
    <t>【上海电气锅炉】 热端补隙片\\7706020-A1-04005</t>
  </si>
  <si>
    <t>【上海电气锅炉】 冷端中心筒密封\t6\7706020-A1-04006</t>
  </si>
  <si>
    <t>【上海电气锅炉】 内侧径向密封片（冷端）\\7706020-A1-04007</t>
  </si>
  <si>
    <t>【上海电气锅炉】 外侧径向密封片（冷端）\\7706020-A1-04008</t>
  </si>
  <si>
    <t>【上海电气锅炉】 外侧径向密封片（冷端）\\7706020-A1-04009</t>
  </si>
  <si>
    <t>【上海电气锅炉】 外侧径向密封片（冷端）\\7706020-A1-04010</t>
  </si>
  <si>
    <t>【上海电气锅炉】 冷端补隙片\\7706020-A1-04011</t>
  </si>
  <si>
    <t>【上海电气锅炉】 热端中心筒密封\t6\7707011-B1-04001</t>
  </si>
  <si>
    <t>【上海电气锅炉】 内侧径向密封片(热端)\t2.6\7707011-A1-04002</t>
  </si>
  <si>
    <t>【上海电气锅炉】 内侧压板\t3\7707011-A1-04003</t>
  </si>
  <si>
    <t>【上海电气锅炉】 内侧径向软密封片(热端)\t1.5\7707011-B1-04004</t>
  </si>
  <si>
    <t>【上海电气锅炉】 内侧径向软密封片(热端)\t1.5\7707011-B1-04005</t>
  </si>
  <si>
    <t>【上海电气锅炉】 内侧软密封压板\t3\7707011-B1-04006</t>
  </si>
  <si>
    <t>【上海电气锅炉】 热端外侧径向密封片\t2.6\7707011-A1-04007</t>
  </si>
  <si>
    <t>【上海电气锅炉】 外侧压板\t3\7707011-A1-04008</t>
  </si>
  <si>
    <t>【上海电气锅炉】 外侧径向软密封片(热端)\t1.5\7707011-B1-04009</t>
  </si>
  <si>
    <t>【上海电气锅炉】 外侧径向软密封片(热端)\t1.5\7707011-B1-04010</t>
  </si>
  <si>
    <t>【上海电气锅炉】 外侧软密封压板(热端)\t3\7707011-A1-04011</t>
  </si>
  <si>
    <t>【上海电气锅炉】 热端补隙片\t2.6\7707011-A1-04012</t>
  </si>
  <si>
    <t>【上海电气锅炉】 内侧径向密封片(冷端)\t2.6\7707011-A1-04014</t>
  </si>
  <si>
    <t>【上海电气锅炉】 内侧径向软密封片(冷端)\t1.5\7707011-B1-04015</t>
  </si>
  <si>
    <t>【上海电气锅炉】 内侧径向软密封片(冷端)\t1.5\7707011-B1-04016</t>
  </si>
  <si>
    <t>【上海电气锅炉】 冷端中间径向密封片\t2.6\7707011-B1-04017</t>
  </si>
  <si>
    <t>【上海电气锅炉】 冷端中间径向密封片\t2.6\7707011-B1-04018</t>
  </si>
  <si>
    <t>【上海电气锅炉】 冷端中间径向密封片\t2.6\7707011-B1-04019</t>
  </si>
  <si>
    <t>【上海电气锅炉】 冷端中间径向密封片\t2.6\7707011-B1-04020</t>
  </si>
  <si>
    <t>【上海电气锅炉】 冷端外侧径向密封片\t2.6\7707011-B1-04021</t>
  </si>
  <si>
    <t>【上海电气锅炉】 冷端补隙片\t2.6\7707011-A1-04022</t>
  </si>
  <si>
    <t>【上海电气锅炉】 冷端中间径向软密封片\t1.5\7707011-B1-04023</t>
  </si>
  <si>
    <t>【上海电气锅炉】 冷端中间径向软密封片\t1.5\7707011-B1-04024</t>
  </si>
  <si>
    <t>【上海电气锅炉】 冷端中间径向软密封片\t1.5\7707011-B1-04025</t>
  </si>
  <si>
    <t>【上海电气锅炉】 冷端中间径向软密封片\t1.5\7707011-B1-04026</t>
  </si>
  <si>
    <t>【上海电气锅炉】 冷端中间径向软密封片\t1.5\7707011-B1-04027</t>
  </si>
  <si>
    <t>【上海电气锅炉】 冷端中间径向软密封片\t1.5\7707011-B1-04028</t>
  </si>
  <si>
    <t>【上海电气锅炉】 冷端中间径向软密封片\t1.5\7707011-B1-04029</t>
  </si>
  <si>
    <t>【上海电气锅炉】 冷端中间径向软密封片\t1.5\7707011-B1-04030</t>
  </si>
  <si>
    <t>【上海电气锅炉】 冷端外侧径向软密封片\t1.5\7707011-B1-04031</t>
  </si>
  <si>
    <t>【上海电气锅炉】 冷端外侧径向软密封片\t1.5\7707011-B1-04032</t>
  </si>
  <si>
    <t>【上海电气锅炉】 冷端中心筒密封\t6\7707011-B1-04036</t>
  </si>
  <si>
    <t>【上海电气锅炉】 外侧软密封压板(冷端)\t3\7707011-A1-04037</t>
  </si>
  <si>
    <t>【上海电气锅炉】 热端转轴密封\t6\7707013-B1-04001</t>
  </si>
  <si>
    <t>【上海电气锅炉】 热端内侧径向密封片\t2.6\7707013-B1-04002</t>
  </si>
  <si>
    <t>【上海电气锅炉】 热端中间径向密封片\t2.6\7707013-B1-04003</t>
  </si>
  <si>
    <t>【上海电气锅炉】 热端中间径向密封片\t2.6\7707013-B1-04004</t>
  </si>
  <si>
    <t>【上海电气锅炉】 热端中间径向密封片\t2.6\7707013-B1-04005</t>
  </si>
  <si>
    <t>【上海电气锅炉】 热端外侧径向密封片\t2.6\7707013-A1-04006</t>
  </si>
  <si>
    <t>【上海电气锅炉】 热端补隙片\t2.6\7707013-A1-04007</t>
  </si>
  <si>
    <t>【上海电气锅炉】 冷端转轴密封\t6\7707013-B1-04009</t>
  </si>
  <si>
    <t>【上海电气锅炉】 冷端内侧径向密封片\t2.6\7707013-B1-04010</t>
  </si>
  <si>
    <t>【上海电气锅炉】 冷端中间径向密封片\t2.6\7707013-B1-04011</t>
  </si>
  <si>
    <t>【上海电气锅炉】 冷端中间径向密封片\t2.6\7707013-B1-04012</t>
  </si>
  <si>
    <t>【上海电气锅炉】 冷端中间径向密封片\t2.6\7707013-A1-04013</t>
  </si>
  <si>
    <t>【上海电气锅炉】 外侧径向密封片(冷端)\t2.6\7707013-A1-04014</t>
  </si>
  <si>
    <t>【上海电气锅炉】 冷端外侧径向密封片\t2.6\7707013-A1-04015</t>
  </si>
  <si>
    <t>【上海电气锅炉】 冷端补隙片\t2.6\7707013-A1-04016</t>
  </si>
  <si>
    <t>【上海电气锅炉】 压板\\7707013-A1-04018</t>
  </si>
  <si>
    <t>【上海电气锅炉】 压板\\7707013-A1-04019</t>
  </si>
  <si>
    <t>【上海电气锅炉】 压板\\7707013-A1-04020</t>
  </si>
  <si>
    <t>【上海电气锅炉】 热端周向密封片\t2.6\7707013-A1-04021</t>
  </si>
  <si>
    <t>【上海电气锅炉】 冷端周向密封片\t2.6\7707013-A1-04022</t>
  </si>
  <si>
    <t>【上海电气锅炉】 热端内侧径向软密封片\t1.5\7707013-B1-04025</t>
  </si>
  <si>
    <t>【上海电气锅炉】 热端内侧径向软密封片\t1.5\7707013-B1-04026</t>
  </si>
  <si>
    <t>【上海电气锅炉】 热端中间径向软密封片\t1.5\7707013-B1-04027</t>
  </si>
  <si>
    <t>【上海电气锅炉】 热端中间径向软密封片\t1.5\7707013-B1-04028</t>
  </si>
  <si>
    <t>【上海电气锅炉】 热端中间径向软密封片\t1.5\7707013-B1-04029</t>
  </si>
  <si>
    <t>【上海电气锅炉】 热端中间径向软密封片\t1.5\7707013-B1-04030</t>
  </si>
  <si>
    <t>【上海电气锅炉】 热端外侧径向软密封片\t1.5\7707013-A1-04031</t>
  </si>
  <si>
    <t>【上海电气锅炉】 热端外侧径向软密封片\t1.5\7707013-A1-04032</t>
  </si>
  <si>
    <t>【上海电气锅炉】 热端中间径向软密封片\t1.5\7707013-B1-04033</t>
  </si>
  <si>
    <t>【上海电气锅炉】 热端中间径向软密封片\t1.5\7707013-B1-04034</t>
  </si>
  <si>
    <t>【上海电气锅炉】 冷端内侧径向软密封片\t1.5\7707013-B1-04035</t>
  </si>
  <si>
    <t>【上海电气锅炉】 冷端内侧径向软密封片\t1.5\7707013-B1-04036</t>
  </si>
  <si>
    <t>【上海电气锅炉】 冷端中间径向软密封片\t1.5\7707013-B1-04037</t>
  </si>
  <si>
    <t>【上海电气锅炉】 冷端中间径向软密封片\t1.5\7707013-B1-04038</t>
  </si>
  <si>
    <t>【上海电气锅炉】 冷端中间径向软密封片\t1.5\7707013-A1-04039</t>
  </si>
  <si>
    <t>【上海电气锅炉】 冷端中间径向软密封片\t1.5\7707013-B1-04040</t>
  </si>
  <si>
    <t>【上海电气锅炉】 冷端中间径向软密封片\t1.5\7707013-A1-04041</t>
  </si>
  <si>
    <t>【上海电气锅炉】 冷端中间径向软密封片\t1.5\7707013-A1-04042</t>
  </si>
  <si>
    <t>【上海电气锅炉】 冷端外侧径向软密封片\t1.5\7707013-A1-04043</t>
  </si>
  <si>
    <t>【上海电气锅炉】 冷端外侧径向软密封片\t1.5\7707013-A1-04044</t>
  </si>
  <si>
    <t>【上海电气锅炉】 冷端中间径向软密封片\t1.5\7707013-B1-04045</t>
  </si>
  <si>
    <t>【上海电气锅炉】 冷端中间径向软密封片\t1.5\7707013-B1-04046</t>
  </si>
  <si>
    <t>【上海电气锅炉】 热端补隙片\t2.6\7702102-A1-40001</t>
  </si>
  <si>
    <t>【上海电气锅炉】 热端轴向密封片\t2.6\7702102-B1-40002</t>
  </si>
  <si>
    <t>【上海电气锅炉】 热端轴向密封压板\t3\7702102-A1-40003</t>
  </si>
  <si>
    <t>【上海电气锅炉】 冷端轴向密封压板\t3\7702102-A1-40006</t>
  </si>
  <si>
    <t>【上海电气锅炉】 冷端轴向密封片\t2.6\7702102-B1-40007</t>
  </si>
  <si>
    <t>【上海电气锅炉】 冷端补隙片\t2.6\7702102-A1-40008</t>
  </si>
  <si>
    <t>【上海电气锅炉】 热端补隙片\t2.6\7702209-A1-40001</t>
  </si>
  <si>
    <t>【上海电气锅炉】 热端轴向密封片\t2.6\7702209-B1-40002</t>
  </si>
  <si>
    <t>【上海电气锅炉】 热端轴向密封压板\t3\7702209-A1-40003</t>
  </si>
  <si>
    <t>【上海电气锅炉】 冷端轴向密封压板\t3\7702209-A1-40006</t>
  </si>
  <si>
    <t>【上海电气锅炉】 冷端轴向密封片\t2.6\7702209-B1-40007</t>
  </si>
  <si>
    <t>【上海电气锅炉】 冷端补隙片\t2.6\7702209-A1-40008</t>
  </si>
  <si>
    <t>【上海电气锅炉】 冷端轴向密封片\t2.6\7704416-B1-40001</t>
  </si>
  <si>
    <t>【上海电气锅炉】 冷端压板\t3\7704416-A1-40002</t>
  </si>
  <si>
    <t>【上海电气锅炉】 热端轴向密封片\t2.6\7704416-B1-40003</t>
  </si>
  <si>
    <t>【上海电气锅炉】 热端压板\t3\7704416-A1-40004</t>
  </si>
  <si>
    <t>【上海电气锅炉】 热端补隙片\t2.6\7704416-A1-40005</t>
  </si>
  <si>
    <t>【上海电气锅炉】 冷端补隙片\t2.6\7704416-A1-40006</t>
  </si>
  <si>
    <t>【上海电气锅炉】 冷端轴向密封片\t2.6\7704431-B1-40001</t>
  </si>
  <si>
    <t>【上海电气锅炉】 冷端压板\t2.6\7704431-A1-40002</t>
  </si>
  <si>
    <t>【上海电气锅炉】 热端轴向密封片\t2.6\7704428-B1-40001</t>
  </si>
  <si>
    <t>【上海电气锅炉】 热端压板\t2.6\7704428-A1-40002</t>
  </si>
  <si>
    <t>【上海电气锅炉】 热端补隙片\t2.6\7704431-A1-40005</t>
  </si>
  <si>
    <t>【上海电气锅炉】 冷端补隙片\t2.6\7704431-A1-40006</t>
  </si>
  <si>
    <t>【上海电气锅炉】 热端轴向密封片\t2.6\7704429-B1-40001</t>
  </si>
  <si>
    <t>【上海电气锅炉】 热端压板\t2.6\7704429-A1-40002</t>
  </si>
  <si>
    <t>【上海电气锅炉】 热端轴向密封片\t2.6\7704431-B1-40003</t>
  </si>
  <si>
    <t>【上海电气锅炉】 热端压板\t2.6\7704431-A1-40004</t>
  </si>
  <si>
    <t>【上海电气锅炉】 热端轴向密封片\t2.6\7704433-B1-40001</t>
  </si>
  <si>
    <t>【上海电气锅炉】 热端压板\t2.6\7704433-A1-40002</t>
  </si>
  <si>
    <t>【上海电气锅炉】 冷端轴向密封片\t2.6\7706020-A1-40001</t>
  </si>
  <si>
    <t>【上海电气锅炉】 冷端压板\t3\7706020-A1-40002</t>
  </si>
  <si>
    <t>【上海电气锅炉】 热端轴向密封片\t2.6\7706020-A1-40003</t>
  </si>
  <si>
    <t>【上海电气锅炉】 热端压板\t3\7706020-A1-40004</t>
  </si>
  <si>
    <t>【上海电气锅炉】 热端补隙片\t2.6\7706020-A1-40005</t>
  </si>
  <si>
    <t>【上海电气锅炉】 冷端补隙片\t2.6\7706020-A1-40006</t>
  </si>
  <si>
    <t>【上海电气锅炉】 热端轴向密封片\t2.6\7707011-B1-40001</t>
  </si>
  <si>
    <t>【上海电气锅炉】 热端压板\t2.6\7707011-B1-40002</t>
  </si>
  <si>
    <t>【上海电气锅炉】 冷端轴向密封片\t2.6\7707011-A1-40003</t>
  </si>
  <si>
    <t>【上海电气锅炉】 冷端压板\t2.6\7707011-A1-40004</t>
  </si>
  <si>
    <t>【上海电气锅炉】 热端补隙片\t2.6\7707011-A1-40005</t>
  </si>
  <si>
    <t>【上海电气锅炉】 冷端补隙片\t2.6\7707011-A1-40006</t>
  </si>
  <si>
    <t>【上海电气锅炉】 热端旁路密封片\t1.5\770085-B1-41002</t>
  </si>
  <si>
    <t>【上海电气锅炉】 热端旁路密封压板\\770055-A1-41003</t>
  </si>
  <si>
    <t>【上海电气锅炉】 冷端旁路密封片\t1.5\770085-B1-41003</t>
  </si>
  <si>
    <t>【上海电气锅炉】 冷端旁路密封压板\\770055-A1-41005</t>
  </si>
  <si>
    <t>【上海电气锅炉】 热端旁路密封片\t1.5\770077-B1-41002</t>
  </si>
  <si>
    <t>【上海电气锅炉】 冷端旁路密封片\t1.5\770077-B1-41003</t>
  </si>
  <si>
    <t>【上海电气锅炉】 热端旁路密封片\t1.5\7702102-B1-41002</t>
  </si>
  <si>
    <t>【上海电气锅炉】 冷端旁路密封片\t1.5\7702102-B1-41003</t>
  </si>
  <si>
    <t>【上海电气锅炉】 压板\t2.6\7702102-B1-41004</t>
  </si>
  <si>
    <t>【上海电气锅炉】 热端旁路密封片\t1.5\7702209-B1-41004</t>
  </si>
  <si>
    <t>【上海电气锅炉】 冷端旁路密封片\t1.5\7702209-B1-41005</t>
  </si>
  <si>
    <t>【上海电气锅炉】 压板\t2.6\7702209-A1-41006</t>
  </si>
  <si>
    <t>【上海电气锅炉】 热端旁路密封片\\7704430-B1-41001</t>
  </si>
  <si>
    <t>【上海电气锅炉】 冷端旁路密封片\\7704430-B1-41002</t>
  </si>
  <si>
    <t>【上海电气锅炉】 旁路密封压板\\7704430-A1-41003</t>
  </si>
  <si>
    <t>【上海电气锅炉】 热端旁路密封片\t1.5\7704434-B1-41001</t>
  </si>
  <si>
    <t>【上海电气锅炉】 冷端旁路密封片\t1.5\7704434-B1-41002</t>
  </si>
  <si>
    <t>【上海电气锅炉】 旁路密封片压板\t2.6\7704434-A1-41003</t>
  </si>
  <si>
    <t>【上海电气锅炉】 热端旁路密封片\t1.5\7706020-B1-41001</t>
  </si>
  <si>
    <t>【上海电气锅炉】 热端旁路密封压板\t2.6\7706020-A1-41003</t>
  </si>
  <si>
    <t>【上海电气锅炉】 冷端旁路密封片\t1.5\7706020-B1-41004</t>
  </si>
  <si>
    <t>【上海电气锅炉】 冷端旁路密封压板\t2.6\7706020-A1-41005</t>
  </si>
  <si>
    <t>【上海电气锅炉】 热端旁路密封片\t1.5\7707013-B1-41002</t>
  </si>
  <si>
    <t>【上海电气锅炉】 热端旁路密封压板\t2.6\7707013-A1-41003</t>
  </si>
  <si>
    <t>【上海电气锅炉】 冷端旁路密封片\t1.5\7707013-B1-41004</t>
  </si>
  <si>
    <t>【上海电气锅炉】 冷端旁路密封压板\t2.6\7707013-A1-41005</t>
  </si>
  <si>
    <t>【上海电气锅炉】 热端中心筒密封\t6.5\770075-A4-04001</t>
  </si>
  <si>
    <t>【上海电气锅炉】 热端内侧径向密封片\t2.6\770089-A1-04002</t>
  </si>
  <si>
    <t>【上海电气锅炉】 内侧压板\t3\770089-A1-04003</t>
  </si>
  <si>
    <t>【上海电气锅炉】 外侧径向密封片(热端)\t2.6\770045-B1-04004</t>
  </si>
  <si>
    <t>【上海电气锅炉】 外侧压板\t3\770089-A1-04004</t>
  </si>
  <si>
    <t>【上海电气锅炉】 热端补隙片\t2.6\770086-A1-04003</t>
  </si>
  <si>
    <t>【上海电气锅炉】 冷端中心筒密封\t6.5\770075-A4-04004</t>
  </si>
  <si>
    <t>【上海电气锅炉】 冷端内侧径向密封片\t2.6\770089-B1-04005</t>
  </si>
  <si>
    <t>【上海电气锅炉】 冷端外侧第二片径向密封片\t2.6\770055-A1-04011</t>
  </si>
  <si>
    <t>【上海电气锅炉】 冷端外侧径向密封片\t2.6\770055-A1-04012</t>
  </si>
  <si>
    <t>【上海电气锅炉】 冷端补隙片\t2.6\770089-A3-04001</t>
  </si>
  <si>
    <t>【上海电气锅炉】 热端中心筒密封\t6.5\770077-A1-04001</t>
  </si>
  <si>
    <t>【上海电气锅炉】 热端内侧径向密封片\t2.6\770077-A1-04002</t>
  </si>
  <si>
    <t>【上海电气锅炉】 内侧压板\t3\770077-A1-04003</t>
  </si>
  <si>
    <t>【上海电气锅炉】 热端外侧径向密封片\t2.6\770077-A1-04004</t>
  </si>
  <si>
    <t>【上海电气锅炉】 外侧压板\t3\770077-A1-04005</t>
  </si>
  <si>
    <t>【上海电气锅炉】 热端补隙片\t2.6\770077-A1-04006</t>
  </si>
  <si>
    <t>【上海电气锅炉】 冷端中心筒密封\t6.5\770077-A1-04008</t>
  </si>
  <si>
    <t>【上海电气锅炉】 冷端内侧径向密封片\t2.6\770077-A1-04009</t>
  </si>
  <si>
    <t>【上海电气锅炉】 冷端中间径向密封片\t2.6\770077-A1-04010</t>
  </si>
  <si>
    <t>【上海电气锅炉】 冷端中间径向密封片\t2.6\770077-A1-04011</t>
  </si>
  <si>
    <t>【上海电气锅炉】 冷端外侧径向密封片\t2.6\770077-A1-04014</t>
  </si>
  <si>
    <t>【上海电气锅炉】 冷端补隙片\t2.6\770077-A1-04015</t>
  </si>
  <si>
    <t>【上海电气锅炉】 内侧压板\t3\770077-A1-04019</t>
  </si>
  <si>
    <t>【上海电气锅炉】 冷端内侧径向软密封片\t1.5\770077-A5-04001</t>
  </si>
  <si>
    <t>【上海电气锅炉】 冷端内侧径向软密封片\t1.5\770077-A5-04002</t>
  </si>
  <si>
    <t>【上海电气锅炉】 内侧软密封压板\t3\770077-A5-04003</t>
  </si>
  <si>
    <t>【上海电气锅炉】 冷端外侧径向软密封片\t1.5\770077-A5-04004</t>
  </si>
  <si>
    <t>【上海电气锅炉】 冷端外侧径向软密封片\t1.5\770077-A5-04005</t>
  </si>
  <si>
    <t>【上海电气锅炉】 外侧软密封压板\t3\770077-A5-04006</t>
  </si>
  <si>
    <t>【上海电气锅炉】 冷端外侧径向软密封片\t1.5\770077-A5-04007</t>
  </si>
  <si>
    <t>【上海电气锅炉】 冷端外侧径向软密封片\t1.5\770077-A5-04008</t>
  </si>
  <si>
    <t>【上海电气锅炉】 冷端外侧径向软密封片\t1.5\770077-A5-04009</t>
  </si>
  <si>
    <t>【上海电气锅炉】 冷端外侧径向软密封片\t1.5\770077-A5-04010</t>
  </si>
  <si>
    <t>【上海电气锅炉】 外侧软密封压板\t3\770077-A5-04011</t>
  </si>
  <si>
    <t>【上海电气锅炉】 冷端外侧径向软密封片\t1.5\770077-A5-04012</t>
  </si>
  <si>
    <t>【上海电气锅炉】 冷端外侧径向软密封片\t1.5\770077-A5-04013</t>
  </si>
  <si>
    <t>【上海电气锅炉】 外侧软密封压板\t3\770077-A5-04014</t>
  </si>
  <si>
    <t>【上海电气锅炉】 冷端外侧径向软密封片\t1.5\770077-A5-04015</t>
  </si>
  <si>
    <t>【上海电气锅炉】 冷端外侧径向软密封片\t1.5\770077-A5-04016</t>
  </si>
  <si>
    <t>【上海电气锅炉】 冷端软密封补隙片\t1.5\770077-A5-04017</t>
  </si>
  <si>
    <t>【上海电气锅炉】 热端中心筒密封\t6.5\770070-B1-04001</t>
  </si>
  <si>
    <t>【上海电气锅炉】 热端内侧径向密封片\t2.6\770065-A1-04001</t>
  </si>
  <si>
    <t>【上海电气锅炉】 热端内侧压板\\770065-A1-04002</t>
  </si>
  <si>
    <t>【上海电气锅炉】 外侧径向密封片(热端)\t2.6\770029-A1-04005</t>
  </si>
  <si>
    <t>【上海电气锅炉】 外侧压板(热端)\t3\770029-A1-04009</t>
  </si>
  <si>
    <t>【上海电气锅炉】 密封补隙片(热端)\t2.6\770043-A1-04002</t>
  </si>
  <si>
    <t>【上海电气锅炉】 冷端中心筒密封\t6.5\770070-B1-04002</t>
  </si>
  <si>
    <t>【上海电气锅炉】 密封补隙片(冷端)\t2.6\770043-A1-04006</t>
  </si>
  <si>
    <t>【上海电气锅炉】 密封补隙片(热端)\t2.6\770065-A1-04005</t>
  </si>
  <si>
    <t>【上海电气锅炉】 冷端内侧径向密封片\t2.6\770065-A1-04003</t>
  </si>
  <si>
    <t>【上海电气锅炉】 冷端内侧压板\\770065-A1-04004</t>
  </si>
  <si>
    <t>【上海电气锅炉】 冷端径向密封片\t2.6\770047-B1-04007</t>
  </si>
  <si>
    <t>【上海电气锅炉】 外侧压板(冷端)\t3\770029-B1-04010</t>
  </si>
  <si>
    <t>【上海电气锅炉】 密封补隙片(冷端)\t2.6\770043-A1-04005</t>
  </si>
  <si>
    <t>【上海电气锅炉】 热端中心筒密封\t6.5\770076-B1-04001</t>
  </si>
  <si>
    <t>【上海电气锅炉】 热端内侧径向密封片\t2.6\770048-B1-04001</t>
  </si>
  <si>
    <t>【上海电气锅炉】 外侧压板(热端)\t3\770045-A1-04006</t>
  </si>
  <si>
    <t>【上海电气锅炉】 外侧压板(热端)\t3\770045-A1-04005</t>
  </si>
  <si>
    <t>【上海电气锅炉】 密封补隙片(热端)\t2.6\770045-A1-04007</t>
  </si>
  <si>
    <t>【上海电气锅炉】 热端补隙片\t2.6\770048-A1-04002</t>
  </si>
  <si>
    <t>【上海电气锅炉】 冷端中心筒密封\t6.5\770069-A1-04003</t>
  </si>
  <si>
    <t>【上海电气锅炉】 冷端内侧径向密封片\t2.6\770048-B1-04003</t>
  </si>
  <si>
    <t>【上海电气锅炉】 外侧压板(冷端)\t3\770045-A1-04013</t>
  </si>
  <si>
    <t>【上海电气锅炉】 外侧径向密封片(冷端)\t2.6\770045-B1-04012</t>
  </si>
  <si>
    <t>【上海电气锅炉】 外侧径向密封片(冷端)\t2.6\770045-B1-04014</t>
  </si>
  <si>
    <t>【上海电气锅炉】 密封补隙片(冷端)\t2.6\770045-A1-04016</t>
  </si>
  <si>
    <t>【上海电气锅炉】 冷端补隙片\t2.6\770048-A1-04004</t>
  </si>
  <si>
    <t>【上海电气锅炉】 内侧径向软密封片\t1.5\770076-B10-04001</t>
  </si>
  <si>
    <t>【上海电气锅炉】 内侧径向软密封片\t1.5\770076-B10-04002</t>
  </si>
  <si>
    <t>【上海电气锅炉】 外侧径向软密封片(热端)\t1.5\770076-B10-04003</t>
  </si>
  <si>
    <t>【上海电气锅炉】 外侧径向软密封片(热端)\t1.5\770076-B10-04004</t>
  </si>
  <si>
    <t>【上海电气锅炉】 热端软密封补隙片\t1.5\770076-A10-04005</t>
  </si>
  <si>
    <t>【上海电气锅炉】 热端软密封补隙片\t1.5\770076-A10-04006</t>
  </si>
  <si>
    <t>【上海电气锅炉】 热端软补隙片\t1.5\770076-A10-04007</t>
  </si>
  <si>
    <t>【上海电气锅炉】 内侧径向软密封片(冷端)\t1.5\770076-B10-04008</t>
  </si>
  <si>
    <t>【上海电气锅炉】 内侧径向软密封片(冷端)\t1.5\770076-B10-04009</t>
  </si>
  <si>
    <t>【上海电气锅炉】 冷端外侧软密封压板\t3\770076-A10-04010</t>
  </si>
  <si>
    <t>【上海电气锅炉】 外侧径向软密封片(冷端)\t1.5\770076-B10-04011</t>
  </si>
  <si>
    <t>【上海电气锅炉】 外侧径向软密封片(冷端)\t1.5\770076-B10-04012</t>
  </si>
  <si>
    <t>【上海电气锅炉】 外侧径向软密封片(冷端)\t1.5\770076-B10-04013</t>
  </si>
  <si>
    <t>【上海电气锅炉】 外侧径向软密封片(冷端)\t1.5\770076-B10-04014</t>
  </si>
  <si>
    <t>【上海电气锅炉】 冷端软密封补隙片\t1.5\770076-A10-04015</t>
  </si>
  <si>
    <t>【上海电气锅炉】 冷端软密封补隙片\t1.5\770076-A10-04016</t>
  </si>
  <si>
    <t>【上海电气锅炉】 冷端软补隙片\t1.5\770076-A10-04017</t>
  </si>
  <si>
    <t>【上海电气锅炉】 内侧径向密封片(热端)\t2.6\770084-A1-04001</t>
  </si>
  <si>
    <t>【上海电气锅炉】 内侧压板(热端)\t3\770029-A1-04007</t>
  </si>
  <si>
    <t>【上海电气锅炉】 外侧压板(热端)\t3\770084-A1-04002</t>
  </si>
  <si>
    <t>【上海电气锅炉】 外侧径向密封片(热端)\t2.6\770084-A1-04003</t>
  </si>
  <si>
    <t>【上海电气锅炉】 密封补隙片(热端)\t2.6\770084-A1-04004</t>
  </si>
  <si>
    <t>【上海电气锅炉】 T字钢补隙片\t6\770084-A1-04005</t>
  </si>
  <si>
    <t>【上海电气锅炉】 内侧径向密封片(冷端)\t2.6\770084-A1-04006</t>
  </si>
  <si>
    <t>【上海电气锅炉】 内侧压板(冷端)\t3\770084-A1-04007</t>
  </si>
  <si>
    <t>【上海电气锅炉】 外侧径向密封片(冷端)\t2.6\770053-A2-04002</t>
  </si>
  <si>
    <t>【上海电气锅炉】 外侧压板(冷端)\t3\770084-B1-04008</t>
  </si>
  <si>
    <t>【上海电气锅炉】 外侧径向密封片(冷端)\t2.6\770084-A1-04009</t>
  </si>
  <si>
    <t>【上海电气锅炉】 密封补隙片(冷端)\t2.6\770084-A1-04010</t>
  </si>
  <si>
    <t>【上海电气锅炉】 热端中心筒密封\t6.5\770083-A1-04001</t>
  </si>
  <si>
    <t>【上海电气锅炉】 内侧径向密封片(热端)\t2.6\770083-B1-04002</t>
  </si>
  <si>
    <t>【上海电气锅炉】 内侧压板(热端)\t3\770083-A1-04003</t>
  </si>
  <si>
    <t>【上海电气锅炉】 热端补隙片\t2.6\770045-A1-04008</t>
  </si>
  <si>
    <t>【上海电气锅炉】 内侧径向密封片(冷端)\t2.6\770083-B1-04004</t>
  </si>
  <si>
    <t>【上海电气锅炉】 内侧压板(冷端)\t3\770083-A1-04005</t>
  </si>
  <si>
    <t>【上海电气锅炉】 外侧压板(冷端)\t3\770045-A1-04015</t>
  </si>
  <si>
    <t>【上海电气锅炉】 冷端补隙片\t2.6\770045-A1-04017</t>
  </si>
  <si>
    <t>【上海电气锅炉】 内侧径向密封片组件（热端）\\770075-B1-04001</t>
  </si>
  <si>
    <t>【上海电气锅炉】 外侧压板(热端)\t3\770051-A3-04005</t>
  </si>
  <si>
    <t>【上海电气锅炉】 外侧径向密封片组件(热端)\\770051-B3-04003</t>
  </si>
  <si>
    <t>【上海电气锅炉】 外侧压板(热端)\t3\770051-A3-04004</t>
  </si>
  <si>
    <t>【上海电气锅炉】 热端内侧径向软密封片\t1.5\770075-B3-04001</t>
  </si>
  <si>
    <t>【上海电气锅炉】 热端内侧径向软密封片\t1.5\770075-B3-04002</t>
  </si>
  <si>
    <t>【上海电气锅炉】 外侧径向软密封片(热端)\t1.5\770075-B3-04003</t>
  </si>
  <si>
    <t>【上海电气锅炉】 外侧径向软密封片(热端)\t1.5\770075-B3-04004</t>
  </si>
  <si>
    <t>【上海电气锅炉】 软密封补隙片(热端)\t1.5\770075-A3-04005</t>
  </si>
  <si>
    <t>【上海电气锅炉】 软密封补隙片(热端)\t1.5\770075-A3-04006</t>
  </si>
  <si>
    <t>【上海电气锅炉】 冷端内侧径向软密封片\t1.5\770075-B3-04007</t>
  </si>
  <si>
    <t>【上海电气锅炉】 冷端内侧径向软密封片\t1.5\770075-B3-04008</t>
  </si>
  <si>
    <t>【上海电气锅炉】 外侧径向软密封片(冷端)\t1.5\770075-B3-04009</t>
  </si>
  <si>
    <t>【上海电气锅炉】 外侧径向软密封片(冷端)\t1.5\770075-B3-04010</t>
  </si>
  <si>
    <t>【上海电气锅炉】 外侧径向软密封片(冷端)\t1.5\770075-B3-04011</t>
  </si>
  <si>
    <t>【上海电气锅炉】 外侧径向软密封片(冷端)\t1.5\770075-B3-04012</t>
  </si>
  <si>
    <t>【上海电气锅炉】 软密封补隙片（冷端)\t1.5\770075-A3-04013</t>
  </si>
  <si>
    <t>【上海电气锅炉】 软密封补隙片（冷端)\t1.5\770075-A3-04014</t>
  </si>
  <si>
    <t>【上海电气锅炉】 热端软密封补隙片\t1.5\770075-A3-04015</t>
  </si>
  <si>
    <t>【上海电气锅炉】 冷端软密封补隙片\t1.5\770075-A3-04016</t>
  </si>
  <si>
    <t>【上海电气锅炉】 软密封外侧压板(热端)\t3\770075-A3-04017</t>
  </si>
  <si>
    <t>【上海电气锅炉】 软密封外侧压板\t3\770075-A3-04018</t>
  </si>
  <si>
    <t>【上海电气锅炉】 软密封外侧压板(冷端)\t3\770075-A3-04019</t>
  </si>
  <si>
    <t>【上海电气锅炉】 热端圈板\t6.5\770042-B1-04001</t>
  </si>
  <si>
    <t>【上海电气锅炉】 热端内侧径向密封片\t2.6\770038-B1-04001</t>
  </si>
  <si>
    <t>【上海电气锅炉】 内侧压板\t2.6\770038-A1-04002</t>
  </si>
  <si>
    <t>【上海电气锅炉】 热端外侧径向密封片\t2.6\770042-B1-04002</t>
  </si>
  <si>
    <t>【上海电气锅炉】 外侧压板\t2.6\770037-A1-04005</t>
  </si>
  <si>
    <t>【上海电气锅炉】 热端密封补隙片\t2.6\770042-A1-04003</t>
  </si>
  <si>
    <t>【上海电气锅炉】 热端密封补隙片\t2.6\770042-A1-04005</t>
  </si>
  <si>
    <t>【上海电气锅炉】 冷端圈板\t6.5\770042-B1-04006</t>
  </si>
  <si>
    <t>【上海电气锅炉】 冷端内侧径向密封片\t2.6\770038-A5-04001</t>
  </si>
  <si>
    <t>【上海电气锅炉】 冷端外侧径向密封片\t2.6\770042-B1-04007</t>
  </si>
  <si>
    <t>【上海电气锅炉】 冷端密封补隙片\t2.6\770042-A1-04008</t>
  </si>
  <si>
    <t>【上海电气锅炉】 热端内侧径向软密封片\t1.5\770042-B4-04001</t>
  </si>
  <si>
    <t>【上海电气锅炉】 热端内侧径向软密封片\t1.5\770042-B4-04002</t>
  </si>
  <si>
    <t>【上海电气锅炉】 内侧软密封压板\t3\770042-A4-04003</t>
  </si>
  <si>
    <t>【上海电气锅炉】 热端外侧径向软密封片\t1.5\770042-B4-04004</t>
  </si>
  <si>
    <t>【上海电气锅炉】 热端外侧径向软密封片\t1.5\770042-B4-04005</t>
  </si>
  <si>
    <t>【上海电气锅炉】 热端外侧径向软密压板\t3\770042-A4-04006</t>
  </si>
  <si>
    <t>【上海电气锅炉】 热端软密封补隙片\t1.5\770042-A4-04007</t>
  </si>
  <si>
    <t>【上海电气锅炉】 冷端内侧径向软密封片\t1.5\770042-B4-04008</t>
  </si>
  <si>
    <t>【上海电气锅炉】 冷端内侧径向软密封片\t1.5\770042-B4-04009</t>
  </si>
  <si>
    <t>【上海电气锅炉】 冷端外侧径向软密封片\t1.5\770042-B4-04010</t>
  </si>
  <si>
    <t>【上海电气锅炉】 冷端外侧径向软密封片\t1.5\770042-B4-04011</t>
  </si>
  <si>
    <t>【上海电气锅炉】 冷端软密封补隙片\t1.5\770042-A4-04012</t>
  </si>
  <si>
    <t>【上海电气锅炉】 热端中心筒密封\t6.5\770069-A1-04001</t>
  </si>
  <si>
    <t>【上海电气锅炉】 热端内侧径向密封片\t2.6\770055-A1-04002</t>
  </si>
  <si>
    <t>【上海电气锅炉】 外侧压板\t3\770055-A1-04003</t>
  </si>
  <si>
    <t>【上海电气锅炉】 热端外侧径向密封片\t2.6\770055-A1-04004</t>
  </si>
  <si>
    <t>【上海电气锅炉】 内侧压板\t3\770055-A1-04005</t>
  </si>
  <si>
    <t>【上海电气锅炉】 热端补隙片\t2.6\770055-A1-04006</t>
  </si>
  <si>
    <t>【上海电气锅炉】 冷端内侧径向密封片\t2.6\770055-A1-04009</t>
  </si>
  <si>
    <t>【上海电气锅炉】 冷端补隙片\t2.6\770055-A1-04013</t>
  </si>
  <si>
    <t>【上海电气锅炉】 热端内侧径向软密封片\t1.5\770056-A2-04001</t>
  </si>
  <si>
    <t>【上海电气锅炉】 热端内侧径向软密封片\t1.5\770056-A2-04002</t>
  </si>
  <si>
    <t>【上海电气锅炉】 内侧压板\t1.5\770056-A2-04003</t>
  </si>
  <si>
    <t>【上海电气锅炉】 热端外侧径向软密封片\t1.5\770056-A2-04004</t>
  </si>
  <si>
    <t>【上海电气锅炉】 热端外侧径向软密封片\t1.5\770056-A2-04005</t>
  </si>
  <si>
    <t>【上海电气锅炉】 外侧压板\t1.5\770056-A2-04006</t>
  </si>
  <si>
    <t>【上海电气锅炉】 冷端内侧径向软密封片\t1.5\770056-A2-04007</t>
  </si>
  <si>
    <t>【上海电气锅炉】 冷端内侧径向软密封片\t1.5\770056-A2-04008</t>
  </si>
  <si>
    <t>【上海电气锅炉】 冷端中间径向软密封片\t1.5\770056-A2-04009</t>
  </si>
  <si>
    <t>【上海电气锅炉】 冷端中间径向软密封片\t1.5\770056-A2-04010</t>
  </si>
  <si>
    <t>【上海电气锅炉】 冷端外侧第二片径向软密封片\t1.5\770056-A2-04011</t>
  </si>
  <si>
    <t>【上海电气锅炉】 冷端外侧第二片径向软密封片\t1.5\770056-A2-04012</t>
  </si>
  <si>
    <t>【上海电气锅炉】 冷端外侧径向软密封片\t1.5\770056-A2-04013</t>
  </si>
  <si>
    <t>【上海电气锅炉】 冷端外侧径向软密封片\t1.5\770056-A2-04014</t>
  </si>
  <si>
    <t>【上海电气锅炉】 热端中心筒密封\t6.5\770074-B1-04001</t>
  </si>
  <si>
    <t>【上海电气锅炉】 热端内侧径向密封片\t2.6\770082-A1-04001</t>
  </si>
  <si>
    <t>【上海电气锅炉】 热端内侧压板\t3\770082-A1-04002</t>
  </si>
  <si>
    <t>【上海电气锅炉】 热端外侧径向密封片\t2.6\770074-A1-04004</t>
  </si>
  <si>
    <t>【上海电气锅炉】 热端内侧压板\t3\770074-A1-04003</t>
  </si>
  <si>
    <t>【上海电气锅炉】 热端密封补隙片\t2.6\770074-A1-04005</t>
  </si>
  <si>
    <t>【上海电气锅炉】 热端补隙片\t2.6\770074-A1-04009</t>
  </si>
  <si>
    <t>【上海电气锅炉】 冷端中心筒密封\t6.5\770074-B1-04006</t>
  </si>
  <si>
    <t>【上海电气锅炉】 冷端内侧径向密封片\t2.6\770082-A1-04003</t>
  </si>
  <si>
    <t>【上海电气锅炉】 冷端内侧压板\t3\770082-A1-04004</t>
  </si>
  <si>
    <t>【上海电气锅炉】 冷端径向密封片\t2.6\770074-A1-04013</t>
  </si>
  <si>
    <t>【上海电气锅炉】 外侧压\t3\770082-A1-04005</t>
  </si>
  <si>
    <t>【上海电气锅炉】 冷端密封补隙片\t2.6\770074-A1-04015</t>
  </si>
  <si>
    <t>【上海电气锅炉】 冷端补隙片\t2.6\770074-A1-04007</t>
  </si>
  <si>
    <t>【上海电气锅炉】 热端内侧径向密封片\t2.6\770079-A1-04001</t>
  </si>
  <si>
    <t>【上海电气锅炉】 热端外侧径向密封片\t2.6\770081-A1-04001</t>
  </si>
  <si>
    <t>【上海电气锅炉】 热端密封补隙片\t2.6\770081-A1-04002</t>
  </si>
  <si>
    <t>【上海电气锅炉】 冷端补隙片\t2.6\770079-A1-04004</t>
  </si>
  <si>
    <t>【上海电气锅炉】 冷端内侧径向密封片\t2.6\770074-A1-04011</t>
  </si>
  <si>
    <t>【上海电气锅炉】 冷端内侧压板\t3\770074-A1-04012</t>
  </si>
  <si>
    <t>【上海电气锅炉】 冷端外侧压板\t3\770074-A1-04014</t>
  </si>
  <si>
    <t>【上海电气锅炉】 冷端径向密封片\t2.6\770081-A1-04005</t>
  </si>
  <si>
    <t>【上海电气锅炉】 冷端密封补隙片\t2.6\770081-A1-04006</t>
  </si>
  <si>
    <t>【上海电气锅炉】 热端外侧径向密封片\t2.6\770079-A1-04002</t>
  </si>
  <si>
    <t>【上海电气锅炉】 热端密封补隙片\t2.6\770079-A1-04003</t>
  </si>
  <si>
    <t>【上海电气锅炉】 冷端径向密封片\t2.6\770079-A1-04007</t>
  </si>
  <si>
    <t>【上海电气锅炉】 冷端密封补隙片\t2.6\770079-A1-04008</t>
  </si>
  <si>
    <t>【上海电气锅炉】 热端内侧径向软密封片\t1.5\770079-A1-04009</t>
  </si>
  <si>
    <t>【上海电气锅炉】 热端内侧径向软密封片\t1.5\770079-A1-04010</t>
  </si>
  <si>
    <t>【上海电气锅炉】 热端外侧径向软密封片\t1.5\770074-A1-04018</t>
  </si>
  <si>
    <t>【上海电气锅炉】 热端外侧径向软密封片\t1.5\770074-A1-04019</t>
  </si>
  <si>
    <t>【上海电气锅炉】 热端内侧径向软密封片\t1.5\770079-A1-04011</t>
  </si>
  <si>
    <t>【上海电气锅炉】 热端内侧径向软密封片\t1.5\770079-A1-04012</t>
  </si>
  <si>
    <t>【上海电气锅炉】 热端软密封补隙片\t1.5\770079-A1-04013</t>
  </si>
  <si>
    <t>【上海电气锅炉】 热端软密封补隙片\t1.5\770079-A1-04014</t>
  </si>
  <si>
    <t>【上海电气锅炉】 热端软补隙片\t1.5\770074-A1-04022</t>
  </si>
  <si>
    <t>【上海电气锅炉】 冷端内侧径向软密封片\t1.5\770074-A1-04023</t>
  </si>
  <si>
    <t>【上海电气锅炉】 冷端内侧径向软密封片\t1.5\770074-A1-04024</t>
  </si>
  <si>
    <t>【上海电气锅炉】 冷端径向软密封片\t1.5\770074-A1-04025</t>
  </si>
  <si>
    <t>【上海电气锅炉】 冷端径向软密封片\t1.5\770074-A1-04027</t>
  </si>
  <si>
    <t>【上海电气锅炉】 冷端径向软密封片\t1.5\770079-A1-04015</t>
  </si>
  <si>
    <t>【上海电气锅炉】 冷端径向软密封片\t1.5\770079-A1-04016</t>
  </si>
  <si>
    <t>【上海电气锅炉】 冷端软密封补隙片\t1.5\770079-A1-04017</t>
  </si>
  <si>
    <t>【上海电气锅炉】 冷端软密封补隙片\t1.5\770079-A1-04018</t>
  </si>
  <si>
    <t>【上海电气锅炉】 冷端软补隙片\t1.5\770079-A1-04019</t>
  </si>
  <si>
    <t>【上海电气锅炉】 减温器水系统改造备件\\5008611-E1-01</t>
  </si>
  <si>
    <t>【上海电气】 钢管\φ35×7\12Cr1MoVG\20010258</t>
  </si>
  <si>
    <t>【上海电气】 钢管\φ32×6.2\15CrMoG\20010266</t>
  </si>
  <si>
    <t>【上海电气】 钢管\φ38×6.5\12Cr1MoVG\20010274</t>
  </si>
  <si>
    <t>【上海电气】 钢管\φ42×6.5\SA210-C\20010282</t>
  </si>
  <si>
    <t>【上海电气】 钢管\Φ38×7.2\15CrMoG\20010290</t>
  </si>
  <si>
    <t>【上海电气】 钢管\Φ35×8\15CrMoG\20010298</t>
  </si>
  <si>
    <t>【上海电气】 钢管\Φ35×6.2\15CrMoG\20010306</t>
  </si>
  <si>
    <t>【上海电气】 钢管\Φ35×6.0\15CrMoG\20010314</t>
  </si>
  <si>
    <t>【上海电气】 钢管\Φ35×7.2\15CrMoG\20010261</t>
  </si>
  <si>
    <t>【上海电气】 钢管\Φ48×7.5\SA210-C\20010269</t>
  </si>
  <si>
    <t>【上海电气】 钢管\Φ60×12\SA210-C\20010277</t>
  </si>
  <si>
    <t>【上海电气】 大口径管\Φ660.4×101.60\SA-106C\20010285</t>
  </si>
  <si>
    <t>【上海电气】 大口径管\Φ323.86×65.08\SA-106C\20010293</t>
  </si>
  <si>
    <t>【上海电气】 大口径管\Φ406×60.10\SA-106C\20010301</t>
  </si>
  <si>
    <t>【上海电气】 钢管\Φ50.8×8.0\15CrMoG\20010309</t>
  </si>
  <si>
    <t>【上海电气】 钢管\Φ63.5×9.0\15CrMoG\20010317</t>
  </si>
  <si>
    <t>【上海电气】 钢管\Φ44.5×6\12Cr1MoVG\20010256</t>
  </si>
  <si>
    <t>【上海电气】 钢管\Φ44.5×7.5\12Cr1MoVG\20010264</t>
  </si>
  <si>
    <t>【上海电气】 钢管\Φ63.5×11\SA213-T23\20010272</t>
  </si>
  <si>
    <t>【上海电气】 钢管\Φ63.5×8.5\SA213-T23\20010280</t>
  </si>
  <si>
    <t>【上海电气】 大口径管\Φ273.1×49.2\SA335-P12\20010288</t>
  </si>
  <si>
    <t>【上海电气】 大口径管\406.4×77.8\SA335-P12\20010296</t>
  </si>
  <si>
    <t>【上海电气】 钢管\Φ47.6×9\12Cr1MoVG\20010304</t>
  </si>
  <si>
    <t>【上海电气】 钢管\Φ57.2×7.5\12Cr1MoVG\20010312</t>
  </si>
  <si>
    <t>【上海电气】 钢管\Φ48×8\12Cr1MoVG\20010320</t>
  </si>
  <si>
    <t>【上海电气】 钢管\Φ57.2×8\SA213-T91\20010259</t>
  </si>
  <si>
    <t>【上海电气】 钢管\Φ47.6×8.5\SA213-T91\20010267</t>
  </si>
  <si>
    <t>【上海电气】 大口径管\Φ355.6×65.1\SA335-P12\20010275</t>
  </si>
  <si>
    <t>【上海电气】 大口径管\Φ406.4×60.3\SA335-P91\20010283</t>
  </si>
  <si>
    <t>【上海电气】 钢管\Φ38×8\SA213-T91\20010291</t>
  </si>
  <si>
    <t>【上海电气】 大口径管\Φ610×120\SA335-P91\20010299</t>
  </si>
  <si>
    <t>【上海电气】 钢管\Φ38.1×5.5\SA213-T91\20010307</t>
  </si>
  <si>
    <t>【上海电气】 钢管\Φ38.1×6\SA213-T91\20010315</t>
  </si>
  <si>
    <t>【上海电气】 钢管\Φ38.1×8.0\SA213-T91\20010255</t>
  </si>
  <si>
    <t>【上海电气】 钢管\Φ38.1×7.0\SA213-T23\20010263</t>
  </si>
  <si>
    <t>【上海电气】 钢管\Φ50.8×9\15CrMoG\20010271</t>
  </si>
  <si>
    <t>【上海电气】 大口径管\323.85×46\12Cr1MoVG\20010279</t>
  </si>
  <si>
    <t>【上海电气】 钢管\Φ63.5×11.5\15CrMoG\20010287</t>
  </si>
  <si>
    <t>【上海电气】 大口径管\Φ323.85×50\12Cr1MoVG\20010295</t>
  </si>
  <si>
    <t>【上海电气】 钢管\Φ63.5×9\15CrMoG\20010303</t>
  </si>
  <si>
    <t>【上海电气】 钢管\Φ51×9\15CrMoG\20010311</t>
  </si>
  <si>
    <t>【上海电气】 钢管\Φ63.5×10\15CrMoG\20010319</t>
  </si>
  <si>
    <t>【上海电气】 大口径管\Φ381×60\12Cr1MoVG\20010262</t>
  </si>
  <si>
    <t>【上海电气】 大口径管\Φ406.4×74.6\SA335-P12\20010270</t>
  </si>
  <si>
    <t>【上海电气】 钢管\Φ51×8\SA213-T23\20010278</t>
  </si>
  <si>
    <t>【上海电气】 大口径管\Φ355.6×66.6\SA335-P12\20010286</t>
  </si>
  <si>
    <t>【上海电气】 钢管\Φ54×10\15CrMoG\20010294</t>
  </si>
  <si>
    <t>【上海电气】 钢管\50.8×9\15CrMoG\20010302</t>
  </si>
  <si>
    <t>【上海电气】 钢管\Φ63.5×4.0\SA210-C\20010310</t>
  </si>
  <si>
    <t>【上海电气】 钢管\Φ60.3×4.0\12Cr1MoVG\20010318</t>
  </si>
  <si>
    <t>【上海电气】 钢管\Φ76×4.5\SA213-T23\20010328</t>
  </si>
  <si>
    <t>【上海电气】 钢管\Φ63.5×4.0\SA213-T23\20010336</t>
  </si>
  <si>
    <t>【上海电气】 钢管\Φ76×10\SA213-TP347H\20010344</t>
  </si>
  <si>
    <t>【上海电气】 大口径管\Φ508×20.64\SA-106C\20010257</t>
  </si>
  <si>
    <t>【上海电气】 大口径管\Φ711.2×30.00\12Cr1MoVG\20010265</t>
  </si>
  <si>
    <t>【上海电气】 大口径管\Φ609.6×28.00\12Cr1MoVG\20010273</t>
  </si>
  <si>
    <t>【上海电气】 大口径管\Φ711.2×44.45\SA335-P91\20010281</t>
  </si>
  <si>
    <t>【上海电气】 钢管\Φ32×7.2\12Cr1MoVG\20010289</t>
  </si>
  <si>
    <t>【上海电气】 钢管\Φ54×15\12Cr1MoVG\20010297</t>
  </si>
  <si>
    <t>【上海电气】 钢管\Φ42×9\12Cr1MoVG\20010305</t>
  </si>
  <si>
    <t>【上海电气】 钢管\Φ51×8\12Cr1MoVG\20010313</t>
  </si>
  <si>
    <t>【上海电气】 钢管\Φ51×8\15CrMoG\20010321</t>
  </si>
  <si>
    <t>【上海电气】 钢管\Φ44.5×7\SA213-SUPER304H-SB\20010325</t>
  </si>
  <si>
    <t>【上海电气】 钢管\Φ44.5×8.5\SA213-SUPER304H-SB\20010333</t>
  </si>
  <si>
    <t>【上海电气】 钢管\Φ44.5×8\SA213-SUPER304H-SB\20010341</t>
  </si>
  <si>
    <t>【上海电气】 大口径管\Φ273×70\12Cr1MoVG\20010349</t>
  </si>
  <si>
    <t>【上海电气】 钢管\Φ54×9\SA213-SUPER304H-SB\20010260</t>
  </si>
  <si>
    <t>【上海电气】 钢管\Φ42×6.5\SA213-SUPER304H-SB\20010268</t>
  </si>
  <si>
    <t>【上海电气】 钢管\Φ42×7\SA213-SUPER304H-SB\20010276</t>
  </si>
  <si>
    <t>【上海电气】 钢管\Φ54×11.5\SA213-TP310HCbN\20010284</t>
  </si>
  <si>
    <t>【上海电气】 钢管\Φ42×7.5\SA213-TP310HCbN\20010292</t>
  </si>
  <si>
    <t>【上海电气】 钢管\Φ42×8.5\SA213-TP310HCbN\20010300</t>
  </si>
  <si>
    <t>【上海电气】 钢管\Φ42×6.5\SA213-T91\20010308</t>
  </si>
  <si>
    <t>【上海电气】 钢管\Φ42×8\12Cr1MoVG\20010316</t>
  </si>
  <si>
    <t>【上海电气】 钢管\Φ51×7\12Cr1MoVG\20010327</t>
  </si>
  <si>
    <t>【上海电气】 钢管\Φ57×4\SA213-SUPER304H-SB\20010335</t>
  </si>
  <si>
    <t>【上海电气】 钢管\Φ57×8\SA213-SUPER304H-SB\20010343</t>
  </si>
  <si>
    <t>【上海电气】 钢管\Φ63.5×8\SA213-SUPER304H-SB\20010322</t>
  </si>
  <si>
    <t>【上海电气】 钢管\Φ57×4.5\SA213-SUPER304H-SB\20010330</t>
  </si>
  <si>
    <t>【上海电气】 钢管\Φ57×4.5\SA213-TP310HCbN\20010338</t>
  </si>
  <si>
    <t>【上海电气】 钢管\Φ51×4\SA213-T92\20010346</t>
  </si>
  <si>
    <t>【上海电气】 钢管\Φ63.5×5\SA213-T92\20010326</t>
  </si>
  <si>
    <t>【上海电气】 钢管\Φ57×4.5\SA213-T92\20010334</t>
  </si>
  <si>
    <t>【上海电气】 钢管\Φ57×9.5\15CrMoG\20010342</t>
  </si>
  <si>
    <t>【上海电气】 钢管\Φ60×11\15CrMoG\20010323</t>
  </si>
  <si>
    <t>【上海电气】 大口径管\Φ559×95\SA-106C\20010331</t>
  </si>
  <si>
    <t>【上海电气】 大口径管\Φ610×110\SA-106C\20010339</t>
  </si>
  <si>
    <t>【上海电气】 大口径管\Φ324×70\SA-106C\20010347</t>
  </si>
  <si>
    <t>【上海电气】 大口径管\Φ273×50\12Cr1MoVG\20010329</t>
  </si>
  <si>
    <t>【上海电气】 大口径管\Φ406×75\SA-106C\20010337</t>
  </si>
  <si>
    <t>【上海电气】 大口径管\Φ324×65\12Cr1MoVG\20010345</t>
  </si>
  <si>
    <t>【上海电气】 大口径管\Φ610×45\12Cr1MoVG\20010324</t>
  </si>
  <si>
    <t>【上海电气】 大口径管\Φ813×55\12Cr1MoVG\20010332</t>
  </si>
  <si>
    <t>【上海电气】 大口径管\Φ660×50\12Cr1MoVG\20010340</t>
  </si>
  <si>
    <t>【上海电气】 大口径管\Φ914×90\SA335-P92\20010348</t>
  </si>
  <si>
    <t>【上海电气】 一次风喷嘴\\NR9\680160-D1-05002</t>
  </si>
  <si>
    <t>【上海电气】 燃烧器钝体\\NR9\680160-C1-05003</t>
  </si>
  <si>
    <t>【上海电气】 二次风喷嘴\\1Cr20Ni14Si2\680124-C1-09001</t>
  </si>
  <si>
    <t>【上海电气】 二次风喷嘴\\1Cr20Ni14Si2\680124-C1-09008</t>
  </si>
  <si>
    <t>【上海电气】 油二次风喷嘴\\1Cr20Ni14Si2\680124-C1-09016</t>
  </si>
  <si>
    <t>【上海电气】 二次风喷嘴\\1Cr20Ni14Si2\680124-C1-09024</t>
  </si>
  <si>
    <t>【上海电气】 二次风喷嘴\\1Cr20Ni14Si2\680124-C1-09031</t>
  </si>
  <si>
    <t>【上海电气】 二次风喷嘴\\1Cr20Ni14Si2\680124-C1-09038</t>
  </si>
  <si>
    <t>【上海电气】 SOFA喷嘴\\1Cr20Ni14Si2\F89.24-0</t>
  </si>
  <si>
    <t>【上海电气】 喷嘴上下调节机构（右）\\\F80.193-0</t>
  </si>
  <si>
    <t>【上海电气】 喷嘴上下调节机构（左）\\\F80.194-0</t>
  </si>
  <si>
    <t>【上海电气】 管子\\SA213-T12\541950-A1-03013 </t>
  </si>
  <si>
    <t>【上海电气】 钢板\\SA387-Gr12CL1\541953-A1-03009 </t>
  </si>
  <si>
    <t>【上海电气】 一次风喷嘴\\1Cr20Ni14Si2\680977-D1-07002</t>
  </si>
  <si>
    <t>【上海电气】 二次风喷嘴\\1Cr20Ni14Si2\680196-C1-09001</t>
  </si>
  <si>
    <t>【上海电气】 二次风喷嘴\\1Cr20Ni14Si2\680196-C1-09009</t>
  </si>
  <si>
    <t>【上海电气】 二次风喷嘴\\1Cr20Ni14Si2\680196-C1-09025</t>
  </si>
  <si>
    <t>【上海电气】 二次风喷嘴\\1Cr20Ni14Si2\680977-C1-09001</t>
  </si>
  <si>
    <t>【上海电气】 二次风喷嘴\\1Cr20Ni14Si2\680977-C1-09016</t>
  </si>
  <si>
    <t>【上海电气】 二次风喷嘴\\1Cr20Ni14Si2\680977-C1-09029</t>
  </si>
  <si>
    <t>【上海电气】 喷嘴上下调节机构（右）\\\F180.30-0</t>
  </si>
  <si>
    <t>【上海电气】 喷嘴上下调节机构（左）\\\F180.31-0</t>
  </si>
  <si>
    <t>【上海电气】 高位燃尽风喷嘴\\1Cr20Ni14Si2\680977-C1-15001</t>
  </si>
  <si>
    <t>【上海电气】 高位燃尽风喷嘴\\1Cr20Ni14Si2\680977-C1-15019</t>
  </si>
  <si>
    <t>【上海电气】 煤粉喷嘴前部\\1Cr20Ni14Si2\680179-D1-07001</t>
  </si>
  <si>
    <t>【上海电气】 煤粉喷嘴后部\\1Cr20Ni14Si2\680179-D1-07006</t>
  </si>
  <si>
    <t>【上海电气】 扩流锥\\NR9\680179-C1-07003</t>
  </si>
  <si>
    <t>【上海电气】 二次风喷嘴（OFA喷嘴）\\ZG3Cr28Ni7Mn\680115-B1-03001</t>
  </si>
  <si>
    <t>【上海电气】 二次风喷嘴（EE层喷嘴）\\NR9\680179-B1-05001</t>
  </si>
  <si>
    <t>【上海电气】 二次风喷嘴（BC、DE层喷嘴）\\NR9\680179-B1-05002</t>
  </si>
  <si>
    <t>【上海电气】 二次风喷嘴（AB、CD层喷嘴）\\NR9\680179-B1-05004</t>
  </si>
  <si>
    <t>【上海电气】 SOFA喷嘴\\ZG3Cr28Ni7Mn\680179-B1-15001</t>
  </si>
  <si>
    <t>【上海电气】 喷嘴上下调节机构（右）\\\F80.131-0</t>
  </si>
  <si>
    <t>【上海电气】 喷嘴上下调节机构（左）\\\F80.132-0</t>
  </si>
  <si>
    <t>【上海电气】 短弯头装置\\耐磨铸钢\680115-B1-08</t>
  </si>
  <si>
    <t>【上海电气】 长弯头装置\\耐磨铸钢\680115-B1-09</t>
  </si>
  <si>
    <t>【上海电气】 3号角短弯头装置\\耐磨铸钢\680179-B1-13</t>
  </si>
  <si>
    <t>【上海电气】 3号角长弯头装置\\耐磨铸钢\680179-B1-14</t>
  </si>
  <si>
    <t>【上海电气】 扩流锥\\ZG3Cr28Ni7Mn\680049-A1-07006</t>
  </si>
  <si>
    <t>【上海电气】 二次风喷嘴\\1Cr20Ni14Si2\680049-C1-05001</t>
  </si>
  <si>
    <t>【上海电气】 二次风喷嘴\\1Cr20Ni14Si2\680049-C1-05009</t>
  </si>
  <si>
    <t>【上海电气】 二次风喷嘴\\1Cr20Ni14Si2\680049-C1-05017</t>
  </si>
  <si>
    <t>【上海电气】 二次风喷嘴\\1Cr20Ni14Si2\680049-C1-05024</t>
  </si>
  <si>
    <t>【上海电气】 二次风喷嘴\\1Cr20Ni14Si2\680049-C1-05035A</t>
  </si>
  <si>
    <t>【上海电气】 二次风喷嘴\\1Cr20Ni14Si2\680049-C1-05043</t>
  </si>
  <si>
    <t>【上海电气】 长弯头\\ZG40CrMnMoNiRe\680110-C1-01</t>
  </si>
  <si>
    <t>【上海电气】 短弯头\\ZG40CrMnMoNiRe\680110-C1-02</t>
  </si>
  <si>
    <t>【上海电气】 煤粉喷嘴前部\\1Cr20Ni14Si2\680049-D1-07001</t>
  </si>
  <si>
    <t>【上海电气】 煤粉喷嘴后部\\1Cr20Ni14Si2\680049-D1-07008</t>
  </si>
  <si>
    <t>【上海电气】 二次风喷嘴(OFA)\\ZG3Cr28Ni7Mn\680108-C1-01001</t>
  </si>
  <si>
    <t>【上海电气】 二次风喷嘴(AA、EE)\\ZG3Cr28Ni7Mn\680108-C1-01002</t>
  </si>
  <si>
    <t>【上海电气】 二次风喷嘴(AB、BC、DE)\\1Cr20Ni14Si2\680113-C1-01001</t>
  </si>
  <si>
    <t>【上海电气】 二次风喷嘴(CD)\\1Cr20Ni14Si2\680113-C1-01013</t>
  </si>
  <si>
    <t>【上海电气】 SOFA喷嘴\\ZG3Cr28Ni7Mn\680108-B1-18001</t>
  </si>
  <si>
    <t>【上海电气】 长弯头\\ZG40CrMnMoNiRe\680113-C1-04</t>
  </si>
  <si>
    <t>【上海电气】 短弯头\\ZG40CrMnMoNiRe\680113-C1-05</t>
  </si>
  <si>
    <t>【上海电气】 集热块\40x20\\9201561-1</t>
  </si>
  <si>
    <t>【上海电气】 煤粉喷嘴前部\\ZG3Cr28Ni7Mn\680107-D1-07001</t>
  </si>
  <si>
    <t>【上海电气】 煤粉喷嘴后部\\ZG3Cr28Ni7Mn\680107-D1-07004</t>
  </si>
  <si>
    <t>【上海电气】 扩流锥\\ZG3Cr28Ni7Mn\680104-A1-07003</t>
  </si>
  <si>
    <t>【上海电气】 二次风喷嘴(OFA)\\ZG3Cr28Ni7Mn\680107-C1-05001</t>
  </si>
  <si>
    <t>【上海电气】 二次风喷嘴(AA、EE)\\ZG3Cr28Ni7Mn\680107-C1-05003</t>
  </si>
  <si>
    <t>【上海电气】 二次风喷嘴(AB、BC、DE)\\1Cr20Ni14Si2\680107-C1-05007</t>
  </si>
  <si>
    <t>【上海电气】 二次风喷嘴(CD)\\1Cr20Ni14Si2\680107-C1-05015</t>
  </si>
  <si>
    <t>【上海电气】 SOFA喷嘴\\ZG3Cr28Ni7Mn\680104-B1-18001</t>
  </si>
  <si>
    <t>【上海电气】 长弯头\\耐磨铸钢\680107-D1-16</t>
  </si>
  <si>
    <t>【上海电气】 短弯头\\耐磨铸钢\680107-C1-17</t>
  </si>
  <si>
    <t>【上海电气】 末过进口集箱三通（含管接头）\Φ406x406x610\\R53.15</t>
  </si>
  <si>
    <t>【上海电气】 后屏出口集箱三通（含管接头）\Φ457x457x610\\542833-C1-23001</t>
  </si>
  <si>
    <t>【上海电气】 一次风喷嘴\\1Cr20Ni14Si2\680027-D1-04001</t>
  </si>
  <si>
    <t>【上海电气】 稳然体\\ZG3Cr28Ni7Mn\680023-D1-04006</t>
  </si>
  <si>
    <t>【上海电气】 二次风喷嘴\\ZG3Cr28Ni7Mn\680027-B1-08002</t>
  </si>
  <si>
    <t>【上海电气】 油二次风喷嘴\\ZG3Cr28Ni7Mn\680027-B1-08003</t>
  </si>
  <si>
    <t>【上海电气】 二次风喷嘴\\1Cr20Ni14Si2\680027-C1-08006</t>
  </si>
  <si>
    <t>【上海电气】 二次风喷嘴\\ZG3Cr28Ni7Mn\680027-B1-08012</t>
  </si>
  <si>
    <t>【上海电气】 喷嘴I\\Cr20Ni14Si2\680001-C1-07001</t>
  </si>
  <si>
    <t>【上海电气】 喷嘴Ⅱ\\Cr20Ni14Si2\680001-C1-08001</t>
  </si>
  <si>
    <t>【上海电气】 喷嘴Ⅳ\\Cr20Ni14Si2\680001-C1-09001</t>
  </si>
  <si>
    <t>【上海电气】 喷嘴Ⅲ\\Cr20Ni14Si2\680001-C1-10001</t>
  </si>
  <si>
    <t>【上海电气】 喷头\\Cr20Ni14Si2\680001-D1-11001</t>
  </si>
  <si>
    <t>【上海电气】 扩流锥\\ZGCr26NiMn3N\680001-D1-11006</t>
  </si>
  <si>
    <t>【上海电气】 喷嘴\\Cr20Ni14Si2\680001-D1-11010</t>
  </si>
  <si>
    <t>【上海电气】 三次风喷嘴\\Cr20Ni14Si2\680001-C1-12002</t>
  </si>
  <si>
    <t>【上海电气】 喷嘴Ⅲ\\Cr20Ni14Si2\680001-C1-13001</t>
  </si>
  <si>
    <t>【上海电气】 CD层二次风喷嘴\\NR9\6804013-C1-05002</t>
  </si>
  <si>
    <t>【上海电气】 燃油层二次风喷嘴\\NR9\6804013-C1-05003</t>
  </si>
  <si>
    <t>【上海电气】 摆动机构（右）\\\F180.58-0</t>
  </si>
  <si>
    <t>【上海电气】 摆动机构（左）\\\F180.59-0</t>
  </si>
  <si>
    <t>【上海电气】 入口短弯头\\ZG40CrMnMoNiRe\6804013-B1-11</t>
  </si>
  <si>
    <t>【上海电气】 入口长弯头\\ZG40CrMnMoNiRe\6804013-B1-12</t>
  </si>
  <si>
    <t>【上海电气】 OFA喷嘴\\Cr20Ni14Si2\T680031-C1-05001</t>
  </si>
  <si>
    <t>【上海电气】 CC层喷嘴\\Cr20Ni14Si2\T680031-C1-05016</t>
  </si>
  <si>
    <t>【上海电气】 A.B.C层燃油喷嘴\\NR9\T680031-B1-05029</t>
  </si>
  <si>
    <t>【上海电气】 中间层喷嘴\\Cr20Ni14Si2\T680031-C1-05030</t>
  </si>
  <si>
    <t>【上海电气】 AA层喷嘴\\NR9\T680031-B1-05043</t>
  </si>
  <si>
    <t>【上海电气】 端部二次风喷嘴\\NR9\680539-C1-09001</t>
  </si>
  <si>
    <t>【上海电气】 端部二次风喷嘴\\NR9\680539-C1-11001</t>
  </si>
  <si>
    <t>【上海电气】 油二次风喷嘴\\NR9\680539-C1-09002</t>
  </si>
  <si>
    <t>【上海电气】 偏执二次风喷嘴\\NR9\680539-C1-09007</t>
  </si>
  <si>
    <t>【上海电气】 中间二次风喷嘴\\NR9\680539-C1-09008</t>
  </si>
  <si>
    <t>【上海电气】 CCOFA喷嘴\\NR9\680548-C1-07001</t>
  </si>
  <si>
    <t>【上海电气】 SOFA喷嘴\\Cr20Ni14Si2\6807001-D1-07001</t>
  </si>
  <si>
    <t>【上海电气】 管子\\\9201595-A1-01001</t>
  </si>
  <si>
    <t>【上海电气】 管子\\\9201595-A1-01002</t>
  </si>
  <si>
    <t>【上海电气】 管子\\\9201595-A1-01003</t>
  </si>
  <si>
    <t>【上海电气】 管子\\\9201595-A1-01004</t>
  </si>
  <si>
    <t>【上海电气】 管子\\\9201595-A1-01005</t>
  </si>
  <si>
    <t>【上海电气】 管子\\\9201595-A1-01006</t>
  </si>
  <si>
    <t>【上海电气】 管子\\\9201595-A1-01007</t>
  </si>
  <si>
    <t>【上海电气】 管子\\\9201595-A1-01008</t>
  </si>
  <si>
    <t>【上海电气】 管子\\\9201595-A1-01009</t>
  </si>
  <si>
    <t>【上海电气】 管子\\\9201595-A1-01010</t>
  </si>
  <si>
    <t>【上海电气】 T型弯头\\\5207050-A1-10018</t>
  </si>
  <si>
    <t>【上海电气】 AA层二次风喷嘴\\ZG40CrMnMoNiRe\6807050-C1-13001</t>
  </si>
  <si>
    <t>【上海电气】 油二次风喷嘴\\ZG40CrMnMoNiRe\6807050-C1-13002</t>
  </si>
  <si>
    <t>【上海电气】 二次风喷嘴\\ZG40CrMnMoNiRe\6807050-C1-13003</t>
  </si>
  <si>
    <t>【上海电气】 二次风喷嘴\\ZG40CrMnMoNiRe\6807050-C1-13004</t>
  </si>
  <si>
    <t>【上海电气】 二次风喷嘴\\ZG40CrMnMoNiRe\6807050-C1-13005</t>
  </si>
  <si>
    <t>【上海电气】 二次风喷嘴\\ZG40CrMnMoNiRe\6807050-C1-15001</t>
  </si>
  <si>
    <t>【上海电气】 FF层二次风喷嘴\\ZG40CrMnMoNiRe\6807050-C1-15002</t>
  </si>
  <si>
    <t>【上海电气】 AGP喷嘴\\ZG40CrMnMoNiRe\6807050-C1-25001</t>
  </si>
  <si>
    <t>【上海电气】 煤粉喷嘴前部\\NR9\680188-D1-01001</t>
  </si>
  <si>
    <t>【上海电气】 煤粉喷嘴后部\\1Cr20Ni14Si2\680188-D1-01006</t>
  </si>
  <si>
    <t>【上海电气】 入口短弯头\\ZG40CrMnMoNiRe\680188-C1-04</t>
  </si>
  <si>
    <t>【上海电气】 入口长弯头\\ZG40CrMnMoNiRe\680188-C1-05</t>
  </si>
  <si>
    <t>【上海电气】 SOFA喷嘴\\1Cr20Ni14Si2\680174-C1-20001</t>
  </si>
  <si>
    <t>【上海电气】 OFA喷嘴\\1Cr20Ni14Si2\680174-C1-11001</t>
  </si>
  <si>
    <t>【上海电气】 EE层二次风喷嘴\\1Cr20Ni14Si2\680174-C1-11007</t>
  </si>
  <si>
    <t>【上海电气】 CD层二次风喷嘴\\1Cr20Ni14Si2\680174-C1-11013</t>
  </si>
  <si>
    <t>【上海电气】 AB、BC、DE层燃油喷嘴\\1Cr20Ni14Si2\680174-C1-11019</t>
  </si>
  <si>
    <t>【上海电气】 AA层二次风喷嘴\\1Cr20Ni14Si2\680174-C1-11024</t>
  </si>
  <si>
    <t>【上海电气】 末级过热器管排\Φ51x7\SA213-T91\9201684-E1-01-1</t>
  </si>
  <si>
    <t>【上海电气】 分隔屏让位管\Φ51x7\ 12Cr1MoVG\9201735-A1-01001</t>
  </si>
  <si>
    <t>【上海电气】 末过U型弯管\Φ51x7\SA213-T23\9201735-A1-01002</t>
  </si>
  <si>
    <t>【上海电气】 后屏过热器U开型弯管（夹持定位管）\Φ54x8\SA213-T347H\9201735-A1-01003</t>
  </si>
  <si>
    <t>【上海电气】 分隔屏S型定位管\Φ51x7.5\SA213-T347H\9201735-A1-01004</t>
  </si>
  <si>
    <t>【上海电气】 护板\\1Cr20N114Si2\540859-A1-05012</t>
  </si>
  <si>
    <t>【上海电气】 一次风喷嘴\\NR9\680233-C1-01001</t>
  </si>
  <si>
    <t>【上海电气】 稳燃体\\1Cr20Ni14Si2\680233-C1-04006</t>
  </si>
  <si>
    <t>【上海电气】 OFA喷嘴\\NR9\680233-C1-05001</t>
  </si>
  <si>
    <t>【上海电气】 AA、EE层二次风喷嘴\\NR9\680233-C1-05002</t>
  </si>
  <si>
    <t>【上海电气】 AB、CD层二次风喷嘴\\NR9\680233-C1-05003</t>
  </si>
  <si>
    <t>【上海电气】 BC、DE层燃油喷嘴\\NR9\680233-C1-05004</t>
  </si>
  <si>
    <t>【上海电气】 入口短弯头\\JM6\6801233-C1-14</t>
  </si>
  <si>
    <t>【上海电气】 入口长弯头\\JM6\6801233-C1-15</t>
  </si>
  <si>
    <t>【上海电气】 3号角入口加长短弯头\\JM6\6801233-C1-16</t>
  </si>
  <si>
    <t>【上海电气】 3号角入口加长长弯头\\JM6\6801233-C1-17</t>
  </si>
  <si>
    <t>【上海电气】 OFA喷嘴\\1Cr20Ni14Si2\680187-C1-05001</t>
  </si>
  <si>
    <t>【上海电气】 EE层二次风喷嘴\\1Cr20Ni14Si2\680187-C1-05006</t>
  </si>
  <si>
    <t>【上海电气】 CD层二次风喷嘴\\1Cr20Ni14Si2\680187-C1-05011</t>
  </si>
  <si>
    <t>【上海电气】 AB、BC、DE层燃油喷嘴\\1Cr20Ni14Si2\680187-C1-05018</t>
  </si>
  <si>
    <t>【上海电气】 AA层二次风喷嘴\\1Cr20Ni14Si2\680187-C1-05025</t>
  </si>
  <si>
    <t>【上海电气】 煤粉喷嘴前部\\NR9\680189-D1-01001</t>
  </si>
  <si>
    <t>【上海电气】 煤粉喷嘴后部\\1Cr20Ni14Si2\680189-D1-01004</t>
  </si>
  <si>
    <t>【上海电气】 SOFA喷嘴\\1Cr20Ni14Si2\680187-C1-22001</t>
  </si>
  <si>
    <t>【上海电气】 入口短弯头\\ZG40CrMnMoNiRe\6801233-B1-04</t>
  </si>
  <si>
    <t>【上海电气】 入口长弯头\\ZG40CrMnMoNiRe\6801233-B1-05</t>
  </si>
  <si>
    <t>【上海电气】 煤粉喷嘴前部\\ZG3Cr28Ni7Mn\680186-D1-05001</t>
  </si>
  <si>
    <t>【上海电气】 扩流锥\\ZG3Cr28Ni7Mn\680186-C1-05003</t>
  </si>
  <si>
    <t>【上海电气】 煤粉喷嘴后部\\1Cr20Ni14Si2\680186-D1-05008</t>
  </si>
  <si>
    <t>【上海电气】 OFA喷嘴\\1Cr20Ni14Si2\680186-C1-11001</t>
  </si>
  <si>
    <t>【上海电气】 EE层二次风喷嘴\\1Cr20Ni14Si2\680186-C1-11008</t>
  </si>
  <si>
    <t>【上海电气】 CD层二次风喷嘴\\1Cr20Ni14Si2\680186-C1-11014</t>
  </si>
  <si>
    <t>【上海电气】 AB、BC、DE层燃油喷嘴\\1Cr20Ni14Si2\680186-C1-11020</t>
  </si>
  <si>
    <t>【上海电气】 AA层二次风喷嘴\\1Cr20Ni14Si2\680186-C1-11028</t>
  </si>
  <si>
    <t>【上海电气】 SOFA喷嘴\\1Cr20Ni14Si2\680186-C1-22001</t>
  </si>
  <si>
    <t>【上海电气】 喷嘴本体\\1Cr20Ni14Si2\680186-C1-22004</t>
  </si>
  <si>
    <t>【上海电气】 喷嘴前部\\1Cr20Ni14Si2\680186-C1-22008</t>
  </si>
  <si>
    <t>【上海电气】 入口短弯头\\ZG40CrMnMoNiRe\680186-C1-30</t>
  </si>
  <si>
    <t>【上海电气】 入口长弯头\\ZG40CrMnMoNiRe\680186-C1-31</t>
  </si>
  <si>
    <t>【上海电气】 3号角入口加长短弯头\\ZG40CrMnMoNiRe\680186-C1-32</t>
  </si>
  <si>
    <t>【上海电气】 3号角入口加长长弯头\\ZG40CrMnMoNiRe\680186-C1-33</t>
  </si>
  <si>
    <t>【上海电气】 煤粉喷嘴前部\\1Cr20Ni14Si2\680180-D1-05001</t>
  </si>
  <si>
    <t>【上海电气】 EE层二次风喷嘴\\NR9\680218-C1-09001</t>
  </si>
  <si>
    <t>【上海电气】 CD层二次风喷嘴\\1Cr20Ni14Si2\680218-C1-09002</t>
  </si>
  <si>
    <t>【上海电气】 AB、BC、DE层燃油喷嘴\\1Cr20Ni14Si2\680218-C1-09008</t>
  </si>
  <si>
    <t>【上海电气】 SOFA喷嘴\\1Cr20Ni14Si2\680218-C1-15001</t>
  </si>
  <si>
    <t>【上海电气】 喷嘴本体\\1Cr20Ni14Si2\680218-C1-15007</t>
  </si>
  <si>
    <t>【上海电气】 喷嘴前部\\1Cr20Ni14Si2\680218-C1-15011</t>
  </si>
  <si>
    <t>【上海电气】 入口短弯头\\ZG40CrMnMoNiRe\680218-C1-23</t>
  </si>
  <si>
    <t>【上海电气】 入口长弯头\\ZG40CrMnMoNiRe\680218-C1-24</t>
  </si>
  <si>
    <t>【上海电气】 OFA喷嘴\\NR9\680749-B1-05001</t>
  </si>
  <si>
    <t>【上海电气】 CC层喷嘴\\NR9\680749-B1-05002</t>
  </si>
  <si>
    <t>【上海电气】 A、B、C层燃油喷嘴\\NR9\680749-B1-05003</t>
  </si>
  <si>
    <t>【上海电气】 AB2、BC2层喷嘴\\NR9\680749-B1-05004</t>
  </si>
  <si>
    <t>【上海电气】 AB1、BC1层喷嘴\\NR9\680749-B1-05005</t>
  </si>
  <si>
    <t>【上海电气】 AA层喷嘴\\NR9\680749-B1-05006</t>
  </si>
  <si>
    <t>【上海电气】 煤粉喷嘴前部\\NR9\680749-D1-07001</t>
  </si>
  <si>
    <t>【上海电气】 煤粉喷嘴后部\\1Cr20Ni14Si2\680749-D1-07008</t>
  </si>
  <si>
    <t>【上海电气】 扩流锥\\NR9\680749-C1-07003</t>
  </si>
  <si>
    <t>【上海电气】 二次风喷嘴\\1Cr20Ni14Si2\6806001-C1-07001</t>
  </si>
  <si>
    <t>【上海电气】 二次风喷嘴\\1Cr20Ni14Si2\6806001-C1-07006</t>
  </si>
  <si>
    <t>【上海电气】 二次风喷嘴\\1Cr20Ni14Si2\6806001-C1-07012</t>
  </si>
  <si>
    <t>【上海电气】 二次风喷嘴\\1Cr20Ni14Si2\680213-C1-09001</t>
  </si>
  <si>
    <t>【上海电气】 二次风喷嘴\\1Cr20Ni14Si2\680213-C1-09006</t>
  </si>
  <si>
    <t>【上海电气】 二次风喷嘴\\1Cr20Ni14Si2\680213-C1-09027</t>
  </si>
  <si>
    <t>【上海电气】 二次风喷嘴\\1Cr20Ni14Si2\680213-C1-09033</t>
  </si>
  <si>
    <t>【上海电气】 二次风喷嘴\\1Cr20Ni14Si2\680213-C1-09039</t>
  </si>
  <si>
    <t>【上海电气】 SOFA喷嘴\\1Cr20Ni14Si2\F189.02-0</t>
  </si>
  <si>
    <t>【上海电气】  缠绕式金属石墨垫圈  \Φ450/Φ406\不锈钢+石墨\SG3022.14-2003</t>
  </si>
  <si>
    <t>【上海电气】  缠绕式金属石墨垫圈\Φ464/Φ419 \不锈钢+石墨\L172.02-14</t>
  </si>
  <si>
    <t>【上海电气】 不锈钢垂直膨胀指示器\\\SG4317-2016</t>
  </si>
  <si>
    <t>【上海电气】 垂直膨胀指示器\\\SG4307-2003-0</t>
  </si>
  <si>
    <t>【上海电气】 单向膨胀指示器\\\SG4303-2003</t>
  </si>
  <si>
    <t>【上海电气】 三向膨胀指示器\\\ SG4311-96</t>
  </si>
  <si>
    <t>【上海电气】 三向膨胀指示器\\\SG4316-2016-0</t>
  </si>
  <si>
    <t>【上海电气】 三向膨胀指示器 II 型 \\\SG4312-2004-2</t>
  </si>
  <si>
    <t>【上海电气】 三向膨胀指示器 III 型\\\SG4313-2006-0</t>
  </si>
  <si>
    <t>【上海电气】 三向膨胀指示器 IV 型\\\SG4314-2006-0</t>
  </si>
  <si>
    <t>【上海电气】 三向膨胀指示器Ⅳ型\\\SG4315-2016-0</t>
  </si>
  <si>
    <t>【上海电气】 双向膨胀指示器\\\SG4302-2003-0</t>
  </si>
  <si>
    <t>【上海电气】 手孔端盖 \133/101\20(锻)\SG5119-91（133/101锻）</t>
  </si>
  <si>
    <t>【上海电气】 手孔端盖 \133/101\12Cr1MoV\SG5119-91（133/101）</t>
  </si>
  <si>
    <t>【上海电气】 手孔端盖 \133/93\12Cr1MoV\SG5119-91（133/930</t>
  </si>
  <si>
    <t>【上海电气】 手孔端盖 \108/80\20(锻)\SG5119-91（108/80锻）</t>
  </si>
  <si>
    <t>【上海电气】 手孔端盖 \108/80\12Cr1MoV\SG5119-91（108/80）</t>
  </si>
  <si>
    <t>【上海电气】 手孔端盖 \133/101\SA182-F12CL1\L132.17（F12CL1）</t>
  </si>
  <si>
    <t>【上海电气】 手孔端盖 \133/101\SA182-F91\L132.17（F91）</t>
  </si>
  <si>
    <t>【上海电气】 手孔端盖 \133/93\20(锻)\SG5119-91（133/93锻）</t>
  </si>
  <si>
    <t>【上海电气】 手孔端盖 \133/93\SA182-F91\542801-A1-18038</t>
  </si>
  <si>
    <t>【上海电气】 手孔端盖 \108/80-88\12Cr1MoV\SG5119-91（108/80-88）</t>
  </si>
  <si>
    <t>【上海电气】 手孔端盖 \133/101-109\12Cr1MoV\SG5119-91（133/101-109）</t>
  </si>
  <si>
    <t>【上海电气】 手孔端盖 \133/80\12Cr1MoV\5227050-A1-01003</t>
  </si>
  <si>
    <t>【上海电气】 端盖 \133/80\12Cr1MoV\5427050-A1-02003</t>
  </si>
  <si>
    <t>【上海电气】 端盖 \120/80\12Cr1MoV\5427050-A1-03006</t>
  </si>
  <si>
    <t>【上海电气】 端盖 \145/80\SA182-F91\5427050-A1-08003</t>
  </si>
  <si>
    <t>【上海电气】 端盖 \165/80\SA182-F92\5427050-A1-11005</t>
  </si>
  <si>
    <t>【上海电气】 手孔端盖 \133/80×60\SA105\5627050-A1-01003</t>
  </si>
  <si>
    <t>【上海电气】 手孔端盖 \133/80\12Cr1MoV\7427050-A1-01004</t>
  </si>
  <si>
    <t>【上海电气】 手孔端盖 \133/80\SA182-F91\7427050-A1-04004</t>
  </si>
  <si>
    <t>【上海电气】 手孔端盖 \133/80\SA182-F91\7427050-A1-08005</t>
  </si>
  <si>
    <t>【上海电气】 手孔端盖 \133/101-109\20(锻)\SG5119-91（133/101-109锻）</t>
  </si>
  <si>
    <t>【上海电气】 手孔端盖 \108/80-84\20(锻)\SG5119-91（108/80-84锻）</t>
  </si>
  <si>
    <t>【上海电气】 手孔端盖 \108/80-88\20(锻)\SG5119-91（108/80-88锻）</t>
  </si>
  <si>
    <t>【上海电气】 手孔盖 \108/84\20(锻)\562758-A1-06001</t>
  </si>
  <si>
    <t>【上海电气】 手孔端盖 \108/80-84\12Cr1MoV\SG5119-91（108/80-84）</t>
  </si>
  <si>
    <t>【上海电气】  省煤器上外数第1圈U型弯管\Φ51x6.5\20G\560834-E1-01-01</t>
  </si>
  <si>
    <t>【上海电气】  省煤器上外数第2圈U型弯管\Φ51x6.5\20G\560834-E1-01-02</t>
  </si>
  <si>
    <t>【上海电气】  分隔屏过热器外数第1圈U型弯管\Φ51x6\SA213-T91\540834-E1-01-01</t>
  </si>
  <si>
    <t>【上海电气】  分隔屏过热器外数第2圈U型弯管\Φ51x6.5\15CrMoG\540834-E1-01-02</t>
  </si>
  <si>
    <t>【上海电气】  分隔屏过热器外数第3圈U型弯管\Φ51x6.5\12Cr1MoV\540834-E1-01-03</t>
  </si>
  <si>
    <t>【上海电气】  分隔屏过热器外数第4圈U型弯管\Φ51x7\15CrMoG\540834-E1-01-04</t>
  </si>
  <si>
    <t>【上海电气】  分隔屏过热器外数第5圈U型弯管\Φ51x7\15CrMoG\540834-E1-01-05</t>
  </si>
  <si>
    <t>【上海电气】  分隔屏过热器外数第6圈U型弯管\Φ51x7\15CrMoG\540834-E1-01-06</t>
  </si>
  <si>
    <t>【上海电气】  分隔屏过热器外数第7圈U型弯管\Φ51x7\15CrMoG\540834-E1-01-07</t>
  </si>
  <si>
    <t>【上海电气】  分隔屏过热器外数第8圈U型弯管\Φ51x7\15CrMoG\540834-E1-01-08</t>
  </si>
  <si>
    <t>【上海电气】  后屏过热器外数第1圈U型弯管\Φ60x9\SA213-TP347H\540834-E1-02-01</t>
  </si>
  <si>
    <t>【上海电气】  后屏过热器外数第2圈U型弯管\Φ54x8\12Cr2MoWVTiB\540834-E1-02-02</t>
  </si>
  <si>
    <t>【上海电气】  后屏过热器外数第3圈U型弯管\Φ54x8\12Cr2MoWVTiB\540834-E1-02-03</t>
  </si>
  <si>
    <t>【上海电气】  后屏过热器外数第4圈U型弯管\Φ54x8\12Cr2MoWVTiB\540834-E1-02-04</t>
  </si>
  <si>
    <t>【上海电气】  后屏过热器外数第5圈U型弯管\Φ54x8\12Cr2MoWVTiB\540834-E1-02-05</t>
  </si>
  <si>
    <t>【上海电气】  后屏过热器外数第6圈U型弯管\Φ54x10\12Cr1MoV\540834-E1-02-06</t>
  </si>
  <si>
    <t>【上海电气】  后屏过热器外数第7圈U型弯管\Φ54x10\12Cr1MoV\540834-E1-02-07</t>
  </si>
  <si>
    <t>【上海电气】  后屏过热器外数第8圈U型弯管\Φ54x9\12Cr1MoV\540834-E1-02-08</t>
  </si>
  <si>
    <t>【上海电气】  后屏过热器外数第9圈U型弯管\Φ54x9\12Cr1MoV\540834-E1-02-09</t>
  </si>
  <si>
    <t>【上海电气】  末级过热器前屏外数第1圈U型弯管\Φ51x6.5\12Cr2MoWVTiB\540834-E1-03-01</t>
  </si>
  <si>
    <t>【上海电气】  末级过热器前屏外数第2圈U型弯管\Φ51x6.5\12Cr2MoWVTiB\540834-E1-03-04</t>
  </si>
  <si>
    <t>【上海电气】  末级过热器前屏外数第3圈U型弯管\Φ51x6.5\12Cr2MoWVTiB\540834-E1-03-07</t>
  </si>
  <si>
    <t>【上海电气】  末级过热器前屏外数第4圈U型弯管\Φ51x6.5\12Cr2MoWVTiB\540834-E1-03-10</t>
  </si>
  <si>
    <t>【上海电气】  末级过热器后屏外数第1圈U型弯管\Φ51x7.5\12Cr2MoWVTiB\540834-E1-03-03</t>
  </si>
  <si>
    <t>【上海电气】  末级过热器后屏外数第2圈U型弯管\Φ51x7\12Cr2MoWVTiB\540834-E1-03-06</t>
  </si>
  <si>
    <t>【上海电气】  末级过热器后屏外数第3圈U型弯管\Φ51x7\12Cr2MoWVTiB\540834-E1-03-09</t>
  </si>
  <si>
    <t>【上海电气】  末级过热器后屏外数第4圈U型弯管\Φ51x7\12Cr2MoWVTiB\540834-E1-03-12</t>
  </si>
  <si>
    <t>【上海电气】  低温过热器中部外数第1圈U型弯管\Φ51x7.5\20G\540834-E1-04-11（下）</t>
  </si>
  <si>
    <t>【上海电气】  低温过热器中部外数第2圈U型弯管\Φ51x7.5\20G\540834-E1-04-12（下）</t>
  </si>
  <si>
    <t>【上海电气】  低温过热器中部外数第3圈U型弯管\Φ51x7.5\20G\540834-E1-04-13（下）</t>
  </si>
  <si>
    <t>【上海电气】  低温过热器中部外数第4圈U型弯管\Φ51x7.5\20G\540834-E1-04-14（下）</t>
  </si>
  <si>
    <t>【上海电气】  低温过热器中部外数第5圈U型弯管\Φ51x7.5\20G\540834-E1-04-15（下）</t>
  </si>
  <si>
    <t>【上海电气】  低温过热器下部外数第1圈U型弯管\Φ51x6\20G\540834-E1-04-21</t>
  </si>
  <si>
    <t>【上海电气】  低温过热器下部外数第2圈U型弯管\Φ51x6\20G\540834-E1-04-22</t>
  </si>
  <si>
    <t>【上海电气】  低温过热器下部外数第3圈U型弯管\Φ51x6\20G\540834-E1-04-23</t>
  </si>
  <si>
    <t>【上海电气】  低温过热器下部外数第4圈U型弯管\Φ51x6\20G\540834-E1-04-24</t>
  </si>
  <si>
    <t>【上海电气】  低温过热器下部外数第5圈U型弯管\Φ51x6\20G\540834-E1-04-25</t>
  </si>
  <si>
    <t>【上海电气】  屏式再热器外数第1圈U型弯管\Φ63x4.5\SA213-T91\740834-E1-03-01</t>
  </si>
  <si>
    <t>【上海电气】  屏式再热器外数第2圈U型弯管\Φ63x4\SA213-T91\740834-E1-03-02</t>
  </si>
  <si>
    <t>【上海电气】  屏式再热器外数第3圈U型弯管\Φ63x4\15CrMoG\740834-E1-03-03</t>
  </si>
  <si>
    <t>【上海电气】  屏式再热器外数第4圈U型弯管\Φ63x4\15CrMoG\740834-E1-03-04</t>
  </si>
  <si>
    <t>【上海电气】  屏式再热器外数第5圈U型弯管\Φ63x4\15CrMoG\740834-E1-03-05</t>
  </si>
  <si>
    <t>【上海电气】  屏式再热器外数第6圈U型弯管\Φ63x4\15CrMoG\740834-E1-03-06</t>
  </si>
  <si>
    <t>【上海电气】  屏式再热器外数第7圈U型弯管\Φ63x4\15CrMoG\740834-E1-03-07</t>
  </si>
  <si>
    <t>【上海电气】  屏式再热器外数第8圈U型弯管\Φ63x4\15CrMoG\740834-E1-03-08</t>
  </si>
  <si>
    <t>【上海电气】  屏式再热器外数第9圈U型弯管\Φ63x4\15CrMoG\740834-E1-03-09</t>
  </si>
  <si>
    <t>【上海电气】  屏式再热器外数第10圈U型弯管\Φ63x4\15CrMoG\740834-E1-03-10</t>
  </si>
  <si>
    <t>【上海电气】  屏式再热器外数第11圈U型弯管\Φ63x4\15CrMoG\740834-E1-03-11</t>
  </si>
  <si>
    <t>【上海电气】  屏式再热器外数第12圈U型弯管\Φ63x4\15CrMoG\740834-E1-03-12</t>
  </si>
  <si>
    <t>【上海电气】  屏式再热器外数第13圈U型弯管\Φ63x4\15CrMoG\740834-E1-03-13</t>
  </si>
  <si>
    <t>【上海电气】  屏式再热器外数第14圈U型弯管\Φ63x5\12Cr1MoV\740834-E1-03-14</t>
  </si>
  <si>
    <t>【上海电气】  末级再热器外数第1圈U型弯管\Φ63x4.5\SA213-T91\740834-E1-04-01</t>
  </si>
  <si>
    <t>【上海电气】  末级再热器外数第2圈U型弯管\Φ63x4\12Cr2MoWVTiB\740834-E1-04-02</t>
  </si>
  <si>
    <t>【上海电气】  末级再热器外数第3圈U型弯管\Φ63x4\12Cr2MoWVTiB\740834-E1-04-03</t>
  </si>
  <si>
    <t>【上海电气】  末级再热器外数第4圈U型弯管\Φ63x4\12Cr2MoWVTiB\740834-E1-04-04</t>
  </si>
  <si>
    <t>【上海电气】  末级再热器外数第5圈U型弯管\Φ63x4\12Cr2MoWVTiB\740834-E1-04-05</t>
  </si>
  <si>
    <t>【上海电气】  末级再热器外数第6圈U型弯管\Φ63x4\12Cr2MoWVTiB\740834-E1-04-06</t>
  </si>
  <si>
    <t>【上海电气】  末级再热器外数第7圈U型弯管\Φ63x6\12Cr1MoV\740834-E1-04-07</t>
  </si>
  <si>
    <t>【上海电气】 炉室底部转角管\\\520834-E1-13</t>
  </si>
  <si>
    <t>【上海电气】 折烟角及炉室延伸侧墙管\\\520834-E1-14</t>
  </si>
  <si>
    <t>【上海电气】 炉膛上部及中部转角管屏\\\520834-E1-15</t>
  </si>
  <si>
    <t>【上海电气】 仪表测点孔装置I型\\\SG4056-99-I</t>
  </si>
  <si>
    <t>【上海电气】 仪表测点孔装置Ⅱ型\\\SG4056-99-Ⅱ</t>
  </si>
  <si>
    <t>【上海电气】 过热器II级减温器\\\520830-E1-02</t>
  </si>
  <si>
    <t>【上海电气】 再热器减温装置\\\520830-E1-03</t>
  </si>
  <si>
    <t>【上海电气】 炉膛前墙上集箱\\\522834-E1-03</t>
  </si>
  <si>
    <t>【上海电气】 炉膛后墙悬吊管出口集箱\\\522830-E1-02</t>
  </si>
  <si>
    <t>【上海电气】 炉膛后墙上集箱\\\522830-E1-03</t>
  </si>
  <si>
    <t>【上海电气】 炉膛侧墙上集箱（左）\\\522834-E1-01</t>
  </si>
  <si>
    <t>【上海电气】 炉膛侧墙上集箱（右）\\\522834-E1-02</t>
  </si>
  <si>
    <t>【上海电气】 汇合集箱\\\522830-E1-06</t>
  </si>
  <si>
    <t>【上海电气】 炉顶进口集箱\\\542830-E1-01</t>
  </si>
  <si>
    <t>【上海电气】 炉顶出口集箱\\\542834-E1-01</t>
  </si>
  <si>
    <t>【上海电气】 后烟井侧墙上集箱（左）\\\542834-E1-02</t>
  </si>
  <si>
    <t>【上海电气】 后烟井侧墙上集箱（右）\\\542834-E1-03</t>
  </si>
  <si>
    <t>【上海电气】 后烟井侧墙下集箱（左）\\\542834-E1-04</t>
  </si>
  <si>
    <t>【上海电气】 后烟井侧墙下集箱（右）\\\542834-E1-05</t>
  </si>
  <si>
    <t>【上海电气】 后烟井后墙下集箱\\\542834-E1-06</t>
  </si>
  <si>
    <t>【上海电气】 后烟井前墙下集箱\\\542834-E1-07</t>
  </si>
  <si>
    <t>【上海电气】 后烟井前墙上集箱\\\542834-E1-08</t>
  </si>
  <si>
    <t>【上海电气】 后烟井延伸侧墙下集箱\\\542830-E1-10</t>
  </si>
  <si>
    <t>【上海电气】 后烟井延伸侧墙上集箱（左）\\\542834-D1-09</t>
  </si>
  <si>
    <t>【上海电气】 后烟井延伸侧墙上集箱（右）\\\542834-D1-10</t>
  </si>
  <si>
    <t>【上海电气】 低温过热器进口集箱\\\542830-E1-13</t>
  </si>
  <si>
    <t>【上海电气】 低温过热器出口集箱\\\542834-E1-11</t>
  </si>
  <si>
    <t>【上海电气】 分隔屏进口集箱（左）\\\542834-E1-12</t>
  </si>
  <si>
    <t>【上海电气】 分隔屏进口集箱（右）\\\542834-E1-13</t>
  </si>
  <si>
    <t>【上海电气】 分隔屏出口集箱（左）\\\542834-E1-14</t>
  </si>
  <si>
    <t>【上海电气】 分隔屏出口集箱（右）\\\542834-E1-15</t>
  </si>
  <si>
    <t>【上海电气】 后屏进口集箱（左）\\\542830-E1-19</t>
  </si>
  <si>
    <t>【上海电气】 后屏进口集箱（右）\\\542830-E1-20</t>
  </si>
  <si>
    <t>【上海电气】 后屏出口集箱\\\542834-E1-16</t>
  </si>
  <si>
    <t>【上海电气】 末级过热器进口集箱\\\542834-E1-17</t>
  </si>
  <si>
    <t>【上海电气】 末级过热器出口集箱\\\542830-E1-23</t>
  </si>
  <si>
    <t>【上海电气】 省煤器进口集箱\\\562834-E1-01</t>
  </si>
  <si>
    <t>【上海电气】 省煤器连接集箱（前）\\\562834-E1-02</t>
  </si>
  <si>
    <t>【上海电气】 省煤器连接集箱（中）\\\562834-E1-03</t>
  </si>
  <si>
    <t>【上海电气】 省煤器连接集箱（后）\\\562834-E1-04</t>
  </si>
  <si>
    <t>【上海电气】 省煤器出口集箱\\\562830-E1-05</t>
  </si>
  <si>
    <t>【上海电气】 前墙再热器进口集箱（左）\\\742834-E1-01</t>
  </si>
  <si>
    <t>【上海电气】 前墙再热器进口集箱（右）\\\742834-E1-02</t>
  </si>
  <si>
    <t>【上海电气】 前墙再热器出口集箱（左）\\\742834-E1-03A</t>
  </si>
  <si>
    <t>【上海电气】 前墙再热器出口集箱（右）\\\742834-E1-04A</t>
  </si>
  <si>
    <t>【上海电气】 侧墙再热器进口集箱（左）\\\742834-E1-05</t>
  </si>
  <si>
    <t>【上海电气】 侧墙再热器进口集箱（右）\\\742834-E1-06</t>
  </si>
  <si>
    <t>【上海电气】 侧墙再热器出口集箱（左）\\\742834-D1-07</t>
  </si>
  <si>
    <t>【上海电气】 侧墙再热器出口集箱（右）\\\742834-D1-08</t>
  </si>
  <si>
    <t>【上海电气】 屏式再热器进口集箱\\\742834-E1-09</t>
  </si>
  <si>
    <t>【上海电气】 屏式再热器出口集箱（左）\\\742834-E1-10</t>
  </si>
  <si>
    <t>【上海电气】 屏式再热器出口集箱(右）\\\742834-E1-11</t>
  </si>
  <si>
    <t>【上海电气】 末级再热器进口集箱\\\742834-E1-12</t>
  </si>
  <si>
    <t>【上海电气】 末级再热器出口集箱（左）\\\742834-E1-13</t>
  </si>
  <si>
    <t>【上海电气】 末级再热器出口集箱（右）\\\742834-E1-14</t>
  </si>
  <si>
    <t>【上海电气】 喷嘴前部\\\FR01608</t>
  </si>
  <si>
    <t>【上海电气】 喷嘴后部\\\F89.20-0</t>
  </si>
  <si>
    <t>【上海电气】 消旋二次风喷嘴\\\680016-D1-05001</t>
  </si>
  <si>
    <t>【上海电气】 直吹二次风喷嘴\\\680016-D1-05011</t>
  </si>
  <si>
    <t>【上海电气】 消旋二次风喷嘴\\\680016-D1-05034</t>
  </si>
  <si>
    <t>【上海电气】 直吹二次风喷嘴\\\680016-D1-05036</t>
  </si>
  <si>
    <t>【上海电气】 手动喷嘴调节机构\\\F80.84-0</t>
  </si>
  <si>
    <t>【上海电气】 喷嘴调节机构\\\F80.82-0</t>
  </si>
  <si>
    <t>【上海电气】 A包热段层传热元件\t0.6×914\DU(DC01)\770029-B1-10001W01</t>
  </si>
  <si>
    <t>【上海电气】 B包热段层传热元件\t0.6×914\DU(DC01)\770029-B1-10001W02</t>
  </si>
  <si>
    <t>【上海电气】 C包热段层传热元件\t0.6×914\DU(DC01)\770029-B1-10001W03</t>
  </si>
  <si>
    <t>【上海电气】 D包热段层传热元件\t0.6×914\DU(DC01)\770029-B1-10001W04</t>
  </si>
  <si>
    <t>【上海电气】 A包热段中间层传热元件\t0.6×457\DU(DC01)\770029-B1-10002W01</t>
  </si>
  <si>
    <t>【上海电气】 B包热段中间层传热元件\t0.6×457\DU(DC01)\770029-B1-10002W02</t>
  </si>
  <si>
    <t>【上海电气】 C包热段中间层传热元件\t0.6×457\DU(DC01)\770029-B1-10002W03</t>
  </si>
  <si>
    <t>【上海电气】 D包热段中间层传热元件\t0.6×457\DU(DC01)\770029-B1-10002W04</t>
  </si>
  <si>
    <t>【上海电气】 A包冷段层传热元件\t1.2×305\NF6(corten-A)\770029-B1-12W01</t>
  </si>
  <si>
    <t>【上海电气】 B包冷段层传热元件\t1.2×305\NF6(corten-A)\770029-B1-12W02</t>
  </si>
  <si>
    <t>【上海电气】 C包冷段层传热元件\t1.2×305\NF6(corten-A)\770029-B1-12W03</t>
  </si>
  <si>
    <t>【上海电气】 D包冷段层传热元件\t1.2×305\NF6(corten-A)\770029-B1-12W04</t>
  </si>
  <si>
    <t>【上海电气】 转子中心筒密封（热端）\t6.5\corten-A\Ⅲ-69008</t>
  </si>
  <si>
    <t>【上海电气】 转子中心筒密封(冷端) \t6.5\corten-A\Ⅲ-69009</t>
  </si>
  <si>
    <t>【上海电气】 内侧径向密封片（热端）\t2.6\corten-A\Ⅲ-1-67509</t>
  </si>
  <si>
    <t>【上海电气】 内侧径向密封片(冷端) \t2.6\corten-A\Ⅲ-2-67510</t>
  </si>
  <si>
    <t>【上海电气】 外侧径向密封片(热端) \t2.6\corten-A\Ⅲ-386038</t>
  </si>
  <si>
    <t>【上海电气】 外侧径向密封片(冷端) \t2.6\corten-A\Ⅲ-67512</t>
  </si>
  <si>
    <t>【上海电气】 内侧压板（热端）\t3\Q235-A.F\Ⅲ-2-67523</t>
  </si>
  <si>
    <t>【上海电气】 内侧压板（冷端）\t3\Q235-A.F\Ⅲ-2-67522</t>
  </si>
  <si>
    <t>【上海电气】 外侧压板（热端）\t3\Q235-A.F\Ⅲ-2-67524</t>
  </si>
  <si>
    <t>【上海电气】 外侧压板（冷端）\t3\Q235-A.F\Ⅲ-2-67525</t>
  </si>
  <si>
    <t>【上海电气】 外侧压板（热端）\t3\Q235-A.F\Ⅲ-1-67524</t>
  </si>
  <si>
    <t>【上海电气】 外侧压板（冷端）\t3\Q235-A.F\Ⅲ-1-67525</t>
  </si>
  <si>
    <t>【上海电气】 外侧径向隔板密封片(热端)\t2.6\corten-A\Ⅲ-67517</t>
  </si>
  <si>
    <t>【上海电气】 外侧径向隔板密封片(冷端)\t2.6\corten-A\Ⅲ-67518</t>
  </si>
  <si>
    <t>【上海电气】 密封补隙片(热端) \t2.6\corten-A\Ⅲ-3-67519</t>
  </si>
  <si>
    <t>【上海电气】 密封补隙片(冷端) \t2.6\corten-A\Ⅲ-2-385994</t>
  </si>
  <si>
    <t>【上海电气】 内侧径向隔板密封片(热端)\t2.6\corten-A\Ⅲ-2-67513</t>
  </si>
  <si>
    <t>【上海电气】 内侧径向隔板密封片(冷端)\t2.6\corten-A\Ⅲ-2-67515</t>
  </si>
  <si>
    <t>【上海电气】 热端轴向密封片\t2.6\corten-A\Ⅲ-3-76111</t>
  </si>
  <si>
    <t>【上海电气】 冷端轴向密封片\t2.6\corten-A\Ⅲ-75751</t>
  </si>
  <si>
    <t>【上海电气】 热端轴向密封压板\t2.6\corten-A\Ⅲ-3-76094</t>
  </si>
  <si>
    <t>【上海电气】 冷端轴向密封压板\t2.6\corten-A\Ⅲ-75761</t>
  </si>
  <si>
    <t>【上海电气】 热端旁路密封片\t1.5\corten-A\Ⅲ-2-67587</t>
  </si>
  <si>
    <t>【上海电气】 冷端旁路密封片\t1.5\corten-A\Ⅲ-3-67586</t>
  </si>
  <si>
    <t>【上海电气】 旁路密封压板\t2.6\corten-A\Ⅲ-67599</t>
  </si>
  <si>
    <t>【上海电气】 减速箱\\W125\770029-E1-42001</t>
  </si>
  <si>
    <t>【上海电气】 中间梁加载机构\457\\770044-D7-55002</t>
  </si>
  <si>
    <t>【上海电气】 一次风梁加载机构\457\\770044-D7-55001</t>
  </si>
  <si>
    <t>【上海电气】 传感器\机械式\\770044-C7-55009</t>
  </si>
  <si>
    <t>【上海电气】 一级省煤器外数第1圈U型弯管\Φ51x5\20G\560451-D1-01-01</t>
  </si>
  <si>
    <t>【上海电气】 一级省煤器外数第2圈U型弯管\Φ51x5\20G\560451-D1-01-02</t>
  </si>
  <si>
    <t>【上海电气】 一级省煤器外数第3圈U型弯管\Φ51x5\20G\560451-D1-01-03</t>
  </si>
  <si>
    <t>【上海电气】 二级省煤器外数第1圈U型弯管\Φ51x5.5\20G\560451-E1-02-01</t>
  </si>
  <si>
    <t>【上海电气】 二级省煤器外数第2圈U型弯管\Φ51x5.5\20G\560451-E1-02-02</t>
  </si>
  <si>
    <t>【上海电气】 冷段屏式过热器90度弯管\φ42x6.5\15CrMoG\547451-E1-01-01</t>
  </si>
  <si>
    <t>【上海电气】 冷段屏式过热器90度弯管\φ42x6.5\12Cr1MoVG\547451-E1-01-02</t>
  </si>
  <si>
    <t>【上海电气】 热段屏式过热器90度弯管\φ42x6.5\12Cr1MoVG\547451-E1-02-01</t>
  </si>
  <si>
    <t>【上海电气】 末级过热器外数第1圈U型弯管\Φ48x6\12Cr1MoVG\540451-E1-01-01</t>
  </si>
  <si>
    <t>【上海电气】 末级过热器外数第2圈U型弯管\Φ48x6\12Cr1MoVG\540451-E1-01-02</t>
  </si>
  <si>
    <t>【上海电气】 末级过热器外数第1圈U型弯管\Φ48x6\SA213-T91\540451-E1-01-03</t>
  </si>
  <si>
    <t>【上海电气】 末级过热器外数第2圈U型弯管\Φ48x6\SA213-T91\540451-E1-01-04</t>
  </si>
  <si>
    <t>【上海电气】 再热器外数第1圈U型弯管\Φ60x4.5\SA213-T91\740451-E1-01-01</t>
  </si>
  <si>
    <t>【上海电气】 再热器外数第2圈U型弯管\Φ60x4.5\SA213-T91\740451-E1-01-02</t>
  </si>
  <si>
    <t>【上海电气】 再热器外数第3圈U型弯管\Φ60x5\SA213-T91\740451-E1-01-03</t>
  </si>
  <si>
    <t>【上海电气】 再热器外数第1圈U型弯管\Φ60x4.5\12Cr1MoVG\740451-E1-01-04</t>
  </si>
  <si>
    <t>【上海电气】 再热器外数第2圈U型弯管\Φ60x4.5\12Cr1MoVG\740451-E1-01-05</t>
  </si>
  <si>
    <t>【上海电气】 再热器外数第3圈U型弯管\Φ60x5\12Cr1MoVG\740451-E1-01-06</t>
  </si>
  <si>
    <t>【上海电气】 再热器外数第1圈U型弯管\Φ60x4.5\15CrMoG\740451-E1-01-07</t>
  </si>
  <si>
    <t>【上海电气】 再热器外数第2圈U型弯管\Φ60x4.5\15CrMoG\740451-E1-01-08</t>
  </si>
  <si>
    <t>【上海电气】 再热器外数第3圈U型弯管\Φ60x5\15CrMoG\740451-E1-01-09</t>
  </si>
  <si>
    <t>【上海电气】 再热器外数第1圈U型弯管\Φ60x4.5\20\740451-E1-01-10</t>
  </si>
  <si>
    <t>【上海电气】 再热器外数第2圈U型弯管\Φ60x4.5\20\740451-E1-01-11</t>
  </si>
  <si>
    <t>【上海电气】 再热器外数第3圈U型弯管\Φ60x5\20\740451-E1-01-12</t>
  </si>
  <si>
    <t>【上海电气】 后墙水冷壁下集箱\\\522451-E1-02</t>
  </si>
  <si>
    <t>【上海电气】 左侧墙水冷壁下集箱\\\522451-E1-03</t>
  </si>
  <si>
    <t>【上海电气】 右侧墙水冷壁下集箱\\\522451-E1-04</t>
  </si>
  <si>
    <t>【上海电气】 后墙水冷壁上集箱\\\522451-D1-05</t>
  </si>
  <si>
    <t>【上海电气】 左侧墙水冷壁上集箱\\\522451-D1-06</t>
  </si>
  <si>
    <t>【上海电气】 右侧墙水冷壁上集箱\\\522451-D1-07</t>
  </si>
  <si>
    <t>【上海电气】 水冷屏进口集箱\\\522451-C1-08</t>
  </si>
  <si>
    <t>【上海电气】 水冷屏出口集箱\\\522451-C1-09</t>
  </si>
  <si>
    <t>【上海电气】 包覆左侧墙上集箱\\\522451-D1-01</t>
  </si>
  <si>
    <t>【上海电气】 包覆右侧墙上集箱\\\522451-D1-02</t>
  </si>
  <si>
    <t>【上海电气】 包覆左侧墙下集箱\\\522451-D1-03</t>
  </si>
  <si>
    <t>【上海电气】 包覆右侧墙下集箱\\\522451-D1-04</t>
  </si>
  <si>
    <t>【上海电气】 包覆前墙下集箱\\\542451-D1-05</t>
  </si>
  <si>
    <t>【上海电气】 后烟井环形集箱(上左右)\\\542451-D1-06</t>
  </si>
  <si>
    <t>【上海电气】 后烟井环形集箱(上中)\\\542451-D1-07</t>
  </si>
  <si>
    <t>【上海电气】 后烟井环形集箱(下左右)\\\542451-C1-08</t>
  </si>
  <si>
    <t>【上海电气】 后烟井环形集箱(下左右)\\\542451-C1-09</t>
  </si>
  <si>
    <t>【上海电气】 包覆后墙下集箱\\\522451-D1-10</t>
  </si>
  <si>
    <t>【上海电气】 隔墙下集箱\\\522451-D1-11</t>
  </si>
  <si>
    <t>【上海电气】 隔墙上集箱\\\522451-D1-12</t>
  </si>
  <si>
    <t>【上海电气】 Ⅰ级过热屏进口集箱\\\522451-C1-13</t>
  </si>
  <si>
    <t>【上海电气】 Ⅰ级过热屏出口集箱\\\522451-C1-14</t>
  </si>
  <si>
    <t>【上海电气】 Ⅱ级过热屏进口集箱\\\522451-C1-15</t>
  </si>
  <si>
    <t>【上海电气】 Ⅱ级过热屏出口集箱\\\522451-C1-16</t>
  </si>
  <si>
    <t>【上海电气】 Ⅱ级过热屏出口集箱\\\522451-C1-17</t>
  </si>
  <si>
    <t>【上海电气】 Ⅱ级过热屏进口分配集箱\\\522451-C1-18</t>
  </si>
  <si>
    <t>【上海电气】 末级过热器进口集箱\\\522451-D1-19</t>
  </si>
  <si>
    <t>【上海电气】 末级过热器出口集箱\\\522451-D1-20</t>
  </si>
  <si>
    <t>【上海电气】 后烟井环形集箱(侧)\\\522451-C1-21</t>
  </si>
  <si>
    <t>【上海电气】 Ⅰ级过热屏进口分配集箱\\\522451-C1-22</t>
  </si>
  <si>
    <t>【上海电气】 Ⅱ级过热屏出口汇合集箱\\\522451-C1-23</t>
  </si>
  <si>
    <t>【上海电气】 一级省煤器进口集箱\\\542451-D1-01</t>
  </si>
  <si>
    <t>【上海电气】 一级省煤器出口集箱\\\542451-D1-02</t>
  </si>
  <si>
    <t>【上海电气】 二级省煤器进口集箱\\\542451-D1-03</t>
  </si>
  <si>
    <t>【上海电气】 二级省煤器出口集箱\\\542451-D1-04</t>
  </si>
  <si>
    <t>【上海电气】 再热器进口集箱\\\742451-D1-01</t>
  </si>
  <si>
    <t>【上海电气】 再热器出口集箱\\\742451-D1-02</t>
  </si>
  <si>
    <t>【上海电气】 过热器一级减温器\\\580451-D1-01</t>
  </si>
  <si>
    <t>【上海电气】 过热器二级减温器\\\580451-D1-02</t>
  </si>
  <si>
    <t>【上海电气】 再热器事故喷水减温器\\\580451-D1-03</t>
  </si>
  <si>
    <t>【上海电气】  省煤器上外数第1圈U型弯管\Φ48x7.5\SA210-C\560978-E1-01-01</t>
  </si>
  <si>
    <t>【上海电气】  省煤器上外数第2圈U型弯管\Φ48x7.5\SA210-C\560978-E1-01-02</t>
  </si>
  <si>
    <t>【上海电气】  省煤器上外数第3圈U型弯管\Φ48x7.5\SA210-C\560978-E1-01-03</t>
  </si>
  <si>
    <t>【上海电气】  省煤器上外数第4圈U型弯管\Φ48x7.5\SA210-C\560978-E1-01-04</t>
  </si>
  <si>
    <t>【上海电气】  分隔屏过热器外数第1圈U型弯管\Φ44.5x6.5\SA213-T91\540978-E1-01-01</t>
  </si>
  <si>
    <t>【上海电气】  分隔屏过热器外数第2圈U型弯管\Φ44.5x6.5\SA213-T91\540978-E1-01-02</t>
  </si>
  <si>
    <t>【上海电气】  分隔屏过热器外数第3圈U型弯管\Φ44.5x6.5\SA213-T91\540978-E1-01-03</t>
  </si>
  <si>
    <t>【上海电气】  分隔屏过热器外数第4圈U型弯管\Φ44.5x7.5\12Cr1MoVG\540978-E1-01-04</t>
  </si>
  <si>
    <t>【上海电气】  分隔屏过热器外数第5圈U型弯管\Φ44.5x7.5\12Cr1MoVG\540978-E1-01-05</t>
  </si>
  <si>
    <t>【上海电气】  分隔屏过热器外数第6圈U型弯管\Φ44.5x7.5\12Cr1MoVG\540978-E1-01-06</t>
  </si>
  <si>
    <t>【上海电气】  分隔屏过热器外数第7圈U型弯管\Φ44.5x7.5\12Cr1MoVG\540978-E1-01-07</t>
  </si>
  <si>
    <t>【上海电气】  分隔屏过热器外数第8圈U型弯管\Φ44.5x7.5\12Cr1MoVG\540978-E1-01-08</t>
  </si>
  <si>
    <t>【上海电气】  分隔屏过热器外数第9圈U型弯管\Φ44.5x7.5\12Cr1MoVG\540978-E1-01-09</t>
  </si>
  <si>
    <t>【上海电气】  分隔屏过热器外数第10圈U型弯管\Φ44.5x7.5\12Cr1MoVG\540978-E1-01-10</t>
  </si>
  <si>
    <t>【上海电气】  后屏过热器外数第1圈U型弯管\Φ54x10\SA213-TP347H\540978-E1-02-01</t>
  </si>
  <si>
    <t>【上海电气】  后屏过热器外数第2圈U型弯管\Φ47.6x7\SA213-TP347H\540978-E1-02-02</t>
  </si>
  <si>
    <t>【上海电气】  后屏过热器外数第3圈U型弯管\Φ47.6x7\SA213-TP347H\540978-E1-02-03</t>
  </si>
  <si>
    <t>【上海电气】  后屏过热器外数第4圈U型弯管\Φ47.6x8\SA213-T91\540978-E1-02-04</t>
  </si>
  <si>
    <t>【上海电气】  后屏过热器外数第5圈U型弯管\Φ47.6x8\SA213-T91\540978-E1-02-05</t>
  </si>
  <si>
    <t>【上海电气】  后屏过热器外数第6圈U型弯管\Φ47.6x8\SA213-T91\540978-E1-02-06</t>
  </si>
  <si>
    <t>【上海电气】  后屏过热器外数第7圈U型弯管\Φ47.6x7.5\SA213-T91\540978-E1-02-07</t>
  </si>
  <si>
    <t>【上海电气】  后屏过热器外数第8圈U型弯管\Φ47.6x7.5\SA213-T91\540978-E1-02-08</t>
  </si>
  <si>
    <t>【上海电气】  后屏过热器外数第9圈U型弯管\Φ47.6x7.5\SA213-T91\540978-E1-02-09</t>
  </si>
  <si>
    <t>【上海电气】  后屏过热器外数第10圈U型弯管\Φ47.6x7.5\SA213-T91\540978-E1-02-10</t>
  </si>
  <si>
    <t>【上海电气】  后屏过热器外数第11圈U型弯管\Φ47.6x7.5\SA213-T91\540978-E1-02-11</t>
  </si>
  <si>
    <t>【上海电气】  后屏过热器外数第12圈U型弯管\Φ47.6x7.5\SA213-T91\540978-E1-02-12</t>
  </si>
  <si>
    <t>【上海电气】  后屏过热器外数第13圈U型弯管\Φ47.6x7.5\SA213-T91\540978-E1-02-13</t>
  </si>
  <si>
    <t>【上海电气】  后屏过热器外数第14圈U型弯管\Φ48x7.5\SA213-T23\540978-E1-02-14</t>
  </si>
  <si>
    <t>【上海电气】  后屏过热器外数第15圈U型弯管\Φ48x7.5\SA213-T23\540978-E1-02-15</t>
  </si>
  <si>
    <t>【上海电气】  后屏过热器外数第16圈U型弯管\Φ48x7.5\SA213-T23\540978-E1-02-16</t>
  </si>
  <si>
    <t>【上海电气】  后屏过热器外数第17圈U型弯管\Φ48x7.5\SA213-T23\540978-E1-02-17</t>
  </si>
  <si>
    <t>【上海电气】  后屏过热器外数第18圈U型弯管\Φ48x7.5\SA213-T23\540978-E1-02-18</t>
  </si>
  <si>
    <t>【上海电气】  后屏过热器外数第19圈U型弯管\Φ48x7.5\SA213-T23\540978-E1-02-19</t>
  </si>
  <si>
    <t>【上海电气】  后屏过热器外数第20圈U型弯管\Φ48x7.5\SA213-T91\540978-E1-02-20</t>
  </si>
  <si>
    <t>【上海电气】  末级过热器前屏外数第1圈U型弯管\Φ38x7.5\SA213-T91\545978-E1-01-01</t>
  </si>
  <si>
    <t>【上海电气】  末级过热器前屏外数第2圈U型弯管\Φ38x7\SA213-T91\545978-E1-01-02</t>
  </si>
  <si>
    <t>【上海电气】  末级过热器前屏外数第3圈U型弯管\Φ38x7\SA213-T91\545978-E1-01-03</t>
  </si>
  <si>
    <t>【上海电气】  末级过热器前屏外数第4圈U型弯管\Φ38x7\SA213-T91\545978-E1-01-04</t>
  </si>
  <si>
    <t>【上海电气】  末级过热器前屏外数第5圈U型弯管\Φ38x7.5\SA213-T91\545978-E1-01-05</t>
  </si>
  <si>
    <t>【上海电气】  末级过热器前屏外数第6圈U型弯管\Φ38x7.5\SA213-T91\545978-E1-01-06</t>
  </si>
  <si>
    <t>【上海电气】  末级过热器前屏外数第7圈U型弯管\Φ38x7.5\SA213-T91\545978-E1-01-07</t>
  </si>
  <si>
    <t>【上海电气】  末级过热器前屏外数第8圈U型弯管\Φ38x7\SA213-T91\545978-E1-01-08</t>
  </si>
  <si>
    <t>【上海电气】  末级过热器前屏外数第9圈U型弯管\Φ38x7\SA213-T91\545978-E1-01-09</t>
  </si>
  <si>
    <t>【上海电气】  末级过热器前屏外数第10圈U型弯管\Φ38x7\SA213-T91\545978-E1-01-10</t>
  </si>
  <si>
    <t>【上海电气】  末级过热器前屏外数第11圈U型弯管\Φ38x7\SA213-T91\545978-E1-01-11</t>
  </si>
  <si>
    <t>【上海电气】  末级过热器前屏外数第12圈U型弯管\Φ38x7\SA213-T91\545978-E1-01-12</t>
  </si>
  <si>
    <t>【上海电气】  末级过热器前屏外数第13圈U型弯管\Φ38x7\SA213-T91\545978-E1-01-13</t>
  </si>
  <si>
    <t>【上海电气】  末级过热器后屏外数第1圈U型弯管\Φ38x6\SA213-T91\545978-E1-01-14</t>
  </si>
  <si>
    <t>【上海电气】  末级过热器后屏外数第2圈U型弯管\Φ38x6\SA213-T91\545978-E1-01-15</t>
  </si>
  <si>
    <t>【上海电气】  末级过热器后屏外数第3圈U型弯管\Φ38x5.5\SA213-T91\545978-E1-01-16</t>
  </si>
  <si>
    <t>【上海电气】  末级过热器后屏外数第4圈U型弯管\Φ38x5.5\SA213-T91\545978-E1-01-17</t>
  </si>
  <si>
    <t>【上海电气】  末级过热器后屏外数第5圈U型弯管\Φ38x5.5\SA213-T91\545978-E1-01-18</t>
  </si>
  <si>
    <t>【上海电气】  末级过热器后屏外数第6圈U型弯管\Φ38x5.5\SA213-T91\545978-E1-01-19</t>
  </si>
  <si>
    <t>【上海电气】  末级过热器后屏外数第7圈U型弯管\Φ38x7\SA213-T23\545978-E1-01-20</t>
  </si>
  <si>
    <t>【上海电气】  末级过热器后屏外数第8圈U型弯管\Φ38x7\SA213-T23\545978-E1-01-21</t>
  </si>
  <si>
    <t>【上海电气】  末级过热器后屏外数第9圈U型弯管\Φ38x7\SA213-T23\545978-E1-01-22</t>
  </si>
  <si>
    <t>【上海电气】  末级过热器后屏外数第10圈U型弯管\Φ38x7\SA213-T23\545978-E1-01-23</t>
  </si>
  <si>
    <t>【上海电气】  末级过热器后屏外数第11圈U型弯管\Φ38x7\SA213-T23\545978-E1-01-24</t>
  </si>
  <si>
    <t>【上海电气】  末级过热器后屏外数第12圈U型弯管\Φ38x7\SA213-T23\545978-E1-01-25</t>
  </si>
  <si>
    <t>【上海电气】  末级过热器后屏外数第13圈U型弯管\Φ38x7\SA213-T23\545978-E1-01-26</t>
  </si>
  <si>
    <t>【上海电气】  低温再热器外数第1圈U型弯管\Φ63.5x4\15CrMoG\740978-E1-01-01</t>
  </si>
  <si>
    <t>【上海电气】  低温再热器外数第2圈U型弯管\Φ63.5x4\15CrMoG\740978-E1-01-02</t>
  </si>
  <si>
    <t>【上海电气】  低温再热器外数第3圈U型弯管\Φ63.5x4\15CrMoG\740978-E1-01-03</t>
  </si>
  <si>
    <t>【上海电气】  低温再热器外数第4圈U型弯管\Φ63.5x4\15CrMoG\740978-E1-01-04</t>
  </si>
  <si>
    <t>【上海电气】  低温再热器外数第5圈U型弯管\Φ63.5x4\15CrMoG\740978-E1-01-05</t>
  </si>
  <si>
    <t>【上海电气】  低温再热器外数第6圈U型弯管\Φ63.5x4\15CrMoG\740978-E1-01-06</t>
  </si>
  <si>
    <t>【上海电气】  低温再热器外数第7圈U型弯管\Φ63.5x4\15CrMoG\740978-E1-01-07</t>
  </si>
  <si>
    <t>【上海电气】  低温再热器外数第8圈U型弯管\Φ63.5x6\15CrMoG\740978-E1-01-08</t>
  </si>
  <si>
    <t>【上海电气】  低温再热器外数第1圈U型弯管\Φ63.5x4\SA210-C\740978-E1-01-09</t>
  </si>
  <si>
    <t>【上海电气】  低温再热器外数第2圈U型弯管\Φ63.5x4\SA210-C\740978-E1-01-10</t>
  </si>
  <si>
    <t>【上海电气】  低温再热器外数第3圈U型弯管\Φ63.5x4\SA210-C\740978-E1-01-11</t>
  </si>
  <si>
    <t>【上海电气】  低温再热器外数第4圈U型弯管\Φ63.5x4\SA210-C\740978-E1-01-12</t>
  </si>
  <si>
    <t>【上海电气】  低温再热器外数第5圈U型弯管\Φ63.5x4\SA210-C\740978-E1-01-13</t>
  </si>
  <si>
    <t>【上海电气】  低温再热器外数第6圈U型弯管\Φ63.5x4\SA210-C\740978-E1-01-14</t>
  </si>
  <si>
    <t>【上海电气】  低温再热器外数第7圈U型弯管\Φ63.5x4\SA210-C\740978-E1-01-15</t>
  </si>
  <si>
    <t>【上海电气】  低温再热器外数第8圈U型弯管\Φ63.5x6\SA210-C\740978-E1-01-16</t>
  </si>
  <si>
    <t>【上海电气】  末级再热器外数第1圈U型弯管\Φ63.5x4\SA213-TP347H\740978-E1-04-01</t>
  </si>
  <si>
    <t>【上海电气】  末级再热器外数第2圈U型弯管\Φ63.5x4\SA213-TP347H\740978-E1-04-02</t>
  </si>
  <si>
    <t>【上海电气】  末级再热器外数第3圈U型弯管\Φ63.5x4\SA213-TP347H\740978-E1-04-03</t>
  </si>
  <si>
    <t>【上海电气】  末级再热器外数第4圈U型弯管\Φ63.5x4.5\SA213-T91\740978-E1-04-04</t>
  </si>
  <si>
    <t>【上海电气】  末级再热器外数第5圈U型弯管\Φ63.5x4.5\SA213-T91\740978-E1-04-05</t>
  </si>
  <si>
    <t>【上海电气】  末级再热器外数第6圈U型弯管\Φ63.5x4.5\SA213-T91\740978-E1-04-06</t>
  </si>
  <si>
    <t>【上海电气】  末级再热器外数第7圈U型弯管\Φ63.5x4.5\SA213-T91\740978-E1-04-07</t>
  </si>
  <si>
    <t>【上海电气】  末级再热器外数第8圈U型弯管\Φ63.5x4.5\SA213-T91\740978-E1-04-08</t>
  </si>
  <si>
    <t>【上海电气】  末级再热器外数第9圈U型弯管\Φ63.5x4.5\SA213-T91\740978-E1-04-09</t>
  </si>
  <si>
    <t>【上海电气】  末级再热器外数第10圈U型弯管\Φ63.5x4.5\SA213-T91\740978-E1-04-10</t>
  </si>
  <si>
    <t>【上海电气】  末级再热器外数第11圈U型弯管\Φ63.5x4.5\SA213-T91\740978-E1-04-11</t>
  </si>
  <si>
    <t>【上海电气】  末级再热器外数第12圈U型弯管\Φ63.5x4.5\SA213-T91\740978-E1-04-12</t>
  </si>
  <si>
    <t>【上海电气】  末级再热器外数第13圈U型弯管\Φ63.5x4.5\SA213-T91\740978-E1-04-13</t>
  </si>
  <si>
    <t>【上海电气】  末级再热器外数第14圈U型弯管\Φ63.5x4\SA213-T91\740978-E1-04-14</t>
  </si>
  <si>
    <t>【上海电气】  末级再热器外数第15圈U型弯管\Φ63.5x4\SA213-T91\740978-E1-04-15</t>
  </si>
  <si>
    <t>【上海电气】  末级再热器外数第16圈U型弯管\Φ63.5x4\SA213-T91\740978-E1-04-16</t>
  </si>
  <si>
    <t>【上海电气】  末级再热器外数第17圈U型弯管\Φ63.5x4\SA213-T91\740978-E1-04-17</t>
  </si>
  <si>
    <t>【上海电气】  末级再热器外数第18圈U型弯管\Φ63.5x6\SA213-T91\740978-E1-04-18</t>
  </si>
  <si>
    <t>【上海电气】  末级再热器外数第19圈U型弯管\Φ63.5x6\SA213-T91\740978-E1-04-19</t>
  </si>
  <si>
    <t>【上海电气】 水冷壁前墙过渡段\\\520978-E1-06</t>
  </si>
  <si>
    <t>【上海电气】 水冷壁后墙过渡段\\\520978-E1-07</t>
  </si>
  <si>
    <t>【上海电气】 水冷壁左右侧墙过渡段\\\520978-E1-08</t>
  </si>
  <si>
    <t>【上海电气】 水冷壁前墙过渡段连接管\\\520978-D1-09</t>
  </si>
  <si>
    <t>【上海电气】 水冷壁后墙过渡段连接管\\\520978-D1-10</t>
  </si>
  <si>
    <t>【上海电气】 水冷壁左右侧墙过渡段连接管\\\520978-D1-11</t>
  </si>
  <si>
    <t>【上海电气】 #1#3角燃尽风孔上部转角管屏\\\520978-D1-24</t>
  </si>
  <si>
    <t>【上海电气】 #1#3角燃尽风孔\\\520978-E1-25</t>
  </si>
  <si>
    <t>【上海电气】 #2#4角燃尽风孔上部转角管屏\\\520978-D1-26</t>
  </si>
  <si>
    <t>【上海电气】 #2#4角燃尽风孔\\\520978-E1-27</t>
  </si>
  <si>
    <t>【上海电气】 #1#3角燃烧器下部转角管屏\\\520978-D1-31</t>
  </si>
  <si>
    <t>【上海电气】 #2#4角燃烧器下部转角管屏\\\520978-D1-33</t>
  </si>
  <si>
    <t>【上海电气】 喷嘴前部\\\680978-C1-07002</t>
  </si>
  <si>
    <t>【上海电气】 喷嘴后部\\\680978-D1-07008</t>
  </si>
  <si>
    <t>【上海电气】 二次风喷嘴\\\680978-C1-09001</t>
  </si>
  <si>
    <t>【上海电气】 二次风喷嘴\\\680978-C1-09008</t>
  </si>
  <si>
    <t>【上海电气】 二次风喷嘴\\\680200-C1-09030</t>
  </si>
  <si>
    <t>【上海电气】 二次风喷嘴\\\680200-C1-09036</t>
  </si>
  <si>
    <t>【上海电气】 SOFA喷嘴\\\680223-C1-05001</t>
  </si>
  <si>
    <t>【上海电气】 喷嘴水平调节机构（右）\\\F180.41-0</t>
  </si>
  <si>
    <t>【上海电气】 喷嘴上下调节机构（左）\\\F180.42-0</t>
  </si>
  <si>
    <t>【上海电气】 水冷壁左侧墙下集箱\\\522978-C1-11</t>
  </si>
  <si>
    <t>【上海电气】 水冷壁右侧墙下集箱\\\522978-C1-12</t>
  </si>
  <si>
    <t>【上海电气】 水冷壁前墙上集箱\\\522978-D1-01</t>
  </si>
  <si>
    <t>【上海电气】 水冷壁后墙上集箱\\\522978-D1-02</t>
  </si>
  <si>
    <t>【上海电气】 水冷壁左侧墙上集箱\\\522978-D1-03</t>
  </si>
  <si>
    <t>【上海电气】 水冷壁右侧墙上集箱\\\522978-D1-04</t>
  </si>
  <si>
    <t>【上海电气】 水冷壁前墙中间集箱\\\522978-D1-05</t>
  </si>
  <si>
    <t>【上海电气】 水冷壁后墙中间集箱\\\522978-D1-06</t>
  </si>
  <si>
    <t>【上海电气】 水冷壁左侧墙中间集箱\\\522978-D1-07</t>
  </si>
  <si>
    <t>【上海电气】 水冷壁右侧墙中间集箱\\\522978-D1-08</t>
  </si>
  <si>
    <t>【上海电气】 水冷壁前墙下集箱\\\522978-D1-09</t>
  </si>
  <si>
    <t>【上海电气】 水冷壁后墙下集箱\\\522978-D1-10</t>
  </si>
  <si>
    <t>【上海电气】 炉顶过热器进口集箱\\\542978-D1-01</t>
  </si>
  <si>
    <t>【上海电气】 炉顶过热器出口集箱\\\542978-D1-02</t>
  </si>
  <si>
    <t>【上海电气】 后烟井前墙下集箱\\\542978-D1-03</t>
  </si>
  <si>
    <t>【上海电气】 后烟井后墙下集箱\\\542978-D1-04</t>
  </si>
  <si>
    <t>【上海电气】 后烟井左侧墙下集箱\\\542978-D1-05</t>
  </si>
  <si>
    <t>【上海电气】 后烟井右侧墙下集箱\\\542978-D1-06</t>
  </si>
  <si>
    <t>【上海电气】 后烟井延伸侧墙下集箱\\\542978-D1-07</t>
  </si>
  <si>
    <t>【上海电气】 后烟井左侧墙上集箱\\\542978-D1-08</t>
  </si>
  <si>
    <t>【上海电气】 后烟井右侧墙上集箱\\\542978-D1-09</t>
  </si>
  <si>
    <t>【上海电气】 末级过热器进口集箱\\\542978-D1-16</t>
  </si>
  <si>
    <t>【上海电气】 末级过热器进口集箱（左）\\\542978-D1-17</t>
  </si>
  <si>
    <t>【上海电气】 末级过热器进口集箱（右）\\\542978-D1-18</t>
  </si>
  <si>
    <t>【上海电气】 分隔屏过热器进口集箱（左）\\\542978-E1-10</t>
  </si>
  <si>
    <t>【上海电气】 分隔屏过热器进口集箱（右）\\\542978-E1-11</t>
  </si>
  <si>
    <t>【上海电气】 分隔屏过热器出口集箱（左）\\\542978-E1-12</t>
  </si>
  <si>
    <t>【上海电气】 分隔屏过热器出口集箱（右）\\\542978-E1-13</t>
  </si>
  <si>
    <t>【上海电气】 后屏过热器进口集箱\\\542978-E1-14</t>
  </si>
  <si>
    <t>【上海电气】 后屏过热器出口集箱\\\542978-E1-15</t>
  </si>
  <si>
    <t>【上海电气】 省煤器进口集箱\\\562978-D1-01</t>
  </si>
  <si>
    <t>【上海电气】 省煤器中间集箱（I）\\\562978-D1-02</t>
  </si>
  <si>
    <t>【上海电气】 省煤器中间集箱（II）\\\562978-D1-03</t>
  </si>
  <si>
    <t>【上海电气】 省煤器中间集箱（III）\\\562978-D1-04</t>
  </si>
  <si>
    <t>【上海电气】 省煤器中间集箱（IV）\\\562978-D1-05</t>
  </si>
  <si>
    <t>【上海电气】 省煤器出口集箱\\\562978-D1-06</t>
  </si>
  <si>
    <t>【上海电气】 过热器I级减温器（右）\\\580978-D1-01</t>
  </si>
  <si>
    <t>【上海电气】 过热器I级减温器（左）\\\580978-D1-02</t>
  </si>
  <si>
    <t>【上海电气】 过热器II级减温器（右）\\\580978-D1-03</t>
  </si>
  <si>
    <t>【上海电气】 过热器II级减温器（左）\\\580978-D1-04</t>
  </si>
  <si>
    <t>【上海电气】 再热器事故喷水减温器（左）\\\580978-D1-05</t>
  </si>
  <si>
    <t>【上海电气】 再热器事故喷水减温器（右）\\\580978-D1-06</t>
  </si>
  <si>
    <t>【上海电气】 低温再热器进口集箱\\\742978-D1-01</t>
  </si>
  <si>
    <t>【上海电气】 低温再热器出口集箱\\\742978-D1-02</t>
  </si>
  <si>
    <t>【上海电气】 末级再热器进口集箱\\\742978-D1-03</t>
  </si>
  <si>
    <t>【上海电气】 末级再热器出口集箱（左）\\\742978-D1-04</t>
  </si>
  <si>
    <t>【上海电气】 末级再热器出口集箱（右）\\\742978-D1-05</t>
  </si>
  <si>
    <t>【上海电气】 A包热段层传热元件\t0.5×1000\FNC(DC01)\770087-B2-10001W01</t>
  </si>
  <si>
    <t>【上海电气】 B包热段层传热元件\t0.5×1000\FNC(DC01)\770087-B2-10001W02</t>
  </si>
  <si>
    <t>【上海电气】 C包热段层传热元件\t0.5×1000\FNC(DC01)\770087-B2-10001W03</t>
  </si>
  <si>
    <t>【上海电气】 D包热段层传热元件\t0.5×1000\FNC(DC01)\770087-B2-10001W04</t>
  </si>
  <si>
    <t>【上海电气】 E包热段层传热元件\t0.5×1000\FNC(DC01)\770087-B2-10001W05</t>
  </si>
  <si>
    <t>【上海电气】 F包热段层传热元件\t0.5×1000\FNC(DC01)\770087-B2-10001W06</t>
  </si>
  <si>
    <t>【上海电气】 G1包热段层传热元件\t0.5×1000\FNC(DC01)\770087-B2-10001W07</t>
  </si>
  <si>
    <t>【上海电气】 G2包热段层传热元件\t0.5×1000\FNC(DC01)\770087-B2-10001W08</t>
  </si>
  <si>
    <t>【上海电气】 H1包热段层传热元件\t0.5×1000\FNC(DC01)\770087-B2-10001W09</t>
  </si>
  <si>
    <t>【上海电气】 H2包热段层传热元件\t0.5×1000\FNC(DC01)\770087-B2-10001W10</t>
  </si>
  <si>
    <t>【上海电气】 A包热段中间层传热元件\t0.5×600\DU3(DC01)\770087-B2-10002W01</t>
  </si>
  <si>
    <t>【上海电气】 B包热段中间层传热元件\t0.5×600\DU3(DC01)\770087-B2-10002W02</t>
  </si>
  <si>
    <t>【上海电气】 C包热段中间层传热元件\t0.5×600\DU3(DC01)\770087-B2-10002W03</t>
  </si>
  <si>
    <t>【上海电气】 D包热段中间层传热元件\t0.5×600\DU3(DC01)\770087-B2-10002W04</t>
  </si>
  <si>
    <t>【上海电气】 E包热段中间层传热元件\t0.5×600\DU3(DC01)\770087-B2-10002W05</t>
  </si>
  <si>
    <t>【上海电气】 F包热段中间层传热元件\t0.5×600\DU3(DC01)\770087-B2-10002W06</t>
  </si>
  <si>
    <t>【上海电气】 G1包热段中间层传热元件\t0.5×600\DU3(DC01)\770087-B2-10002W07</t>
  </si>
  <si>
    <t>【上海电气】 G2包热段中间层传热元件\t0.5×600\DU3(DC01)\770087-B2-10002W08</t>
  </si>
  <si>
    <t>【上海电气】 H1包热段中间层传热元件\t0.5×600\DU3(DC01)\770087-B2-10002W09</t>
  </si>
  <si>
    <t>【上海电气】 H2包热段中间层传热元件\t0.5×600\DU3(DC01)\770087-B2-10002W10</t>
  </si>
  <si>
    <t>【上海电气】 A包冷段层传热元件\t0.8×1000\TC-1（DC05EK）\770087-B2-12W01</t>
  </si>
  <si>
    <t>【上海电气】 B包冷段层传热元件\t0.8×1000\TC-1（DC05EK）\770087-B2-12W02</t>
  </si>
  <si>
    <t>【上海电气】 C包冷段层传热元件\t0.8×1000\TC-1（DC05EK）\770087-B2-12W03</t>
  </si>
  <si>
    <t>【上海电气】 D包冷段层传热元件\t0.8×1000\TC-1（DC05EK）\770087-B2-12W04</t>
  </si>
  <si>
    <t>【上海电气】 E包冷段层传热元件\t0.8×1000\TC-1（DC05EK）\770087-B2-12W05</t>
  </si>
  <si>
    <t>【上海电气】 F包冷段层传热元件\t0.8×1000\TC-1（DC05EK）\770087-B2-12W06</t>
  </si>
  <si>
    <t>【上海电气】 G1包冷段层传热元件\t0.8×1000\TC-1（DC05EK）\770087-B2-12W07</t>
  </si>
  <si>
    <t>【上海电气】 G2包冷段层传热元件\t0.8×1000\TC-1（DC05EK）\770087-B2-12W08</t>
  </si>
  <si>
    <t>【上海电气】 H1包冷段层传热元件\t0.8×1000\TC-1（DC05EK）\770087-B2-12W09</t>
  </si>
  <si>
    <t>【上海电气】 H2包冷段层传热元件\t0.8×1000\TC-1（DC05EK）\770087-B2-12W10</t>
  </si>
  <si>
    <t>【上海电气】 热端中心筒密封\t6.5\corten-A\770085-A1-04001</t>
  </si>
  <si>
    <t>【上海电气】 热端内侧径向密封片\t2.6\corten-A\770087-A1-04001</t>
  </si>
  <si>
    <t>【上海电气】 冷端内侧径向密封片\t2.6\corten-A\770087-A1-04003</t>
  </si>
  <si>
    <t>【上海电气】 冷端内侧压板\t3\Q235-A\770087-A1-04004</t>
  </si>
  <si>
    <t>【上海电气】 冷端中间径向密封片\t2.6\corten-A\770090-B2-04013</t>
  </si>
  <si>
    <t>【上海电气】 冷端补隙片\t2.6\corten-A\770085-A1-04010</t>
  </si>
  <si>
    <t>【上海电气】 热端轴向密封片\t2.6\corten-A\770087-A2-40001</t>
  </si>
  <si>
    <t>【上海电气】 热端压板\t2.6\corten-A\770087-A2-40002</t>
  </si>
  <si>
    <t>【上海电气】 冷端轴向密封片\t2.6\corten-A\770087-A1-40003</t>
  </si>
  <si>
    <t>【上海电气】 冷端压板\t2.6\corten-A\770087-A1-40004</t>
  </si>
  <si>
    <t>【上海电气】 热端补隙片\t2.6\corten-A\770087-A1-40005</t>
  </si>
  <si>
    <t>【上海电气】 冷端补隙片\t2.6\corten-A\770085-A1-40006</t>
  </si>
  <si>
    <t>【上海电气】 减速箱\\RO02/315-03A\770087-E2-42001</t>
  </si>
  <si>
    <t>【上海电气】 中间梁加载机构\900\\770087-D1-55001</t>
  </si>
  <si>
    <t>【上海电气】 一次风梁加载机构\610\\770087-D1-55002</t>
  </si>
  <si>
    <t>【上海电气】 传感器\机械式\\770087-C3-56034</t>
  </si>
  <si>
    <t>【上海电气】 热电偶\WRN-430/T-75\K型，不锈钢\770087-C3-56033</t>
  </si>
  <si>
    <t>【上海电气】 传感器限位开关（初级和次级）\机械式\\</t>
  </si>
  <si>
    <t>【上海电气】 开关电源\MDR-40-24\\</t>
  </si>
  <si>
    <t>【上海电气】 一级过热器外数第1圈管U型弯管\Φ42x5\12Cr2MoWVTiB\540788-E1-01-01</t>
  </si>
  <si>
    <t>【上海电气】 一级过热器外数第2圈管U型弯管\Φ42x5\12Cr2MoWVTiB\540788-E1-01-02</t>
  </si>
  <si>
    <t>【上海电气】 一级过热器外数第3圈管U型弯管\Φ42x5\12Cr2MoWVTiB\540788-E1-01-03</t>
  </si>
  <si>
    <t>【上海电气】 一级过热器外数第4圈管U型弯管\Φ42x5\12Cr1MoVG\540788-E1-01-04</t>
  </si>
  <si>
    <t>【上海电气】 一级过热器外数第5圈管U型弯管\Φ42x5\12Cr1MoVG\540788-E1-01-05</t>
  </si>
  <si>
    <t>【上海电气】 一级过热器外数第6圈管U型弯管\Φ42x5\12Cr1MoVG\540788-E1-01-06</t>
  </si>
  <si>
    <t>【上海电气】 一级过热器外数第7圈管U型弯管\Φ42x5\12Cr1MoVG\540788-E1-01-07</t>
  </si>
  <si>
    <t>【上海电气】 一级过热器外数第8圈管U型弯管\Φ42x5\12Cr1MoVG\540788-E1-01-08</t>
  </si>
  <si>
    <t>【上海电气】 一级过热器外数第9圈管U型弯管\Φ42x5\12Cr1MoVG\540788-E1-01-09</t>
  </si>
  <si>
    <t>【上海电气】 一级过热器外数第10圈管U型弯管\Φ42x5\12Cr1MoVG\540788-E1-01-10</t>
  </si>
  <si>
    <t>【上海电气】 一级过热器外数第11圈管U型弯管\Φ42x5\12Cr1MoVG\540788-E1-01-11</t>
  </si>
  <si>
    <t>【上海电气】 一级过热器外数第12圈管U型弯管\Φ42x5\12Cr1MoVG\540788-E1-01-12</t>
  </si>
  <si>
    <t>【上海电气】 一级过热器外数第13圈管U型弯管\Φ42x5\12Cr1MoVG\540788-E1-01-13</t>
  </si>
  <si>
    <t>【上海电气】 一级过热器外数第14圈管U型弯管\Φ42x5\12Cr1MoVG\540788-E1-01-14</t>
  </si>
  <si>
    <t>【上海电气】 一级过热器外数第15圈管U型弯管\Φ42x5\12Cr1MoVG\540788-E1-01-15</t>
  </si>
  <si>
    <t>【上海电气】 一级过热器外数第16圈管U型弯管\Φ42x5\12Cr1MoVG\540788-E1-01-16</t>
  </si>
  <si>
    <t>【上海电气】 一级过热器外数第17圈管U型弯管\Φ42x5\12Cr1MoVG\540788-E1-01-17</t>
  </si>
  <si>
    <t>【上海电气】 一级过热器外数第18圈管U型弯管\Φ42x5\12Cr1MoVG\540788-E1-01-18</t>
  </si>
  <si>
    <t>【上海电气】 一级过热器外数第19圈管U型弯管\Φ42x5\12Cr1MoVG\540788-E1-01-19</t>
  </si>
  <si>
    <t>【上海电气】 一级过热器外数第20圈管U型弯管\Φ42x5\12Cr1MoVG\540788-E1-01-20</t>
  </si>
  <si>
    <t>【上海电气】 一级过热器外数第21圈管U型弯管\Φ42x5\12Cr1MoVG\540788-E1-01-21</t>
  </si>
  <si>
    <t>【上海电气】 一级过热器外数第22圈管U型弯管\Φ42x5\12Cr2MoWVTiB\540788-E1-01-22</t>
  </si>
  <si>
    <t>【上海电气】 一级过热器外数第23圈管U型弯管\Φ42x5\12Cr2MoWVTiB\540788-E1-01-23</t>
  </si>
  <si>
    <t>【上海电气】 一级过热器外数第24圈管U型弯管\Φ42x5\12Cr2MoWVTiB\540788-E1-01-24</t>
  </si>
  <si>
    <t>【上海电气】 后屏过热器外数第1圈管U型弯管\Φ42x5.5\12Cr2MoWVTiB\540788-E1-02-01</t>
  </si>
  <si>
    <t>【上海电气】 后屏过热器外数第2圈管U型弯管\Φ42x5.5\12Cr2MoWVTiB\540788-E1-02-02</t>
  </si>
  <si>
    <t>【上海电气】 后屏过热器外数第3圈管U型弯管\Φ42x5.5\12Cr2MoWVTiB\540788-E1-02-03</t>
  </si>
  <si>
    <t>【上海电气】 后屏过热器外数第4圈管U型弯管\Φ42x5.5\12Cr1MoVG\540788-E1-02-04</t>
  </si>
  <si>
    <t>【上海电气】 后屏过热器外数第5圈管U型弯管\Φ42x5.5\12Cr1MoVG\540788-E1-02-05</t>
  </si>
  <si>
    <t>【上海电气】 后屏过热器外数第6圈管U型弯管\Φ42x5.5\12Cr1MoVG\540788-E1-02-06</t>
  </si>
  <si>
    <t>【上海电气】 后屏过热器外数第7圈管U型弯管\Φ42x5.5\12Cr1MoVG\540788-E1-02-07</t>
  </si>
  <si>
    <t>【上海电气】 后屏过热器外数第8圈管U型弯管\Φ42x5.5\12Cr1MoVG\540788-E1-02-08</t>
  </si>
  <si>
    <t>【上海电气】 后屏过热器外数第9圈管U型弯管\Φ42x5.5\12Cr2MoWVTiB\540788-E1-02-09</t>
  </si>
  <si>
    <t>【上海电气】 高温过热器前屏外数第1圈管U型弯管\Φ42x6\12Cr1MoVG\540788-E1-03-01</t>
  </si>
  <si>
    <t>【上海电气】 高温过热器前屏外数第2圈管U型弯管\Φ42x6\12Cr1MoVG\540788-E1-03-02</t>
  </si>
  <si>
    <t>【上海电气】 高温过热器前屏外数第3圈管U型弯管\Φ42x6\12Cr1MoVG\540788-E1-03-03</t>
  </si>
  <si>
    <t>【上海电气】 高温过热器前屏外数第4圈管U型弯管\Φ42x6\12Cr1MoVG\540788-E1-03-04</t>
  </si>
  <si>
    <t>【上海电气】 高温过热器前屏外数第5圈管U型弯管\Φ42x6\12Cr1MoVG\540788-E1-03-05</t>
  </si>
  <si>
    <t>【上海电气】 高温过热器后屏外数第1圈管U型弯管\Φ42x6.5\12Cr2MoWVTiB\540788-E1-03-06</t>
  </si>
  <si>
    <t>【上海电气】 高温过热器后屏外数第2圈管U型弯管\Φ42x6.5\12Cr2MoWVTiB\540788-E1-03-07</t>
  </si>
  <si>
    <t>【上海电气】 高温过热器后屏外数第3圈管U型弯管\Φ42x6.5\12Cr2MoWVTiB\540788-E1-03-08</t>
  </si>
  <si>
    <t>【上海电气】 高温过热器后屏外数第4圈管U型弯管\Φ42x6.5\12Cr2MoWVTiB\540788-E1-03-09</t>
  </si>
  <si>
    <t>【上海电气】 高温过热器后屏外数第5圈管U型弯管\Φ42x6.5\12Cr2MoWVTiB\540788-E1-03-10</t>
  </si>
  <si>
    <t>【上海电气】 低温过热器上部外数第1圈管U型弯管\Φ54x5.5\15CrMoG\540788-E1-04-01</t>
  </si>
  <si>
    <t>【上海电气】 低温过热器上部外数第2圈管U型弯管\Φ54x5.5\15CrMoG\540788-E1-04-02</t>
  </si>
  <si>
    <t>【上海电气】 低温过热器中下部外数第1圈管U型弯管\Φ54x6\SA210-C\540788-E1-04-03</t>
  </si>
  <si>
    <t>【上海电气】 低温过热器中下部外数第2圈管U型弯管\Φ54x6\SA210-C\540788-E1-04-04</t>
  </si>
  <si>
    <t>【上海电气】 一级省煤器外数第1圈管U型弯管\Φ42x4\20G\560788-E1-01-01</t>
  </si>
  <si>
    <t>【上海电气】 一级省煤器外数第2圈管U型弯管\Φ42x4\20G\560788-E1-01-02</t>
  </si>
  <si>
    <t>【上海电气】 AA层二次风喷嘴\\\680078-C1-05001</t>
  </si>
  <si>
    <t>【上海电气】 燃油二次风喷嘴\\\680182-C1-05001</t>
  </si>
  <si>
    <t>【上海电气】 BC层二次风喷嘴\\\680078-C1-05003</t>
  </si>
  <si>
    <t>【上海电气】 DD层二次风喷嘴\\\680078-C1-05004</t>
  </si>
  <si>
    <t>【上海电气】 OFA二次风喷嘴\\\680078-C1-05005</t>
  </si>
  <si>
    <t>【上海电气】 一次风喷嘴\\\680182-C1-07001</t>
  </si>
  <si>
    <t>【上海电气】 炉膛上部及中部转角管\\\520788-E1-13</t>
  </si>
  <si>
    <t>【上海电气】 后墙垂帘管\\\520788-E1-14</t>
  </si>
  <si>
    <t>【上海电气】 后墙悬吊管\\\520788-E1-15</t>
  </si>
  <si>
    <t>【上海电气】 2#3#角上部转角管\\\520788-D1-16</t>
  </si>
  <si>
    <t>【上海电气】 炉底转角管\\\520788-D1-17</t>
  </si>
  <si>
    <t>【上海电气】 1号前墙上集箱\\\522788-D1-01</t>
  </si>
  <si>
    <t>【上海电气】 2号前墙上集箱\\\522788-D1-02</t>
  </si>
  <si>
    <t>【上海电气】 3号前墙上集箱\\\522788-D1-03</t>
  </si>
  <si>
    <t>【上海电气】 4号前墙上集箱\\\522788-D1-04</t>
  </si>
  <si>
    <t>【上海电气】 1号左侧墙上集箱\\\522788-D1-05</t>
  </si>
  <si>
    <t>【上海电气】 2号左侧墙上集箱\\\522788-D1-06</t>
  </si>
  <si>
    <t>【上海电气】 3号左侧墙上集箱\\\522788-D1-07</t>
  </si>
  <si>
    <t>【上海电气】 1号右侧墙上集箱\\\522788-D1-08</t>
  </si>
  <si>
    <t>【上海电气】 2号右侧墙上集箱\\\522788-D1-09</t>
  </si>
  <si>
    <t>【上海电气】 3号右侧墙上集箱\\\522788-D1-10</t>
  </si>
  <si>
    <t>【上海电气】 后墙悬吊管出口集箱\\\522788-E1-11</t>
  </si>
  <si>
    <t>【上海电气】 排管出口集箱\\\522788-E1-12</t>
  </si>
  <si>
    <t>【上海电气】 切角上集箱\\\522788-D1-13</t>
  </si>
  <si>
    <t>【上海电气】 1号前后墙下集箱\\\522788-D1-14</t>
  </si>
  <si>
    <t>【上海电气】 2号前后墙下集箱\\\522788-D1-15</t>
  </si>
  <si>
    <t>【上海电气】 3号前后墙下集箱\\\522788-D1-16</t>
  </si>
  <si>
    <t>【上海电气】 4号前后墙下集箱\\\522788-D1-17</t>
  </si>
  <si>
    <t>【上海电气】 1号侧墙下集箱\\\522788-D1-18</t>
  </si>
  <si>
    <t>【上海电气】 2号侧墙下集箱\\\522788-D1-19</t>
  </si>
  <si>
    <t>【上海电气】 3号侧墙下集箱\\\522788-D1-20</t>
  </si>
  <si>
    <t>【上海电气】 炉顶进口集箱\\\542788-E1-01</t>
  </si>
  <si>
    <t>【上海电气】 后包覆集箱\\\542788-E1-02</t>
  </si>
  <si>
    <t>【上海电气】 左侧包覆下后集箱\\\542788-E1-03</t>
  </si>
  <si>
    <t>【上海电气】 右侧包覆下后集箱\\\542788-E1-04</t>
  </si>
  <si>
    <t>【上海电气】 左侧包覆上集箱\\\542788-E1-05</t>
  </si>
  <si>
    <t>【上海电气】 右侧包覆上集箱\\\542788-E1-06</t>
  </si>
  <si>
    <t>【上海电气】 隔墙上集箱\\\542788-D1-07</t>
  </si>
  <si>
    <t>【上海电气】 隔墙下集箱\\\542788-E1-08</t>
  </si>
  <si>
    <t>【上海电气】 左侧包覆下前集箱\\\542788-E1-09</t>
  </si>
  <si>
    <t>【上海电气】 右侧包覆下前集箱\\\542788-E1-10</t>
  </si>
  <si>
    <t>【上海电气】 前包覆上集箱\\\542788-D1-11</t>
  </si>
  <si>
    <t>【上海电气】 前包覆下集箱\\\542788-E1-12</t>
  </si>
  <si>
    <t>【上海电气】 水平左侧包覆下集箱\\\542788-D1-13</t>
  </si>
  <si>
    <t>【上海电气】 水平右侧包覆下集箱\\\542788-D1-14</t>
  </si>
  <si>
    <t>【上海电气】 水平左侧包覆上集箱\\\542788-D1-15</t>
  </si>
  <si>
    <t>【上海电气】 水平右侧包覆上集箱\\\542788-D1-16</t>
  </si>
  <si>
    <t>【上海电气】 低温过热器进口集箱\\\542788-E1-17</t>
  </si>
  <si>
    <t>【上海电气】 低温过热器出口集箱\\\542788-E1-18</t>
  </si>
  <si>
    <t>【上海电气】 前屏过热器集箱\\\542788-C1-19</t>
  </si>
  <si>
    <t>【上海电气】 后屏进口集箱\\\542788-E1-20</t>
  </si>
  <si>
    <t>【上海电气】 高温过热器进口集箱\\\542788-E1-21</t>
  </si>
  <si>
    <t>【上海电气】 高温过热器出口集箱\\\542788-E1-22</t>
  </si>
  <si>
    <t>【上海电气】 一级省煤器进口集箱\\\562788-D1-01</t>
  </si>
  <si>
    <t>【上海电气】 一级省煤器出口集箱\\\562788-D1-02</t>
  </si>
  <si>
    <t>【上海电气】 二级省煤器进口集箱\\\562788-D1-03</t>
  </si>
  <si>
    <t>【上海电气】 二级省煤器出口集箱\\\562788-D1-04</t>
  </si>
  <si>
    <t>【上海电气】 一级喷水减温器（左）\\\580788-E1-01</t>
  </si>
  <si>
    <t>【上海电气】 一级喷水减温器（右）\\\580788-E1-02</t>
  </si>
  <si>
    <t>【上海电气】 二级喷水减温器（前）\\\580788-E1-03</t>
  </si>
  <si>
    <t>【上海电气】 二级喷水减温器（后）\\\580788-E1-04</t>
  </si>
  <si>
    <t>【上海电气】 再热器左(右)侧事故喷水装置\\\580788-D1-05</t>
  </si>
  <si>
    <t>【上海电气】 再热器左(右)微量喷水装置\\\580788-D1-06</t>
  </si>
  <si>
    <t>【上海电气】  省煤器外数第1圈U型弯管\Φ42x6.5\SA210-C\5606007-E1-02-01</t>
  </si>
  <si>
    <t>【上海电气】  省煤器外数第2圈U型弯管\Φ42x6.5\SA210-C\5606007-E1-02-02</t>
  </si>
  <si>
    <t>【上海电气】  省煤器外数第3圈U型弯管\Φ42x6.5\SA210-C\5606007-E1-02-03</t>
  </si>
  <si>
    <t>【上海电气】  省煤器外数第4圈U型弯管\Φ42x6.5\SA210-C\5606007-E1-02-04</t>
  </si>
  <si>
    <t>【上海电气】 一级过热器90度弯管\Φ42x7\SA213-T91\5406007-E1-02-01</t>
  </si>
  <si>
    <t>【上海电气】  二级过热器上部外数第1圈U型弯管\Φ42x6.5\12Cr1MoVG\5406007-E1-05-01</t>
  </si>
  <si>
    <t>【上海电气】  二级过热器上部外数第2圈U型弯管\Φ42x6.5\12Cr1MoVG\5406007-E1-05-02</t>
  </si>
  <si>
    <t>【上海电气】  二级过热器上部外数第3圈U型弯管\Φ42x6.5\12Cr1MoVG\5406007-E1-05-03</t>
  </si>
  <si>
    <t>【上海电气】  二级过热器上部外数第4圈U型弯管\Φ42x6.5\12Cr1MoVG\5406007-E1-05-04</t>
  </si>
  <si>
    <t>【上海电气】  二级过热器上部外数第5圈U型弯管\Φ42x6.5\12Cr1MoVG\5406007-E1-05-05</t>
  </si>
  <si>
    <t>【上海电气】  二级过热器上部外数第6圈U型弯管\Φ42x6.5\12Cr1MoVG\5406007-E1-05-06</t>
  </si>
  <si>
    <t>【上海电气】  二级过热器上部外数第7圈U型弯管\Φ42x6.5\12Cr1MoVG\5406007-E1-05-07</t>
  </si>
  <si>
    <t>【上海电气】  二级过热器上部外数第8圈U型弯管\Φ42x6.5\12Cr1MoVG\5406007-E1-05-08</t>
  </si>
  <si>
    <t>【上海电气】  二级过热器上部外数第9圈U型弯管\Φ42x6.5\12Cr1MoVG\5406007-E1-05-09</t>
  </si>
  <si>
    <t>【上海电气】  二级过热器上部外数第10圈U型弯管\Φ42x6.5\12Cr1MoVG\5406007-E1-05-10</t>
  </si>
  <si>
    <t>【上海电气】  二级过热器上部外数第11圈U型弯管\Φ42x6.5\12Cr1MoVG\5406007-E1-05-11</t>
  </si>
  <si>
    <t>【上海电气】  二级过热器上部外数第12圈U型弯管\Φ42x6.5\12Cr1MoVG\5406007-E1-05-12</t>
  </si>
  <si>
    <t>【上海电气】  二级过热器下部外数第1圈U型弯管\Φ42x7\SA213-T91\5406007-E1-05-13</t>
  </si>
  <si>
    <t>【上海电气】  二级过热器下部外数第2圈U型弯管\Φ42x7\SA213-T91\5406007-E1-05-14</t>
  </si>
  <si>
    <t>【上海电气】  二级过热器下部外数第3圈U型弯管\Φ42x7\SA213-T91\5406007-E1-05-15</t>
  </si>
  <si>
    <t>【上海电气】  二级过热器下部外数第4圈U型弯管\Φ42x7\SA213-T91\5406007-E1-05-16</t>
  </si>
  <si>
    <t>【上海电气】  二级过热器下部外数第5圈U型弯管\Φ42x7\SA213-T91\5406007-E1-05-17</t>
  </si>
  <si>
    <t>【上海电气】  二级过热器下部外数第6圈U型弯管\Φ42x7\SA213-T91\5406007-E1-05-18</t>
  </si>
  <si>
    <t>【上海电气】  二级过热器下部外数第7圈U型弯管\Φ42x7\SA213-T91\5406007-E1-05-19</t>
  </si>
  <si>
    <t>【上海电气】  二级过热器下部外数第8圈U型弯管\Φ42x7\SA213-T91\5406007-E1-05-20</t>
  </si>
  <si>
    <t>【上海电气】  二级过热器下部外数第9圈U型弯管\Φ42x7\SA213-T91\5406007-E1-05-21</t>
  </si>
  <si>
    <t>【上海电气】  二级过热器下部外数第10圈U型弯管\Φ42x7\SA213-T91\5406007-E1-05-22</t>
  </si>
  <si>
    <t>【上海电气】  二级过热器下部外数第11圈U型弯管\Φ42x7\SA213-T91\5406007-E1-05-23</t>
  </si>
  <si>
    <t>【上海电气】  二级过热器下部外数第12圈U型弯管\Φ42x7\SA213-T91\5406007-E1-05-24</t>
  </si>
  <si>
    <t>【上海电气】 三级过热器管屏\Φ48x7.5/Φ48x10.5\SA213-TP347H/SA213-T91\5406007-E1-08001</t>
  </si>
  <si>
    <t>【上海电气】 三级过热器管屏\Φ48x7.5/Φ48x10.5\SA213-TP347H/SA213-T91\5406007-E1-08043</t>
  </si>
  <si>
    <t>【上海电气】 三级过热器90度弯管\Φ48x10.5\SA213-T91\5406007-E1-08-01</t>
  </si>
  <si>
    <t>【上海电气】 三级过热器90度弯管\Φ48x9.5\SA213-T91\5406007-E1-08-02</t>
  </si>
  <si>
    <t>【上海电气】  一级再热器外数第1圈U型弯管\Φ57x4\SA210-C\7406007-E1-02-01</t>
  </si>
  <si>
    <t>【上海电气】  一级再热器外数第2圈U型弯管\Φ57x4\SA210-C\7406007-E1-02-02</t>
  </si>
  <si>
    <t>【上海电气】  一级再热器外数第3圈U型弯管\Φ57x4\SA210-C\7406007-E1-02-03</t>
  </si>
  <si>
    <t>【上海电气】  一级再热器外数第4圈U型弯管\Φ57x4\SA210-C\7406007-E1-02-04</t>
  </si>
  <si>
    <t>【上海电气】  一级再热器外数第5圈U型弯管\Φ57x4\SA210-C\7406007-E1-02-05</t>
  </si>
  <si>
    <t>【上海电气】  一级再热器外数第6圈U型弯管\Φ57x6\SA210-C\7406007-E1-02-06</t>
  </si>
  <si>
    <t>【上海电气】  一级再热器外数第1圈U型弯管\Φ57x4\15CrMoG\7406007-E1-02-07</t>
  </si>
  <si>
    <t>【上海电气】  一级再热器外数第2圈U型弯管\Φ57x4\15CrMoG\7406007-E1-02-08</t>
  </si>
  <si>
    <t>【上海电气】  一级再热器外数第3圈U型弯管\Φ57x4\15CrMoG\7406007-E1-02-09</t>
  </si>
  <si>
    <t>【上海电气】  一级再热器外数第4圈U型弯管\Φ57x4\15CrMoG\7406007-E1-02-10</t>
  </si>
  <si>
    <t>【上海电气】  一级再热器外数第5圈U型弯管\Φ57x4\15CrMoG\7406007-E1-02-11</t>
  </si>
  <si>
    <t>【上海电气】  一级再热器外数第6圈U型弯管\Φ57x6\15CrMoG\7406007-E1-02-12</t>
  </si>
  <si>
    <t>【上海电气】 二级再热器上部管排\Φ57x4.5/Φ57x4\SA213-TP347H/SA213-T91\7406007-D1-06001、25</t>
  </si>
  <si>
    <t>【上海电气】 二级再热器下部管排\Φ57x4\SA213-T91\7406007-D1-06042~63</t>
  </si>
  <si>
    <t>【上海电气】 二级再热器90度弯管\Φ57x4.5\SA213-T91\7406007-E1-06-01</t>
  </si>
  <si>
    <t>【上海电气】 二级再热器90度弯管\Φ57x4\SA213-T91\7406007-E1-06-02</t>
  </si>
  <si>
    <t>【上海电气】 水冷壁前墙过渡段连接管\\\5206007-E1-19</t>
  </si>
  <si>
    <t>【上海电气】 水冷壁后墙过渡段连接管\\\5206007-E1-20</t>
  </si>
  <si>
    <t>【上海电气】 水冷壁左侧墙过渡段连接管\\\5206007-E1-21</t>
  </si>
  <si>
    <t>【上海电气】 水冷壁右侧墙过渡段连接管\\\5206007-E1-22</t>
  </si>
  <si>
    <t>【上海电气】 上部转角管屏\\\5206007-D1-24</t>
  </si>
  <si>
    <t>【上海电气】 切角管屏\\\5206007-D1-27</t>
  </si>
  <si>
    <t>【上海电气】 底部转角管屏\\\5206007-D1-30</t>
  </si>
  <si>
    <t>【上海电气】 煤粉喷嘴\\\6806007-D1-09002</t>
  </si>
  <si>
    <t>【上海电气】 一次风喷嘴\\\6806007-E1-09001</t>
  </si>
  <si>
    <t>【上海电气】 二次风喷嘴\\\6806007-C1-11001</t>
  </si>
  <si>
    <t>【上海电气】 二次风喷嘴\\\6806007-C1-11002</t>
  </si>
  <si>
    <t>【上海电气】 二次风喷嘴\\\6806007-C1-11003</t>
  </si>
  <si>
    <t>【上海电气】 二次风喷嘴\\\6806007-C1-11004</t>
  </si>
  <si>
    <t>【上海电气】 二次风喷嘴\\\6806007-C1-11005</t>
  </si>
  <si>
    <t>【上海电气】 二次风喷嘴\\\6806007-C1-11006</t>
  </si>
  <si>
    <t>【上海电气】 二次风喷嘴\\\6806007-C1-11015</t>
  </si>
  <si>
    <t>【上海电气】 AGP喷嘴\\\6806007-C1-19001</t>
  </si>
  <si>
    <t>【上海电气】 喷嘴水平调节机构（右）\\\6806007-C1-19009</t>
  </si>
  <si>
    <t>【上海电气】 喷嘴水平调节机构（左）\\\6806007-C1-20001</t>
  </si>
  <si>
    <t>【上海电气】 水冷壁前（后）墙出口集箱\\\5226007-D1-01</t>
  </si>
  <si>
    <t>【上海电气】 水冷壁侧墙出口集箱\\\5226007-D1-02</t>
  </si>
  <si>
    <t>【上海电气】 水冷壁出口分配集箱\\\5226007-D1-03</t>
  </si>
  <si>
    <t>【上海电气】 水冷壁中间集箱\\\5226007-D1-04</t>
  </si>
  <si>
    <t>【上海电气】 水冷壁前墙进口集箱\\\5226007-D1-05</t>
  </si>
  <si>
    <t>【上海电气】 水冷壁后墙进口集箱\\\5226007-D1-06</t>
  </si>
  <si>
    <t>【上海电气】 一级过热器进口集箱\\\5426007-E1-01</t>
  </si>
  <si>
    <t>【上海电气】 一级过热器前墙出口集箱\\\5426007-D1-02</t>
  </si>
  <si>
    <t>【上海电气】 一级过热器后墙出口集箱\\\5426007-D1-03</t>
  </si>
  <si>
    <t>【上海电气】 一级过热器进口分配集箱\\\5426007-D1-04</t>
  </si>
  <si>
    <t>【上海电气】 二级过热器进口集箱\\\5426007-D1-05</t>
  </si>
  <si>
    <t>【上海电气】 二级过热器出口集箱\\\5426007-D1-06</t>
  </si>
  <si>
    <t>【上海电气】 三级过热器进口集箱\\\5426007-D1-07</t>
  </si>
  <si>
    <t>【上海电气】 三级过热器出口集箱\\\5426007-D1-08</t>
  </si>
  <si>
    <t>【上海电气】 省煤器进口集箱\\\5626007-D1-01</t>
  </si>
  <si>
    <t>【上海电气】 省煤器出口集箱\\\5626007-D1-02</t>
  </si>
  <si>
    <t>【上海电气】 过热器一级减温器\\\5806007-E1-01</t>
  </si>
  <si>
    <t>【上海电气】 过热器二级减温器\\\5806007-E1-02</t>
  </si>
  <si>
    <t>【上海电气】 再热器事故喷水减温器\\\5806007-E1-03</t>
  </si>
  <si>
    <t>【上海电气】 再热器微量喷水减温器\\\5806007-E1-04</t>
  </si>
  <si>
    <t>【上海电气】 一级再热器进口集箱\\\7426007-D1-01</t>
  </si>
  <si>
    <t>【上海电气】 一级再热器出口集箱\\\7426007-D1-02</t>
  </si>
  <si>
    <t>【上海电气】 二级再热器进口集箱\\\7426007-D1-03</t>
  </si>
  <si>
    <t>【上海电气】 二级再热器出口集箱\\\7426007-D1-04</t>
  </si>
  <si>
    <t>【上海电气】 A包热段层传热元件\t0.5×1000\DU3(DC01)\770086-B1-10001W01</t>
  </si>
  <si>
    <t>【上海电气】 B包热段层传热元件\t0.5×1000\DU3(DC01)\770086-B1-10001W02</t>
  </si>
  <si>
    <t>【上海电气】 C包热段层传热元件\t0.5×1000\DU3(DC01)\770086-B1-10001W03</t>
  </si>
  <si>
    <t>【上海电气】 D包热段层传热元件\t0.5×1000\DU3(DC01)\770086-B1-10001W04</t>
  </si>
  <si>
    <t>【上海电气】 E包热段层传热元件\t0.5×1000\DU3(DC01)\770086-B1-10001W05</t>
  </si>
  <si>
    <t>【上海电气】 F包热段层传热元件\t0.5×1000\DU3(DC01)\770086-B1-10001W06</t>
  </si>
  <si>
    <t>【上海电气】 G包热段层传热元件\t0.5×1000\DU3(DC01)\770086-B1-10001W07</t>
  </si>
  <si>
    <t>【上海电气】 A包热段中间层传热元件\t0.5×400\DU3(DC01)\770086-B1-10002W01</t>
  </si>
  <si>
    <t>【上海电气】 B包热段中间层传热元件\t0.5×400\DU3(DC01)\770086-B1-10002W02</t>
  </si>
  <si>
    <t>【上海电气】 C包热段中间层传热元件\t0.5×400\DU3(DC01)\770086-B1-10002W03</t>
  </si>
  <si>
    <t>【上海电气】 D包热段中间层传热元件\t0.5×400\DU3(DC01)\770086-B1-10002W04</t>
  </si>
  <si>
    <t>【上海电气】 E包热段中间层传热元件\t0.5×400\DU3(DC01)\770086-B1-10002W05</t>
  </si>
  <si>
    <t>【上海电气】 F包热段中间层传热元件\t0.5×400\DU3(DC01)\770086-B1-10002W06</t>
  </si>
  <si>
    <t>【上海电气】 G包热段中间层传热元件\t0.5×400\DU3(DC01)\770086-B1-10002W07</t>
  </si>
  <si>
    <t>【上海电气】 A包冷段层传热元件\t0.8×1000\TC-1（DC05EK）\770086-B1-12W01</t>
  </si>
  <si>
    <t>【上海电气】 B包冷段层传热元件\t0.8×1000\TC-1（DC05EK）\770086-B1-12W02</t>
  </si>
  <si>
    <t>【上海电气】 C包冷段层传热元件\t0.8×1000\TC-1（DC05EK）\770086-B1-12W03</t>
  </si>
  <si>
    <t>【上海电气】 D包冷段层传热元件\t0.8×1000\TC-1（DC05EK）\770086-B1-12W04</t>
  </si>
  <si>
    <t>【上海电气】 E包冷段层传热元件\t0.8×1000\TC-1（DC05EK）\770086-B1-12W05</t>
  </si>
  <si>
    <t>【上海电气】 F包冷段层传热元件\t0.8×1000\TC-1（DC05EK）\770086-B1-12W06</t>
  </si>
  <si>
    <t>【上海电气】 G包冷段层传热元件\t0.8×1000\TC-1（DC05EK）\770086-B1-12W07</t>
  </si>
  <si>
    <t>【上海电气】 热端内侧径向密封片\t2.6\corten-A\770086-A1-04001</t>
  </si>
  <si>
    <t>【上海电气】 内侧压板\t3\Q235-A\770086-A1-04002</t>
  </si>
  <si>
    <t>【上海电气】 冷端内侧径向密封片\t2.6\corten-A\770086-A1-04005</t>
  </si>
  <si>
    <t>【上海电气】 冷端补隙片\t2.6\corten-A\770086-A1-04006</t>
  </si>
  <si>
    <t>【上海电气】 热端轴向密封片\t2.6\corten-A\770086-A1-40001</t>
  </si>
  <si>
    <t>【上海电气】 热端压板\t2.6\corten-A\770086-A1-40002</t>
  </si>
  <si>
    <t>【上海电气】 冷端轴向密封片\t2.6\corten-A\770086-A1-40003</t>
  </si>
  <si>
    <t>【上海电气】 冷端压板\t2.6\corten-A\770086-A1-40004</t>
  </si>
  <si>
    <t>【上海电气】 热端补隙片\t2.6\corten-A\770086-A1-40005</t>
  </si>
  <si>
    <t>【上海电气】 冷端补隙片\t2.6\corten-A\770086-A1-40006</t>
  </si>
  <si>
    <t>【上海电气】 热端旁路密封片\t1.5\corten-A\770055-B1-41001</t>
  </si>
  <si>
    <t>【上海电气】 减速箱\\B4SV311-60A\770086-E1-42001</t>
  </si>
  <si>
    <t>【上海电气】 中间梁加载机构\710\\770086-D1-55001</t>
  </si>
  <si>
    <t>【上海电气】 一次风梁加载机构\610\\770086-D1-55002</t>
  </si>
  <si>
    <t>【上海电气】 传感器\机械式\\770086-D1-56001</t>
  </si>
  <si>
    <t>【上海电气】 热电偶\WRN-430/T-75\K型，不锈钢\770076-D1-56002</t>
  </si>
  <si>
    <t>【上海电气】 PLC DI模块\Modicon\\</t>
  </si>
  <si>
    <t>【上海电气】 PLC D0模块\Modicon\\</t>
  </si>
  <si>
    <t>【上海电气】 PLC AI模块\Modicon\\</t>
  </si>
  <si>
    <t>【上海电气】 PLC TC模块\Modicon\\</t>
  </si>
  <si>
    <t>【上海电气】 屏式过热器外数第1圈管U型弯管\φ44.5×7.5\SA213-SUPER304H-SB\5406009-E1-01-01</t>
  </si>
  <si>
    <t>【上海电气】 屏式过热器外数第2圈管U型弯管\φ44.5×7.5\SA213-SUPER304H-SB\5406009-E1-01-02</t>
  </si>
  <si>
    <t>【上海电气】 屏式过热器外数第3圈管U型弯管\φ44.5×7.5\SA213-SUPER304H-SB\5406009-E1-01-03</t>
  </si>
  <si>
    <t>【上海电气】 屏式过热器外数第4圈管U型弯管\φ44.5×7.5\SA213-SUPER304H-SB\5406009-E1-01-04</t>
  </si>
  <si>
    <t>【上海电气】 屏式过热器外数第5圈管U型弯管\φ44.5×7.5\SA213-SUPER304H-SB\5406009-E1-01-05</t>
  </si>
  <si>
    <t>【上海电气】 屏式过热器外数第6圈管U型弯管\φ44.5×7.5\SA213-SUPER304H-SB\5406009-E1-01-06</t>
  </si>
  <si>
    <t>【上海电气】 屏式过热器外数第7圈管U型弯管\φ44.5×7.5\SA213-SUPER304H-SB\5406009-E1-01-07</t>
  </si>
  <si>
    <t>【上海电气】 屏式过热器外数第8圈管U型弯管\φ44.5×7.5\SA213-SUPER304H-SB\5406009-E1-01-08</t>
  </si>
  <si>
    <t>【上海电气】 屏式过热器外数第9圈管U型弯管\φ44.5×7.5\SA213-SUPER304H-SB\5406009-E1-01-09</t>
  </si>
  <si>
    <t>【上海电气】 屏式过热器外数第10圈管U型弯管\φ44.5×7.5\SA213-SUPER304H-SB\5406009-E1-01-10</t>
  </si>
  <si>
    <t>【上海电气】 低温过热器进口及水平段外圈第1个弯管\φ51×7\SA213-T91\5446009-E1-01-01</t>
  </si>
  <si>
    <t>【上海电气】 低温过热器进口及水平段外圈第2个弯管\φ51×8.5\SA213-T91\5446009-E1-01-02</t>
  </si>
  <si>
    <t>【上海电气】 低温过热器进口及水平段外圈第3个弯管\φ51×8.5\SA213-T91\5446009-E1-01-03</t>
  </si>
  <si>
    <t>【上海电气】 低温过热器进口及水平段外圈第4个弯管\φ51×8.5\SA213-T91\5446009-E1-01-04</t>
  </si>
  <si>
    <t>【上海电气】 低温过热器进口及水平段外圈第5个弯管\φ51×8.5\SA213-T91\5446009-E1-01-05</t>
  </si>
  <si>
    <t>【上海电气】 低温过热器进口及水平段外圈第6个弯管\φ51×7\SA213-T91\5446009-E1-01-06</t>
  </si>
  <si>
    <t>【上海电气】 低温过热器进口及水平段外圈第1个弯管\φ51×9/8/7\12Cr1MoVG\5446009-E1-01-07</t>
  </si>
  <si>
    <t>【上海电气】 低温过热器进口及水平段外圈第2个弯管\φ51×9/8/7\12Cr1MoVG\5446009-E1-01-08</t>
  </si>
  <si>
    <t>【上海电气】 低温过热器进口及水平段外圈第3个弯管\φ51×9/8/7\12Cr1MoVG\5446009-E1-01-09</t>
  </si>
  <si>
    <t>【上海电气】 低温过热器进口及水平段外圈第4个弯管\φ51×9/8/7\12Cr1MoVG\5446009-E1-01-10</t>
  </si>
  <si>
    <t>【上海电气】 低温过热器进口及水平段外圈第5个弯管\φ51×9/8/7\12Cr1MoVG\5446009-E1-01-11</t>
  </si>
  <si>
    <t>【上海电气】 低温过热器进口及水平段外圈第6个弯管\φ51×9/8/7\12Cr1MoVG\5446009-E1-01-12</t>
  </si>
  <si>
    <t>【上海电气】 低温过热器进口及水平段外圈第1个弯管\φ51×7\15CrMoG\5446009-E1-01-13</t>
  </si>
  <si>
    <t>【上海电气】 低温过热器进口及水平段外圈第2个弯管\φ51×7\15CrMoG\5446009-E1-01-14</t>
  </si>
  <si>
    <t>【上海电气】 低温过热器进口及水平段外圈第3个弯管\φ51×7\15CrMoG\5446009-E1-01-15</t>
  </si>
  <si>
    <t>【上海电气】 低温过热器进口及水平段外圈第4个弯管\φ51×7\15CrMoG\5446009-E1-01-16</t>
  </si>
  <si>
    <t>【上海电气】 低温过热器进口及水平段外圈第5个弯管\φ51×7\15CrMoG\5446009-E1-01-17</t>
  </si>
  <si>
    <t>【上海电气】 低温过热器进口及水平段外圈第6个弯管\φ51×7\15CrMoG\5446009-E1-01-18</t>
  </si>
  <si>
    <t>【上海电气】 高温过热器外圈数第1件\φ54×11\SA213-TP310HCbN\5456009-E1-01-01</t>
  </si>
  <si>
    <t>【上海电气】 高温过热器外圈数第2件\φ42×7\SA213-SUPER304H-SB\5456009-E1-01-04</t>
  </si>
  <si>
    <t>【上海电气】 高温过热器外圈数第3件\φ42×7\SA213-SUPER304H-SB\5456009-E1-01-09</t>
  </si>
  <si>
    <t>【上海电气】 高温过热器外圈数第4件\φ42×7\SA213-SUPER304H-SB\5456009-E1-01-12</t>
  </si>
  <si>
    <t>【上海电气】 高温过热器外圈数第5件\φ42×7\SA213-SUPER304H-SB\5456009-E1-01-14</t>
  </si>
  <si>
    <t>【上海电气】 高温过热器外圈数第6件\φ42×7\SA213-SUPER304H-SB\5456009-E1-01-16</t>
  </si>
  <si>
    <t>【上海电气】 高温过热器外圈数第7件\φ42×7\SA213-SUPER304H-SB\5456009-E1-01-18</t>
  </si>
  <si>
    <t>【上海电气】 高温过热器外圈数第8件\φ42×7\SA213-SUPER304H-SB\5456009-E1-01-20</t>
  </si>
  <si>
    <t>【上海电气】 高温过热器外圈数第9件\φ42×7\SA213-SUPER304H-SB\5456009-E1-01-22</t>
  </si>
  <si>
    <t>【上海电气】 高温过热器外圈数第10件\φ42×7\SA213-SUPER304H-SB\5456009-E1-01-24</t>
  </si>
  <si>
    <t>【上海电气】 高温过热器外圈数第11件\φ42×7\SA213-SUPER304H-SB\5456009-E1-01-26</t>
  </si>
  <si>
    <t>【上海电气】 高温过热器外圈数第12件\φ42×7\SA213-SUPER304H-SB\5456009-E1-01-28</t>
  </si>
  <si>
    <t>【上海电气】 高温过热器外圈数第13件\φ42×7\SA213-SUPER304H-SB\5456009-E1-01-30</t>
  </si>
  <si>
    <t>【上海电气】 高温过热器外圈数第14件\φ42×7\SA213-SUPER304H-SB\5456009-E1-01-32</t>
  </si>
  <si>
    <t>【上海电气】 高温过热器外圈数第15件\φ42×7\SA213-SUPER304H-SB\5456009-E1-01-34</t>
  </si>
  <si>
    <t>【上海电气】 高温过热器外圈数第16件\φ42×7\SA213-SUPER304H-SB\5456009-E1-01-36</t>
  </si>
  <si>
    <t>【上海电气】 高温过热器外圈数第17件\φ42×7\SA213-SUPER304H-SB\5456009-E1-01-38</t>
  </si>
  <si>
    <t>【上海电气】 高温过热器外圈数第18件\φ42×7\SA213-SUPER304H-SB\5456009-E1-01-40</t>
  </si>
  <si>
    <t>【上海电气】 高温过热器外圈数第19件\φ42×7\SA213-SUPER304H-SB\5456009-E1-01-42</t>
  </si>
  <si>
    <t>【上海电气】 高温过热器外圈数第20件\φ42×7\SA213-SUPER304H-SB\5456009-E1-01-44</t>
  </si>
  <si>
    <t>【上海电气】 高温过热器外圈数第21件\φ42×7\SA213-SUPER304H-SB\5456009-E1-01-46</t>
  </si>
  <si>
    <t>【上海电气】 高温过热器外圈数第22件\φ54×11\SA213-SUPER304H-SB\5456009-E1-01-48</t>
  </si>
  <si>
    <t>【上海电气】 省煤器(低再侧)外数第1圈弯管\φ48×8\SA210-C\5606009-E1-01-01</t>
  </si>
  <si>
    <t>【上海电气】 省煤器(低再侧)外数第2圈弯管\φ48×8\SA210-C\5606009-E1-01-02</t>
  </si>
  <si>
    <t>【上海电气】 省煤器(低再侧)外数第3圈弯管\φ48×8\SA210-C\5606009-E1-01-03</t>
  </si>
  <si>
    <t>【上海电气】 省煤器(低再侧)外数第4圈弯管\φ48×8\SA210-C\5606009-E1-01-04</t>
  </si>
  <si>
    <t>【上海电气】 省煤器(低过侧)外数第1圈弯管\φ48×8\SA210-C\5606009-E1-01-05</t>
  </si>
  <si>
    <t>【上海电气】 省煤器(低过侧)外数第2圈弯管\φ48×8\SA210-C\5606009-E1-01-06</t>
  </si>
  <si>
    <t>【上海电气】 省煤器(低过侧)外数第3圈弯管\φ48×8\SA210-C\5606009-E1-01-07</t>
  </si>
  <si>
    <t>【上海电气】 省煤器(低过侧)外数第4圈弯管\φ48×8\SA210-C\5606009-E1-01-08</t>
  </si>
  <si>
    <t>【上海电气】 高温再热器前段第1圈\φ57×4\SA213-TP310HCbN\7406009-E1-01-01</t>
  </si>
  <si>
    <t>【上海电气】 高温再热器前段第2圈\φ57×4\SA213-TP347HFG\7406009-E1-01-02</t>
  </si>
  <si>
    <t>【上海电气】 高温再热器前段第3圈\φ57×4\SA213-TP347HFG\7406009-E1-01-03</t>
  </si>
  <si>
    <t>【上海电气】 高温再热器前段第4圈\φ57×4\SA213-T91\7406009-E1-01-04</t>
  </si>
  <si>
    <t>【上海电气】 高温再热器前段第5圈\φ57×4\SA213-T91\7406009-E1-01-05</t>
  </si>
  <si>
    <t>【上海电气】 高温再热器前段第6圈\φ57×4\SA213-T91\7406009-E1-01-06</t>
  </si>
  <si>
    <t>【上海电气】 高温再热器前段第7圈\φ57×4\SA213-T91\7406009-E1-01-07</t>
  </si>
  <si>
    <t>【上海电气】 高温再热器前段第8圈\φ57×4\SA213-T91\7406009-E1-01-08</t>
  </si>
  <si>
    <t>【上海电气】 高温再热器前段第9圈\φ57×4\SA213-T91\7406009-E1-01-09</t>
  </si>
  <si>
    <t>【上海电气】 高温再热器前段第10圈\φ57×4\SA213-TP347HFG\7406009-E1-01-10</t>
  </si>
  <si>
    <t>【上海电气】 高温再热器后段第1圈\φ57×4\SA213-SUPER304H-SB\7406009-E1-01-11</t>
  </si>
  <si>
    <t>【上海电气】 高温再热器后段第2圈\φ57×4\SA213-SUPER304H-SB\7406009-E1-01-12</t>
  </si>
  <si>
    <t>【上海电气】 高温再热器后段第3圈\φ57×4\SA213-SUPER304H-SB\7406009-E1-01-13</t>
  </si>
  <si>
    <t>【上海电气】 高温再热器后段第4圈\φ57×4\SA213-SUPER304H-SB\7406009-E1-01-14</t>
  </si>
  <si>
    <t>【上海电气】 高温再热器后段第5圈\φ57×4\SA213-SUPER304H-SB\7406009-E1-01-15</t>
  </si>
  <si>
    <t>【上海电气】 高温再热器后段第6圈\φ57×4\SA213-SUPER304H-SB\7406009-E1-01-16</t>
  </si>
  <si>
    <t>【上海电气】 高温再热器后段第7圈\φ57×4\SA213-SUPER304H-SB\7406009-E1-01-17</t>
  </si>
  <si>
    <t>【上海电气】 高温再热器后段第8圈\φ57×4\SA213-SUPER304H-SB\7406009-E1-01-18</t>
  </si>
  <si>
    <t>【上海电气】 高温再热器后段第9圈\φ57×4\SA213-SUPER304H-SB\7406009-E1-01-19</t>
  </si>
  <si>
    <t>【上海电气】 高温再热器后段第10圈\φ57×4\SA213-SUPER304H-SB\7406009-E1-01-20</t>
  </si>
  <si>
    <t>【上海电气】 低温再热器进口及水平段上部外数第1圈U型弯\φ63.5×4\12Cr1MoVG\7446009-E1-01-01</t>
  </si>
  <si>
    <t>【上海电气】 低温再热器进口及水平段上部外数第2圈U型弯\φ63.5×4\12Cr1MoVG\7446009-E1-01-02</t>
  </si>
  <si>
    <t>【上海电气】 低温再热器进口及水平段上部外数第3圈U型弯\φ63.5×4\12Cr1MoVG\7446009-E1-01-03</t>
  </si>
  <si>
    <t>【上海电气】 低温再热器进口及水平段上部外数第4圈U型弯\φ63.5×4\12Cr1MoVG\7446009-E1-01-04</t>
  </si>
  <si>
    <t>【上海电气】 低温再热器进口及水平段上部外数第5圈U型弯\φ63.5×4\12Cr1MoVG\7446009-E1-01-05</t>
  </si>
  <si>
    <t>【上海电气】 低温再热器进口及水平段上部外数第6圈U型弯\φ63.5×4\12Cr1MoVG\7446009-E1-01-06</t>
  </si>
  <si>
    <t>【上海电气】 低温再热器进口及水平段上部外数第7圈U型弯\φ63.5×6.5\12Cr1MoVG\7446009-E1-01-07</t>
  </si>
  <si>
    <t>【上海电气】 低温再热器进口及水平段中部外数第1圈U型弯\φ63.5×4\15CrMoG\7446009-E1-01-08</t>
  </si>
  <si>
    <t>【上海电气】 低温再热器进口及水平段中部外数第2圈U型弯\φ63.5×4\15CrMoG\7446009-E1-01-09</t>
  </si>
  <si>
    <t>【上海电气】 低温再热器进口及水平段中部外数第3圈U型弯\φ63.5×4\15CrMoG\7446009-E1-01-10</t>
  </si>
  <si>
    <t>【上海电气】 低温再热器进口及水平段中部外数第4圈U型弯\φ63.5×4\15CrMoG\7446009-E1-01-11</t>
  </si>
  <si>
    <t>【上海电气】 低温再热器进口及水平段中部外数第5圈U型弯\φ63.5×4\15CrMoG\7446009-E1-01-12</t>
  </si>
  <si>
    <t>【上海电气】 低温再热器进口及水平段中部外数第6圈U型弯\φ63.5×4\15CrMoG\7446009-E1-01-13</t>
  </si>
  <si>
    <t>【上海电气】 低温再热器进口及水平段中部外数第7圈U型弯\φ63.5×6.5\15CrMoG\7446009-E1-01-14</t>
  </si>
  <si>
    <t>【上海电气】 低温再热器进口及水平段下部外数第1圈U型弯\φ63.5×4\SA210-C\7446009-E1-01-15</t>
  </si>
  <si>
    <t>【上海电气】 低温再热器进口及水平段下部外数第2圈U型弯\φ63.5×4\SA210-C\7446009-E1-01-16</t>
  </si>
  <si>
    <t>【上海电气】 低温再热器进口及水平段下部外数第3圈U型弯\φ63.5×4\SA210-C\7446009-E1-01-17</t>
  </si>
  <si>
    <t>【上海电气】 低温再热器进口及水平段下部外数第4圈U型弯\φ63.5×4\SA210-C\7446009-E1-01-18</t>
  </si>
  <si>
    <t>【上海电气】 低温再热器进口及水平段下部外数第5圈U型弯\φ63.5×4\SA210-C\7446009-E1-01-19</t>
  </si>
  <si>
    <t>【上海电气】 低温再热器进口及水平段下部外数第6圈U型弯\φ63.5×4\SA210-C\7446009-E1-01-20</t>
  </si>
  <si>
    <t>【上海电气】 低温再热器进口及水平段下部外数第7圈U型弯\φ63.5×6.5\SA210-C\7446009-E1-01-21</t>
  </si>
  <si>
    <t>【上海电气】 水冷壁前墙过渡段\\\5206009-E1-06</t>
  </si>
  <si>
    <t>【上海电气】 水冷壁后墙过渡段\\\5206009-E1-07</t>
  </si>
  <si>
    <t>【上海电气】 水冷壁左右侧墙过渡段\\\5206009-E1-08</t>
  </si>
  <si>
    <t>【上海电气】 水冷壁前墙过渡段连接管\\\5206009-D1-09</t>
  </si>
  <si>
    <t>【上海电气】 水冷壁后墙过渡段连接管\\\5206009-D1-10</t>
  </si>
  <si>
    <t>【上海电气】 水冷壁左右侧墙过渡段连接管\\\5206009-D1-11</t>
  </si>
  <si>
    <t>【上海电气】 燃尽风孔上部转角管屏\\\5206009-D1-18</t>
  </si>
  <si>
    <t>【上海电气】 #1#3角上部燃尽风孔\\\5206009-E1-19</t>
  </si>
  <si>
    <t>【上海电气】 #1#3角下部燃尽风孔\\\5206009-E1-20</t>
  </si>
  <si>
    <t>【上海电气】 #2#4角上部燃尽风孔\\\5206009-E1-22</t>
  </si>
  <si>
    <t>【上海电气】 #2#4角下部燃尽风孔\\\5206009-E1-23</t>
  </si>
  <si>
    <t>【上海电气】 燃烧器下部转角管屏\\\5206009-D1-27</t>
  </si>
  <si>
    <t>【上海电气】 水冷壁前墙出口集箱\\\5226009-D1-01</t>
  </si>
  <si>
    <t>【上海电气】 水冷壁后墙出口集箱\\\5226009-D1-02</t>
  </si>
  <si>
    <t>【上海电气】 水冷壁左侧墙出口集箱\\\5226009-D1-03</t>
  </si>
  <si>
    <t>【上海电气】 水冷壁右侧墙出口集箱\\\5226009-D1-04</t>
  </si>
  <si>
    <t>【上海电气】 水冷壁前墙中间集箱\\\5226009-D1-05</t>
  </si>
  <si>
    <t>【上海电气】 水冷壁后墙中间集箱\\\5226009-D1-06</t>
  </si>
  <si>
    <t>【上海电气】 水冷壁左侧墙中间集箱\\\5226009-D1-07</t>
  </si>
  <si>
    <t>【上海电气】 水冷壁右侧墙中间集箱\\\5226009-D1-08</t>
  </si>
  <si>
    <t>【上海电气】 水冷壁前墙进口集箱\\\5226009-D1-09</t>
  </si>
  <si>
    <t>【上海电气】 水冷壁后墙进口集箱\\\5226009-D1-10</t>
  </si>
  <si>
    <t>【上海电气】 水冷壁左侧墙进口集箱\\\5226009-C1-11</t>
  </si>
  <si>
    <t>【上海电气】 水冷壁右侧墙进口集箱\\\5226009-C1-12</t>
  </si>
  <si>
    <t>【上海电气】 炉顶进口集箱\\\5426009-D1-01</t>
  </si>
  <si>
    <t>【上海电气】 炉顶出口集箱\\\5426009-D1-02</t>
  </si>
  <si>
    <t>【上海电气】 后烟井后墙下集箱\\\5426009-D1-03</t>
  </si>
  <si>
    <t>【上海电气】 后烟井延伸左侧墙上集箱\\\5426009-D1-04</t>
  </si>
  <si>
    <t>【上海电气】 后烟井延伸右侧墙上集箱\\\5426009-D1-05</t>
  </si>
  <si>
    <t>【上海电气】 后烟井延伸侧墙下集箱\\\5426009-D1-06</t>
  </si>
  <si>
    <t>【上海电气】 后烟井前墙下集箱\\\5426009-D1-07</t>
  </si>
  <si>
    <t>【上海电气】 后烟井左侧墙下集箱\\\5426009-E1-08</t>
  </si>
  <si>
    <t>【上海电气】 后烟井右侧墙下集箱\\\5426009-E1-09</t>
  </si>
  <si>
    <t>【上海电气】 后烟井左侧墙上集箱\\\5426009-D1-10</t>
  </si>
  <si>
    <t>【上海电气】 后烟井右侧墙上集箱\\\5426009-D1-11</t>
  </si>
  <si>
    <t>【上海电气】 隔墙上集箱\\\5426009-E1-12</t>
  </si>
  <si>
    <t>【上海电气】 隔墙下集箱\\\5426009-E1-13</t>
  </si>
  <si>
    <t>【上海电气】 低温过热器进口集箱\\\5426009-E1-14</t>
  </si>
  <si>
    <t>【上海电气】 低温过热器出口集箱\\\5426009-E1-15</t>
  </si>
  <si>
    <t>【上海电气】 屏过进口集箱\\\5426009-D1-16</t>
  </si>
  <si>
    <t>【上海电气】 屏过进口小集箱(左)\\\5426009-D1-17</t>
  </si>
  <si>
    <t>【上海电气】 屏过进口小集箱(右)\\\5426009-D1-18</t>
  </si>
  <si>
    <t>【上海电气】 屏过出口小集箱(左)\\\5426009-C1-19</t>
  </si>
  <si>
    <t>【上海电气】 屏过出口小集箱(右)\\\5426009-C1-20</t>
  </si>
  <si>
    <t>【上海电气】 二级减温器前混合集箱(前) \\\5426009-D1-21</t>
  </si>
  <si>
    <t>【上海电气】 二级减温器前混合集箱(后)\\\5426009-D1-22</t>
  </si>
  <si>
    <t>【上海电气】 高温过热器进口集箱\\\5426009-D1-23</t>
  </si>
  <si>
    <t>【上海电气】 高温过热器出口集箱\\\5426009-E1-24</t>
  </si>
  <si>
    <t>【上海电气】 省煤器进口集箱\\\5626009-D1-01</t>
  </si>
  <si>
    <t>【上海电气】 低再侧省煤器出口集箱\\\5626009-D1-02</t>
  </si>
  <si>
    <t>【上海电气】 低过侧省煤器进口集箱\\\5626009-D1-03</t>
  </si>
  <si>
    <t>【上海电气】 低过侧省煤器中间集箱(前)\\\5626009-D1-04</t>
  </si>
  <si>
    <t>【上海电气】 低过侧省煤器中间集箱(后)  \\\5626009-D1-05</t>
  </si>
  <si>
    <t>【上海电气】 省煤器出口集箱\\\5626009-D1-06</t>
  </si>
  <si>
    <t>【上海电气】 过热器一级减温器(左)\\\5806009-D1-01</t>
  </si>
  <si>
    <t>【上海电气】 过热器一级减温器(右)\\\5806009-D1-02</t>
  </si>
  <si>
    <t>【上海电气】 过热器二级减温器\\\5806009-D1-03</t>
  </si>
  <si>
    <t>【上海电气】 再热器微量喷水减温器\\\5806009-D1-04</t>
  </si>
  <si>
    <t>【上海电气】 低温再热器进口集箱\\\7426009-D1-01</t>
  </si>
  <si>
    <t>【上海电气】 低温再热器出口集箱\\\7426009-D1-02</t>
  </si>
  <si>
    <t>【上海电气】 高温再热器进口集箱\\\7426009-D1-03</t>
  </si>
  <si>
    <t>【上海电气】 高温再热器出口集箱\\\7426009-D1-04</t>
  </si>
  <si>
    <t>【上海电气】 过热器喷水管\\\5806009-B1-03002</t>
  </si>
  <si>
    <t>【上海电气】 过热器喷水管端塞\\\5806009-B1-03006</t>
  </si>
  <si>
    <t>【上海电气】 垂帘管固卡\\\5206009-A1-04018</t>
  </si>
  <si>
    <t>【上海电气】 垂帘管固卡\\\5206009-A1-04017</t>
  </si>
  <si>
    <t>【上海电气】 鳍片\9.5×20.5×2000\SA387-Gr12CL1\20010253</t>
  </si>
  <si>
    <t>【上海电气】 鳍片\6.4×16×2000\SA387-Gr12CL1\20010254</t>
  </si>
  <si>
    <t>【上海电气】 防磨罩\\报价按SUS304\7446009-A1-04037</t>
  </si>
  <si>
    <t xml:space="preserve">【上海电气】 防磨罩\\报价按SUS304\7446009-A1-04007 </t>
  </si>
  <si>
    <t>【上海电气】 A包热段层传热元件\t0.5×1000\DU3(DC01)\770070-B5-10001W01</t>
  </si>
  <si>
    <t>【上海电气】 B包热段层传热元件\t0.5×1000\DU3(DC01)\770070-B5-10001W02</t>
  </si>
  <si>
    <t>【上海电气】 C包热段层传热元件\t0.5×1000\DU3(DC01)\770070-B5-10001W03</t>
  </si>
  <si>
    <t>【上海电气】 D包热段层传热元件\t0.5×1000\DU3(DC01)\770070-B5-10001W04</t>
  </si>
  <si>
    <t>【上海电气】 E包热段层传热元件\t0.5×1000\DU3(DC01)\770070-B5-10001W05</t>
  </si>
  <si>
    <t>【上海电气】 A包热段中间层传热元件\t0.5×400\DU3(DC01)\770070-B5-10002W01</t>
  </si>
  <si>
    <t>【上海电气】 B包热段中间层传热元件\t0.5×400\DU3(DC01)\770070-B5-10002W02</t>
  </si>
  <si>
    <t>【上海电气】 C包热段中间层传热元件\t0.5×400\DU3(DC01)\770070-B5-10002W03</t>
  </si>
  <si>
    <t>【上海电气】 D包热段中间层传热元件\t0.5×400\DU3(DC01)\770070-B5-10002W04</t>
  </si>
  <si>
    <t>【上海电气】 E包热段中间层传热元件\t0.5×400\DU3(DC01)\770070-B5-10002W05</t>
  </si>
  <si>
    <t>【上海电气】 A包冷段层传热元件\t0.8×1000\TC-1(DC05EK)\770070-B5-12W01</t>
  </si>
  <si>
    <t>【上海电气】 B包冷段层传热元件\t0.8×1000\TC-1(DC05EK)\770070-B5-12W02</t>
  </si>
  <si>
    <t>【上海电气】 C包冷段层传热元件\t0.8×1000\TC-1(DC05EK)\770070-B5-12W03</t>
  </si>
  <si>
    <t>【上海电气】 D包冷段层传热元件\t0.8×1000\TC-1(DC05EK)\770070-B5-12W04</t>
  </si>
  <si>
    <t>【上海电气】 E包冷段层传热元件\t0.8×1000\TC-1(DC05EK)\770070-B5-12W05</t>
  </si>
  <si>
    <t>【上海电气】 热端内侧径向密封片\t2.6\corten-A\770047-A1-04002</t>
  </si>
  <si>
    <t>【上海电气】 外测径向密封片(热端)\t2.6\corten-A\770029-B1-04005</t>
  </si>
  <si>
    <t>【上海电气】 密封补隙片(热端)\t2.6\corten-A\770043-A1-04003</t>
  </si>
  <si>
    <t>【上海电气】 冷端内侧径向密封片\t2.6\corten-A\770047-A1-04006</t>
  </si>
  <si>
    <t>【上海电气】 内侧压板(冷端)\t3\Q235-A\770033-A1-04003</t>
  </si>
  <si>
    <t>【上海电气】 冷端径向密封片\t2.6\corten-A\770047-A1-04007</t>
  </si>
  <si>
    <t>【上海电气】 热端内侧径向软密封片\t1.5\corten-A\770070-A4-04001</t>
  </si>
  <si>
    <t>【上海电气】 热端内侧径向软密封片\t1.5\corten-A\770070-A4-04002</t>
  </si>
  <si>
    <t>【上海电气】 热端外侧径向软密封片\t1.5\corten-A\770070-A4-04003</t>
  </si>
  <si>
    <t>【上海电气】 热端外侧径向软密封片\t1.5\corten－A\770070-A4-04004</t>
  </si>
  <si>
    <t>【上海电气】 热端软密封补隙片\t1.5\corten-A\770070-A4-04005</t>
  </si>
  <si>
    <t>【上海电气】 热端软密封补隙片\t1.5\corten-A\770070-A4-04006</t>
  </si>
  <si>
    <t>【上海电气】 热端软补隙片\t1.5\corten－A\770070-A4-04007</t>
  </si>
  <si>
    <t>【上海电气】 冷端内侧径向软密封片\t1.5\corten-A\770070-A4-04008</t>
  </si>
  <si>
    <t>【上海电气】 冷端内侧径向软密封片\t1.5\corten-A\770070-A4-04009</t>
  </si>
  <si>
    <t>【上海电气】 冷端径向软密封片\t1.5\corten-A\770070-A4-04010</t>
  </si>
  <si>
    <t>【上海电气】 冷端软密封补隙片\t1.5\corten-A\770070-A4-04011</t>
  </si>
  <si>
    <t>【上海电气】 冷端径向软密封片\t1.5\corten-A\770070-A4-04012</t>
  </si>
  <si>
    <t>【上海电气】 冷端软密封补隙片\t1.5\corten-A\770070-A4-04013</t>
  </si>
  <si>
    <t>【上海电气】 冷端软补隙片\t1.5\corten-A\770070-A4-04014</t>
  </si>
  <si>
    <t>【上海电气】 热端轴向密封片\t2.6\corten-A\770053-A2-40001</t>
  </si>
  <si>
    <t>【上海电气】 冷端轴向密封片\t2.6\corten-A\770043-A1-40002</t>
  </si>
  <si>
    <t>【上海电气】 热端轴向密封压板\t3\Q235-A\770053-A2-40002</t>
  </si>
  <si>
    <t>【上海电气】 冷端轴向密封压板\t3\Q235-A\770043-A1-40004</t>
  </si>
  <si>
    <t>【上海电气】 热端补隙片\t2.6\corten-A\770043-A1-40005</t>
  </si>
  <si>
    <t>【上海电气】 冷端补隙片\t2.6\corten-A\770043-A1-40006</t>
  </si>
  <si>
    <t>【上海电气】 热端旁路密封片\t1.5\corten-A\770047-B1-41001</t>
  </si>
  <si>
    <t>【上海电气】 冷端旁路密封片\t1.5\corten-A\770047-B1-41002</t>
  </si>
  <si>
    <t>【上海电气】 旁路密封片压板\t2.6\corten-A\770047-A1-41003</t>
  </si>
  <si>
    <t>【上海电气】 减速箱\\ TSG-300-03\770070-E5-42001</t>
  </si>
  <si>
    <t>【上海电气】 分隔屏过热器外数第1圈管U型弯管\φ51×6\SA213-T91\540866-E1-01-01</t>
  </si>
  <si>
    <t>【上海电气】 分隔屏过热器外数第2圈管U型弯管\φ51×6\SA213-T91\540866-E1-01-02</t>
  </si>
  <si>
    <t>【上海电气】 分隔屏过热器外数第3圈管U型弯管\φ51×6\SA213-T91\540866-E1-01-03</t>
  </si>
  <si>
    <t>【上海电气】 分隔屏过热器外数第4圈管U型弯管\φ51×7\SA213-T91\540866-E1-01-04</t>
  </si>
  <si>
    <t>【上海电气】 分隔屏过热器外数第5圈管U型弯管\φ51×7\SA213-T91\540866-E1-01-05</t>
  </si>
  <si>
    <t>【上海电气】 分隔屏过热器外数第6圈管U型弯管\φ51×7\SA213-T91\540866-E1-01-06</t>
  </si>
  <si>
    <t>【上海电气】 分隔屏过热器外数第7圈管U型弯管\φ51×7\SA213-T91\540866-E1-01-07</t>
  </si>
  <si>
    <t>【上海电气】 分隔屏过热器外数第8圈管U型弯管\φ51×7\SA213-T91\540866-E1-01-08</t>
  </si>
  <si>
    <t>【上海电气】 分隔屏过热器外数第9圈管U型弯管\φ51×7\SA213-T91\540866-E1-01-09</t>
  </si>
  <si>
    <t>【上海电气】 后屏过热器外数第1圈管U型弯管\φ60×9\SA213-TP347H\540866-E1-02-01</t>
  </si>
  <si>
    <t>【上海电气】 后屏过热器外数第2圈管U型弯管\φ54×8\SA213-T91\540866-E1-02-02</t>
  </si>
  <si>
    <t>【上海电气】 后屏过热器外数第3圈管U型弯管\φ54×8\SA213-T91\540866-E1-02-03</t>
  </si>
  <si>
    <t>【上海电气】 后屏过热器外数第4圈管U型弯管\φ54×8\SA213-T91\540866-E1-02-04</t>
  </si>
  <si>
    <t>【上海电气】 后屏过热器外数第5圈管U型弯管\φ54×8\SA213-T91\540866-E1-02-05</t>
  </si>
  <si>
    <t>【上海电气】 后屏过热器外数第6圈管U型弯管\φ54×10\12Cr1MoVG\540866-E1-02-06</t>
  </si>
  <si>
    <t>【上海电气】 后屏过热器外数第7圈管U型弯管\φ54×10\12Cr1MoVG\540866-E1-02-07</t>
  </si>
  <si>
    <t>【上海电气】 后屏过热器外数第8圈管U型弯管\φ54×9\12Cr1MoVG\540866-E1-02-08</t>
  </si>
  <si>
    <t>【上海电气】 后屏过热器外数第9圈管U型弯管\φ54×9\12Cr1MoVG\540866-E1-02-09</t>
  </si>
  <si>
    <t>【上海电气】 后屏过热器外数第10圈管U型弯管\φ54×9\12Cr1MoVG\540866-E1-02-10</t>
  </si>
  <si>
    <t>【上海电气】 后屏过热器外数第11圈管U型弯管\φ54×9\12Cr1MoVG\540866-E1-02-11</t>
  </si>
  <si>
    <t>【上海电气】 后屏过热器外数第12圈管U型弯管\φ54×9\12Cr1MoVG\540866-E1-02-12</t>
  </si>
  <si>
    <t>【上海电气】 后屏过热器外数第13圈管U型弯管\φ54×9\12Cr1MoVG\540866-E1-02-13</t>
  </si>
  <si>
    <t>【上海电气】 后屏过热器外数第14圈管U型弯管\φ54×8\SA213-TP347H\540866-E1-02-14</t>
  </si>
  <si>
    <t>【上海电气】 末级过热器前屏外数第1圈管U型弯管\φ51×6\SA213-T91\540866-E1-03-01</t>
  </si>
  <si>
    <t>【上海电气】 末级过热器前屏外数第2圈管U型弯管\φ51×6\SA213-T91\540866-E1-03-02</t>
  </si>
  <si>
    <t>【上海电气】 末级过热器前屏外数第3圈管U型弯管\φ51×6\SA213-T91\540866-E1-03-03</t>
  </si>
  <si>
    <t>【上海电气】 末级过热器前屏外数第4圈管U型弯管\φ51×6\SA213-T91\540866-E1-03-04</t>
  </si>
  <si>
    <t>【上海电气】 末级过热器后屏外数第1圈管U型弯管\φ51×6.5\SA213-T91\540866-E1-03-05</t>
  </si>
  <si>
    <t>【上海电气】 末级过热器后屏外数第2圈管U型弯管\φ51×6.5\SA213-T91\540866-E1-03-06</t>
  </si>
  <si>
    <t>【上海电气】 末级过热器后屏外数第3圈管U型弯管\φ51×6.5\SA213-T91\540866-E1-03-07</t>
  </si>
  <si>
    <t>【上海电气】 末级过热器后屏外数第4圈管U型弯管\φ51×6.5\SA213-T91\540866-E1-03-08</t>
  </si>
  <si>
    <t>【上海电气】 低温过热器上部外数第1圈U型弯管\φ51×6.5\15CrMoG\544866-E1-01-01</t>
  </si>
  <si>
    <t>【上海电气】 低温过热器上部外数第2圈U型弯管\φ51×6.5\15CrMoG\544866-E1-01-02</t>
  </si>
  <si>
    <t>【上海电气】 低温过热器上部外数第3圈U型弯管\φ51×6.5\15CrMoG\544866-E1-01-03</t>
  </si>
  <si>
    <t>【上海电气】 低温过热器上部外数第4圈U型弯管\φ51×6.5\15CrMoG\544866-E1-01-04</t>
  </si>
  <si>
    <t>【上海电气】 低温过热器上部外数第5圈U型弯管\φ51×6.5\15CrMoG\544866-E1-01-05</t>
  </si>
  <si>
    <t>【上海电气】 低温过热器中部外数第1圈U型弯管\φ51×6\15CrMoG\544866-E1-01-06</t>
  </si>
  <si>
    <t>【上海电气】 低温过热器中部外数第2圈U型弯管\φ51×6\15CrMoG\544866-E1-01-07</t>
  </si>
  <si>
    <t>【上海电气】 低温过热器中部外数第3圈U型弯管\φ51×6\15CrMoG\544866-E1-01-08</t>
  </si>
  <si>
    <t>【上海电气】 低温过热器中部外数第4圈U型弯管\φ51×6\15CrMoG\544866-E1-01-09</t>
  </si>
  <si>
    <t>【上海电气】 低温过热器中部外数第5圈U型弯管\φ51×6\15CrMoG\544866-E1-01-10</t>
  </si>
  <si>
    <t>【上海电气】 低温过热器下部外数第1圈U型弯管\φ51×6\SA210-C\544866-E1-01-11</t>
  </si>
  <si>
    <t>【上海电气】 低温过热器下部外数第2圈U型弯管\φ51×6\SA210-C\544866-E1-01-12</t>
  </si>
  <si>
    <t>【上海电气】 低温过热器下部外数第3圈U型弯管\φ51×6\SA210-C\544866-E1-01-13</t>
  </si>
  <si>
    <t>【上海电气】 低温过热器下部外数第4圈U型弯管\φ51×6\SA210-C\544866-E1-01-14</t>
  </si>
  <si>
    <t>【上海电气】 低温过热器下部外数第5圈U型弯管\φ51×6\SA210-C\544866-E1-01-15</t>
  </si>
  <si>
    <t>【上海电气】 屏式再热器外数第1圈U型弯管\φ63×4.5\SA213-T91\740866-E1-03-01</t>
  </si>
  <si>
    <t>【上海电气】 屏式再热器外数第2圈U型弯管\φ63×4\SA213-T91\740866-E1-03-02</t>
  </si>
  <si>
    <t>【上海电气】 屏式再热器外数第3圈U型弯管\φ63×4\SA213-T91\740866-E1-03-03</t>
  </si>
  <si>
    <t>【上海电气】 屏式再热器外数第4圈U型弯管\φ63×4\12Cr1MoVG\740866-E1-03-04</t>
  </si>
  <si>
    <t>【上海电气】 屏式再热器外数第5圈U型弯管\φ63×4\12Cr1MoVG\740866-E1-03-05</t>
  </si>
  <si>
    <t>【上海电气】 屏式再热器外数第6圈U型弯管\φ63×4\12Cr1MoVG\740866-E1-03-06</t>
  </si>
  <si>
    <t>【上海电气】 屏式再热器外数第7圈U型弯管\φ63×4\12Cr1MoVG\740866-E1-03-07</t>
  </si>
  <si>
    <t>【上海电气】 屏式再热器外数第8圈U型弯管\φ63×4\12Cr1MoVG\740866-E1-03-08</t>
  </si>
  <si>
    <t>【上海电气】 屏式再热器外数第9圈U型弯管\φ63×4\12Cr1MoVG\740866-E1-03-09</t>
  </si>
  <si>
    <t>【上海电气】 屏式再热器外数第10圈U型弯管\φ63×4\12Cr1MoVG\740866-E1-03-10</t>
  </si>
  <si>
    <t>【上海电气】 屏式再热器外数第11圈U型弯管\φ63×4\12Cr1MoVG\740866-E1-03-11</t>
  </si>
  <si>
    <t>【上海电气】 屏式再热器外数第12圈U型弯管\φ63×4\12Cr1MoVG\740866-E1-03-12</t>
  </si>
  <si>
    <t>【上海电气】 屏式再热器外数第13圈U型弯管\φ63×5\12Cr1MoVG\740866-E1-03-13</t>
  </si>
  <si>
    <t>【上海电气】 屏式再热器外数第14圈U型弯管\φ63×5\12Cr1MoVG\740866-E1-03-14</t>
  </si>
  <si>
    <t>【上海电气】 省煤器外数第1圈U型弯管\φ51×6\SA210-C\560866-E1-01-01</t>
  </si>
  <si>
    <t>【上海电气】 省煤器外数第2圈U型弯管\φ51×6\SA210-C\560866-E1-01-02</t>
  </si>
  <si>
    <t>【上海电气】 省煤器外数第3圈U型弯管\φ51×6\SA210-C\560866-E1-01-03</t>
  </si>
  <si>
    <t>【上海电气】 炉顶进口集箱（S.2)\\\542866-E1-01</t>
  </si>
  <si>
    <t>【上海电气】 炉顶出口集箱(S.5)\\\542866-E1-02</t>
  </si>
  <si>
    <t>【上海电气】 后烟井侧墙上集箱(左)(S.6)\\\542866-E1-03</t>
  </si>
  <si>
    <t>【上海电气】 后烟井侧墙上集箱（右）（S.6)\\\542866-E1-04</t>
  </si>
  <si>
    <t>【上海电气】 后烟井侧墙下集箱（左）（S.10)\\\542866-E1-05</t>
  </si>
  <si>
    <t>【上海电气】 后烟井侧墙下集箱(右)(S.10)\\\542866-E1-06</t>
  </si>
  <si>
    <t>【上海电气】 后烟井后墙下集箱（S.11)\\\542866-E1-07</t>
  </si>
  <si>
    <t>【上海电气】 后烟井前墙下集箱（S.13)\\\542866-E1-08</t>
  </si>
  <si>
    <t>【上海电气】 后烟井前墙上集箱（S.16)\\\542866-E1-09</t>
  </si>
  <si>
    <t>【上海电气】 后烟井延伸侧墙上集箱(左)(S.22)\\\542866-D1-11</t>
  </si>
  <si>
    <t>【上海电气】 后烟井延伸侧墙上集箱(右）(S.22)\\\542866-01-12</t>
  </si>
  <si>
    <t>【上海电气】 低温过热器进口集箱（S.24)\\\542866-E1-13</t>
  </si>
  <si>
    <t>【上海电气】 低温过热器出口集箱（S.30)\\\542866-E1-14</t>
  </si>
  <si>
    <t>【上海电气】 分隔屏进口集箱（左）（S.35)\\\542866-E1-15</t>
  </si>
  <si>
    <t>【上海电气】 分隔屏进口集箱(右)(S.35)\\\542866-E1-16</t>
  </si>
  <si>
    <t>【上海电气】 分隔屏出口集箱（左）（S.38)\\\542866-E1-17</t>
  </si>
  <si>
    <t>【上海电气】 分隔屏出口集箱（右）（S.38)\\\542866-E1-18</t>
  </si>
  <si>
    <t>【上海电气】 后屏进口集箱（左）（S.40)\\\542866-E1-19</t>
  </si>
  <si>
    <t>【上海电气】 后屏进口集箱（右）（S.40)\\\542866-E1-20</t>
  </si>
  <si>
    <t>【上海电气】 后屏出口集箱（S.42)\\\542866-E1-21</t>
  </si>
  <si>
    <t>【上海电气】 末级过热器进口集箱（S.46)\\\542866-E1-22</t>
  </si>
  <si>
    <t>【上海电气】 末级过热器出口集箱（S.48)\\\542866-E1-23</t>
  </si>
  <si>
    <t>【上海电气】 前炉顶过热器\\\540866-E1-04</t>
  </si>
  <si>
    <t>【上海电气】 省煤器进口集箱（E-3)\\\562866-E1-01</t>
  </si>
  <si>
    <t>【上海电气】 省煤器悬吊管进口集箱(E-5)(前）\\\562866-E1-02</t>
  </si>
  <si>
    <t>【上海电气】 省煤器悬吊管进口集箱(E-5)(后）\\\562866-E1-04</t>
  </si>
  <si>
    <t>【上海电气】 过热器I级减温装置\\\580866-E1-01</t>
  </si>
  <si>
    <t>【上海电气】 过热器II级减温装置\\\580866-E1-02</t>
  </si>
  <si>
    <t>【上海电气】 再热器减温装置\\\580866-E1-03</t>
  </si>
  <si>
    <t>【上海电气】 省煤器进口集箱（E-3)\\\562866-D2-01</t>
  </si>
  <si>
    <t>【上海电气】 省煤器悬吊管进口集箱(E-5)(中）\\\562866-E1-03</t>
  </si>
  <si>
    <t>【上海电气】 省煤器出口集箱(E-7)\\\562866-E1-05</t>
  </si>
  <si>
    <t>【上海电气】 F3U墙再热器进口集箱(R-5)(左）\\\742866-D1-01</t>
  </si>
  <si>
    <t>【上海电气】 前墙再热器进口集箱(R-5)(右）\\\742866-D1-02</t>
  </si>
  <si>
    <t>【上海电气】 前墙再热器出口集箱(R-7)(左）\\\742866-D1-03</t>
  </si>
  <si>
    <t>【上海电气】 前墙再热器出口集箱(R-7)(右）\\\742866-D1-04</t>
  </si>
  <si>
    <t>【上海电气】 侧墙再热器进口集箱(R-8)(左）\\\742866-D1-05</t>
  </si>
  <si>
    <t>【上海电气】 侧墙再热器进口集箱(R-8)(右）\\\742866-D1-06</t>
  </si>
  <si>
    <t>【上海电气】 侧墙再热器出口集箱(R-10)(左)\\\742866-D1-07</t>
  </si>
  <si>
    <t>【上海电气】 侧墙再热器出口集箱(R-10)(右)\\\742866-D1-08</t>
  </si>
  <si>
    <t>【上海电气】 屏式再热器进口集箱（R-_L2)\\\742866-E1-09</t>
  </si>
  <si>
    <t>【上海电气】 末级再热器出口集箱(R-16)(左）\\\742866-E1-10</t>
  </si>
  <si>
    <t>【上海电气】 末级再热器出口集箱(R-16)(右）\\\742866-E1-11</t>
  </si>
  <si>
    <t>【上海电气】 水冷屏管出口集箱(F-23)\\\522866-E1-03</t>
  </si>
  <si>
    <t>【上海电气】 炉膛侧墙上集箱（左）（F-28)\\\522866-E1-04</t>
  </si>
  <si>
    <t>【上海电气】 炉膛侧墙上集箱（右）（F-28)\\\522866-E1-05</t>
  </si>
  <si>
    <t>【上海电气】 汇合集箱(F-5)\\\522866-E1-06</t>
  </si>
  <si>
    <t>【上海电气】 炉膛上部及中部转角管\\\520866-E1-12</t>
  </si>
  <si>
    <t>【上海电气】 炉膛底部转角管\\\520866-E1-13</t>
  </si>
  <si>
    <t>【上海电气】 折烟角及炉膛延伸侧墙管\\\520866-E1-14</t>
  </si>
  <si>
    <t>【上海电气】  省煤器上外数第1圈U型弯头\Φ44.5x6.5\SA210-C\5604416-E1-01-01</t>
  </si>
  <si>
    <t>【上海电气】  省煤器上外数第2圈U型弯头\Φ44.5x6.5\SA210-C\5604416-E1-01-02</t>
  </si>
  <si>
    <t>【上海电气】  省煤器上外数第3圈U型弯头\Φ44.5x6.5\SA210-C\5604416-E1-01-03</t>
  </si>
  <si>
    <t>【上海电气】  分隔屏过热器外数第1圈U型弯头\Φ38x5.5\SA213-T91\5404416-E1-01-01</t>
  </si>
  <si>
    <t>【上海电气】  分隔屏过热器外数第2圈U型弯头\Φ38x5.5\SA213-T91\5404416-E1-01-02</t>
  </si>
  <si>
    <t>【上海电气】  分隔屏过热器外数第3圈U型弯头\Φ38x5.5\SA213-T91\5404416-E1-01-03</t>
  </si>
  <si>
    <t>【上海电气】  分隔屏过热器外数第4圈U型弯头\Φ38x6.5\12Cr1MoVG\5404416-E1-01-04</t>
  </si>
  <si>
    <t>【上海电气】  分隔屏过热器外数第5圈U型弯头\Φ38x6.5\12Cr1MoVG\5404416-E1-01-05</t>
  </si>
  <si>
    <t>【上海电气】  分隔屏过热器外数第6圈U型弯头\Φ38x6.5\12Cr1MoVG\5404416-E1-01-06</t>
  </si>
  <si>
    <t>【上海电气】  分隔屏过热器外数第7圈U型弯头\Φ38x6.5\12Cr1MoVG\5404416-E1-01-07</t>
  </si>
  <si>
    <t>【上海电气】  分隔屏过热器外数第8圈U型弯头\Φ38x6.5\12Cr1MoVG\5404416-E1-01-08</t>
  </si>
  <si>
    <t>【上海电气】  分隔屏过热器外数第9圈U型弯头\Φ38x6.5\12Cr1MoVG\5404416-E1-01-09</t>
  </si>
  <si>
    <t>【上海电气】  分隔屏过热器外数第10圈U型弯头\Φ38x6.5\12Cr1MoVG\5404416-E1-01-10</t>
  </si>
  <si>
    <t>【上海电气】  后屏过热器外数第1圈U型弯头\Φ44.5x8.5\SA213-TP347HFG\5404416-D1-02-01</t>
  </si>
  <si>
    <t>【上海电气】  后屏过热器外数第2圈U型弯头\Φ42x6\SA213-TP347HFG\5404416-D1-02-02</t>
  </si>
  <si>
    <t>【上海电气】  后屏过热器外数第3圈U型弯头\Φ42x6\SA213-TP347HFG\5404416-D1-02-03</t>
  </si>
  <si>
    <t>【上海电气】  后屏过热器外数第4圈U型弯头\Φ42x7\SA213-T91\5404416-D1-02-04</t>
  </si>
  <si>
    <t>【上海电气】  后屏过热器外数第5圈U型弯头\Φ42x7\SA213-T91\5404416-D1-02-05</t>
  </si>
  <si>
    <t>【上海电气】  后屏过热器外数第6圈U型弯头\Φ42x6.5\SA213-T91\5404416-D1-02-06</t>
  </si>
  <si>
    <t>【上海电气】  后屏过热器外数第7圈U型弯头\Φ42x6.5\SA213-T91\5404416-D1-02-07</t>
  </si>
  <si>
    <t>【上海电气】  后屏过热器外数第8圈U型弯头\Φ42x6.5\SA213-T91\5404416-D1-02-08</t>
  </si>
  <si>
    <t>【上海电气】  后屏过热器外数第9圈U型弯头\Φ42x6.5\SA213-T91\5404416-D1-02-09</t>
  </si>
  <si>
    <t>【上海电气】  后屏过热器外数第10圈U型弯头\Φ42x6.5\SA213-T91\5404416-D1-02-10</t>
  </si>
  <si>
    <t>【上海电气】  后屏过热器外数第11圈U型弯头\Φ42x6.5\SA213-T91\5404416-D1-02-11</t>
  </si>
  <si>
    <t>【上海电气】  后屏过热器外数第12圈U型弯头\Φ42x6.5\SA213-T91\5404416-D1-02-12</t>
  </si>
  <si>
    <t>【上海电气】  后屏过热器外数第13圈U型弯头\Φ42x6.5\SA213-T91\5404416-D1-02-13</t>
  </si>
  <si>
    <t>【上海电气】  后屏过热器外数第14圈U型弯头\Φ42x6.5\SA213-T91\5404416-D1-02-14</t>
  </si>
  <si>
    <t>【上海电气】  后屏过热器外数第15圈U型弯头\Φ42x6.5\SA213-T91\5404416-D1-02-15</t>
  </si>
  <si>
    <t>【上海电气】  末级过热器前屏外数第1个U型弯头\Φ38x7\SA213-TP347HFG\5454416-E1-01-01</t>
  </si>
  <si>
    <t>【上海电气】  末级过热器前屏外数第2个U型弯头\Φ38x8.5\SA213-T91\5454416-E1-01-02</t>
  </si>
  <si>
    <t>【上海电气】  末级过热器前屏外数第3个U型弯头\Φ38x8.5\SA213-T91\5454416-E1-01-03</t>
  </si>
  <si>
    <t>【上海电气】  末级过热器前屏外数第4个U型弯头\Φ38x7\SA213-TP347HFG\5454416-E1-01-04</t>
  </si>
  <si>
    <t>【上海电气】  末级过热器前屏外数第5个U型弯头\Φ38x8\SA213-T91\5454416-E1-01-05</t>
  </si>
  <si>
    <t>【上海电气】  末级过热器前屏外数第6个U型弯头\Φ38x8.5\SA213-T91\5454416-E1-01-06</t>
  </si>
  <si>
    <t>【上海电气】  末级过热器前屏外数第7个U型弯头\Φ38x8.5\SA213-T91\5454416-E1-01-07</t>
  </si>
  <si>
    <t>【上海电气】  末级过热器前屏外数第8个U型弯头\Φ38x8.5\SA213-T91\5454416-E1-01-08</t>
  </si>
  <si>
    <t>【上海电气】  末级过热器前屏外数第9个U型弯头\Φ38x8.5\SA213-T91\5454416-E1-01-09</t>
  </si>
  <si>
    <t>【上海电气】  末级过热器前屏外数第10个U型弯头\Φ38x8.5\SA213-T91\5454416-E1-01-10</t>
  </si>
  <si>
    <t>【上海电气】  末级过热器后屏外数第1个U型弯头\Φ38x6\SA213-T91\5454416-E1-01-11</t>
  </si>
  <si>
    <t>【上海电气】  末级过热器后屏外数第2个U型弯头\Φ38x6\SA213-T91\5454416-E1-01-12</t>
  </si>
  <si>
    <t>【上海电气】  末级过热器后屏外数第3个U型弯头\Φ38x6\SA213-T91\5454416-E1-01-13</t>
  </si>
  <si>
    <t>【上海电气】  末级过热器后屏外数第4个U型弯头\Φ38x6\SA213-T91\5454416-E1-01-14</t>
  </si>
  <si>
    <t>【上海电气】  末级过热器后屏外数第5个U型弯头\Φ38x6\SA213-T91\5454416-E1-01-15</t>
  </si>
  <si>
    <t>【上海电气】  末级过热器后屏外数第6个U型弯头\Φ38x7\SA213-T91\5454416-E1-01-16</t>
  </si>
  <si>
    <t>【上海电气】  末级过热器后屏外数第7个U型弯头\Φ38x7\SA213-T91\5454416-E1-01-17</t>
  </si>
  <si>
    <t>【上海电气】  末级过热器后屏外数第8个U型弯头\Φ38x7\SA213-T91\5454416-E1-01-18</t>
  </si>
  <si>
    <t>【上海电气】  末级过热器后屏外数第9个U型弯头\Φ38x7\SA213-T91\5454416-E1-01-19</t>
  </si>
  <si>
    <t>【上海电气】  末级过热器后屏外数第10个U型弯头\Φ38x7\SA213-T91\5454416-E1-01-20</t>
  </si>
  <si>
    <t>【上海电气】  末级再热器外数第1个U型弯头\Φ60x4\SA213-TP347HFG\7404416-E1-01-01</t>
  </si>
  <si>
    <t>【上海电气】  末级再热器外数第2个U型弯头\Φ60x4\SA213-TP347HFG\7404416-E1-01-02</t>
  </si>
  <si>
    <t>【上海电气】  末级再热器外数第3个U型弯头\Φ60x4\SA213-TP347HFG\7404416-E1-01-03</t>
  </si>
  <si>
    <t>【上海电气】  末级再热器外数第4个U型弯头\Φ60x4\SA213-T91\7404416-E1-01-04</t>
  </si>
  <si>
    <t>【上海电气】  末级再热器外数第5个U型弯头\Φ60x4\SA213-T91\7404416-E1-01-05</t>
  </si>
  <si>
    <t>【上海电气】  末级再热器外数第6个U型弯头\Φ60x4\SA213-T91\7404416-E1-01-06</t>
  </si>
  <si>
    <t>【上海电气】  末级再热器外数第7个U型弯头\Φ60x4\SA213-T91\7404416-E1-01-07</t>
  </si>
  <si>
    <t>【上海电气】  末级再热器外数第8个U型弯头\Φ60x4\SA213-T91\7404416-E1-01-08</t>
  </si>
  <si>
    <t>【上海电气】  末级再热器外数第9个U型弯头\Φ60x4\SA213-T91\7404416-E1-01-09</t>
  </si>
  <si>
    <t>【上海电气】  末级再热器外数第10个U型弯头\Φ60x4\SA213-T91\7404416-E1-01-10</t>
  </si>
  <si>
    <t>【上海电气】  末级再热器外数第11个U型弯头\Φ60x4\SA213-T91\7404416-E1-01-11</t>
  </si>
  <si>
    <t>【上海电气】  末级再热器外数第12个U型弯头\Φ60x4\SA213-T91\7404416-E1-01-12</t>
  </si>
  <si>
    <t>【上海电气】  末级再热器外数第13个U型弯头\Φ60x4\SA213-T91\7404416-E1-01-13</t>
  </si>
  <si>
    <t>【上海电气】  末级再热器外数第14个U型弯头\Φ60x4\SA213-T91\7404416-E1-01-14</t>
  </si>
  <si>
    <t>【上海电气】  末级再热器外数第15个U型弯头\Φ60x4\SA213-TP347HFG\7404416-E1-01-15</t>
  </si>
  <si>
    <t>【上海电气】  低温再热器上部外数第1圈U型弯头\Φ63.5x4\12Cr1MoVG\7444416-E1-01-01</t>
  </si>
  <si>
    <t>【上海电气】  低温再热器上部外数第2圈U型弯头\Φ63.5x4\12Cr1MoVG\7444416-E1-01-02</t>
  </si>
  <si>
    <t>【上海电气】  低温再热器上部外数第3圈U型弯头\Φ63.5x4\12Cr1MoVG\7444416-E1-01-03</t>
  </si>
  <si>
    <t>【上海电气】  低温再热器上部外数第4圈U型弯头\Φ63.5x4\12Cr1MoVG\7444416-E1-01-04</t>
  </si>
  <si>
    <t>【上海电气】  低温再热器上部外数第5圈U型弯头\Φ63.5x4\12Cr1MoVG\7444416-E1-01-05</t>
  </si>
  <si>
    <t>【上海电气】  低温再热器上部外数第6圈U型弯头\Φ63.5x6.5\12Cr1MoVG\7444416-E1-01-06</t>
  </si>
  <si>
    <t>【上海电气】  低温再热器中部外数第1圈U型弯头\Φ63.5x4\15CrMoG\7444416-E1-01-07</t>
  </si>
  <si>
    <t>【上海电气】  低温再热器中部外数第2圈U型弯头\Φ63.5x4\15CrMoG\7444416-E1-01-08</t>
  </si>
  <si>
    <t>【上海电气】  低温再热器中部外数第3圈U型弯头\Φ63.5x4\15CrMoG\7444416-E1-01-09</t>
  </si>
  <si>
    <t>【上海电气】  低温再热器中部外数第4圈U型弯头\Φ63.5x4\15CrMoG\7444416-E1-01-10</t>
  </si>
  <si>
    <t>【上海电气】  低温再热器中部外数第5圈U型弯头\Φ63.5x4\15CrMoG\7444416-E1-01-11</t>
  </si>
  <si>
    <t>【上海电气】  低温再热器中部外数第6圈U型弯头\Φ63.5x6.5\15CrMoG\7444416-E1-01-12</t>
  </si>
  <si>
    <t>【上海电气】  低温再热器下部外数第1圈U型弯头\Φ63.5x4\SA210-C\7444416-E1-01-13</t>
  </si>
  <si>
    <t>【上海电气】  低温再热器下部外数第2圈U型弯头\Φ63.5x4\SA210-C\7444416-E1-01-14</t>
  </si>
  <si>
    <t>【上海电气】  低温再热器下部外数第3圈U型弯头\Φ63.5x4\SA210-C\7444416-E1-01-15</t>
  </si>
  <si>
    <t>【上海电气】  低温再热器下部外数第4圈U型弯头\Φ63.5x4\SA210-C\7444416-E1-01-16</t>
  </si>
  <si>
    <t>【上海电气】  低温再热器下部外数第5圈U型弯头\Φ63.5x4\SA210-C\7444416-E1-01-17</t>
  </si>
  <si>
    <t>【上海电气】  低温再热器下部外数第6圈U型弯头\Φ63.5x6.5\SA210-C\7444416-E1-01-18</t>
  </si>
  <si>
    <t>【上海电气】 异种钢接头\Φ38×8.5\SA213-TP347HFG/SA213-T91\5524416-A1-01001</t>
  </si>
  <si>
    <t>【上海电气】 异种钢接头\Φ38×8\SA213-TP347HFG/SA213-T91\5524416-A1-01002</t>
  </si>
  <si>
    <t>【上海电气】 异种钢接头\Φ38×5.5\12Cr1MoVG/SA213-T91\5524416-A1-01003</t>
  </si>
  <si>
    <t>【上海电气】 异种钢接头\Φ38×6.5\12Cr1MoVG/SA213-T91\5524416-A1-01004</t>
  </si>
  <si>
    <t>【上海电气】 异种钢接头\Φ42×6\SA213-TP347HFG/SA213-T91\5524416-A1-01005</t>
  </si>
  <si>
    <t>【上海电气】 异种钢接头\Φ60×4\12Cr1MoVG/SA213-T91\5524416-A1-01006</t>
  </si>
  <si>
    <t>【上海电气】 异种钢接头\Φ60×4\SA213-T91/SA213-TP347HFG\5524416-A1-01007</t>
  </si>
  <si>
    <t>【上海电气】 活动连接件（凸形）\\A276-GR310\5404403-A1-01052</t>
  </si>
  <si>
    <t>【上海电气】 活动连接件（凹形）\\A276-GR310\5404403-A1-01053</t>
  </si>
  <si>
    <t>【上海电气】 活动连接件\\A276-GR310\5404403-A1-01054</t>
  </si>
  <si>
    <t>【上海电气】 活动连接件（凹形）\\A276-GR310\5404403-A1-02048</t>
  </si>
  <si>
    <t>【上海电气】 活动连接件（凸形）\\A276-GR310\5404403-A1-02049</t>
  </si>
  <si>
    <t>【上海电气】 活动连接件（凸形）\\A276-GR310\5404403-A1-02050</t>
  </si>
  <si>
    <t>【上海电气】 活动连接件（凸形）\\A276-GR310\5404403-A1-02051</t>
  </si>
  <si>
    <t>【上海电气】 活动连接件（凸形）\\A276-GR310\5404403-A1-02052</t>
  </si>
  <si>
    <t>【上海电气】 活动连接件（凸）13×13\\ZGGr20Ni14Si2Mn1.5\SG5216-2015</t>
  </si>
  <si>
    <t>【上海电气】 活动连接件（凹形）\\ZGGr20Ni14Si2Mn1.5\SG5215-2015</t>
  </si>
  <si>
    <t>【上海电气】 一次风喷嘴\\ZG40Cr24Ni9Si2NRe\6804416-D1-06002</t>
  </si>
  <si>
    <t>【上海电气】 AA层二次风喷嘴\\ZG40Cr24Ni9Si2NRe\6804416-C1-08001</t>
  </si>
  <si>
    <t>【上海电气】 AB、BC、CD、DE层二次风喷嘴\\ZG40Cr24Ni9Si2NRe\6804416-C1-08002</t>
  </si>
  <si>
    <t>【上海电气】 EE、UAP1层二次风喷嘴\\ZG40Cr24Ni9Si2NRe\6804416-C1-08003</t>
  </si>
  <si>
    <t>【上海电气】 UAP2层二次风喷嘴\\ZG40Cr24Ni9Si2NRe\6804416-C1-08004</t>
  </si>
  <si>
    <t>【上海电气】 AGP喷嘴\\ZG40Cr24Ni9Si2NRe\6804416-C1-12001</t>
  </si>
  <si>
    <t>【上海电气】 喷嘴上下调节机构（左）\\\F180.111-0</t>
  </si>
  <si>
    <t>【上海电气】 喷嘴上下调节机构（右）\\\F180.110-0</t>
  </si>
  <si>
    <t>【上海电气】 喷嘴水平连杆装置L=1100\\\F180.29-0（L=1100)</t>
  </si>
  <si>
    <t>【上海电气】 连杆装置L=2019\\\F180.34-0(L=2019)</t>
  </si>
  <si>
    <t>【上海电气】 连杆装置L=3620\\\F180.34-0(L=3620)</t>
  </si>
  <si>
    <t>【上海电气】 连杆装置L=2715\\\F180.34-0（L=2715）</t>
  </si>
  <si>
    <t>【上海电气】 连杆装置L=1810\\\F180.34-0（L=1810）</t>
  </si>
  <si>
    <t>【上海电气】 AGP水平调节连杆装置L=1880\\\F180.29-0(L=1880)</t>
  </si>
  <si>
    <t>【上海电气】 A包热段层传热元件\t0.5×600\DU3(DC01)\7704416-B1-10001W01</t>
  </si>
  <si>
    <t>【上海电气】 B包热段层传热元件\t0.5×600\DU3(DC01)\7704416-B1-10001W02</t>
  </si>
  <si>
    <t>【上海电气】 C包热段层传热元件\t0.5×600\DU3(DC01)\7704416-B1-10001W03</t>
  </si>
  <si>
    <t>【上海电气】 D包热段层传热元件\t0.5×600\DU3(DC01)\7704416-B1-10001W04</t>
  </si>
  <si>
    <t>【上海电气】 E包热段层传热元件\t0.5×600\DU3(DC01)\7704416-B1-10001W05</t>
  </si>
  <si>
    <t>【上海电气】 A包热段中间层传热元件\t0.5×1000\DU3(DC01)\7704416-B1-10002W01</t>
  </si>
  <si>
    <t>【上海电气】 B包热段中间层传热元件\t0.5×1000\DU3(DC01)\7704416-B1-10002W02</t>
  </si>
  <si>
    <t>【上海电气】 C包热段中间层传热元件\t0.5×1000\DU3(DC01)\7704416-B1-10002W03</t>
  </si>
  <si>
    <t>【上海电气】 D包热段中间层传热元件\t0.5×1000\DU3(DC01)\7704416-B1-10002W04</t>
  </si>
  <si>
    <t>【上海电气】 E包热段中间层传热元件\t0.5×1000\DU3(DC01)\7704416-B1-10002W05</t>
  </si>
  <si>
    <t>【上海电气】 A包冷段层传热元件\t0.8×1000\TC-4(DC05EK)\7704416-B1-12W01</t>
  </si>
  <si>
    <t>【上海电气】 B包冷段层传热元件\t0.8×1000\TC-4(DC05EK)\7704416-B1-12W02</t>
  </si>
  <si>
    <t>【上海电气】 C包冷段层传热元件\t0.8×1000\TC-4(DC05EK)\7704416-B1-12W03</t>
  </si>
  <si>
    <t>【上海电气】 D包冷段层传热元件\t0.8×1000\TC-4(DC05EK)\7704416-B1-12W04</t>
  </si>
  <si>
    <t>【上海电气】 E包冷段层传热元件\t0.8×1000\TC-4(DC05EK)\7704416-B1-12W05</t>
  </si>
  <si>
    <t>【上海电气】 浮动板\t10\Q235-A\7704416-B1-04002</t>
  </si>
  <si>
    <t>【上海电气】 热端定位板\t3\Q235-A\7704416-B1-04003</t>
  </si>
  <si>
    <t>【上海电气】 热端内侧垫板\t1\Q235-A\7704416-A1-04004</t>
  </si>
  <si>
    <t>【上海电气】 热端中间定位板\t3\Q235-A\7704416-B1-04005</t>
  </si>
  <si>
    <t>【上海电气】 热端中间垫板\t1\Q235-A\7704416-A1-04006</t>
  </si>
  <si>
    <t>【上海电气】 热端外侧垫板\t1\Q235-A\7704416-A1-04007</t>
  </si>
  <si>
    <t>【上海电气】 热端定位补隙板\t3\Q235-A\7704416-A1-04008</t>
  </si>
  <si>
    <t>【上海电气】 热端旁路密封片\t1.5\SUS304\770066-B3-41001</t>
  </si>
  <si>
    <t>【上海电气】 冷端旁路密封片\t1.5\SUS304\770066-B3-41002</t>
  </si>
  <si>
    <t>【上海电气】 减速箱\\SBWL-RO02/250-01A\7704416-E1-42001</t>
  </si>
  <si>
    <t>【上海电气】 水冷壁垂直段上部管屏\管子 Φ38*8 ＆ 扁钢 t6.4*72 L=300mm（6根一组）\12Cr1MoVG\5206101-E1-01、02、03、04</t>
  </si>
  <si>
    <t>【上海电气】 水冷壁螺旋段管屏\管子 Φ35*8 ＆  5*扁钢 t8*20 L=300mm（6根一组）\12Cr1MoVG\5206101-E1-15、16、17、18</t>
  </si>
  <si>
    <t>【上海电气】 螺旋水冷壁转角弯管\管子 Φ35*8\12Cr1MoVG\5206101-A1-15025</t>
  </si>
  <si>
    <t>【上海电气】 灰斗弯管1\管子 Φ35*7\12Cr1MoVG\5206101-A1-33013</t>
  </si>
  <si>
    <t>【上海电气】 灰斗弯管2\管子 Φ35*7\12Cr1MoVG\5206101-A1-33016</t>
  </si>
  <si>
    <t>【上海电气】 炉膛上部吹灰器弯管孔\管子 Φ35*8  /钢板 t7\12Cr1MoVG\5206101-B1-15001</t>
  </si>
  <si>
    <t>【上海电气】 炉膛下部吹灰器弯管孔\管子 Φ35*7 /钢板 t6.4\12Cr1MoVG\5206101-B1-15018</t>
  </si>
  <si>
    <t>【上海电气】 水冷壁垂直段上部长（半）伸缩式及声波吹灰器弯管孔\管子 Φ38*8\12Cr1MoVG\5206101-B1-03011</t>
  </si>
  <si>
    <t>【上海电气】 水冷壁垂直段下部长（半）伸缩式及声波吹灰器弯管孔\管子 Φ35*8\12Cr1MoVG\5206101-B1-12003</t>
  </si>
  <si>
    <t>【上海电气】 水冷壁螺旋段上部看火孔弯管孔\管子 Φ35*8 /钢板 t7\12Cr1MoVG\5206101-B1-15005</t>
  </si>
  <si>
    <t>【上海电气】 水冷壁螺旋段下部看火孔弯管孔\管子 Φ35*7 /钢板 t6.4\12Cr1MoVG\5206101-B1-15012</t>
  </si>
  <si>
    <t>【上海电气】 水冷壁垂直段上部检修孔弯管孔\管子 Φ38*8\12Cr1MoVG\5206101-B1-03007</t>
  </si>
  <si>
    <t>【上海电气】 水冷壁垂直段下部检修孔弯管孔\管子 Φ35*8\12Cr1MoVG\5206101-B1-12006</t>
  </si>
  <si>
    <t>【上海电气】 灰斗区域检修孔弯管孔\管子 Φ35*7/钢板 t6.4\12Cr1MoVG\5206101-C1-35018</t>
  </si>
  <si>
    <t>【上海电气】 水冷壁垂直段上部红外烟温测点孔\管子 Φ38*8\12Cr1MoVG\5206101-B1-13001</t>
  </si>
  <si>
    <t>【上海电气】 水冷壁垂直段下部红外烟温测点孔\管子 Φ38*8\12Cr1MoVG\5206101-B1-12019</t>
  </si>
  <si>
    <t>【上海电气】 水冷壁垂直段上部测点孔\管子 Φ38*8/钢板 t6.4\12Cr1MoVG\5206101-B1-04003</t>
  </si>
  <si>
    <t>【上海电气】 水冷壁垂直段下部测点孔\管子 Φ35*8\12Cr1MoVG\5206101-A1-12013</t>
  </si>
  <si>
    <t>【上海电气】 水冷壁垂直段上部TV预留孔\管子 Φ38*8\12Cr1MoVG\5206101-B1-03013</t>
  </si>
  <si>
    <t>【上海电气】 水冷壁垂直段下部炉膛火焰TV孔\管子 Φ35*8\12Cr1MoVG\5206101-B1-12018</t>
  </si>
  <si>
    <t>【上海电气】 测点组件\\\L189.09-0</t>
  </si>
  <si>
    <t>【上海电气】 省煤器肋片双管\管子 Φ44.5*8/双H肋片 3*42.5*195\SA210-C\5606101-B1-02006</t>
  </si>
  <si>
    <t>【上海电气】 省煤器肋片单管\管子 Φ44.5*8/单H肋片 3*42.5*195\SA210-C\5606101-B1-02007</t>
  </si>
  <si>
    <t>【上海电气】 低温过热器下部外数第1圈U型弯头\管子 Φ42*7\SA213-SUPER304H-SB\5406101-E1-02-1</t>
  </si>
  <si>
    <t>【上海电气】 低温过热器下部外数第2圈U型弯头\管子 Φ42*7\SA213-SUPER304H-SB\5406101-E1-02-2</t>
  </si>
  <si>
    <t>【上海电气】 低温过热器下部外数第3圈U型弯头\管子 Φ42*7\SA213-SUPER304H-SB\5406101-E1-02-3</t>
  </si>
  <si>
    <t>【上海电气】 低温过热器下部外数第4圈U型弯头\管子 Φ42*7\SA213-SUPER304H-SB\5406101-E1-02-4</t>
  </si>
  <si>
    <t>【上海电气】 低温过热器下部外数第5圈U型弯头\管子 Φ42*7\SA213-SUPER304H-SB\5406101-E1-02-5</t>
  </si>
  <si>
    <t>【上海电气】 低温过热器下部外数第6圈U型弯头\管子 Φ42*7\SA213-SUPER304H-SB\5406101-E1-02-6</t>
  </si>
  <si>
    <t>【上海电气】 低温过热器下部外数第7圈U型弯头\管子 Φ42*7\SA213-SUPER304H-SB\5406101-E1-02-7</t>
  </si>
  <si>
    <t>【上海电气】 低温过热器下部外数第8圈U型弯头\管子 Φ42*7\SA213-SUPER304H-SB\5406101-E1-02-8</t>
  </si>
  <si>
    <t>【上海电气】 低温过热器下部外数第9圈U型弯头\管子 Φ42*7\SA213-SUPER304H-SB\5406101-E1-02-9</t>
  </si>
  <si>
    <t>【上海电气】 低温过热器下部外数第10圈U型弯头\管子 Φ42*7\SA213-SUPER304H-SB\5406101-E1-02-10</t>
  </si>
  <si>
    <t>【上海电气】 低温过热器下部外数第11圈U型弯头\管子 Φ42*7\SA213-SUPER304H-SB\5406101-E1-02-11</t>
  </si>
  <si>
    <t>【上海电气】 低温过热器下部外数第12圈U型弯头\管子 Φ42*7\SA213-SUPER304H-SB\5406101-E1-02-12</t>
  </si>
  <si>
    <t>【上海电气】 低温过热器下部外数第13圈U型弯头\管子 Φ42*7\SA213-SUPER304H-SB\5406101-E1-02-13</t>
  </si>
  <si>
    <t>【上海电气】 高温过热器上部外数第1圈U型弯头\管子 Φ48*11\SA213-TP310HCbN\5406101-E1-05-1</t>
  </si>
  <si>
    <t>【上海电气】 高温过热器上部外数第2圈U型弯头\管子 Φ48*11\SA213-TP310HCbN\5406101-E1-05-2</t>
  </si>
  <si>
    <t>【上海电气】 高温过热器上部外数第3圈U型弯头\管子 Φ48*11\SA213-TP310HCbN\5406101-E1-05-3</t>
  </si>
  <si>
    <t>【上海电气】 高温过热器上部外数第4圈U型弯头\管子 Φ48*11\SA213-TP310HCbN\5406101-E1-05-4</t>
  </si>
  <si>
    <t>【上海电气】 高温过热器上部外数第5圈U型弯头\管子 Φ48*11\SA213-TP310HCbN\5406101-E1-05-5</t>
  </si>
  <si>
    <t>【上海电气】 高温过热器上部外数第6圈U型弯头\管子 Φ48*11\SA213-TP310HCbN\5406101-E1-05-6</t>
  </si>
  <si>
    <t>【上海电气】 高温过热器上部外数第7圈U型弯头\管子 Φ48*11\SA213-TP310HCbN\5406101-E1-05-7</t>
  </si>
  <si>
    <t>【上海电气】 高温过热器上部外数第8圈U型弯头\管子 Φ48*11\SA213-TP310HCbN\5406101-E1-05-8</t>
  </si>
  <si>
    <t>【上海电气】 高温过热器下部内数第1圈U型弯头\管子 Φ48*8\SA213-SUPER304H-SB\5406101-E1-05-9</t>
  </si>
  <si>
    <t>【上海电气】 高温过热器下部内数第2圈U型弯头\管子 Φ48*8\SA213-SUPER304H-SB\5406101-E1-05-10</t>
  </si>
  <si>
    <t>【上海电气】 一次再热高温再热器下部外数第1圈U型弯头\管子 Φ60*7.5\SA213-TP310HCbN\5406101-E1-05-11</t>
  </si>
  <si>
    <t>【上海电气】 一次再热高温再热器下部外数第2圈U型弯头\管子 Φ60*7.5\SA213-TP310HCbN\5406101-E1-05-12</t>
  </si>
  <si>
    <t>【上海电气】 一次再热高温再热器下部外数第3圈U型弯头\管子 Φ60*7.5\SA213-TP310HCbN\5406101-E1-05-13</t>
  </si>
  <si>
    <t>【上海电气】 一次再热高温再热器下部外数第4圈U型弯头\管子 Φ60*6.5\SA213-SUPER304H-SB\5406101-E1-05-14</t>
  </si>
  <si>
    <t>【上海电气】 一次再热高温再热器下部外数第5圈U型弯头\管子 Φ60*6.5\SA213-SUPER304H-SB\5406101-E1-05-15</t>
  </si>
  <si>
    <t>【上海电气】 一次再热高温再热器下部外数第6圈U型弯头\管子 Φ60*6.5\SA213-SUPER304H-SB\5406101-E1-05-16</t>
  </si>
  <si>
    <t>【上海电气】 一次再热高温再热器下部外数第7圈U型弯头\管子 Φ60*6.5\SA213-SUPER304H-SB\5406101-E1-05-17</t>
  </si>
  <si>
    <t>【上海电气】 一次再热高温再热器下部外数第8圈U型弯头\管子 Φ60*6.5\SA213-SUPER304H-SB\5406101-E1-05-18</t>
  </si>
  <si>
    <t>【上海电气】 一次再热高温再热器上部外数第1圈U型弯头\管子 Φ60*8\SA213-TP310HCbN\7406101-E1-07-1</t>
  </si>
  <si>
    <t>【上海电气】 一次再热高温再热器上部外数第2圈U型弯头\管子 Φ60*8\SA213-TP310HCbN\7406101-E1-07-2</t>
  </si>
  <si>
    <t>【上海电气】 一次再热高温再热器上部外数第3圈U型弯头\管子 Φ60*8\SA213-TP310HCbN\7406101-E1-07-3</t>
  </si>
  <si>
    <t>【上海电气】 一次再热高温再热器上部外数第4圈U型弯头\管子 Φ60*8\SA213-TP310HCbN\7406101-E1-07-4</t>
  </si>
  <si>
    <t>【上海电气】 一次再热高温再热器上部外数第5圈U型弯头\管子 Φ60*8\SA213-TP310HCbN\7406101-E1-07-5</t>
  </si>
  <si>
    <t>【上海电气】 一次再热高温再热器上部外数第6圈U型弯头\管子 Φ60*8\SA213-TP310HCbN\7406101-E1-07-6</t>
  </si>
  <si>
    <t>【上海电气】 一次再热高温再热器上部外数第7圈U型弯头\管子 Φ60*8\SA213-TP310HCbN\7406101-E1-07-7</t>
  </si>
  <si>
    <t>【上海电气】 一次再热高温再热器上部外数第8圈U型弯头\管子 Φ60*8\SA213-TP310HCbN\7406101-E1-07-8</t>
  </si>
  <si>
    <t>【上海电气】 二次再热低温再热器上部外数第1圈U型弯头\管子 Φ57*4\15CrMoG\7406101-E1-10-1</t>
  </si>
  <si>
    <t>【上海电气】 二次再热低温再热器上部外数第2圈U型弯头\管子 Φ57*4\15CrMoG\7406101-E1-10-2</t>
  </si>
  <si>
    <t>【上海电气】 二次再热低温再热器上部外数第3圈U型弯头\管子 Φ57*4\15CrMoG\7406101-E1-10-3</t>
  </si>
  <si>
    <t>【上海电气】 二次再热低温再热器上部外数第4圈U型弯头\管子 Φ57*4\15CrMoG\7406101-E1-10-4</t>
  </si>
  <si>
    <t>【上海电气】 二次再热低温再热器上部外数第5圈U型弯头\管子 Φ57*6\15CrMoG\7406101-E1-10-5</t>
  </si>
  <si>
    <t>【上海电气】 二次再热低温再热器中部外数第1圈U型弯头\管子 Φ57*4\12Cr1MoVG\7406101-E1-10-6</t>
  </si>
  <si>
    <t>【上海电气】 二次再热低温再热器中部外数第2圈U型弯头\管子 Φ57*4\12Cr1MoVG\7406101-E1-10-7</t>
  </si>
  <si>
    <t>【上海电气】 二次再热低温再热器中部外数第3圈U型弯头\管子 Φ57*4\12Cr1MoVG\7406101-E1-10-8</t>
  </si>
  <si>
    <t>【上海电气】 二次再热低温再热器中部外数第4圈U型弯头\管子 Φ57*4\12Cr1MoVG\7406101-E1-10-9</t>
  </si>
  <si>
    <t>【上海电气】 二次再热低温再热器中部外数第5圈U型弯头\管子 Φ57*6\12Cr1MoVG\7406101-E1-10-10</t>
  </si>
  <si>
    <t>【上海电气】 二次再热低温再热器下部外数第1圈U型弯头\管子 Φ57*4\SA213-T91\7406101-E1-10-11</t>
  </si>
  <si>
    <t>【上海电气】 二次再热低温再热器下部外数第2圈U型弯头\管子 Φ57*4\SA213-T91\7406101-E1-10-12</t>
  </si>
  <si>
    <t>【上海电气】 二次再热低温再热器下部外数第3圈U型弯头\管子 Φ57*4\SA213-T91\7406101-E1-10-13</t>
  </si>
  <si>
    <t>【上海电气】 二次再热低温再热器下部外数第4圈U型弯头\管子 Φ57*4\SA213-T91\7406101-E1-10-14</t>
  </si>
  <si>
    <t>【上海电气】 二次再热低温再热器下部外数第5圈U型弯头\管子 Φ57*6\SA213-T91\7406101-E1-10-15</t>
  </si>
  <si>
    <t>【上海电气】 二次再热高温再热器外数第1圈U型弯头\管子 Φ60*4\SA213-TP310HCbN\7406101-E1-15-1</t>
  </si>
  <si>
    <t>【上海电气】 二次再热高温再热器外数第2圈U型弯头\管子 Φ60*4\SA213-TP310HCbN\7406101-E1-15-2</t>
  </si>
  <si>
    <t>【上海电气】 二次再热高温再热器外数第3圈U型弯头\管子 Φ60*4\SA213-TP310HCbN\7406101-E1-15-3</t>
  </si>
  <si>
    <t>【上海电气】 二次再热高温再热器外数第4圈U型弯头\管子 Φ60*4\SA213-TP310HCbN\7406101-E1-15-4</t>
  </si>
  <si>
    <t>【上海电气】 二次再热高温再热器外数第5圈U型弯头\管子 Φ60*4\SA213-TP310HCbN\7406101-E1-15-5</t>
  </si>
  <si>
    <t>【上海电气】 二次再热高温再热器外数第6圈U型弯头\管子 Φ60*4\SA213-TP310HCbN\7406101-E1-15-6</t>
  </si>
  <si>
    <t>【上海电气】 二次再热高温再热器外数第7圈U型弯头\管子 Φ60*4\SA213-TP310HCbN\7406101-E1-15-7</t>
  </si>
  <si>
    <t>【上海电气】 二次再热高温再热器外数第8圈U型弯头\管子 Φ60*4\SA213-TP310HCbN\7406101-E1-15-8</t>
  </si>
  <si>
    <t>【上海电气】 一次再热低温再热器上部外数第1圈U型弯头\管子 Φ57*5\12Cr1MoVG\7406101-E1-02-1</t>
  </si>
  <si>
    <t>【上海电气】 一次再热低温再热器上部外数第2圈U型弯头\管子 Φ57*5\12Cr1MoVG\7406101-E1-02-2</t>
  </si>
  <si>
    <t>【上海电气】 一次再热低温再热器上部外数第3圈U型弯头\管子 Φ57*5\12Cr1MoVG\7406101-E1-02-3</t>
  </si>
  <si>
    <t>【上海电气】 一次再热低温再热器上部外数第4圈U型弯头\管子 Φ57*5\12Cr1MoVG\7406101-E1-02-4</t>
  </si>
  <si>
    <t>【上海电气】 一次再热低温再热器上部外数第5圈U型弯头\管子 Φ57*6\12Cr1MoVG\7406101-E1-02-5</t>
  </si>
  <si>
    <t>【上海电气】 一次再热低温再热器中部外数第1圈U型弯头\管子 Φ57*4.5\SA213-T91\7406101-E1-02-6</t>
  </si>
  <si>
    <t>【上海电气】 一次再热低温再热器中部外数第2圈U型弯头\管子 Φ57*4.5\SA213-T91\7406101-E1-02-7</t>
  </si>
  <si>
    <t>【上海电气】 一次再热低温再热器中部外数第3圈U型弯头\管子 Φ57*4.5\SA213-T91\7406101-E1-02-8</t>
  </si>
  <si>
    <t>【上海电气】 一次再热低温再热器中部外数第4圈U型弯头\管子 Φ57*4.5\SA213-T91\7406101-E1-02-9</t>
  </si>
  <si>
    <t>【上海电气】 一次再热低温再热器中部外数第5圈U型弯头\管子 Φ57*6\SA213-T91\7406101-E1-02-10</t>
  </si>
  <si>
    <t>【上海电气】 一次再热低温再热器下部外数第1圈U型弯头\管子 Φ57*6.5\SA213-T91\7406101-E1-02-11</t>
  </si>
  <si>
    <t>【上海电气】 一次再热低温再热器下部外数第2圈U型弯头\管子 Φ57*6.5\SA213-T91\7406101-E1-02-12</t>
  </si>
  <si>
    <t>【上海电气】 一次再热低温再热器下部外数第3圈U型弯头\管子 Φ57*6.5\SA213-T91\7406101-E1-02-13</t>
  </si>
  <si>
    <t>【上海电气】 一次再热低温再热器下部外数第4圈U型弯头\管子 Φ57*6.5\SA213-T91\7406101-E1-02-14</t>
  </si>
  <si>
    <t>【上海电气】 一次再热低温再热器下部外数第5圈U型弯头\管子 Φ57*6.5\SA213-T91\7406101-E1-02-15</t>
  </si>
  <si>
    <t>【上海电气发电机】冷轧弹簧钢带\T8A_1_YB5058\3560*10*1\10013108</t>
  </si>
  <si>
    <t>上海汽轮发电机厂</t>
  </si>
  <si>
    <t>WZSCCG-2020-BJ-019</t>
  </si>
  <si>
    <t>国家能源e购商城上海电气发电机备件商城铺货长协</t>
  </si>
  <si>
    <t>【上海电气发电机】考铜\BMn43-0.5\11000569</t>
  </si>
  <si>
    <t>【上海电气发电机】硬铝合金板\2A12_5_GB3194-29*25*5\11002374</t>
  </si>
  <si>
    <t>【上海电气发电机】双支轴承热电偶分度\WRETL2-30\12000530</t>
  </si>
  <si>
    <t>【上海电气发电机】备用压差阀\518D076H08_50\12001360</t>
  </si>
  <si>
    <t>【上海电气发电机】备用主压差阀\514D098H006_65\12001361</t>
  </si>
  <si>
    <t>【上海电气发电机】波纹管截止阀\WJ15F1.6P_15\12001503</t>
  </si>
  <si>
    <t>【上海电气发电机】波纹管截止阀\WJ40F1.6P_40\12001505</t>
  </si>
  <si>
    <t>【上海电气发电机】波纹管截止阀\WJ50F1.6P_50\12001506</t>
  </si>
  <si>
    <t>【上海电气发电机】波纹管截止阀\YZ12-36-2_15\12001507</t>
  </si>
  <si>
    <t>【上海电气发电机】铂热电阻\WZP-SG-4*4*20_L=2000\12001766</t>
  </si>
  <si>
    <t>【上海电气发电机】铂热电阻\WZP-SG-4*4*20_L=3000\12001767</t>
  </si>
  <si>
    <t>【上海电气发电机】铂热电阻\WZP-SG-4*4*20_L=4000\12001768</t>
  </si>
  <si>
    <t>【上海电气发电机】铂热电阻\WZP-SG-4*4*20_L=5000\12001769</t>
  </si>
  <si>
    <t>【上海电气发电机】铂热电阻\WZP-SG-4*4*20_L=6000\12001770</t>
  </si>
  <si>
    <t>【上海电气发电机】铂热电阻\WZP-SG-4*4*20_L=7000\12001771</t>
  </si>
  <si>
    <t>【上海电气发电机】承插焊截止阀\2215SW14Y_10\12001813</t>
  </si>
  <si>
    <t>【上海电气发电机】不锈钢截止阀\YZF4-13-3_15\12001822</t>
  </si>
  <si>
    <t>【上海电气发电机】电磁阀\A4025/0801/.032-NC-220VAC_25\12002623</t>
  </si>
  <si>
    <t>【上海电气发电机】电动泵\PAMX1E\12002744</t>
  </si>
  <si>
    <t>【上海电气发电机】定子出线瓷套管\STGC:605.772.367\12003609</t>
  </si>
  <si>
    <t>【上海电气发电机】端面铂热电阻\WZPM-201-3A_Φ6*18\12003675</t>
  </si>
  <si>
    <t>【上海电气发电机】端面铂热电阻\WZPM-201Φ6*18\L=50\12003685</t>
  </si>
  <si>
    <t>【上海电气发电机】管夹\19D7438H03(1593633)_3"\12004707</t>
  </si>
  <si>
    <t>【上海电气发电机】管夹\2-1/2"\12004708</t>
  </si>
  <si>
    <t>【上海电气发电机】管夹\FB+RUK/PA114.3\12004717</t>
  </si>
  <si>
    <t>【上海电气发电机】管夹\FB+RUK/PA114.3B\12004718</t>
  </si>
  <si>
    <t>【上海电气发电机】互感器\25000A/5A;0.2;100VA\12005069</t>
  </si>
  <si>
    <t>【上海电气发电机】互感器\25000A/5A;0.2S;100VA\12005073</t>
  </si>
  <si>
    <t>【上海电气发电机】互感器\25000A/5A\5P20\200VA\12005078</t>
  </si>
  <si>
    <t>【上海电气发电机】电流互感器\30000/5A_TPY_50VA_1000MW_JK\12005652</t>
  </si>
  <si>
    <t>【上海电气发电机】节流阀\L41W-16P_50DN50PN16\12006285</t>
  </si>
  <si>
    <t>【上海电气发电机】节流阀\L41W-16P_65\12006286</t>
  </si>
  <si>
    <t>【上海电气发电机】截止阀\J41W-16P_100DN100PN16\12006527</t>
  </si>
  <si>
    <t>【上海电气发电机】截止阀\J41W-16P_125DN125PN16\12006528</t>
  </si>
  <si>
    <t>【上海电气发电机】截止阀\J41W-16P_15DN15PN16\12006529</t>
  </si>
  <si>
    <t>【上海电气发电机】截止阀\J41W-16P_25DN25PN16\12006532</t>
  </si>
  <si>
    <t>【上海电气发电机】截止阀\J41W-16P_40DN40PN16483.5\12006533</t>
  </si>
  <si>
    <t>【上海电气发电机】承插焊截止阀\J63W-40P_DN10\12006644</t>
  </si>
  <si>
    <t>【上海电气发电机】不锈钢截止阀\J63W-40P_DN15\12006645</t>
  </si>
  <si>
    <t>【上海电气发电机】截止阀\J63W-40PDN25PN40\12006648</t>
  </si>
  <si>
    <t>【上海电气发电机】截止止回阀\JH42-16P_DN80_PN16\12006742</t>
  </si>
  <si>
    <t>【上海电气发电机】截止止回阀\JH42W-16P_DN25_PN16\12006743</t>
  </si>
  <si>
    <t>【上海电气发电机】截止止回阀\JH62-16P_40\12006749</t>
  </si>
  <si>
    <t>【上海电气发电机】截止止回阀\JH62-16P_65\12006751</t>
  </si>
  <si>
    <t>【上海电气发电机】空气冷却器\QKCW250-108\12007152</t>
  </si>
  <si>
    <t>【上海电气发电机】扣压式胶管总成\8-350Z_JB1887\12007264</t>
  </si>
  <si>
    <t>【上海电气发电机】扣压式胶管总成\8-500L_JB1887\12007265</t>
  </si>
  <si>
    <t>【上海电气发电机】扣压式胶管总成\8-420Z_JB1887\12007266</t>
  </si>
  <si>
    <t>【上海电气发电机】扣压式胶管总成\8-530_JB1887\12007267</t>
  </si>
  <si>
    <t>【上海电气发电机】扣压式胶管总成\8-615_JB1887\12007268</t>
  </si>
  <si>
    <t>【上海电气发电机】扣压式胶管总成\8-700L_JB1887\12007269</t>
  </si>
  <si>
    <t>【上海电气发电机】扩口式端直通管接头体\8B_GB5625.2\12007299</t>
  </si>
  <si>
    <t>【上海电气发电机】扩口式端直通管接头体\8C_GB5625.2\12007300</t>
  </si>
  <si>
    <t>【上海电气发电机】扩口式组合直角管接头\10_GB5632.1\12007305</t>
  </si>
  <si>
    <t>【上海电气发电机】励端平衡阀\19C1964IT02_25\12007444</t>
  </si>
  <si>
    <t>【上海电气发电机】内螺纹球阀\DN12-G1/2A_X6CrNiMoTi17-12-2\12007680</t>
  </si>
  <si>
    <t>【上海电气发电机】汽端平衡阀\19C1964IT01_25\12007983</t>
  </si>
  <si>
    <t>【上海电气发电机】千斤顶液压系统\HTSHC1-2\12008006</t>
  </si>
  <si>
    <t>【上海电气发电机】千斤顶液压系统\HTSHC1-4\12008007</t>
  </si>
  <si>
    <t>【上海电气发电机】氢气冷却器\QCLQ4700\12008078</t>
  </si>
  <si>
    <t>【上海电气发电机】氢气冷却器\QCLQ4700/B_4700kW\12008080</t>
  </si>
  <si>
    <t>【上海电气发电机】氢气冷却器\QCLQ750-1/B_750kW\B30\12008089</t>
  </si>
  <si>
    <t>【上海电气发电机】氢气冷却器\QCLQ750-2/B_750kW\B30\12008098</t>
  </si>
  <si>
    <t>【上海电气发电机】氢气冷却器\QHCW2300E/B_2300kW\12008149</t>
  </si>
  <si>
    <t>【上海电气发电机】氢气冷却器\QHCW2300T/B_2300kW\12008158</t>
  </si>
  <si>
    <t>【上海电气发电机】球阀\E07B-150SW_1Cr18Ni9Ti_40\12008194</t>
  </si>
  <si>
    <t>【上海电气发电机】球阀\E07B-200SW_1Cr18Ni9Ti_50\12008195</t>
  </si>
  <si>
    <t>【上海电气发电机】球阀\E07B-50SW_1Cr18Ni9Ti_15\12008196</t>
  </si>
  <si>
    <t>【上海电气发电机】球阀\FSK-V-016-050_50DN50PN16\12008198</t>
  </si>
  <si>
    <t>【上海电气发电机】球阀\Q41F-16P_DN65\12008213</t>
  </si>
  <si>
    <t>【上海电气发电机】球阀\TFE-V-040-050-DN50-PN16\12008236</t>
  </si>
  <si>
    <t>【上海电气发电机】球阀\TFE-V-016-100-DN100-PN16\12008238</t>
  </si>
  <si>
    <t>【上海电气发电机】热电偶\B2006000-3T_KUN672.20\12008404</t>
  </si>
  <si>
    <t>【上海电气发电机】热电阻\6315-2PT-A_KUN672.26\12008668</t>
  </si>
  <si>
    <t>【上海电气发电机】三阀组\YSF-2\12008792</t>
  </si>
  <si>
    <t>【上海电气发电机】三支轴承热电偶E分度\WRET3-601A\12009032</t>
  </si>
  <si>
    <t>【上海电气发电机】三支轴承热电偶E分度\WRET3-602A\12009033</t>
  </si>
  <si>
    <t>【上海电气发电机】双金属温度计\WSS-571_100-L=100\12009852</t>
  </si>
  <si>
    <t>【上海电气发电机】双支铂热电阻\WZP2-2312_M272-L=100\12009944</t>
  </si>
  <si>
    <t>【上海电气发电机】电阻测温元件\12009964\PT100</t>
  </si>
  <si>
    <t>【上海电气发电机】双支轴承热电偶E分度\WRET-31_L=120\12009966</t>
  </si>
  <si>
    <t>【上海电气发电机】出线瓷套管\20kV\12009997</t>
  </si>
  <si>
    <t>【上海电气发电机】斜式仪\SP-2011\12011164</t>
  </si>
  <si>
    <t>【上海电气发电机】嗅敏仪\FH1500\12011265</t>
  </si>
  <si>
    <t>【上海电气发电机】压差阀\42-24B\KVS32_50\12011331</t>
  </si>
  <si>
    <t>【上海电气发电机】压差开关\J400K-457-1010_21-210kPa\12011349</t>
  </si>
  <si>
    <t>【上海电气发电机】压力变送器\7MF4033-1DA00-_0-1.0MPa\12011386</t>
  </si>
  <si>
    <t>【上海电气发电机】压力表\Y-150BFZ_0-2.5MPa\12011502</t>
  </si>
  <si>
    <t>【上海电气发电机】压力开关\5LC-EE3-M4-C1A-LLTTX373\12011668</t>
  </si>
  <si>
    <t>【上海电气发电机】直流电机\ZBL4-132-3_4kW/220V/1500rpm\12013476</t>
  </si>
  <si>
    <t>【上海电气发电机】直流电机\ZBL4-180-41_10kW/220V/1500rpm\12013479</t>
  </si>
  <si>
    <t>【上海电气发电机】轴承测温用热电偶\WRNT3-601A\12013989</t>
  </si>
  <si>
    <t>【上海电气发电机】轴承热电偶分度\WRET2-60\12014007</t>
  </si>
  <si>
    <t>【上海电气发电机】轴承热电偶\WRNT2-31_L120\12014008</t>
  </si>
  <si>
    <t>【上海电气发电机】主压差阀\514D098H005_80\12014050</t>
  </si>
  <si>
    <t>【上海电气发电机】主压差阀\518D076H01_65\12014052</t>
  </si>
  <si>
    <t>【上海电气发电机】锥面热电偶\WRTZ3-201A\12014104</t>
  </si>
  <si>
    <t>【上海电气发电机】扣压式胶管总成\82500_JB1887\12014421</t>
  </si>
  <si>
    <t>【上海电气发电机】热电阻\B2006000-2P_KUN672.20\12014428</t>
  </si>
  <si>
    <t>【上海电气发电机】端面铂热电阻\WZPM-56_L=4500\12017716</t>
  </si>
  <si>
    <t>【上海电气发电机】端面铂热电阻\WZPM-56_L=5000\12017717</t>
  </si>
  <si>
    <t>【上海电气发电机】端面铂热电阻\WZPM-56_L=6000\12017718</t>
  </si>
  <si>
    <t>【上海电气发电机】端面铂热电阻\WZPM-56_L=6500\12017719</t>
  </si>
  <si>
    <t>【上海电气发电机】压力表\Y-150BFZ\12019173</t>
  </si>
  <si>
    <t>【上海电气发电机】安全阀\2620A21001_DN6\12023156</t>
  </si>
  <si>
    <t>【上海电气发电机】交流电动机\Y250M-2_DFB125-80-250\12027568</t>
  </si>
  <si>
    <t>【上海电气发电机】电流互感器\30000/10A\250VA\1000MW_JK\12028094</t>
  </si>
  <si>
    <t>【上海电气发电机】气体流量表\AL-425\12028141</t>
  </si>
  <si>
    <t>【上海电气发电机】机械密封件\DDFB100-80-230\12030730</t>
  </si>
  <si>
    <t>【上海电气发电机】球阀\Q41F-25P_DN50\12031319</t>
  </si>
  <si>
    <t>【上海电气发电机】涡街流量计\8800DF060SD1N1D1E5M5(0-150m3/h\4-20mA\DN150\PN16)\12032637</t>
  </si>
  <si>
    <t>【上海电气发电机】压差变送器\7MF4433-1GA02_0-400kPa\12032684</t>
  </si>
  <si>
    <t>【上海电气发电机】真空泵\D8B\12033762</t>
  </si>
  <si>
    <t>【上海电气发电机】机械密封件\HSNH280-43NZ\12034842</t>
  </si>
  <si>
    <t>【上海电气发电机】机械密封件\HSNH660-40NZ\12034853</t>
  </si>
  <si>
    <t>【上海电气发电机】机械密封件\HSNH80-46NZ\12034854</t>
  </si>
  <si>
    <t>【上海电气发电机】疏水阀\XFG-2F\12035261</t>
  </si>
  <si>
    <t>【上海电气发电机】水泵轴承\DFB100-80-230\12035522</t>
  </si>
  <si>
    <t>【上海电气发电机】压力开关\BH-003007-003_150-1200kPa\12035742</t>
  </si>
  <si>
    <t>【上海电气发电机】压力开关\BH-003005-003_14-56kPa\12035751</t>
  </si>
  <si>
    <t>【上海电气发电机】压差开关\BH-003001-003_20-210kPa\12035754</t>
  </si>
  <si>
    <t>【上海电气发电机】弹性联轴器\HSNH280-43NZ\12038873</t>
  </si>
  <si>
    <t>【上海电气发电机】安全阀\A21W-16P_15DN15PN16\12040439</t>
  </si>
  <si>
    <t>【上海电气发电机】机械密封件\DFB125-80-260\12107347</t>
  </si>
  <si>
    <t>【上海电气发电机】弹性配套联轴器\DFB100-80-230\12114143</t>
  </si>
  <si>
    <t>【上海电气发电机】滤油器\AR4-8\12117814</t>
  </si>
  <si>
    <t>【上海电气发电机】机械密封件\HSNSQ3-440-46\12118439</t>
  </si>
  <si>
    <t>【上海电气发电机】机械密封件\HSNSQ3-440-46\12118440</t>
  </si>
  <si>
    <t>【上海电气发电机】弹性联轴器\HSNSQ3-440-46\12118441</t>
  </si>
  <si>
    <t>【上海电气发电机】弹性联轴器\HSNSQ3-440-46\12118442</t>
  </si>
  <si>
    <t>【上海电气发电机】减压阀\RMG\(0-1)MPa_XFG-1F\12119851</t>
  </si>
  <si>
    <t>【上海电气发电机】电动机\HSNH80Q-46NZ_\12120498</t>
  </si>
  <si>
    <t>【上海电气发电机】机械密封件\HSNH440Q2-46NZ\12123081</t>
  </si>
  <si>
    <t>【上海电气发电机】露点仪\BAC-50G-2\12124309</t>
  </si>
  <si>
    <t>【上海电气发电机】压力表\Y-150BFZ_0-1.0MPa\12127726</t>
  </si>
  <si>
    <t>【上海电气发电机】弹性联轴器\HSNH660-40NZ\12127727</t>
  </si>
  <si>
    <t>【上海电气发电机】弹性联轴器\HSNH80-46NZ\12127728</t>
  </si>
  <si>
    <t>【上海电气发电机】电流互感器\10/1A\2*0.2SFS10/20-5P20/60-50Hz\12128758</t>
  </si>
  <si>
    <t>【上海电气发电机】流量调节阀\CF4-ASGSOS00000C_15DN15PN25\12169775</t>
  </si>
  <si>
    <t>【上海电气发电机】冷凝器\AK4-8_D8B\12169801</t>
  </si>
  <si>
    <t>【上海电气发电机】双金属温度计\WSS-571_M272\100\L=150\12177829</t>
  </si>
  <si>
    <t>【上海电气发电机】水减压阀\1000HP-14_DN15\(1/2")\12179628</t>
  </si>
  <si>
    <t>【上海电气发电机】机械密封件\DFB125-80-250\12195330</t>
  </si>
  <si>
    <t>【上海电气发电机】水泵\PH041E_WBF-460\12196729</t>
  </si>
  <si>
    <t>【上海电气发电机】超短型球阀\SQ72F-16P_100\12198678</t>
  </si>
  <si>
    <t>【上海电气发电机】氮气减压阀\YQDG-B_8*1\12198683</t>
  </si>
  <si>
    <t>【上海电气发电机】气体流量表\GD6102-F\12200011</t>
  </si>
  <si>
    <t>【上海电气发电机】联轴器\DFB(Ⅱ)125-80-250\12200749</t>
  </si>
  <si>
    <t>【上海电气发电机】超短球阀\SQ72F-16P_DN65\12202947</t>
  </si>
  <si>
    <t>【上海电气发电机】双支铂热电阻\WZP2-231_M27*2\100\L=150\12202949</t>
  </si>
  <si>
    <t>【上海电气发电机】浮子流量计\BGN-120_DN50\12202952</t>
  </si>
  <si>
    <t>【上海电气发电机】超短球阀\SQ72F-16P_DN50\12202954</t>
  </si>
  <si>
    <t>【上海电气发电机】背压阀\DA5_DN50\12202956</t>
  </si>
  <si>
    <t>【上海电气发电机】截止阀\J63W-40P_DN20\12202971</t>
  </si>
  <si>
    <t>【上海电气发电机】超短球阀\SQ72F-16P_DN40\12202972</t>
  </si>
  <si>
    <t>【上海电气发电机】超短球阀\SQ71F-16P_DN25\12202975</t>
  </si>
  <si>
    <t>【上海电气发电机】安全阀\WA42Y-16\12202981</t>
  </si>
  <si>
    <t>【上海电气发电机】汽端双向微差压指示器\277B012003\12202983</t>
  </si>
  <si>
    <t>【上海电气发电机】励端双向微差压指示器\277B012002\12202984</t>
  </si>
  <si>
    <t>【上海电气发电机】球阀\Q41F-25P_DN80\12204685</t>
  </si>
  <si>
    <t>【上海电气发电机】球阀\Q41F-25P_DN40\12204687</t>
  </si>
  <si>
    <t>【上海电气发电机】针型阀\YZJ4-13-1\12208361</t>
  </si>
  <si>
    <t>【上海电气发电机】焊接式不锈钢波纹管阀\WJ25F1.6PDN25\12210509</t>
  </si>
  <si>
    <t>【上海电气发电机】三阀组\GP831211F8TPYL_HOKE\12215115</t>
  </si>
  <si>
    <t>【上海电气发电机】骨架油封\DFB125-80-250\12216933</t>
  </si>
  <si>
    <t>【上海电气发电机】浮球阀\LQYX-100S\12217306</t>
  </si>
  <si>
    <t>【上海电气发电机】交流电动机\HSNH440Q2-46NZ\12224027</t>
  </si>
  <si>
    <t>【上海电气发电机】流量调节阀\CF1026_DN15\12224041</t>
  </si>
  <si>
    <t>【上海电气发电机】测温元件专用夹线钳\13000124</t>
  </si>
  <si>
    <t>【上海电气发电机】电动转子滚轮架\100t\13000219</t>
  </si>
  <si>
    <t>【上海电气发电机】电缆套\PG11\13000234\黄铜</t>
  </si>
  <si>
    <t>【上海电气发电机】碟形弹簧\6_DIN6796\13000252</t>
  </si>
  <si>
    <t>【上海电气发电机】碟形弹簧\A40G_DIN2093\13000254</t>
  </si>
  <si>
    <t>【上海电气发电机】碟形弹簧\B16_DIN137\13000255</t>
  </si>
  <si>
    <t>【上海电气发电机】碟形弹簧\Φ34*Φ17*1.8_KUN684.01_JK\13000261</t>
  </si>
  <si>
    <t>【上海电气发电机】气动注胶枪\IM-AR260\13000699</t>
  </si>
  <si>
    <t>【上海电气发电机】手动力矩扳手\HW330-13049\13000798</t>
  </si>
  <si>
    <t>【上海电气发电机】刷握\13000808</t>
  </si>
  <si>
    <t>【上海电气发电机】液压扳手\WHSWRSL04SDS\13000966</t>
  </si>
  <si>
    <t>【上海电气发电机】液压拉伸器\HydratightSweeney_(M48\M42)\13000969</t>
  </si>
  <si>
    <t>【上海电气发电机】碟形弹簧\12.2*1.5\13001094</t>
  </si>
  <si>
    <t>【上海电气发电机】碟形弹簧\25.4*3\13001095</t>
  </si>
  <si>
    <t>【上海电气发电机】干燥剂\XQS-D\13011326</t>
  </si>
  <si>
    <t>【上海电气发电机】不锈钢垫圈\A21_DIN125\14000075</t>
  </si>
  <si>
    <t>【上海电气发电机】不锈钢六角螺栓\M16*60_A2-70_GB5782\14000231</t>
  </si>
  <si>
    <t>【上海电气发电机】不锈钢六角螺栓\M20*55_A2-70_GB5783\14000238</t>
  </si>
  <si>
    <t>【上海电气发电机】不锈钢六角螺栓\M8*20_A2-70_GB5783\14000246</t>
  </si>
  <si>
    <t>【上海电气发电机】不锈钢六角螺栓\M8*35_A2-70_GB5782\14000250</t>
  </si>
  <si>
    <t>【上海电气发电机】不锈钢内六角圆柱头螺钉\M10*20_ISO4762\14000270</t>
  </si>
  <si>
    <t>【上海电气发电机】不锈钢内六角圆柱头螺钉\M12*60_ISO4762\14000273</t>
  </si>
  <si>
    <t>【上海电气发电机】不锈钢内六角圆柱头螺钉\M16*40_ISO4762\14000275</t>
  </si>
  <si>
    <t>【上海电气发电机】不锈钢内六角锥端紧定螺钉\M6*25_DIN914\14000282</t>
  </si>
  <si>
    <t>【上海电气发电机】不锈钢止动垫圈\12*105_KUN607.06\14000299</t>
  </si>
  <si>
    <t>【上海电气发电机】不锈钢止动垫圈\16*45_KUN607.06\14000303</t>
  </si>
  <si>
    <t>【上海电气发电机】不锈钢止动垫圈\16*50_KUN607.06\14000304</t>
  </si>
  <si>
    <t>【上海电气发电机】不锈钢止动垫圈\21_DIN93\14000308</t>
  </si>
  <si>
    <t>【上海电气发电机】不锈钢止动垫圈\8.4_DIN93\14000314</t>
  </si>
  <si>
    <t>【上海电气发电机】带槽圆柱销\A20h8*80_MUN610.1/1\14001487</t>
  </si>
  <si>
    <t>【上海电气发电机】吊环\5000Kg-M30*110_KUN693.10\14001675</t>
  </si>
  <si>
    <t>【上海电气发电机】镀锌标准型弹簧垫圈\24_GB93\14002536</t>
  </si>
  <si>
    <t>【上海电气发电机】镀锌单耳止动垫圈\10_GB854\14002555</t>
  </si>
  <si>
    <t>【上海电气发电机】镀锌单耳止动垫圈\12_GB854\14002556</t>
  </si>
  <si>
    <t>【上海电气发电机】镀锌单耳止动垫圈\16_GB854\14002557</t>
  </si>
  <si>
    <t>【上海电气发电机】制动垫圈\14002558</t>
  </si>
  <si>
    <t>【上海电气发电机】镀锌单耳止动垫圈\8_GB854\14002564</t>
  </si>
  <si>
    <t>【上海电气发电机】镀锌非金属嵌件六角锁紧螺母\M8_8_GB889.1\14002571</t>
  </si>
  <si>
    <t>【上海电气发电机】镀锌钢垫圈\B13_DIN125\14002592</t>
  </si>
  <si>
    <t>【上海电气发电机】镀锌钢垫圈\B17_DIN125\14002594</t>
  </si>
  <si>
    <t>【上海电气发电机】镀锌钢开槽锥端紧定螺钉\M8*20_GB71\14002950</t>
  </si>
  <si>
    <t>【上海电气发电机】镀锌钢六角薄螺母\M16_4_GB6172.1\14002958</t>
  </si>
  <si>
    <t>【上海电气发电机】镀锌钢六角螺母\M20_8_GB6170\14002992</t>
  </si>
  <si>
    <t>【上海电气发电机】镀锌钢六角螺栓\M10*25_8.8_GB5783\14003031</t>
  </si>
  <si>
    <t>【上海电气发电机】镀锌钢六角螺栓\M10*35_8.8_GB5783\14003033</t>
  </si>
  <si>
    <t>【上海电气发电机】镀锌钢六角螺栓\M10*95_8.8_GB5782\14003045</t>
  </si>
  <si>
    <t>【上海电气发电机】镀锌铬盐纯化处理钢六角螺栓\M12*50\14003067\增加镀铬</t>
  </si>
  <si>
    <t>【上海电气发电机】镀锌钢六角螺栓\M16*45_8.8_GB5783\14003097</t>
  </si>
  <si>
    <t>【上海电气发电机】镀锌钢六角螺栓\M16*55_8.8_GB5782\14003099</t>
  </si>
  <si>
    <t>【上海电气发电机】镀锌钢六角螺栓\M16*65_8.8_GB5782\14003101</t>
  </si>
  <si>
    <t>【上海电气发电机】镀锌钢六角螺栓\M16*70_8.8_GB5782\14003102</t>
  </si>
  <si>
    <t>【上海电气发电机】镀锌钢六角螺栓\M16*90_8.8_GB5782\14003106</t>
  </si>
  <si>
    <t>【上海电气发电机】镀锌钢六角螺栓\M20*120_8.8_GB5782\14003111</t>
  </si>
  <si>
    <t>【上海电气发电机】镀锌钢六角螺栓\M20*150_8.8_GB5782\14003114</t>
  </si>
  <si>
    <t>【上海电气发电机】镀锌钢六角螺栓\M20*60_8.8_GB5783\14003131</t>
  </si>
  <si>
    <t>【上海电气发电机】镀锌钢六角螺栓\M20*70_8.8_GB5782\14003133</t>
  </si>
  <si>
    <t>【上海电气发电机】镀锌钢六角螺栓\M24*70_8.8_GB5783\14003162</t>
  </si>
  <si>
    <t>【上海电气发电机】镀锌钢六角螺栓\M30*95_8.8_GB5782\14003194</t>
  </si>
  <si>
    <t>【上海电气发电机】镀锌钢六角螺栓\M8*16_8.8_GB5783\14003334</t>
  </si>
  <si>
    <t>【上海电气发电机】镀锌钢内六角圆柱头螺钉\M10*22_GB70.1\14003472</t>
  </si>
  <si>
    <t>【上海电气发电机】镀锌钢内六角圆柱头螺钉\M20*65_GB70.1\14003502</t>
  </si>
  <si>
    <t>【上海电气发电机】镀锌钢内六角圆柱头螺钉\M8*45_GB70.1\14003543</t>
  </si>
  <si>
    <t>【上海电气发电机】镀锌钢内六角锥端紧定螺钉\M8*16_GB78\14003561</t>
  </si>
  <si>
    <t>【上海电气发电机】镀锌钢内六角锥端紧定螺钉\M8*25_GB78\14003564</t>
  </si>
  <si>
    <t>【上海电气发电机】镀锌钢平垫圈\10_GB97.1\14003566</t>
  </si>
  <si>
    <t>【上海电气发电机】镀锌钢平垫圈\20_GB97.1\14003569</t>
  </si>
  <si>
    <t>【上海电气发电机】镀锌钢平垫圈\30_GB97.1\14003574</t>
  </si>
  <si>
    <t>【上海电气发电机】镀锌钢止动垫圈\43_DIN432\14003594</t>
  </si>
  <si>
    <t>【上海电气发电机】镀锌钢止动垫圈\8*30_KUN607.06\14003598</t>
  </si>
  <si>
    <t>【上海电气发电机】镀锌开口销\2*20_GB91\14003623</t>
  </si>
  <si>
    <t>【上海电气发电机】镀锌内螺纹圆锥销\16*70_GB118\14003658</t>
  </si>
  <si>
    <t>【上海电气发电机】镀锌塞头\1/2"\14003665</t>
  </si>
  <si>
    <t>【上海电气发电机】镀锌外舌止动垫圈\12_GB856\14003668</t>
  </si>
  <si>
    <t>【上海电气发电机】镀锌外舌止动垫圈\16_GB856\14003669</t>
  </si>
  <si>
    <t>【上海电气发电机】镀锌外舌止动垫圈\20_GB856\14003670</t>
  </si>
  <si>
    <t>【上海电气发电机】镀锌外舌止动垫圈\24_GB856\14003671</t>
  </si>
  <si>
    <t>【上海电气发电机】镀锌外舌止动垫圈\30_GB856\14003672</t>
  </si>
  <si>
    <t>【上海电气发电机】外舌制动垫圈\M8\14003674</t>
  </si>
  <si>
    <t>【上海电气发电机】镀锌止动垫圈\10.5_DIN93\14003684</t>
  </si>
  <si>
    <t>【上海电气发电机】镀锌止动垫圈\10*70_KUN607.06\14003686</t>
  </si>
  <si>
    <t>【上海电气发电机】镀锌止动垫圈\17_DIN93\14003692</t>
  </si>
  <si>
    <t>【上海电气发电机】镀锌止动垫圈\21_DIN93\14003693</t>
  </si>
  <si>
    <t>【上海电气发电机】镀锌止动垫圈\30*100_KUN607.06\14003694</t>
  </si>
  <si>
    <t>【上海电气发电机】镀锌止动垫圈\42*130_KUN607.06\14003698</t>
  </si>
  <si>
    <t>【上海电气发电机】镀锌止动垫圈\42*140_KUN607.06\14003699</t>
  </si>
  <si>
    <t>【上海电气发电机】镀锌止动垫圈\6.4_DIN93\14003701</t>
  </si>
  <si>
    <t>【上海电气发电机】镀锌止动垫圈\8.4_DIN93\14003702</t>
  </si>
  <si>
    <t>【上海电气发电机】钢垫圈\B17_DIN125\14003843</t>
  </si>
  <si>
    <t>【上海电气发电机】钢开槽锥端紧定螺钉\M8*20_GB71\14004312</t>
  </si>
  <si>
    <t>【上海电气发电机】六角螺母\14004436</t>
  </si>
  <si>
    <t>【上海电气发电机】钢六角螺栓\M16*55_8.8_GB5782\14004803</t>
  </si>
  <si>
    <t>【上海电气发电机】钢六角螺栓\M8*45_8.8_GB5782\14005220</t>
  </si>
  <si>
    <t>【上海电气发电机】钢内六角锥端紧定螺钉\M20*30_DIN913\14005444</t>
  </si>
  <si>
    <t>【上海电气发电机】钢内六角锥端紧定螺钉\M6*30_DIN914\14005455</t>
  </si>
  <si>
    <t>【上海电气发电机】钢内六角锥端紧定螺钉\M8*10_DIN913\14005460</t>
  </si>
  <si>
    <t>【上海电气发电机】钢内六角锥端紧定螺钉\M8*16_DIN913\14005462</t>
  </si>
  <si>
    <t>【上海电气发电机】开口销\3.220_GB91\14006182</t>
  </si>
  <si>
    <t>【上海电气发电机】螺塞\20CrMo_G1/2A_DIN910\14006542</t>
  </si>
  <si>
    <t>【上海电气发电机】螺尾锥销\12*65_ISO8737\14006597</t>
  </si>
  <si>
    <t>【上海电气发电机】螺纹衬圈\4184-20CN*30\14006616</t>
  </si>
  <si>
    <t>【上海电气发电机】密封圈\6.2*17.5*2_EN837\14006647</t>
  </si>
  <si>
    <t>【上海电气发电机】密封圈\A10*14-DIN7603\14006648</t>
  </si>
  <si>
    <t>【上海电气发电机】密封圈\A14*18_DIN7603\14006652</t>
  </si>
  <si>
    <t>【上海电气发电机】密封圈\A14*20_DIN7603\14006653</t>
  </si>
  <si>
    <t>【上海电气发电机】密封圈\A17*23_DIN7603\14006655</t>
  </si>
  <si>
    <t>【上海电气发电机】密封圈\A20*24_DIN7603\14006657</t>
  </si>
  <si>
    <t>【上海电气发电机】密封圈\A21*26_DIN7603\14006658</t>
  </si>
  <si>
    <t>【上海电气发电机】密封圈\A24*29_DIN7603\14006659</t>
  </si>
  <si>
    <t>【上海电气发电机】密封圈\A27*32_DIN7603\14006660</t>
  </si>
  <si>
    <t>【上海电气发电机】密封圈\A3*339_DIN7603\14006661</t>
  </si>
  <si>
    <t>【上海电气发电机】密封圈\A48*55_DIN7603\14006663</t>
  </si>
  <si>
    <t>【上海电气发电机】密封圈\A64*72_DIN7603\14006664</t>
  </si>
  <si>
    <t>【上海电气发电机】密封圈\T2_12*18*2\14006665</t>
  </si>
  <si>
    <t>【上海电气发电机】内齿镀锌锁紧垫圈\20_GB861.1\14006670</t>
  </si>
  <si>
    <t>【上海电气发电机】内齿镀锌弹性垫圈\GB861\14006671</t>
  </si>
  <si>
    <t>【上海电气发电机】内齿锁紧垫圈\20_GB861.1\14006672</t>
  </si>
  <si>
    <t>【上海电气发电机】球面垫圈\M20_GB849\14006734</t>
  </si>
  <si>
    <t>【上海电气发电机】塞头\20CrMo_M10_MUN609.3/3\14006741</t>
  </si>
  <si>
    <t>【上海电气发电机】铜半圆头铆钉\3*10_GB867\14006951</t>
  </si>
  <si>
    <t>【上海电气发电机】铜平垫圈\12_GB97.1\14007170</t>
  </si>
  <si>
    <t>【上海电气发电机】铜平垫圈\16_GB97.1\14007171</t>
  </si>
  <si>
    <t>【上海电气发电机】铜止动垫圈\13_DIN93\14007185</t>
  </si>
  <si>
    <t>【上海电气发电机】铜制动垫圈\17_DIN432\14007187</t>
  </si>
  <si>
    <t>【上海电气发电机】内齿镀锌弹性垫圈\M20\14007191</t>
  </si>
  <si>
    <t>【上海电气发电机】外齿锁紧垫圈\20_GB862.1\14007193</t>
  </si>
  <si>
    <t>【上海电气发电机】外舌止动垫圈\10_GB856\14007198</t>
  </si>
  <si>
    <t>【上海电气发电机】外舌止动垫圈\16_GB856\14007199</t>
  </si>
  <si>
    <t>【上海电气发电机】圆柱销\10H8*70_ISO2338\14007372</t>
  </si>
  <si>
    <t>【上海电气发电机】止动垫圈\10.5_DIN93\14007640</t>
  </si>
  <si>
    <t>【上海电气发电机】止动垫圈\16*116_KUN607.06\14007642</t>
  </si>
  <si>
    <t>【上海电气发电机】止动垫圈\17_DIN93\14007643</t>
  </si>
  <si>
    <t>【上海电气发电机】止动垫圈\21_DIN93\14007644</t>
  </si>
  <si>
    <t>【上海电气发电机】紫铜垫圈\18*30*2_MUN607.1/4\14007727</t>
  </si>
  <si>
    <t>【上海电气发电机】镀锌钢内六角锥端紧定螺钉\M16*35_GB78\14007782</t>
  </si>
  <si>
    <t>【上海电气发电机】镀锌钢内六角锥端紧定螺钉\M16*70_GB78\14007783</t>
  </si>
  <si>
    <t>【上海电气发电机】不锈钢六角螺栓\M20*85_A2-70_GB5783\14008055</t>
  </si>
  <si>
    <t>【上海电气发电机】制动垫圈\14008099</t>
  </si>
  <si>
    <t>【上海电气发电机】止动垫片\14008100</t>
  </si>
  <si>
    <t>【上海电气发电机】止动垫片\M16\14008101</t>
  </si>
  <si>
    <t>【上海电气发电机】制动垫圈\14010547</t>
  </si>
  <si>
    <t>【上海电气发电机】止动垫片\M20B\14010554</t>
  </si>
  <si>
    <t>【上海电气发电机】止动垫片\M20C\14010556</t>
  </si>
  <si>
    <t>【上海电气发电机】止动垫片\M20D\14010557</t>
  </si>
  <si>
    <t>【上海电气发电机】制动垫圈\14010558</t>
  </si>
  <si>
    <t>【上海电气发电机】止动垫片\M30\14010559</t>
  </si>
  <si>
    <t>【上海电气发电机】制动垫圈\14010560</t>
  </si>
  <si>
    <t>【上海电气发电机】不锈钢内六角圆柱头螺钉\M1250_GB70.1\14014800</t>
  </si>
  <si>
    <t>【上海电气发电机】硅胶\GE2000\15000440</t>
  </si>
  <si>
    <t>【上海电气发电机】环氧树脂粘结剂\53351SK\15000516</t>
  </si>
  <si>
    <t>【上海电气发电机】密封剂\TEROSTAT-33\15000823</t>
  </si>
  <si>
    <t>【上海电气发电机】厌氧胶\352\15001289</t>
  </si>
  <si>
    <t>【上海电气发电机】粘合剂\SILASTIC732RTV\15001377</t>
  </si>
  <si>
    <t>【上海电气发电机】粘合剂\UHUPLUS+HAERTER(N745831\15001378</t>
  </si>
  <si>
    <t>【上海电气发电机】粘结剂\262\15001383</t>
  </si>
  <si>
    <t>【上海电气发电机】粘结剂\PATTEX-PX650\15001395</t>
  </si>
  <si>
    <t>【上海电气发电机】密封胶\53351GE02N\15002752</t>
  </si>
  <si>
    <t>【上海电气发电机】氰基丙烯酸酯瞬干胶\SF1502\15002771</t>
  </si>
  <si>
    <t>【上海电气发电机】真空泵油\N62_D8B-5L\15006942</t>
  </si>
  <si>
    <t>【上海电气发电机】氟脂\EG2000\15008500</t>
  </si>
  <si>
    <t>【上海电气发电机】高强度螺纹锁固厌氧胶\SF1510\15012056</t>
  </si>
  <si>
    <t>【上海电气发电机】涤纶丝绳\16000275</t>
  </si>
  <si>
    <t>【上海电气发电机】涤纶毡\3\16000299</t>
  </si>
  <si>
    <t>【上海电气发电机】环氧玻璃布板\3242_1-1*270*1630\16000679</t>
  </si>
  <si>
    <t>【上海电气发电机】环氧玻璃布板\3242_4\16000699</t>
  </si>
  <si>
    <t>【上海电气发电机】环氧玻璃布管\3642_20.2*24-L=960\16000764</t>
  </si>
  <si>
    <t>【上海电气发电机】环氧酚醛玻璃布棒\3840_Φ20-30\16000919</t>
  </si>
  <si>
    <t>【上海电气发电机】环氧酚醛玻璃布管\3640_11*14-L=17.5\16000931</t>
  </si>
  <si>
    <t>【上海电气发电机】环氧酚醛玻璃布管\3640_25*30-L=93.50\16001028</t>
  </si>
  <si>
    <t>【上海电气发电机】环氧酯浸渍漆\1033(3404)\16001265</t>
  </si>
  <si>
    <t>【上海电气发电机】室温硫化硅橡胶胶粘剂\D18(M)\16001733</t>
  </si>
  <si>
    <t>【上海电气发电机】绝缘压制件\EMT688-035\16003010</t>
  </si>
  <si>
    <t>【上海电气发电机】T型热电偶补偿导线\17000005</t>
  </si>
  <si>
    <t>【上海电气发电机】聚四氟乙烯镀银六芯屏蔽电缆\AFT-60.3-4500\17000318</t>
  </si>
  <si>
    <t>【上海电气发电机】O形密封圈\8*2.65_GB3452.1\19000029</t>
  </si>
  <si>
    <t>【上海电气发电机】法兰用石棉橡胶垫片\125-16_GB9126.2\19000138</t>
  </si>
  <si>
    <t>【上海电气发电机】氟橡胶O形密封圈\115*4_KUN678.02\19000150</t>
  </si>
  <si>
    <t>【上海电气发电机】氟橡胶O形密封圈\160*5.3_DIN3771\19000154</t>
  </si>
  <si>
    <t>【上海电气发电机】氟橡胶O形密封圈\18.3*2.4_KUN678.02\19000157</t>
  </si>
  <si>
    <t>【上海电气发电机】氟橡胶O形密封圈\20.3*2.4_DIN3771\19000160</t>
  </si>
  <si>
    <t>【上海电气发电机】氟橡胶O形密封圈\221*6_KUN678.02\19000161</t>
  </si>
  <si>
    <t>【上海电气发电机】氟橡胶O形密封圈\243*5.3_DIN3771\19000163</t>
  </si>
  <si>
    <t>【上海电气发电机】氟橡胶O形密封圈\28*3_KUN678.02\19000164</t>
  </si>
  <si>
    <t>【上海电气发电机】氟橡胶O形密封圈\285*6_KUN678.02\19000165</t>
  </si>
  <si>
    <t>【上海电气发电机】氟橡胶O形密封圈\32*3_KUN678.02\19000166</t>
  </si>
  <si>
    <t>【上海电气发电机】氟橡胶O形密封圈\53*3.55_DIN3771\19000171</t>
  </si>
  <si>
    <t>【上海电气发电机】氟橡胶O形密封圈\90*3.55_DIN3771\19000174</t>
  </si>
  <si>
    <t>【上海电气发电机】氟橡胶条\10F_KUN565.04\19000190</t>
  </si>
  <si>
    <t>【上海电气发电机】氟橡胶条\7.5*9_KUN565.03\19000197</t>
  </si>
  <si>
    <t>【上海电气发电机】氟橡胶条\8F_KUN565.04-2300\19000198</t>
  </si>
  <si>
    <t>【上海电气发电机】硅橡胶密封圈\350*365*9_KUN565.03\19000270</t>
  </si>
  <si>
    <t>【上海电气发电机】耐油橡胶板\1.5-TN-9000\19000449</t>
  </si>
  <si>
    <t>【上海电气发电机】橡胶海绵条\101-022_KUN565.02\19000656</t>
  </si>
  <si>
    <t>【上海电气发电机】测槽楔紧度工具\Q452-394</t>
  </si>
  <si>
    <t>【上海电气发电机】丁腈橡胶板\1_KUN565.01\70720\19000117</t>
  </si>
  <si>
    <t>【上海电气发电机】爪形螺母扳紧工具\Q230-327</t>
  </si>
  <si>
    <t>【上海电气发电机】冲油系统\Q3E901.019</t>
  </si>
  <si>
    <t>【上海电气发电机】波纹板测量工具数显式\Q452-1061</t>
  </si>
  <si>
    <t>【上海电气发电机】主引线安装工具\Q452-399</t>
  </si>
  <si>
    <t>【上海电气发电机】刷握\Q5A112.518</t>
  </si>
  <si>
    <t>【上海电气发电机】刷杆\Q5A125.2391</t>
  </si>
  <si>
    <t>【上海电气发电机】刷杆\Q5A125.2392</t>
  </si>
  <si>
    <t>【上海电气发电机】恒压弹簧\Q5A285.337</t>
  </si>
  <si>
    <t>【上海电气发电机】双支三线测温元件\Q5A421.866</t>
  </si>
  <si>
    <t>【上海电气发电机】单支三线测温元件\Q5A421.867</t>
  </si>
  <si>
    <t>【上海电气发电机】双支三线测温元件\Q5A421.868</t>
  </si>
  <si>
    <t>【上海电气发电机】过滤器\Q5A433.429</t>
  </si>
  <si>
    <t>【上海电气发电机】波纹板测量工具表盘式\Q5A440.304</t>
  </si>
  <si>
    <t>【上海电气发电机】连接管\Q5A454.501</t>
  </si>
  <si>
    <t>【上海电气发电机】连接管\Q5A454.501.01</t>
  </si>
  <si>
    <t>【上海电气发电机】自封接头\Q5A454.618</t>
  </si>
  <si>
    <t>【上海电气发电机】绝缘定位销\Q5A859.356</t>
  </si>
  <si>
    <t>【上海电气发电机】轴瓦绝缘定位销\Q5A935.329</t>
  </si>
  <si>
    <t>【上海电气发电机】定位销\Q5A935.331</t>
  </si>
  <si>
    <t>【上海电气发电机】托板\Q5B135.307</t>
  </si>
  <si>
    <t>【上海电气发电机】托板\Q5B135.313</t>
  </si>
  <si>
    <t>【上海电气发电机】卡箍\Q5B145F501</t>
  </si>
  <si>
    <t>【上海电气发电机】滑板\Q5B150F1628</t>
  </si>
  <si>
    <t>【上海电气发电机】密封板条\Q5B174.331</t>
  </si>
  <si>
    <t>【上海电气发电机】密封板条\Q5B174.332</t>
  </si>
  <si>
    <t>【上海电气发电机】波纹管\Q5B175.1727</t>
  </si>
  <si>
    <t>【上海电气发电机】支撑环\Q5B217F1079</t>
  </si>
  <si>
    <t>【上海电气发电机】密封盖板\Q5B310.3320</t>
  </si>
  <si>
    <t>【上海电气发电机】挡油环\Q5B325.430</t>
  </si>
  <si>
    <t>【上海电气发电机】挡油环\Q5B325.431</t>
  </si>
  <si>
    <t>【上海电气发电机】衬垫\Q5B371.336</t>
  </si>
  <si>
    <t>【上海电气发电机】衬垫\Q5B371.369</t>
  </si>
  <si>
    <t>【上海电气发电机】电压检测装置\Q5B410.399</t>
  </si>
  <si>
    <t>【上海电气发电机】镍铬康铜热电偶三支测温元件\Q5B421.1021</t>
  </si>
  <si>
    <t>【上海电气发电机】电热元件\Q5B421.606</t>
  </si>
  <si>
    <t>【上海电气发电机】测温元件\Q5B421F1527</t>
  </si>
  <si>
    <t>【上海电气发电机】测温元件\Q5B421F1528</t>
  </si>
  <si>
    <t>【上海电气发电机】过滤器芯\Q5B433.479</t>
  </si>
  <si>
    <t>【上海电气发电机】连接管\Q5B454.474</t>
  </si>
  <si>
    <t>【上海电气发电机】返回接头\Q5B454.605</t>
  </si>
  <si>
    <t>【上海电气发电机】吊攀\Q5B472.401</t>
  </si>
  <si>
    <t>【上海电气发电机】吊攀\Q5B472.402</t>
  </si>
  <si>
    <t>【上海电气发电机】吊攀\Q5B472.403</t>
  </si>
  <si>
    <t>【上海电气发电机】吊攀\Q5B472.404</t>
  </si>
  <si>
    <t>【上海电气发电机】轴承装拆工具\Q5B487.356</t>
  </si>
  <si>
    <t>【上海电气发电机】定子铁芯保护板\Q5B557.315</t>
  </si>
  <si>
    <t>【上海电气发电机】定子铁芯保护板\Q5B557.316</t>
  </si>
  <si>
    <t>【上海电气发电机】定子铁芯保护板\Q5B557.316.01</t>
  </si>
  <si>
    <t>【上海电气发电机】定子铁芯保护板\Q5B557F405</t>
  </si>
  <si>
    <t>【上海电气发电机】测气隙工具\Q5B564.014</t>
  </si>
  <si>
    <t>【上海电气发电机】电刷\25*32*100\Q5B578.586\LFC554</t>
  </si>
  <si>
    <t>【上海电气发电机】牵引电磁铁\Q5B671.3485</t>
  </si>
  <si>
    <t>【上海电气发电机】绝缘子\Q5B772F520</t>
  </si>
  <si>
    <t>【上海电气发电机】联轴器螺钉\Q5B900.010</t>
  </si>
  <si>
    <t>【上海电气发电机】联轴器螺钉\Q5B900.011</t>
  </si>
  <si>
    <t>【上海电气发电机】轴颈托架\Q5C048.314</t>
  </si>
  <si>
    <t>【上海电气发电机】转子托架\Q5C048.316</t>
  </si>
  <si>
    <t>【上海电气发电机】轴径托架\Q5C048.341</t>
  </si>
  <si>
    <t>【上海电气发电机】转子托架\Q5C048.427</t>
  </si>
  <si>
    <t>【上海电气发电机】轴径托架\Q5C048.428</t>
  </si>
  <si>
    <t>【上海电气发电机】出线板针插式\Q5C064F993</t>
  </si>
  <si>
    <t>【上海电气发电机】出线板针插式\Q5C064F994</t>
  </si>
  <si>
    <t>【上海电气发电机】出线板\Q5C064F995</t>
  </si>
  <si>
    <t>【上海电气发电机】出线板针插式\Q5C064F996</t>
  </si>
  <si>
    <t>【上海电气发电机】出线板针插式\Q5C064F997</t>
  </si>
  <si>
    <t>【上海电气发电机】刷盒装配\Q5C112.567.01</t>
  </si>
  <si>
    <t>【上海电气发电机】刷握\Q5C112F702</t>
  </si>
  <si>
    <t>【上海电气发电机】锁定垫圈\Q5C156.936</t>
  </si>
  <si>
    <t>【上海电气发电机】浮动环\Q5C217.720</t>
  </si>
  <si>
    <t>【上海电气发电机】浮动环\Q5C217.804</t>
  </si>
  <si>
    <t>【上海电气发电机】轴瓦备瓦不含配车费用\Q5C263.644</t>
  </si>
  <si>
    <t>【上海电气发电机】励磁机轴瓦备瓦\Q5C263.747</t>
  </si>
  <si>
    <t>【上海电气发电机】轴瓦备瓦\Q5C263.785</t>
  </si>
  <si>
    <t>【上海电气发电机】罩\Q5C307F3013</t>
  </si>
  <si>
    <t>【上海电气发电机】封油环\Q5C325.407</t>
  </si>
  <si>
    <t>【上海电气发电机】封油环\Q5C325.408</t>
  </si>
  <si>
    <t>【上海电气发电机】衬垫\Q5C371.335</t>
  </si>
  <si>
    <t>【上海电气发电机】衬垫\Q5C371.365</t>
  </si>
  <si>
    <t>【上海电气发电机】衬垫\Q5C371.366</t>
  </si>
  <si>
    <t>【上海电气发电机】衬垫\Q5C371.371</t>
  </si>
  <si>
    <t>【上海电气发电机】衬垫\Q5C371.373</t>
  </si>
  <si>
    <t>【上海电气发电机】衬垫\Q5C371.395</t>
  </si>
  <si>
    <t>【上海电气发电机】过滤器\Q5C433F601</t>
  </si>
  <si>
    <t>【上海电气发电机】返回接头\Q5C454.661</t>
  </si>
  <si>
    <t>【上海电气发电机】吊攀\Q5C472.417</t>
  </si>
  <si>
    <t>【上海电气发电机】转子起吊工具\Q5C472F711</t>
  </si>
  <si>
    <t>【上海电气发电机】吊攀\Q5C472F715</t>
  </si>
  <si>
    <t>【上海电气发电机】轴承装拆工具\Q5C487.338</t>
  </si>
  <si>
    <t>【上海电气发电机】气隙挡风板和密封盖装拆工具\Q5C487.341</t>
  </si>
  <si>
    <t>【上海电气发电机】导向叶片座拆装工具\Q5C487.357</t>
  </si>
  <si>
    <t>【上海电气发电机】动叶片保护工具\Q5C487.358</t>
  </si>
  <si>
    <t>【上海电气发电机】导向叶片座拆装工具\Q5C487.359</t>
  </si>
  <si>
    <t>【上海电气发电机】拆装环键工具\Q5C487.375</t>
  </si>
  <si>
    <t>【上海电气发电机】端盖起吊工具\Q5C487.392</t>
  </si>
  <si>
    <t>【上海电气发电机】导风圈拆装工具\Q5C487.397</t>
  </si>
  <si>
    <t>【上海电气发电机】导风圈拆装工具\Q5C487.397MS</t>
  </si>
  <si>
    <t>【上海电气发电机】氢冷却器拆装工具\Q5C487.405</t>
  </si>
  <si>
    <t>【上海电气发电机】氢冷却器拆装工具\Q5C487.405MS</t>
  </si>
  <si>
    <t>【上海电气发电机】氢冷却器拆装工具新结构\Q5C487F523</t>
  </si>
  <si>
    <t>【上海电气发电机】整流组件国产\Q5C584.311</t>
  </si>
  <si>
    <t>【上海电气发电机】整流组件国产\Q5C584.311.01</t>
  </si>
  <si>
    <t>【上海电气发电机】整流组件装配盘\Q5C584F403</t>
  </si>
  <si>
    <t>【上海电气发电机】整流组件装配盘\Q5C584F404</t>
  </si>
  <si>
    <t>【上海电气发电机】阻容保护\Q5C584F412</t>
  </si>
  <si>
    <t>【上海电气发电机】绝缘环\Q5C751.1091</t>
  </si>
  <si>
    <t>【上海电气发电机】定位销励端绝缘\Q5C935.325</t>
  </si>
  <si>
    <t>【上海电气发电机】迷宫环内吊具\Q5D086.1498</t>
  </si>
  <si>
    <t>【上海电气发电机】接地检测装置\Q5D125.2694</t>
  </si>
  <si>
    <t>【上海电气发电机】转子保护套\Q5D144.1241</t>
  </si>
  <si>
    <t>【上海电气发电机】转子保护套\Q5D144F1403</t>
  </si>
  <si>
    <t>【上海电气发电机】法兰\Q5D180F603</t>
  </si>
  <si>
    <t>【上海电气发电机】密封瓦汽端备件\Q5D263.626.01</t>
  </si>
  <si>
    <t>【上海电气发电机】密封瓦励端备件\Q5D263.627.01</t>
  </si>
  <si>
    <t>【上海电气发电机】密封瓦汽端备件\Q5D263.653.02</t>
  </si>
  <si>
    <t>【上海电气发电机】密封瓦励端备件\Q5D263.653.03</t>
  </si>
  <si>
    <t>【上海电气发电机】密封瓦汽端空侧\Q5D263.703.02</t>
  </si>
  <si>
    <t>【上海电气发电机】密封瓦励端空侧\Q5D263.703.03</t>
  </si>
  <si>
    <t>【上海电气发电机】密封瓦汽端氢侧\Q5D263.704.02</t>
  </si>
  <si>
    <t>【上海电气发电机】密封瓦励端氢侧\Q5D263.704.03</t>
  </si>
  <si>
    <t>【上海电气发电机】励端密封瓦汽端密封瓦备件配车后使用\Q5D263.836</t>
  </si>
  <si>
    <t>【上海电气发电机】轴瓦\Q5D263F923</t>
  </si>
  <si>
    <t>【上海电气发电机】空冷器\Q5D430.738</t>
  </si>
  <si>
    <t>【上海电气发电机】注密封胶工具\Q5D463.338</t>
  </si>
  <si>
    <t>【上海电气发电机】注密封胶工具\Q5D463.338.01</t>
  </si>
  <si>
    <t>【上海电气发电机】出线套管装拆工具\Q5D487.344</t>
  </si>
  <si>
    <t>【上海电气发电机】转子拆装工具\Q5D487.355</t>
  </si>
  <si>
    <t>【上海电气发电机】密封瓦座拆装工具\Q5D487.363</t>
  </si>
  <si>
    <t>【上海电气发电机】轴承装拆工具\Q5D487.364</t>
  </si>
  <si>
    <t>【上海电气发电机】密封瓦座导向叶片座装拆工具\Q5D487.365</t>
  </si>
  <si>
    <t>【上海电气发电机】汽励端轴承拆装工具\Q5D487.366</t>
  </si>
  <si>
    <t>【上海电气发电机】护环拆装工具\Q5D487.383</t>
  </si>
  <si>
    <t>【上海电气发电机】汽励端轴承拆装工具\Q5D487.384</t>
  </si>
  <si>
    <t>【上海电气发电机】出线套管吊装工具\Q5D487.385</t>
  </si>
  <si>
    <t>【上海电气发电机】通用拆装工具\Q5D487.388</t>
  </si>
  <si>
    <t>【上海电气发电机】密封瓦支座、中间环拆装工具\Q5D487.391</t>
  </si>
  <si>
    <t>【上海电气发电机】护环拆装工具\Q5D487.393</t>
  </si>
  <si>
    <t>【上海电气发电机】转子拆装工具\Q5D487.394</t>
  </si>
  <si>
    <t>【上海电气发电机】内端盖、导风圈吊装工具\Q5D487.398MS</t>
  </si>
  <si>
    <t>【上海电气发电机】迷宫环、密封瓦支座吊具\Q5D487F548</t>
  </si>
  <si>
    <t>【上海电气发电机】定子线圈装配\Q5D671.3217</t>
  </si>
  <si>
    <t>【上海电气发电机】转子安装\Q5D674F9520</t>
  </si>
  <si>
    <t>【上海电气发电机】绝缘子装配\9710A002\Q5D772.367</t>
  </si>
  <si>
    <t>【上海电气发电机】绝缘子装配\Q5D772.367.01</t>
  </si>
  <si>
    <t>【上海电气发电机】绝缘子装配\Q5D772.373</t>
  </si>
  <si>
    <t>【上海电气发电机】端盖轴承现场清洗和压力试验\Q5E017F501</t>
  </si>
  <si>
    <t>【上海电气发电机】密封环支座吊具\Q5E086.1496</t>
  </si>
  <si>
    <t>【上海电气发电机】汽端轴瓦\Q5E263.721</t>
  </si>
  <si>
    <t>【上海电气发电机】励端轴瓦\Q5E263.721.01</t>
  </si>
  <si>
    <t>【上海电气发电机】轴瓦汽励端通\Q5E263F906</t>
  </si>
  <si>
    <t>【上海电气发电机】导风圈与静叶片座装配工具\Q5E435F2517</t>
  </si>
  <si>
    <t>【上海电气发电机】吊具装配\Q5E487.441</t>
  </si>
  <si>
    <t>【上海电气发电机】出线套管拆装工具\Q5E487F516</t>
  </si>
  <si>
    <t>【上海电气发电机】励磁机永磁机定子\Q5E671.4696</t>
  </si>
  <si>
    <t>【上海电气发电机】熔断器\Q6B221.003</t>
  </si>
  <si>
    <t>【上海电气发电机】熔断器\Q6B221F102</t>
  </si>
  <si>
    <t>【上海电气发电机】熔断器发电机端\Q6C221.001</t>
  </si>
  <si>
    <t>【上海电气发电机】熔断器励磁机端\Q6C221.002</t>
  </si>
  <si>
    <t>【上海电气发电机】气隙隔板\Q8A050.6313</t>
  </si>
  <si>
    <t>【上海电气发电机】固定板\Q8A100.959</t>
  </si>
  <si>
    <t>【上海电气发电机】垫块\Q8A143.1178</t>
  </si>
  <si>
    <t>【上海电气发电机】垫片\Q8A156.3404</t>
  </si>
  <si>
    <t>【上海电气发电机】风道嵌条\Q8A156.3422</t>
  </si>
  <si>
    <t>【上海电气发电机】门框嵌条\Q8A156.3423</t>
  </si>
  <si>
    <t>【上海电气发电机】衬垫\Q8A156.3481</t>
  </si>
  <si>
    <t>【上海电气发电机】垫片\Q8A156.3770</t>
  </si>
  <si>
    <t>【上海电气发电机】垫片\Q8A156.3818</t>
  </si>
  <si>
    <t>【上海电气发电机】垫片\Q8A156.4164</t>
  </si>
  <si>
    <t>【上海电气发电机】垫片\Q8A156.4164.01</t>
  </si>
  <si>
    <t>【上海电气发电机】垫片\Q8A156.4859</t>
  </si>
  <si>
    <t>【上海电气发电机】励磁机空冷器前水室密封垫\Q8A156F5944</t>
  </si>
  <si>
    <t>【上海电气发电机】励磁机空冷器后水室密封垫\Q8A156F5966</t>
  </si>
  <si>
    <t>【上海电气发电机】法兰\Q8A180.1290</t>
  </si>
  <si>
    <t>【上海电气发电机】管接头\Q8A180.1291</t>
  </si>
  <si>
    <t>【上海电气发电机】法兰\Q8A180.1292</t>
  </si>
  <si>
    <t>【上海电气发电机】定位销\Q8A194.1277</t>
  </si>
  <si>
    <t>【上海电气发电机】定位销\Q8A194.1277.01</t>
  </si>
  <si>
    <t>【上海电气发电机】定位销\Q8A194.1277.02</t>
  </si>
  <si>
    <t>【上海电气发电机】定位销\Q8A194.1277.03</t>
  </si>
  <si>
    <t>【上海电气发电机】间隙套筒\Q8A209.622</t>
  </si>
  <si>
    <t>【上海电气发电机】套筒\Q8A209.680</t>
  </si>
  <si>
    <t>【上海电气发电机】套筒\Q8A209.681</t>
  </si>
  <si>
    <t>【上海电气发电机】套筒\Q8A209.682</t>
  </si>
  <si>
    <t>【上海电气发电机】平衡块\Q8A290.005</t>
  </si>
  <si>
    <t>【上海电气发电机】平衡块\Q8A290.007</t>
  </si>
  <si>
    <t>【上海电气发电机】平衡块\Q8A290F608</t>
  </si>
  <si>
    <t>【上海电气发电机】平衡块\Q8A290F609</t>
  </si>
  <si>
    <t>【上海电气发电机】挡油板\Q8A325.914.03</t>
  </si>
  <si>
    <t>【上海电气发电机】挡油板\Q8A325F1510</t>
  </si>
  <si>
    <t>【上海电气发电机】挡油板\Q8A325F1510.01</t>
  </si>
  <si>
    <t>【上海电气发电机】挡油板\Q8A325F1510.02</t>
  </si>
  <si>
    <t>【上海电气发电机】挡油板\Q8A325F1543</t>
  </si>
  <si>
    <t>【上海电气发电机】密封嵌条\Q8A370.1018</t>
  </si>
  <si>
    <t>【上海电气发电机】密封圈\Q8A370.1206</t>
  </si>
  <si>
    <t>【上海电气发电机】密封圈\Q8A370.1207</t>
  </si>
  <si>
    <t>【上海电气发电机】密封圈\Q8A370.1208</t>
  </si>
  <si>
    <t>【上海电气发电机】嵌条\Q8A370.1209.03</t>
  </si>
  <si>
    <t>【上海电气发电机】密封垫片\Q8A370.1213</t>
  </si>
  <si>
    <t>【上海电气发电机】密封垫圈\Q8A370.1263</t>
  </si>
  <si>
    <t>【上海电气发电机】密封圈\Q8A370.1287</t>
  </si>
  <si>
    <t>【上海电气发电机】密封垫\Q8A370.1308</t>
  </si>
  <si>
    <t>【上海电气发电机】返回接头密封圈\Q8A370.1415</t>
  </si>
  <si>
    <t>【上海电气发电机】衬垫\Q8A370.1416</t>
  </si>
  <si>
    <t>【上海电气发电机】密封圈\Q8A370.1516</t>
  </si>
  <si>
    <t>【上海电气发电机】绝缘垫圈\Q8A370.1520</t>
  </si>
  <si>
    <t>【上海电气发电机】密封圈\Q8A370.1521</t>
  </si>
  <si>
    <t>【上海电气发电机】绝缘垫圈\Q8A370.1522</t>
  </si>
  <si>
    <t>【上海电气发电机】密封圈\Q8A370.1523</t>
  </si>
  <si>
    <t>【上海电气发电机】密封垫圈\Q8A370.1528</t>
  </si>
  <si>
    <t>【上海电气发电机】密封垫\Q8A370.1542</t>
  </si>
  <si>
    <t>【上海电气发电机】密封垫\Q8A370.1543</t>
  </si>
  <si>
    <t>【上海电气发电机】密封圈\Q8A370.1557</t>
  </si>
  <si>
    <t>【上海电气发电机】密封垫圈\Q8A370.1558</t>
  </si>
  <si>
    <t>【上海电气发电机】密封垫圈\Q8A370.1560</t>
  </si>
  <si>
    <t>【上海电气发电机】密封垫圈\Q8A370.1561</t>
  </si>
  <si>
    <t>【上海电气发电机】绝缘垫圈\Q8A370.1562</t>
  </si>
  <si>
    <t>【上海电气发电机】绝缘垫圈\Q8A370.1563</t>
  </si>
  <si>
    <t>【上海电气发电机】O型密封圈\Q8A370.1564</t>
  </si>
  <si>
    <t>【上海电气发电机】O型密封圈\Q8A370.1564.01</t>
  </si>
  <si>
    <t>【上海电气发电机】O型密封圈\Q8A370.1564.02</t>
  </si>
  <si>
    <t>【上海电气发电机】O型密封圈\Q8A370.1564.03</t>
  </si>
  <si>
    <t>【上海电气发电机】密封垫圈\Q8A370.1578</t>
  </si>
  <si>
    <t>【上海电气发电机】O型密封圈\Q8A370.1580</t>
  </si>
  <si>
    <t>【上海电气发电机】密封垫圈\Q8A370.1695</t>
  </si>
  <si>
    <t>【上海电气发电机】密封垫圈\Q8A370.1696</t>
  </si>
  <si>
    <t>【上海电气发电机】密封圈\Q8A370.1853</t>
  </si>
  <si>
    <t>【上海电气发电机】密封圈\Q8A370F2014</t>
  </si>
  <si>
    <t>【上海电气发电机】密封垫圈\Q8A370F2016</t>
  </si>
  <si>
    <t>【上海电气发电机】密封垫圈\Q8A370F2042</t>
  </si>
  <si>
    <t>【上海电气发电机】密封圈\Q8A370F2063</t>
  </si>
  <si>
    <t>【上海电气发电机】衬垫\Q8A372.2137</t>
  </si>
  <si>
    <t>【上海电气发电机】衬垫\Q8A372.2138</t>
  </si>
  <si>
    <t>【上海电气发电机】衬垫\Q8A372.2146</t>
  </si>
  <si>
    <t>【上海电气发电机】衬垫\Q8A372.2179</t>
  </si>
  <si>
    <t>【上海电气发电机】衬垫\Q8A372.2180</t>
  </si>
  <si>
    <t>【上海电气发电机】密封条\Q8A372.2543</t>
  </si>
  <si>
    <t>【上海电气发电机】密封条\Q8A372.2543.02</t>
  </si>
  <si>
    <t>【上海电气发电机】密封条\Q8A372.2544</t>
  </si>
  <si>
    <t>【上海电气发电机】衬垫\Q8A372.2549</t>
  </si>
  <si>
    <t>【上海电气发电机】衬垫\Q8A372.2550</t>
  </si>
  <si>
    <t>【上海电气发电机】衬垫\Q8A372.2914</t>
  </si>
  <si>
    <t>【上海电气发电机】密封条\Q8A372.2970</t>
  </si>
  <si>
    <t>【上海电气发电机】衬垫\Q8A372.3221</t>
  </si>
  <si>
    <t>【上海电气发电机】衬垫\Q8A372.3258</t>
  </si>
  <si>
    <t>【上海电气发电机】衬垫\Q8A372.4189</t>
  </si>
  <si>
    <t>【上海电气发电机】衬垫\Q8A372.4200</t>
  </si>
  <si>
    <t>【上海电气发电机】衬垫\Q8A372.4237</t>
  </si>
  <si>
    <t>【上海电气发电机】衬垫\Q8A372F4854</t>
  </si>
  <si>
    <t>【上海电气发电机】衬垫\Q8A372F4879</t>
  </si>
  <si>
    <t>【上海电气发电机】衬垫\Q8A372F4896</t>
  </si>
  <si>
    <t>【上海电气发电机】衬垫\Q8A372F4973</t>
  </si>
  <si>
    <t>【上海电气发电机】衬垫\Q8A372F4974</t>
  </si>
  <si>
    <t>【上海电气发电机】软连接线\Q8A511F3723</t>
  </si>
  <si>
    <t>【上海电气发电机】软连接线\Q8A511F3724</t>
  </si>
  <si>
    <t>【上海电气发电机】套管\Q8A540F1001\MC</t>
  </si>
  <si>
    <t>【上海电气发电机】套管\Q8A540F1002\MC</t>
  </si>
  <si>
    <t>【上海电气发电机】套管\Q8A540F1006\MC</t>
  </si>
  <si>
    <t>【上海电气发电机】双层连接电刷\Q8A578.360</t>
  </si>
  <si>
    <t>【上海电气发电机】双层连接电刷\Q8A578F407\AG20/EG5U</t>
  </si>
  <si>
    <t>【上海电气发电机】绝缘垫圈\Q8A710.1312</t>
  </si>
  <si>
    <t>【上海电气发电机】绝缘垫圈\Q8A710.1313</t>
  </si>
  <si>
    <t>【上海电气发电机】绝缘垫圈\Q8A710.1314</t>
  </si>
  <si>
    <t>【上海电气发电机】绝缘垫圈\Q8A710.1315</t>
  </si>
  <si>
    <t>【上海电气发电机】绝缘垫圈\Q8A710.1519</t>
  </si>
  <si>
    <t>【上海电气发电机】绝缘垫圈\Q8A710.1521</t>
  </si>
  <si>
    <t>【上海电气发电机】绝缘垫圈\Q8A710.612</t>
  </si>
  <si>
    <t>【上海电气发电机】绝缘垫圈\Q8A710F1950</t>
  </si>
  <si>
    <t>【上海电气发电机】绝缘垫圈\Q8A710F1971</t>
  </si>
  <si>
    <t>【上海电气发电机】固定套筒\Q8A722F509</t>
  </si>
  <si>
    <t>【上海电气发电机】热收缩管\Q8A722F515</t>
  </si>
  <si>
    <t>【上海电气发电机】热收缩管\Q8A722F515.01</t>
  </si>
  <si>
    <t>【上海电气发电机】热收缩管\Q8A722F516</t>
  </si>
  <si>
    <t>【上海电气发电机】绝缘垫片\Q8A750.1190</t>
  </si>
  <si>
    <t>【上海电气发电机】绝缘垫片\Q8A750.1191</t>
  </si>
  <si>
    <t>【上海电气发电机】绝缘垫圈\Q8A750.1193</t>
  </si>
  <si>
    <t>【上海电气发电机】绝缘垫片\Q8A750.1194</t>
  </si>
  <si>
    <t>【上海电气发电机】绝缘板\Q8A750.1274</t>
  </si>
  <si>
    <t>【上海电气发电机】绝缘板\Q8A750.1275</t>
  </si>
  <si>
    <t>【上海电气发电机】绝缘板\Q8A750.1306</t>
  </si>
  <si>
    <t>【上海电气发电机】绝缘板\Q8A750.1483</t>
  </si>
  <si>
    <t>【上海电气发电机】绝缘环\Q8A750.1596</t>
  </si>
  <si>
    <t>【上海电气发电机】波纹板\Q8A751.3244</t>
  </si>
  <si>
    <t>【上海电气发电机】绝缘垫片\Q8A761.5549</t>
  </si>
  <si>
    <t>【上海电气发电机】绝缘垫片\Q8A761.5550</t>
  </si>
  <si>
    <t>【上海电气发电机】绝缘垫片\Q8A761.6225</t>
  </si>
  <si>
    <t>【上海电气发电机】绝缘垫片\Q8A761.6225.01</t>
  </si>
  <si>
    <t>【上海电气发电机】绝缘垫片\Q8A761.6226</t>
  </si>
  <si>
    <t>【上海电气发电机】绝缘垫片\Q8A761.6226.01</t>
  </si>
  <si>
    <t>【上海电气发电机】绝缘板\Q8A761.6246</t>
  </si>
  <si>
    <t>【上海电气发电机】绝缘管垫圈\Q8A770.1288</t>
  </si>
  <si>
    <t>【上海电气发电机】绝缘管\Q8A770.1290</t>
  </si>
  <si>
    <t>【上海电气发电机】绝缘垫圈\Q8A770.1295</t>
  </si>
  <si>
    <t>【上海电气发电机】绝缘管\Q8A770.1296</t>
  </si>
  <si>
    <t>【上海电气发电机】绝缘管\Q8A770.1297</t>
  </si>
  <si>
    <t>【上海电气发电机】绝缘管\Q8A770.1298</t>
  </si>
  <si>
    <t>【上海电气发电机】绝缘垫圈\Q8A770.1299</t>
  </si>
  <si>
    <t>【上海电气发电机】绝缘管\Q8A770.1352</t>
  </si>
  <si>
    <t>【上海电气发电机】绝缘管\Q8A770.1353</t>
  </si>
  <si>
    <t>【上海电气发电机】绝缘管\Q8A770.1354</t>
  </si>
  <si>
    <t>【上海电气发电机】绝缘管\Q8A770.1412</t>
  </si>
  <si>
    <t>【上海电气发电机】绝缘管\Q8A770.1413</t>
  </si>
  <si>
    <t>【上海电气发电机】绝缘管\Q8A770.1414</t>
  </si>
  <si>
    <t>【上海电气发电机】轴承座绝缘管\Q8A770.1416</t>
  </si>
  <si>
    <t>【上海电气发电机】绝缘管\Q8A770.1417</t>
  </si>
  <si>
    <t>【上海电气发电机】绝缘管\Q8A770.1434</t>
  </si>
  <si>
    <t>【上海电气发电机】绝缘管\Q8A770.1548</t>
  </si>
  <si>
    <t>【上海电气发电机】槽楔\Q8A783.5457.01</t>
  </si>
  <si>
    <t>【上海电气发电机】垫块\Q8A783.5483</t>
  </si>
  <si>
    <t>【上海电气发电机】垫块\Q8A783.5484</t>
  </si>
  <si>
    <t>【上海电气发电机】螺钉\Q8A906.378</t>
  </si>
  <si>
    <t>【上海电气发电机】钢内六角螺栓\M30*210\Q8A906.441</t>
  </si>
  <si>
    <t>【上海电气发电机】钢内六角电连接螺栓\M20*70\Q8A906.442</t>
  </si>
  <si>
    <t>【上海电气发电机】平衡螺钉\Q8A907F402.01</t>
  </si>
  <si>
    <t>【上海电气发电机】螺栓\Q8A920.771</t>
  </si>
  <si>
    <t>【上海电气发电机】螺栓\Q8A920.771.01</t>
  </si>
  <si>
    <t>【上海电气发电机】螺栓\Q8A920.773</t>
  </si>
  <si>
    <t>【上海电气发电机】螺栓\Q8A920.774.01</t>
  </si>
  <si>
    <t>【上海电气发电机】螺栓\Q8A920.774.02</t>
  </si>
  <si>
    <t>【上海电气发电机】螺钉\Q8A920.778</t>
  </si>
  <si>
    <t>【上海电气发电机】螺栓\Q8A920.779</t>
  </si>
  <si>
    <t>【上海电气发电机】不锈钢螺栓\M16\Q8A920F1019</t>
  </si>
  <si>
    <t>【上海电气发电机】螺钉\Q8A921.760</t>
  </si>
  <si>
    <t>【上海电气发电机】螺栓\Q8A921.761</t>
  </si>
  <si>
    <t>【上海电气发电机】螺栓\Q8A921.761.01</t>
  </si>
  <si>
    <t>【上海电气发电机】螺栓\Q8A921.780</t>
  </si>
  <si>
    <t>【上海电气发电机】锁紧螺钉\Q8A925.374</t>
  </si>
  <si>
    <t>【上海电气发电机】螺栓\Q8A925.380</t>
  </si>
  <si>
    <t>【上海电气发电机】螺钉\Q8A925.412</t>
  </si>
  <si>
    <t>【上海电气发电机】螺钉\Q8A925.412.01</t>
  </si>
  <si>
    <t>【上海电气发电机】螺钉\Q8A925.413</t>
  </si>
  <si>
    <t>【上海电气发电机】钢内六角螺栓\Q8A925.416.01</t>
  </si>
  <si>
    <t>【上海电气发电机】内六角螺钉\Q8A925.422</t>
  </si>
  <si>
    <t>【上海电气发电机】调整螺钉\Q8A925.423</t>
  </si>
  <si>
    <t>【上海电气发电机】调整螺钉\Q8A925.489</t>
  </si>
  <si>
    <t>【上海电气发电机】钢内六角螺栓\M30*157\Q8A925.490.01</t>
  </si>
  <si>
    <t>【上海电气发电机】导向螺钉\Q8A925F617</t>
  </si>
  <si>
    <t>【上海电气发电机】螺杆\Q8A932.2522</t>
  </si>
  <si>
    <t>【上海电气发电机】绝缘螺杆\Q8A933.560.01</t>
  </si>
  <si>
    <t>【上海电气发电机】绝缘定位销\Q8A933.570</t>
  </si>
  <si>
    <t>【上海电气发电机】螺母\Q8A940.520</t>
  </si>
  <si>
    <t>【上海电气发电机】螺母\Q8A940.525</t>
  </si>
  <si>
    <t>【上海电气发电机】绝缘螺母\Q8A940.564</t>
  </si>
  <si>
    <t>【上海电气发电机】绝缘螺母\18\Q8A940.566</t>
  </si>
  <si>
    <t>【上海电气发电机】螺母\Q8A940.569</t>
  </si>
  <si>
    <t>【上海电气发电机】六角螺母\Q8A940.623(14004436)</t>
  </si>
  <si>
    <t>【上海电气发电机】绝缘螺母\12\Q8A946.562</t>
  </si>
  <si>
    <t>【上海电气发电机】联轴器螺帽\Q8A946F702</t>
  </si>
  <si>
    <t>【上海电气发电机】螺帽\Q8A948.589</t>
  </si>
  <si>
    <t>【上海电气发电机】碟形弹簧垫圈绝缘\20\Q8A950.1006</t>
  </si>
  <si>
    <t>【上海电气发电机】碟形弹簧垫圈绝缘\72\Q8A950.1007</t>
  </si>
  <si>
    <t>【上海电气发电机】碟形弹簧垫圈绝缘\Q8A950.1008</t>
  </si>
  <si>
    <t>【上海电气发电机】碟形弹簧垫圈\Q8A950.1019</t>
  </si>
  <si>
    <t>【上海电气发电机】垫圈\DIN125\B17-ST\Q8A950.1200</t>
  </si>
  <si>
    <t>【上海电气发电机】紫铜垫圈\Q8A950.381</t>
  </si>
  <si>
    <t>【上海电气发电机】紫铜垫圈\Q8A950.545</t>
  </si>
  <si>
    <t>【上海电气发电机】垫圈\Q8A950.756</t>
  </si>
  <si>
    <t>【上海电气发电机】垫圈\Q8A950.878</t>
  </si>
  <si>
    <t>【上海电气发电机】垫圈\Q8A950F1330</t>
  </si>
  <si>
    <t>【上海电气发电机】垫圈\Q8A950F1333</t>
  </si>
  <si>
    <t>【上海电气发电机】垫圈\Q8A950F1334</t>
  </si>
  <si>
    <t>【上海电气发电机】绝缘垫圈\Q8A950F1412</t>
  </si>
  <si>
    <t>【上海电气发电机】蝶型弹簧垫圈\24\Q8A951.1001.03</t>
  </si>
  <si>
    <t>【上海电气发电机】制动垫圈\Q8A951.1074</t>
  </si>
  <si>
    <t>【上海电气发电机】制动垫片\Q8A951.1078</t>
  </si>
  <si>
    <t>【上海电气发电机】制动垫圈\Q8A951.1160</t>
  </si>
  <si>
    <t>【上海电气发电机】双孔制动垫圈\Q8A951.1161</t>
  </si>
  <si>
    <t>【上海电气发电机】止动垫圈\16X45-FEP01A\Q8A951.1256</t>
  </si>
  <si>
    <t>【上海电气发电机】止动垫圈\16X70-FEP01A\Q8A951.1256.01</t>
  </si>
  <si>
    <t>【上海电气发电机】外舌止动垫圈\20_GB856\Q8A951.339</t>
  </si>
  <si>
    <t>【上海电气发电机】制动垫圈\Q8A951.856</t>
  </si>
  <si>
    <t>【上海电气发电机】制动垫圈\Q8A951.859</t>
  </si>
  <si>
    <t>【上海电气发电机】制动垫圈\Q8A951.860</t>
  </si>
  <si>
    <t>【上海电气发电机】制动垫圈\Q8A951.860.01</t>
  </si>
  <si>
    <t>【上海电气发电机】型垫圈\Q8A951.862</t>
  </si>
  <si>
    <t>【上海电气发电机】制动垫圈\Q8A951.864</t>
  </si>
  <si>
    <t>【上海电气发电机】制动垫圈\Q8A951.865</t>
  </si>
  <si>
    <t>【上海电气发电机】制动垫圈\Q8A951.866</t>
  </si>
  <si>
    <t>【上海电气发电机】制动垫圈\Q8A951.871</t>
  </si>
  <si>
    <t>【上海电气发电机】制动垫圈\Q8A951.872</t>
  </si>
  <si>
    <t>【上海电气发电机】制动垫圈\Q8A951.876</t>
  </si>
  <si>
    <t>【上海电气发电机】制动垫圈\Q8A951.886</t>
  </si>
  <si>
    <t>【上海电气发电机】制动垫圈\Q8A951.920</t>
  </si>
  <si>
    <t>【上海电气发电机】制动垫圈\Q8A951.954</t>
  </si>
  <si>
    <t>【上海电气发电机】出线板\Q8B064F1973</t>
  </si>
  <si>
    <t>【上海电气发电机】支架\Q8B086.1432</t>
  </si>
  <si>
    <t>【上海电气发电机】固定板\Q8B100.932</t>
  </si>
  <si>
    <t>【上海电气发电机】支持件\Q8B123.1077</t>
  </si>
  <si>
    <t>【上海电气发电机】支持件\Q8B123.1079</t>
  </si>
  <si>
    <t>【上海电气发电机】密封件\Q8B143.1714</t>
  </si>
  <si>
    <t>【上海电气发电机】板\EMT304-344\Q8B153.417</t>
  </si>
  <si>
    <t>【上海电气发电机】板\Q8B153F2923</t>
  </si>
  <si>
    <t>【上海电气发电机】垫片\Q8B156.4343</t>
  </si>
  <si>
    <t>【上海电气发电机】衬垫\Q8B156.4355</t>
  </si>
  <si>
    <t>【上海电气发电机】绝缘垫片\Q8B156.5476</t>
  </si>
  <si>
    <t>【上海电气发电机】衬垫\Q8B156F5938</t>
  </si>
  <si>
    <t>【上海电气发电机】垫片\Q8B156F6031</t>
  </si>
  <si>
    <t>【上海电气发电机】绝缘引水管\Q8B170.400</t>
  </si>
  <si>
    <t>【上海电气发电机】绝缘引水管\Q8B170.401</t>
  </si>
  <si>
    <t>【上海电气发电机】绝缘引水管\Q8B170.402</t>
  </si>
  <si>
    <t>【上海电气发电机】绝缘引水管\Q8B170.403</t>
  </si>
  <si>
    <t>【上海电气发电机】绝缘引水管\Q8B170.404</t>
  </si>
  <si>
    <t>【上海电气发电机】绝缘引水管\Q8B170.405</t>
  </si>
  <si>
    <t>【上海电气发电机】绝缘引水管\Q8B170.409</t>
  </si>
  <si>
    <t>【上海电气发电机】热收缩管\Q8B175F4511</t>
  </si>
  <si>
    <t>【上海电气发电机】弧形滑板\Q8B192.1857</t>
  </si>
  <si>
    <t>【上海电气发电机】弧形滑板\Q8B192.2851</t>
  </si>
  <si>
    <t>【上海电气发电机】套筒\Q8B209.701</t>
  </si>
  <si>
    <t>【上海电气发电机】套筒\Q8B209.701.01</t>
  </si>
  <si>
    <t>【上海电气发电机】叉形套筒\Q8B209F907</t>
  </si>
  <si>
    <t>【上海电气发电机】绝缘环\Q8B217.6739</t>
  </si>
  <si>
    <t>【上海电气发电机】扇形环\Q8B217F7092</t>
  </si>
  <si>
    <t>【上海电气发电机】扇形环\Q8B217F7093</t>
  </si>
  <si>
    <t>【上海电气发电机】套筒拉杆\Q8B232.318</t>
  </si>
  <si>
    <t>【上海电气发电机】止动套筒\Q8B268.553</t>
  </si>
  <si>
    <t>【上海电气发电机】衬垫\Q8B370.1307</t>
  </si>
  <si>
    <t>【上海电气发电机】密封垫\Q8B370.1735</t>
  </si>
  <si>
    <t>【上海电气发电机】绝缘衬垫\Q8B370.1899</t>
  </si>
  <si>
    <t>【上海电气发电机】密封衬垫\Q8B372.2458</t>
  </si>
  <si>
    <t>【上海电气发电机】衬垫\Q8B372.2568</t>
  </si>
  <si>
    <t>【上海电气发电机】衬垫\Q8B372.2569</t>
  </si>
  <si>
    <t>【上海电气发电机】衬垫\Q8B372.2570</t>
  </si>
  <si>
    <t>【上海电气发电机】衬垫\Q8B372.2571</t>
  </si>
  <si>
    <t>【上海电气发电机】衬垫\Q8B372.2574</t>
  </si>
  <si>
    <t>【上海电气发电机】衬垫\Q8B372.2897</t>
  </si>
  <si>
    <t>【上海电气发电机】衬垫\Q8B372.3165</t>
  </si>
  <si>
    <t>【上海电气发电机】密封衬垫\Q8B372.3271</t>
  </si>
  <si>
    <t>【上海电气发电机】衬垫\Q8B372.3993</t>
  </si>
  <si>
    <t>【上海电气发电机】垫片\Q8B372.4004</t>
  </si>
  <si>
    <t>【上海电气发电机】衬垫\Q8B372.4005</t>
  </si>
  <si>
    <t>【上海电气发电机】衬垫\Q8B372.4006</t>
  </si>
  <si>
    <t>【上海电气发电机】衬垫\Q8B372.4007</t>
  </si>
  <si>
    <t>【上海电气发电机】密封垫\Q8B372.4316</t>
  </si>
  <si>
    <t>【上海电气发电机】密封垫\Q8B372.4317</t>
  </si>
  <si>
    <t>【上海电气发电机】注胶接头\Q8B454.1288</t>
  </si>
  <si>
    <t>【上海电气发电机】双层接触电刷\Q8B578F402</t>
  </si>
  <si>
    <t>【上海电气发电机】双层接触电刷\Q8B578F403</t>
  </si>
  <si>
    <t>【上海电气发电机】绝缘环\Q8B750.1597</t>
  </si>
  <si>
    <t>【上海电气发电机】波纹板\Q8B751.2612.01</t>
  </si>
  <si>
    <t>【上海电气发电机】波纹板\Q8B751.2951</t>
  </si>
  <si>
    <t>【上海电气发电机】波纹板\Q8B751.2951.02</t>
  </si>
  <si>
    <t>【上海电气发电机】绝缘衬垫\Q8B761.6244</t>
  </si>
  <si>
    <t>【上海电气发电机】绝缘衬垫\Q8B761.6244.01</t>
  </si>
  <si>
    <t>【上海电气发电机】绝缘衬垫\Q8B761.6244.02</t>
  </si>
  <si>
    <t>【上海电气发电机】绝缘衬垫\Q8B761.6244.03</t>
  </si>
  <si>
    <t>【上海电气发电机】垫片\Q8B761F7232</t>
  </si>
  <si>
    <t>【上海电气发电机】垫片\Q8B761F7233</t>
  </si>
  <si>
    <t>【上海电气发电机】垫片\Q8B761F7234</t>
  </si>
  <si>
    <t>【上海电气发电机】垫片\Q8B761F7235</t>
  </si>
  <si>
    <t>【上海电气发电机】绝缘压制件\Q8B770F1723</t>
  </si>
  <si>
    <t>【上海电气发电机】槽楔\Q8B783.4032</t>
  </si>
  <si>
    <t>【上海电气发电机】槽楔\Q8B783.4033</t>
  </si>
  <si>
    <t>【上海电气发电机】槽楔\Q8B783.4033.01</t>
  </si>
  <si>
    <t>【上海电气发电机】槽楔\Q8B783.4757</t>
  </si>
  <si>
    <t>【上海电气发电机】槽楔\Q8B783.4758</t>
  </si>
  <si>
    <t>【上海电气发电机】槽楔\Q8B783.4758.01</t>
  </si>
  <si>
    <t>【上海电气发电机】槽楔\Q8B783.4759</t>
  </si>
  <si>
    <t>【上海电气发电机】垫\Q8B783.5832</t>
  </si>
  <si>
    <t>【上海电气发电机】绝缘套筒\Q8B868F501</t>
  </si>
  <si>
    <t>【上海电气发电机】绝缘螺钉\Q8B904F401</t>
  </si>
  <si>
    <t>【上海电气发电机】螺栓\Q8B920F1008</t>
  </si>
  <si>
    <t>【上海电气发电机】联轴器螺栓\Q8B925F611</t>
  </si>
  <si>
    <t>【上海电气发电机】联轴器螺栓\Q8B932F2929</t>
  </si>
  <si>
    <t>【上海电气发电机】绝缘螺杆\Q8B933.551.02</t>
  </si>
  <si>
    <t>【上海电气发电机】绝缘螺杆\Q8B933.558</t>
  </si>
  <si>
    <t>【上海电气发电机】定位销\Q8B934F918</t>
  </si>
  <si>
    <t>【上海电气发电机】圆锥销\Q8B935.619</t>
  </si>
  <si>
    <t>【上海电气发电机】圆螺母\Q8B940F804</t>
  </si>
  <si>
    <t>【上海电气发电机】拉杆螺母\Q8B946.484</t>
  </si>
  <si>
    <t>【上海电气发电机】绝缘垫圈\Q8B950F1326</t>
  </si>
  <si>
    <t>【上海电气发电机】绝缘垫圈\Q8B950F1327</t>
  </si>
  <si>
    <t>【上海电气发电机】垫圈\Q8B950F1328</t>
  </si>
  <si>
    <t>【上海电气发电机】垫圈\24-2181-123231/019\Q8B951.1229</t>
  </si>
  <si>
    <t>【上海电气发电机】垫圈\24-2181-123231/032\Q8B951.1235</t>
  </si>
  <si>
    <t>【上海电气发电机】锁定垫圈\Q8B951.1253</t>
  </si>
  <si>
    <t>【上海电气发电机】锁定垫圈\Q8B951.1254</t>
  </si>
  <si>
    <t>【上海电气发电机】锁紧垫圈\Q8B951.1277</t>
  </si>
  <si>
    <t>【上海电气发电机】锁定垫圈\Q8B951F1307</t>
  </si>
  <si>
    <t>【上海电气发电机】出线板\Q8C064F1970</t>
  </si>
  <si>
    <t>【上海电气发电机】出线板\Q8C064F1971</t>
  </si>
  <si>
    <t>【上海电气发电机】出线板\Q8C064F1972</t>
  </si>
  <si>
    <t>【上海电气发电机】出线板\Q8C064F1974</t>
  </si>
  <si>
    <t>【上海电气发电机】板\Q8C153.1278</t>
  </si>
  <si>
    <t>【上海电气发电机】板\Q8C153.1426</t>
  </si>
  <si>
    <t>【上海电气发电机】补偿垫片\Q8C156.5558</t>
  </si>
  <si>
    <t>【上海电气发电机】扇形环缠绕玻璃钢\Q8C217F7091</t>
  </si>
  <si>
    <t>【上海电气发电机】密封条\Q8C370.1900</t>
  </si>
  <si>
    <t>【上海电气发电机】密封条\Q8C370.1901</t>
  </si>
  <si>
    <t>【上海电气发电机】衬垫\Q8C372.2567</t>
  </si>
  <si>
    <t>【上海电气发电机】衬垫\Q8C372.2572</t>
  </si>
  <si>
    <t>【上海电气发电机】衬垫\Q8C372.3142</t>
  </si>
  <si>
    <t>【上海电气发电机】衬垫\Q8C372.3145</t>
  </si>
  <si>
    <t>【上海电气发电机】衬垫\Q8C372.4009</t>
  </si>
  <si>
    <t>【上海电气发电机】励端风扇叶片\Q8C437.1229</t>
  </si>
  <si>
    <t>【上海电气发电机】汽端风扇叶片\Q8C437.1230</t>
  </si>
  <si>
    <t>【上海电气发电机】出线套管\Q8C722F504</t>
  </si>
  <si>
    <t>【上海电气发电机】绝缘环\Q8C750.1596</t>
  </si>
  <si>
    <t>【上海电气发电机】绝缘片\Q8C750.1620</t>
  </si>
  <si>
    <t>【上海电气发电机】绝缘套\Q8C772.096</t>
  </si>
  <si>
    <t>【上海电气发电机】绝缘套\Q8C772.097</t>
  </si>
  <si>
    <t>【上海电气发电机】绝缘环\Q8C950.1594</t>
  </si>
  <si>
    <t>【上海电气发电机】组合式刷握座\Q8D147.600</t>
  </si>
  <si>
    <t>【上海电气发电机】叶片励端\Q8D437.1090</t>
  </si>
  <si>
    <t>【上海电气发电机】叶片汽端\Q8D437.1091</t>
  </si>
  <si>
    <t>【上海电气发电机】动叶片\Q8D437F1305</t>
  </si>
  <si>
    <t>【上海电气发电机】定子绝缘引水管\Q8E175F4468</t>
  </si>
  <si>
    <t>【上海电气发电机】定子绝缘引水管\Q8E175F4469</t>
  </si>
  <si>
    <t>【上海电气发电机】定子绝缘引水管\Q8E175F4470</t>
  </si>
  <si>
    <t>【上海电气发电机】定子绝缘引水管\Q8E175F4471</t>
  </si>
  <si>
    <t>【上海电气发电机】阀门定位器\TZID-C\13012285</t>
  </si>
  <si>
    <t>【上海电气发电机】液位开关\BH-003031-003\12224029</t>
  </si>
  <si>
    <t>【上海电气发电机】对夹式止回阀\216C65-DN65\12224030</t>
  </si>
  <si>
    <t>【上海电气发电机】安全阀\WA42Y-16\12224031</t>
  </si>
  <si>
    <t>【上海电气发电机】截止阀\H41W-16PDN40\12224032</t>
  </si>
  <si>
    <t>【上海电气发电机】不锈钢节流阀\L41W-25P_DN40\12224033</t>
  </si>
  <si>
    <t>【上海电气发电机】音叉开关\FTL50-YGN2AA4G7A\12224034</t>
  </si>
  <si>
    <t>【上海电气发电机】不锈钢截止阀\YZF4-13-1_10\12224036</t>
  </si>
  <si>
    <t>【上海电气发电机】球阀\CRGF16-DN50-SS\12224038</t>
  </si>
  <si>
    <t>【上海电气发电机】球阀\CRGF16-DN65-SS\12224039</t>
  </si>
  <si>
    <t>【上海电气发电机】球阀\CRGF16-DN100-SS\12224040</t>
  </si>
  <si>
    <t>【上海电气发电机】法兰式流量计\BGN-120_DN25\12224042</t>
  </si>
  <si>
    <t>【上海电气发电机】AC800PEC\AC\800PEC\(PP\D113)\12224618</t>
  </si>
  <si>
    <t>【上海电气发电机】CDP显示盘\UNS\0885a-P\V1\12224619</t>
  </si>
  <si>
    <t>【上海电气发电机】EGC板\UNS\2882a-P\V1\12224622</t>
  </si>
  <si>
    <t>【上海电气发电机】PSI接口板\UNS\0882a-P\Var.1\12224624</t>
  </si>
  <si>
    <t>【上海电气发电机】操作面板\AF\C094\AE02\12224625</t>
  </si>
  <si>
    <t>【上海电气发电机】测量单元板(MUB)\UNS\2881b-P.\V1\12224626</t>
  </si>
  <si>
    <t>【上海电气发电机】低电压监视继电器\HUH\84872130\12224627</t>
  </si>
  <si>
    <t>【上海电气发电机】电流传感元件(CUS)\UNS\0884a\V1\12224628</t>
  </si>
  <si>
    <t>【上海电气发电机】电源滤波器\MFS3N-230\857833\12224630</t>
  </si>
  <si>
    <t>【上海电气发电机】电源模块\MPS\10/5-230/24/48\12224631</t>
  </si>
  <si>
    <t>【上海电气发电机】电源模块\QUINT-PS/1AC/24VDC/10\12224632</t>
  </si>
  <si>
    <t>【上海电气发电机】电源模块\QUINT-PS1AC/24DC/5\12224633</t>
  </si>
  <si>
    <t>【上海电气发电机】电阻\FWT50-600\12224635</t>
  </si>
  <si>
    <t>【上海电气发电机】分流器\6000A/75mV\12224636</t>
  </si>
  <si>
    <t>【上海电气发电机】分流器\3000A/75mV\12224637</t>
  </si>
  <si>
    <t>【上海电气发电机】分流器\5000A/75mV\12224638</t>
  </si>
  <si>
    <t>【上海电气发电机】分流器\8000A/75mV\12224639</t>
  </si>
  <si>
    <t>【上海电气发电机】分流器\8000A/60mV(原装进口)\12224640</t>
  </si>
  <si>
    <t>【上海电气发电机】分压器\VD6/(1mA)600V/100V\12224641</t>
  </si>
  <si>
    <t>【上海电气发电机】辅助触点\CA5-01\12224645</t>
  </si>
  <si>
    <t>【上海电气发电机】过电压保护模块\UNS\4681\Var.511\12224646</t>
  </si>
  <si>
    <t>【上海电气发电机】可控硅接口板(CIN)\UNS\0880a-P\V1\12224652</t>
  </si>
  <si>
    <t>【上海电气发电机】可控硅元件\5STP2428L0012\12224653</t>
  </si>
  <si>
    <t>【上海电气发电机】可控硅元件\5STP1842L0013\12224654</t>
  </si>
  <si>
    <t>【上海电气发电机】可控硅元件\5STP38Q4200\12224655</t>
  </si>
  <si>
    <t>【上海电气发电机】跨接器\UNS4026b-E\V2\12224656</t>
  </si>
  <si>
    <t>【上海电气发电机】跨接器\UNS4023A-E\12224657</t>
  </si>
  <si>
    <t>【上海电气发电机】跨接器触发板\UNS\0017a-P\Var.1\12224658</t>
  </si>
  <si>
    <t>【上海电气发电机】快速I/O接口板\UNS\0883a-P\Var.1\12224659</t>
  </si>
  <si>
    <t>【上海电气发电机】浪涌抑制器\RV5/250\12224661</t>
  </si>
  <si>
    <t>【上海电气发电机】灭磁电阻\600A/US16/P\SPEC:6298(3MJ)\12224663</t>
  </si>
  <si>
    <t>【上海电气发电机】灭磁电阻\600A/US16/P\SPEC:6298(5MJ)\12224664</t>
  </si>
  <si>
    <t>【上海电气发电机】灭磁电阻\600A/US16/P\SPEC:6298(8MJ)\12224665</t>
  </si>
  <si>
    <t>【上海电气发电机】灭磁开关\GERAPID\8007\2*2\8000A\110V\DC\12224667</t>
  </si>
  <si>
    <t>【上海电气发电机】灭磁开关\HPB\45M-82S\110V/220V\DC\12224668</t>
  </si>
  <si>
    <t>【上海电气发电机】起励电阻\VFW\302652R7/300W\12224669</t>
  </si>
  <si>
    <t>【上海电气发电机】起励接触器\LC1-F185\12224670</t>
  </si>
  <si>
    <t>【上海电气发电机】起励接触器\IORE\63-20-CC 110VDC\12224671</t>
  </si>
  <si>
    <t>【上海电气发电机】手操控制盘(SPA)\UNS\0874A-P\V1\12224677</t>
  </si>
  <si>
    <t>【上海电气发电机】整流桥控制盘 (CCP)\AF\D242\A\12224690</t>
  </si>
  <si>
    <t>【上海电气发电机】整流桥信号接口板CSI\UA\D215\A102\15\1000V\12224691</t>
  </si>
  <si>
    <t>【上海电气发电机】主控板(COB)\UNS\2880a-P\V1\12224692</t>
  </si>
  <si>
    <t>【上海电气发电机】热电阻\WZP2-231_M27*2\L=115\12224043</t>
  </si>
  <si>
    <t>【上海电气发电机】真空调节阀\DL16_DN15\12224048</t>
  </si>
  <si>
    <t>【上海电气发电机】球阀\FSK-V-016-065\12224049</t>
  </si>
  <si>
    <t>【上海电气发电机】球阀\FSK-V-016-100\12224050</t>
  </si>
  <si>
    <t>【上海电气发电机】压差变送器三阀组\830212F8YL\12224051</t>
  </si>
  <si>
    <t>【上海电气发电机】六通换向阀\Q4XF-16P_DN100DN100PN16\12224057</t>
  </si>
  <si>
    <t>【上海电气发电机】镜片\KL-25\13012286</t>
  </si>
  <si>
    <t>【上海电气发电机】均流器\OPFA-150\13012287</t>
  </si>
  <si>
    <t>【上海电气发电机】截止阀\J41W-16P_150DN150PN16\12006530</t>
  </si>
  <si>
    <t>【上海电气发电机】中间环\Q5E217.707</t>
  </si>
  <si>
    <t>【上海电气发电机】汽端支座\Q5E040.357</t>
  </si>
  <si>
    <t>【上海电气发电机】励端支座\Q5E040.358</t>
  </si>
  <si>
    <t>【上海电气发电机】非磁性绑扎钢丝\φ1.5,L=152\10006939</t>
  </si>
  <si>
    <t>【上海电气发电机】管接头\12004751</t>
  </si>
  <si>
    <t>【上海电气发电机】接插头\12006100</t>
  </si>
  <si>
    <t>【上海电气发电机】接线端子\12006208\JX2-1004TH</t>
  </si>
  <si>
    <t>【上海电气发电机】接线盒\D4/6×3PG16-120×122\12006247</t>
  </si>
  <si>
    <t>【上海电气发电机】截止阀\12006649\J63W-40P6</t>
  </si>
  <si>
    <t>【上海电气发电机】氢气冷却器\12008111\QHCW2010E</t>
  </si>
  <si>
    <t>【上海电气发电机】氢气冷却器\12008121\QHCW2010T</t>
  </si>
  <si>
    <t>【上海电气发电机】热电偶接线盒\MTC6×8PG16-140×140\12008664</t>
  </si>
  <si>
    <t>【上海电气发电机】双金属温度计\WSS-5510-100 L=150 Φ10\12009851</t>
  </si>
  <si>
    <t>【上海电气发电机】双金属温度计\WSSX-4110-100,L=150\12009895</t>
  </si>
  <si>
    <t>【上海电气发电机】双支热电偶\WRER2-15L=50\12009960</t>
  </si>
  <si>
    <t>【上海电气发电机】弯头\90E\12010594</t>
  </si>
  <si>
    <t>【上海电气发电机】圆形管螺母\25(G1)\12012830</t>
  </si>
  <si>
    <t>【上海电气发电机】轴承测温用热电阻\WZPT2-31L=200\12014010</t>
  </si>
  <si>
    <t>【上海电气发电机】卡箍\C24×24×70Q235-A\12021372</t>
  </si>
  <si>
    <t>【上海电气发电机】卡箍\D16×16×66Q235-A\12021395</t>
  </si>
  <si>
    <t>【上海电气发电机】扣压式胶管总成\8Ⅲ-950LJB1887\12112829</t>
  </si>
  <si>
    <t>【上海电气发电机】接线盒\MTC6×8-D4/6×22PG11-16×26CSH\12212247</t>
  </si>
  <si>
    <t>【上海电气发电机】接线盒\M6/8ST1×4PG16A-14FSH\12212249</t>
  </si>
  <si>
    <t>【上海电气发电机】接线盒\D4/6×6PG16-12FSH\12212250</t>
  </si>
  <si>
    <t>【上海电气发电机】绑扎带\NZ66-100-1\13000062</t>
  </si>
  <si>
    <t>【上海电气发电机】绑扎带\NZ66-190-1\13000063</t>
  </si>
  <si>
    <t>【上海电气发电机】电缆套\HMM-M20\13001877</t>
  </si>
  <si>
    <t>【上海电气发电机】接地用刷握\47×20×8\13005753</t>
  </si>
  <si>
    <t>【上海电气发电机】鞍形弹簧垫圈\14000021</t>
  </si>
  <si>
    <t>【上海电气发电机】不锈钢垫圈\30×12.2×3\14000073</t>
  </si>
  <si>
    <t>【上海电气发电机】不锈钢垫圈\A17×36×3\14000074</t>
  </si>
  <si>
    <t>【上海电气发电机】不锈钢六角螺母\M12A2-70\14000106</t>
  </si>
  <si>
    <t>【上海电气发电机】不锈钢六角螺母\M16A2-70\14000108</t>
  </si>
  <si>
    <t>【上海电气发电机】不锈钢六角螺母\M20A2-70\14000110</t>
  </si>
  <si>
    <t>【上海电气发电机】不锈钢六角螺栓\M10×30A2-70\14000209</t>
  </si>
  <si>
    <t>【上海电气发电机】不锈钢六角螺栓\M16×140A2-70\14000227</t>
  </si>
  <si>
    <t>【上海电气发电机】不锈钢六角螺栓\M16×40A2-70\14000228</t>
  </si>
  <si>
    <t>【上海电气发电机】不锈钢六角螺栓\M16×45A2-70\14000229</t>
  </si>
  <si>
    <t>【上海电气发电机】不锈钢六角螺栓\M16×50A2-70\14000230</t>
  </si>
  <si>
    <t>【上海电气发电机】不锈钢六角螺栓\M20×80A2-70\14000242</t>
  </si>
  <si>
    <t>【上海电气发电机】不锈钢六角螺栓\M8×30A2-70\14000249</t>
  </si>
  <si>
    <t>【上海电气发电机】不锈钢螺母\M30\14000262</t>
  </si>
  <si>
    <t>【上海电气发电机】不锈钢内六角圆柱头螺钉\M12×55\14000272</t>
  </si>
  <si>
    <t>【上海电气发电机】不锈钢止动垫圈\10.5\14000298</t>
  </si>
  <si>
    <t>【上海电气发电机】带槽圆柱销\A30h8×110\14001489</t>
  </si>
  <si>
    <t>【上海电气发电机】钢开槽圆柱头螺钉\M5×16\14001954</t>
  </si>
  <si>
    <t>【上海电气发电机】镀锌鞍形弹簧垫圈\A24\14002527</t>
  </si>
  <si>
    <t>【上海电气发电机】镀锌鞍形弹簧垫圈\A5\14002529</t>
  </si>
  <si>
    <t>【上海电气发电机】镀锌鞍形弹簧垫圈\A6\14002530</t>
  </si>
  <si>
    <t>【上海电气发电机】镀锌钢垫圈\A43\14002588</t>
  </si>
  <si>
    <t>【上海电气发电机】镀锌钢垫圈\A6×16×1.5\14002590</t>
  </si>
  <si>
    <t>【上海电气发电机】镀锌钢垫圈\B25\14002596</t>
  </si>
  <si>
    <t>【上海电气发电机】镀锌钢开槽半沉头螺钉\M6×16\14002629</t>
  </si>
  <si>
    <t>【上海电气发电机】镀锌钢开槽圆柱头螺钉\M5×16\14002876</t>
  </si>
  <si>
    <t>【上海电气发电机】镀锌钢开槽圆柱头螺钉\M6×16\14002887</t>
  </si>
  <si>
    <t>【上海电气发电机】镀锌钢内六角沉头螺钉\M5×12\14003368</t>
  </si>
  <si>
    <t>【上海电气发电机】镀锌钢内六角沉头螺钉\M8×16\14003374</t>
  </si>
  <si>
    <t>【上海电气发电机】镀锌钢内六角圆柱头螺钉\M10×40\14003476</t>
  </si>
  <si>
    <t>【上海电气发电机】镀锌钢内六角圆柱头螺钉\M12×65\14003485</t>
  </si>
  <si>
    <t>【上海电气发电机】镀锌钢内六角圆柱头螺钉\M16×45\14003491</t>
  </si>
  <si>
    <t>【上海电气发电机】镀锌钢内六角圆柱头螺钉\M24×90\14003504</t>
  </si>
  <si>
    <t>【上海电气发电机】镀锌钢内六角圆柱头螺钉\M42×120\14003514</t>
  </si>
  <si>
    <t>【上海电气发电机】镀锌钢内六角圆柱头螺钉\M5×10\14003515</t>
  </si>
  <si>
    <t>【上海电气发电机】镀锌钢内六角圆柱头螺钉\M6×16\14003524</t>
  </si>
  <si>
    <t>【上海电气发电机】镀锌钢内六角圆柱头螺钉\M6×30\14003531</t>
  </si>
  <si>
    <t>【上海电气发电机】镀锌钢内六角圆柱头螺钉\M6×35\14003532</t>
  </si>
  <si>
    <t>【上海电气发电机】镀锌钢内六角圆柱头螺钉\M8×25\14003539</t>
  </si>
  <si>
    <t>【上海电气发电机】钢垫圈\A4.5×16×1.5\14003836</t>
  </si>
  <si>
    <t>【上海电气发电机】钢开槽圆柱头螺钉\M10×30\14004158</t>
  </si>
  <si>
    <t>【上海电气发电机】钢开槽圆柱头螺钉\M4×8\14004213</t>
  </si>
  <si>
    <t>【上海电气发电机】钢开槽圆柱头螺钉\M5×8\14004224</t>
  </si>
  <si>
    <t>【上海电气发电机】钢开槽圆柱头螺钉\M6×10\14004225</t>
  </si>
  <si>
    <t>【上海电气发电机】钢开槽圆柱头螺钉\M6×20\14004231</t>
  </si>
  <si>
    <t>【上海电气发电机】钢开槽锥端紧定螺钉\M8×25\14004314</t>
  </si>
  <si>
    <t>【上海电气发电机】钢螺柱\14005243</t>
  </si>
  <si>
    <t>【上海电气发电机】钢内六角沉头螺钉\M5×12\14005244</t>
  </si>
  <si>
    <t>【上海电气发电机】钢内六角圆柱头螺钉\M10×40\14005344</t>
  </si>
  <si>
    <t>【上海电气发电机】钢内六角圆柱头螺钉\M12×30\14005351</t>
  </si>
  <si>
    <t>【上海电气发电机】钢内六角圆柱头螺钉\M12×50\14005355</t>
  </si>
  <si>
    <t>【上海电气发电机】钢内六角圆柱头螺钉\M12×60\14005356</t>
  </si>
  <si>
    <t>【上海电气发电机】钢内六角圆柱头螺钉\M12×80\14005359</t>
  </si>
  <si>
    <t>【上海电气发电机】钢内六角圆柱头螺钉\M16×40\14005366</t>
  </si>
  <si>
    <t>【上海电气发电机】钢内六角圆柱头螺钉\M20×40\14005377</t>
  </si>
  <si>
    <t>【上海电气发电机】钢内六角圆柱头螺钉\M20×65\14005380</t>
  </si>
  <si>
    <t>【上海电气发电机】钢内六角圆柱头螺钉\M24×90\14005385</t>
  </si>
  <si>
    <t>【上海电气发电机】钢内六角圆柱头螺钉\M4×10\14005390</t>
  </si>
  <si>
    <t>【上海电气发电机】钢内六角圆柱头螺钉\M8×25\14005423</t>
  </si>
  <si>
    <t>【上海电气发电机】钢内六角圆柱头螺钉\M8×30\14005424</t>
  </si>
  <si>
    <t>【上海电气发电机】钢内六角圆柱头螺钉\M8×40\14005426</t>
  </si>
  <si>
    <t>【上海电气发电机】钢内六角平端紧定螺钉\M12×16\14005436</t>
  </si>
  <si>
    <t>【上海电气发电机】钢内六角平端紧定螺钉\M12×25\14005437</t>
  </si>
  <si>
    <t>【上海电气发电机】钢内六角锥端紧定螺钉\M16×20\14005440</t>
  </si>
  <si>
    <t>【上海电气发电机】钢内六角平端紧定螺钉\M5×12\14005446</t>
  </si>
  <si>
    <t>【上海电气发电机】钢内六角锥端紧定螺钉\M6×16\14005450</t>
  </si>
  <si>
    <t>【上海电气发电机】钢内六角锥端紧定螺钉\M6×20\14005453</t>
  </si>
  <si>
    <t>【上海电气发电机】钢内六角锥端紧定螺钉\M6×8\14005458</t>
  </si>
  <si>
    <t>【上海电气发电机】螺塞\14006531</t>
  </si>
  <si>
    <t>【上海电气发电机】螺塞\14006541</t>
  </si>
  <si>
    <t>【上海电气发电机】螺塞\14006544</t>
  </si>
  <si>
    <t>【上海电气发电机】螺塞\14006545</t>
  </si>
  <si>
    <t>【上海电气发电机】螺塞\14006547</t>
  </si>
  <si>
    <t>【上海电气发电机】螺塞\14006554</t>
  </si>
  <si>
    <t>【上海电气发电机】螺尾锥销\10×65\14006595</t>
  </si>
  <si>
    <t>【上海电气发电机】螺尾锥销\20×120\14006603</t>
  </si>
  <si>
    <t>【上海电气发电机】螺尾锥销\30×190\14006606</t>
  </si>
  <si>
    <t>【上海电气发电机】螺纹衬圈\4184-12CN×18\14006611</t>
  </si>
  <si>
    <t>【上海电气发电机】螺纹衬圈\4184-16CN×24\14006613</t>
  </si>
  <si>
    <t>【上海电气发电机】螺纹衬圈\4184-16CN×32\14006614</t>
  </si>
  <si>
    <t>【上海电气发电机】密封圈\A12×15.5\14006650</t>
  </si>
  <si>
    <t>【上海电气发电机】内螺纹圆柱销\16×50\14006678</t>
  </si>
  <si>
    <t>【上海电气发电机】内螺纹圆锥销\20×80\14006686</t>
  </si>
  <si>
    <t>【上海电气发电机】内螺纹圆锥销\30×100\14006690</t>
  </si>
  <si>
    <t>【上海电气发电机】内螺纹圆锥销\8×40\14006691</t>
  </si>
  <si>
    <t>【上海电气发电机】塞头\M48×1.5\14006745</t>
  </si>
  <si>
    <t>【上海电气发电机】塞头\14006748</t>
  </si>
  <si>
    <t>【上海电气发电机】塞头\14006750</t>
  </si>
  <si>
    <t>【上海电气发电机】塞头\50\14006752</t>
  </si>
  <si>
    <t>【上海电气发电机】塞头\8(1/4″)\14006754</t>
  </si>
  <si>
    <t>【上海电气发电机】铜半圆头铆钉\6×16\14006986</t>
  </si>
  <si>
    <t>【上海电气发电机】铜标牌铆钉\2×6\14006999</t>
  </si>
  <si>
    <t>【上海电气发电机】铜六角螺母\M10\14007084</t>
  </si>
  <si>
    <t>【上海电气发电机】铜六角螺母\M12\14007085</t>
  </si>
  <si>
    <t>【上海电气发电机】铜六角螺栓\M10×20\14007096</t>
  </si>
  <si>
    <t>【上海电气发电机】铜六角螺栓\M10×30\14007099</t>
  </si>
  <si>
    <t>【上海电气发电机】铜六角螺栓\M10×35\14007100</t>
  </si>
  <si>
    <t>【上海电气发电机】铜六角螺栓\M10×55\14007104</t>
  </si>
  <si>
    <t>【上海电气发电机】铜六角螺栓\M12×25\14007112</t>
  </si>
  <si>
    <t>【上海电气发电机】铜六角螺栓\M12×30\14007113</t>
  </si>
  <si>
    <t>【上海电气发电机】铜六角螺栓\M12×55\14007118</t>
  </si>
  <si>
    <t>【上海电气发电机】铜六角螺栓\M6×10\14007132</t>
  </si>
  <si>
    <t>【上海电气发电机】铜六角螺栓\M6×12\14007133</t>
  </si>
  <si>
    <t>【上海电气发电机】铜平垫圈\10\14007169</t>
  </si>
  <si>
    <t>【上海电气发电机】铜平垫圈\20\14007172</t>
  </si>
  <si>
    <t>【上海电气发电机】铜平垫圈\6\14007177</t>
  </si>
  <si>
    <t>【上海电气发电机】铜止动垫圈\8.4\14007189</t>
  </si>
  <si>
    <t>【上海电气发电机】圆螺母\M27×1.5\14007314</t>
  </si>
  <si>
    <t>【上海电气发电机】圆螺母用止动垫圈\27GB\14007344</t>
  </si>
  <si>
    <t>【上海电气发电机】圆柱销\8h8×26\14007514</t>
  </si>
  <si>
    <t>【上海电气发电机】不锈钢锁紧螺母\14007733</t>
  </si>
  <si>
    <t>【上海电气发电机】鞍形弹簧垫圈\14007740</t>
  </si>
  <si>
    <t>【上海电气发电机】钢垫圈\14007750</t>
  </si>
  <si>
    <t>【上海电气发电机】镀锌钢开槽圆柱头螺钉\M6×30\14007771</t>
  </si>
  <si>
    <t>【上海电气发电机】不锈钢六角薄螺母\14007786</t>
  </si>
  <si>
    <t>【上海电气发电机】方头管塞\14007792</t>
  </si>
  <si>
    <t>【上海电气发电机】钢内六角圆柱头螺钉\M6×10\14007826</t>
  </si>
  <si>
    <t>【上海电气发电机】钢垫圈\A38×56×2\14008085</t>
  </si>
  <si>
    <t>【上海电气发电机】止动垫圈\20×40\14008096</t>
  </si>
  <si>
    <t>【上海电气发电机】螺纹衬套\A2AM20×24\14009936</t>
  </si>
  <si>
    <t>【上海电气发电机】铜止动垫圈\8×35\14010544</t>
  </si>
  <si>
    <t>【上海电气发电机】铜止动垫片\10B\14010552</t>
  </si>
  <si>
    <t>【上海电气发电机】铜止动垫片\12\14010553</t>
  </si>
  <si>
    <t>【上海电气发电机】止动垫片\20B\14010555</t>
  </si>
  <si>
    <t>【上海电气发电机】铜止动垫片\20E\14011310</t>
  </si>
  <si>
    <t>【上海电气发电机】不锈钢平垫圈\30A2\14011311</t>
  </si>
  <si>
    <t>【上海电气发电机】钢内六角平端紧定螺钉\M24×50\14012823</t>
  </si>
  <si>
    <t>【上海电气发电机】不锈钢六角螺栓\M12×150A2-70\14013578</t>
  </si>
  <si>
    <t>【上海电气发电机】不锈钢六角螺栓\M12×100A2-70\14013579</t>
  </si>
  <si>
    <t>【上海电气发电机】钢垫圈\A34×55×6\14013580</t>
  </si>
  <si>
    <t>【上海电气发电机】螺尾锥销\20×190\14013902</t>
  </si>
  <si>
    <t>【上海电气发电机】止动垫片\20E\14194851</t>
  </si>
  <si>
    <t>【上海电气发电机】止动垫片\27\14195273</t>
  </si>
  <si>
    <t>【上海电气发电机】钢六角螺栓\M39×3×140\14210166</t>
  </si>
  <si>
    <t>【上海电气发电机】密封剂Hylomar\100g/支\15005852</t>
  </si>
  <si>
    <t>【上海电气发电机】稀释剂绝缘瓷漆\最小包装15kg\15006929</t>
  </si>
  <si>
    <t>【上海电气发电机】F级玻璃丝漆管\Φ2.5\16000014</t>
  </si>
  <si>
    <t>【上海电气发电机】F级玻璃丝漆管\Φ4\16000016</t>
  </si>
  <si>
    <t>【上海电气发电机】玻璃布粘带\JD-220.2×25\16000108</t>
  </si>
  <si>
    <t>【上海电气发电机】低阻防晕漆\最小包装3kg\16000243</t>
  </si>
  <si>
    <t>【上海电气发电机】涤玻交织带\0.4×25\16000252</t>
  </si>
  <si>
    <t>【上海电气发电机】涤纶护套玻璃丝绳\SF7313Φ20\16000269</t>
  </si>
  <si>
    <t>【上海电气发电机】涤纶护套玻璃丝绳\SF7313Φ7\16000272</t>
  </si>
  <si>
    <t>【上海电气发电机】涤纶护套涤纶丝绳\Φ3\16000276</t>
  </si>
  <si>
    <t>【上海电气发电机】涤纶丝短纤维\Φ0.07×15\16000284</t>
  </si>
  <si>
    <t>【上海电气发电机】涤纶毡\1\16000297</t>
  </si>
  <si>
    <t>【上海电气发电机】涤纶毡\2\16000298</t>
  </si>
  <si>
    <t>【上海电气发电机】定向无碱玻璃丝带\0.3×25\16000324</t>
  </si>
  <si>
    <t>【上海电气发电机】酚醛树脂溶液\1134\16000449</t>
  </si>
  <si>
    <t>【上海电气发电机】室温固化环氧胶粘剂\16000613</t>
  </si>
  <si>
    <t>【上海电气发电机】硅橡胶玻璃纤维管\Φ10×1.0\16000630</t>
  </si>
  <si>
    <t>【上海电气发电机】室温固化环氧胶粘剂\16001209</t>
  </si>
  <si>
    <t>【上海电气发电机】环氧胶粘剂\16001210</t>
  </si>
  <si>
    <t>【上海电气发电机】环氧胶粘剂\16001211</t>
  </si>
  <si>
    <t>【上海电气发电机】环氧胶粘剂\16001212</t>
  </si>
  <si>
    <t>【上海电气发电机】环氧浸渍漆\16001214</t>
  </si>
  <si>
    <t>【上海电气发电机】中温固化环氧胶粘剂\16001215</t>
  </si>
  <si>
    <t>【上海电气发电机】室温固化环氧胶粘剂\16001251</t>
  </si>
  <si>
    <t>【上海电气发电机】环氧酯气干清漆\16001268</t>
  </si>
  <si>
    <t>【上海电气发电机】改性酚醛丁腈橡胶胶粘剂\16001312</t>
  </si>
  <si>
    <t>【上海电气发电机】聚酯玻璃纤维带\0.4×50\16001489</t>
  </si>
  <si>
    <t>【上海电气发电机】桐马环氧玻璃粉云母布\SF54410.14×400\16001883</t>
  </si>
  <si>
    <t>【上海电气发电机】桐马环氧玻璃粉云母带特\5440-10.14×25\16001894</t>
  </si>
  <si>
    <t>【上海电气发电机】云母粉\SF93001000～1200目\16001913</t>
  </si>
  <si>
    <t>【上海电气发电机】无碱玻璃纤维带\SF73200.1×25\16001934</t>
  </si>
  <si>
    <t>【上海电气发电机】无碱玻璃纤维带\SF73200.1×50\16001935</t>
  </si>
  <si>
    <t>【上海电气发电机】自粘性硅橡胶带\SF91000.5×45\16002047</t>
  </si>
  <si>
    <t>【上海电气发电机】中温固化浸渍毡带\2\16002072</t>
  </si>
  <si>
    <t>【上海电气发电机】中温固化浸渍毡带\3\16002073</t>
  </si>
  <si>
    <t>【上海电气发电机】聚四氟乙烯粘带\SF62400.12×40\16002949</t>
  </si>
  <si>
    <t>卷</t>
  </si>
  <si>
    <t>【上海电气发电机】聚四氟乙烯粘带\SF62400.12×50\16002950</t>
  </si>
  <si>
    <t>【上海电气发电机】玻璃纤维管带\SF735010×0.7\16003160</t>
  </si>
  <si>
    <t>【上海电气发电机】室温固化环氧胶粘剂\最小包装1kg每组\16003316</t>
  </si>
  <si>
    <t>【上海电气发电机】绝缘瓷漆\最小包装20kg\16004239</t>
  </si>
  <si>
    <t>【上海电气发电机】室温固化环氧胶粘剂\最小包装0.36kg每组\16004265</t>
  </si>
  <si>
    <t>【上海电气发电机】热收缩管\L=62\16008723</t>
  </si>
  <si>
    <t>【上海电气发电机】热电偶补偿导线\EX-HFF0.5\17000001</t>
  </si>
  <si>
    <t>【上海电气发电机】氟橡胶O形密封圈\175×4\19000156</t>
  </si>
  <si>
    <t>【上海电气发电机】氟橡胶O形密封圈\18×3\19000158</t>
  </si>
  <si>
    <t>【上海电气发电机】密封衬套\19000382</t>
  </si>
  <si>
    <t>【上海电气发电机】耐油橡胶圆条\Φ6(中硬)\19000476</t>
  </si>
  <si>
    <t>【上海电气发电机】硅橡胶嵌条\3/16"\19000502</t>
  </si>
  <si>
    <t>【上海电气发电机】橡胶板\3(中硬)\19000634</t>
  </si>
  <si>
    <t>【上海电气发电机】O形密封圈\19000777</t>
  </si>
  <si>
    <t>【上海电气发电机】氟橡胶O形密封圈\316×7\19004290</t>
  </si>
  <si>
    <t>【上海电气发电机】转子盘根\KKL110×78×16-4\19009272</t>
  </si>
  <si>
    <t>【上海电气发电机】专用蜗壳式进风室(汽端)\Q452-535-1</t>
  </si>
  <si>
    <t>【上海电气发电机】塞块\Q452-535-2</t>
  </si>
  <si>
    <t>【上海电气发电机】栓紧器\Q452-535-3</t>
  </si>
  <si>
    <t>【上海电气发电机】专用蜗壳式进风室(励端)\Q452-535-4</t>
  </si>
  <si>
    <t>【上海电气发电机】垫片\Q5A156.506</t>
  </si>
  <si>
    <t>【上海电气发电机】管\Q5A175.1005</t>
  </si>
  <si>
    <t>【上海电气发电机】波纹金属软管\Q5A175F3273</t>
  </si>
  <si>
    <t>【上海电气发电机】出油法兰\Q5A180.342</t>
  </si>
  <si>
    <t>【上海电气发电机】进油法兰装配\Q5A180.343</t>
  </si>
  <si>
    <t>【上海电气发电机】法兰接口\Q5A180.469</t>
  </si>
  <si>
    <t>【上海电气发电机】手孔盖\Q5A310.2825</t>
  </si>
  <si>
    <t>【上海电气发电机】电缆套\Q5A371.337</t>
  </si>
  <si>
    <t>【上海电气发电机】电缆套\Q5A371.337.01</t>
  </si>
  <si>
    <t>【上海电气发电机】电缆套\Q5A371.343</t>
  </si>
  <si>
    <t>【上海电气发电机】电缆套\Q5A371.344</t>
  </si>
  <si>
    <t>【上海电气发电机】电缆套\Q5A371.345</t>
  </si>
  <si>
    <t>【上海电气发电机】气隙磁通量传感器\Q5A410F811</t>
  </si>
  <si>
    <t>【上海电气发电机】双支测温元件\Q5A421.1426</t>
  </si>
  <si>
    <t>【上海电气发电机】双支热电偶\Q5A421.983</t>
  </si>
  <si>
    <t>【上海电气发电机】接头\Q5A454.513</t>
  </si>
  <si>
    <t>【上海电气发电机】接头\Q5A454.606</t>
  </si>
  <si>
    <t>【上海电气发电机】接头\Q5A454.622</t>
  </si>
  <si>
    <t>【上海电气发电机】接头\Q5A454.623</t>
  </si>
  <si>
    <t>【上海电气发电机】油标\Q5A463.320</t>
  </si>
  <si>
    <t>【上海电气发电机】导电排\Q5A511F5618</t>
  </si>
  <si>
    <t>【上海电气发电机】引接线\Q5A516F1349.01</t>
  </si>
  <si>
    <t>【上海电气发电机】绝缘垫圈\Q5A710F137</t>
  </si>
  <si>
    <t>【上海电气发电机】适形垫条\Q5A751.602</t>
  </si>
  <si>
    <t>【上海电气发电机】垫片\Q5A760.1311</t>
  </si>
  <si>
    <t>【上海电气发电机】绝缘垫块\Q5A760.1313</t>
  </si>
  <si>
    <t>【上海电气发电机】绝缘垫块\Q5A760.1430</t>
  </si>
  <si>
    <t>【上海电气发电机】绝缘螺钉\Q5A859F522</t>
  </si>
  <si>
    <t>【上海电气发电机】定位螺杆\Q5A932.559</t>
  </si>
  <si>
    <t>【上海电气发电机】定位销\Q5A935.321</t>
  </si>
  <si>
    <t>【上海电气发电机】挡风板\Q5B016.1342</t>
  </si>
  <si>
    <t>【上海电气发电机】挡风板\Q5B016.1343</t>
  </si>
  <si>
    <t>【上海电气发电机】挡风板\Q5B016.1652</t>
  </si>
  <si>
    <t>【上海电气发电机】波纹管\Q5B175.1668</t>
  </si>
  <si>
    <t>【上海电气发电机】浮动环\Q5B217.637</t>
  </si>
  <si>
    <t>【上海电气发电机】齿轮盘装配\Q5B241F401</t>
  </si>
  <si>
    <t>【上海电气发电机】罩板\Q5B310F4763</t>
  </si>
  <si>
    <t>【上海电气发电机】滤芯\Q5B433.493</t>
  </si>
  <si>
    <t>【上海电气发电机】过滤器\Q5B433.616</t>
  </si>
  <si>
    <t>【上海电气发电机】油位计探头\Q5B463F402</t>
  </si>
  <si>
    <t>【上海电气发电机】出线铜排\Q5B511.1561</t>
  </si>
  <si>
    <t>【上海电气发电机】绝缘垫块\Q5B760.1619</t>
  </si>
  <si>
    <t>【上海电气发电机】导电螺杆\Q5B932.500</t>
  </si>
  <si>
    <t>【上海电气发电机】出线板\Q5C064.853</t>
  </si>
  <si>
    <t>【上海电气发电机】支撑件\Q5C100F601</t>
  </si>
  <si>
    <t>【上海电气发电机】管子\Q5C175.2102</t>
  </si>
  <si>
    <t>【上海电气发电机】浮动环座\Q5C217.590</t>
  </si>
  <si>
    <t>【上海电气发电机】浮动环座\Q5C217.638</t>
  </si>
  <si>
    <t>【上海电气发电机】浮动环座\Q5C217.690</t>
  </si>
  <si>
    <t>【上海电气发电机】浮动环座(汽端)\Q5C217.701</t>
  </si>
  <si>
    <t>【上海电气发电机】浮动环\Q5C217.716</t>
  </si>
  <si>
    <t>【上海电气发电机】浮动环\Q5C217.717</t>
  </si>
  <si>
    <t>【上海电气发电机】浮动环(汽端)\Q5C217.718</t>
  </si>
  <si>
    <t>【上海电气发电机】浮动环\Q5C217.719</t>
  </si>
  <si>
    <t>【上海电气发电机】浮动环座\Q5C217.721</t>
  </si>
  <si>
    <t>【上海电气发电机】挡油环\Q5C217F1014</t>
  </si>
  <si>
    <t>【上海电气发电机】挡油环\Q5C217F1015</t>
  </si>
  <si>
    <t>【上海电气发电机】轴瓦(励端)\Q5C263F910.02</t>
  </si>
  <si>
    <t>【上海电气发电机】轴瓦(汽端)\Q5C263F910.03</t>
  </si>
  <si>
    <t>【上海电气发电机】罩板\Q5C307F3127</t>
  </si>
  <si>
    <t>【上海电气发电机】罩板\Q5C307F3128</t>
  </si>
  <si>
    <t>【上海电气发电机】盖\Q5C317.625</t>
  </si>
  <si>
    <t>【上海电气发电机】盖\Q5C317.626</t>
  </si>
  <si>
    <t>【上海电气发电机】挡油板\Q5C325.401</t>
  </si>
  <si>
    <t>【上海电气发电机】风扇\Q5C435.1833.02</t>
  </si>
  <si>
    <t>【上海电气发电机】中性点母线板\Q5C511.4285</t>
  </si>
  <si>
    <t>【上海电气发电机】中性点母线板\Q5C511.4286</t>
  </si>
  <si>
    <t>【上海电气发电机】轴瓦\Q5D263.654</t>
  </si>
  <si>
    <t>【上海电气发电机】轴瓦\Q5D263.654.01</t>
  </si>
  <si>
    <t>【上海电气发电机】椭圆轴瓦\φ450×320\Q5D263.656</t>
  </si>
  <si>
    <t>【上海电气发电机】轴瓦\Q5D263.784</t>
  </si>
  <si>
    <t>【上海电气发电机】中性点外罩\Q5D307.1472</t>
  </si>
  <si>
    <t>【上海电气发电机】盖\Q5D310.2415</t>
  </si>
  <si>
    <t>【上海电气发电机】挡油盖(励端)\Q5D325F653</t>
  </si>
  <si>
    <t>【上海电气发电机】挡油盖(汽端)\Q5D325F656</t>
  </si>
  <si>
    <t>【上海电气发电机】导向叶片座(汽端)\Q5D435.1681</t>
  </si>
  <si>
    <t>【上海电气发电机】定子上层线棒\Q5D524F1934-01</t>
  </si>
  <si>
    <t>【上海电气发电机】定子上层线棒\Q5D524F1934-02</t>
  </si>
  <si>
    <t>【上海电气发电机】定子上层线棒\Q5D524F1934-03</t>
  </si>
  <si>
    <t>【上海电气发电机】定子上层线棒\Q5D524F1934-04</t>
  </si>
  <si>
    <t>【上海电气发电机】定子上层线棒\Q5D524F1934-05</t>
  </si>
  <si>
    <t>【上海电气发电机】定子上层线棒\Q5D524F1934-06</t>
  </si>
  <si>
    <t>【上海电气发电机】定子上层线棒\Q5D524F1934-07</t>
  </si>
  <si>
    <t>【上海电气发电机】定子下层线棒\Q5D524F1935-01</t>
  </si>
  <si>
    <t>【上海电气发电机】定子下层线棒\Q5D524F1935-02</t>
  </si>
  <si>
    <t>【上海电气发电机】定子下层线棒\Q5D524F1935-03</t>
  </si>
  <si>
    <t>【上海电气发电机】定子下层线棒\Q5D524F1935-04</t>
  </si>
  <si>
    <t>【上海电气发电机】定子下层线棒\Q5D524F1935-05</t>
  </si>
  <si>
    <t>【上海电气发电机】定子下层线棒\Q5D524F1935-06</t>
  </si>
  <si>
    <t>【上海电气发电机】定子下层线棒\Q5D524F1935-07</t>
  </si>
  <si>
    <t>【上海电气发电机】定子上层线棒\Q5D524F1947-1</t>
  </si>
  <si>
    <t>【上海电气发电机】定子上层线棒\Q5D524F1947-2</t>
  </si>
  <si>
    <t>【上海电气发电机】定子上层线棒\Q5D524F1947-3</t>
  </si>
  <si>
    <t>【上海电气发电机】定子上层线棒\Q5D524F1947-4</t>
  </si>
  <si>
    <t>【上海电气发电机】定子上层线棒\Q5D524F1947-5</t>
  </si>
  <si>
    <t>【上海电气发电机】定子上层线棒\Q5D524F1947-6</t>
  </si>
  <si>
    <t>【上海电气发电机】定子上层线棒\Q5D524F1947-7</t>
  </si>
  <si>
    <t>【上海电气发电机】定子下层线棒\Q5D524F1948-1</t>
  </si>
  <si>
    <t>【上海电气发电机】定子下层线棒\Q5D524F1948-2</t>
  </si>
  <si>
    <t>【上海电气发电机】定子下层线棒\Q5D524F1948-3</t>
  </si>
  <si>
    <t>【上海电气发电机】定子下层线棒\Q5D524F1948-4</t>
  </si>
  <si>
    <t>【上海电气发电机】定子下层线棒\Q5D524F1948-5</t>
  </si>
  <si>
    <t>【上海电气发电机】定子下层线棒\Q5D524F1948-6</t>
  </si>
  <si>
    <t>【上海电气发电机】定子下层线棒\Q5D524F1948-7</t>
  </si>
  <si>
    <t>【上海电气发电机】整流组件装配盘\Q5D584F303</t>
  </si>
  <si>
    <t>【上海电气发电机】支座(励端)\Q5E040.371.01</t>
  </si>
  <si>
    <t>【上海电气发电机】支座(汽端)\Q5E040.372.01</t>
  </si>
  <si>
    <t>【上海电气发电机】气隙隔板\Q5E217F1021</t>
  </si>
  <si>
    <t>【上海电气发电机】挡油盖 (汽端)\Q5E325.399</t>
  </si>
  <si>
    <t>【上海电气发电机】挡油盖\Q5E325.400</t>
  </si>
  <si>
    <t>【上海电气发电机】挡油盖(励端)\Q5E325.410</t>
  </si>
  <si>
    <t>【上海电气发电机】挡油盖(汽端)\Q5E325.411</t>
  </si>
  <si>
    <t>【上海电气发电机】起重阀系统\Q5E472.592</t>
  </si>
  <si>
    <t>【上海电气发电机】接头\Q5E516F1311</t>
  </si>
  <si>
    <t>【上海电气发电机】定子线圈\Q5E523.5972</t>
  </si>
  <si>
    <t>【上海电气发电机】定子线圈\Q5E524.1527</t>
  </si>
  <si>
    <t>【上海电气发电机】定子线棒\Q5E524F1913</t>
  </si>
  <si>
    <t>【上海电气发电机】定子上层线棒\Q5E524F1913-1</t>
  </si>
  <si>
    <t>【上海电气发电机】定子下层线棒\Q5E524F1913-10</t>
  </si>
  <si>
    <t>【上海电气发电机】定子下层线棒\Q5E524F1913-11</t>
  </si>
  <si>
    <t>【上海电气发电机】定子下层线棒\Q5E524F1913-12</t>
  </si>
  <si>
    <t>【上海电气发电机】定子下层线棒\Q5E524F1913-13</t>
  </si>
  <si>
    <t>【上海电气发电机】定子下层线棒\Q5E524F1913-14</t>
  </si>
  <si>
    <t>【上海电气发电机】定子上层线棒\Q5E524F1913-2</t>
  </si>
  <si>
    <t>【上海电气发电机】定子上层线棒\Q5E524F1913-3</t>
  </si>
  <si>
    <t>【上海电气发电机】定子上层线棒\Q5E524F1913-4</t>
  </si>
  <si>
    <t>【上海电气发电机】定子上层线棒\Q5E524F1913-5</t>
  </si>
  <si>
    <t>【上海电气发电机】定子上层线棒\Q5E524F1913-6</t>
  </si>
  <si>
    <t>【上海电气发电机】定子上层线棒\Q5E524F1913-7</t>
  </si>
  <si>
    <t>【上海电气发电机】定子下层线棒\Q5E524F1913-8</t>
  </si>
  <si>
    <t>【上海电气发电机】定子下层线棒\Q5E524F1913-9</t>
  </si>
  <si>
    <t>【上海电气发电机】固定板\Q8A100.693</t>
  </si>
  <si>
    <t>【上海电气发电机】引线夹板\Q8A110.2087</t>
  </si>
  <si>
    <t>【上海电气发电机】引线夹板\Q8A110.2088</t>
  </si>
  <si>
    <t>【上海电气发电机】引线夹板\Q8A110.2089</t>
  </si>
  <si>
    <t>【上海电气发电机】线夹\Q8A110.2258</t>
  </si>
  <si>
    <t>【上海电气发电机】夹子\Q8A110.2417</t>
  </si>
  <si>
    <t>【上海电气发电机】夹子\Q8A123.679</t>
  </si>
  <si>
    <t>【上海电气发电机】支撑块\Q8A123.787</t>
  </si>
  <si>
    <t>【上海电气发电机】支撑板\Q8A128.1051</t>
  </si>
  <si>
    <t>【上海电气发电机】支撑板\Q8A128.1052</t>
  </si>
  <si>
    <t>【上海电气发电机】垫块\Q8A128.1112</t>
  </si>
  <si>
    <t>【上海电气发电机】垫块\Q8A128.1113</t>
  </si>
  <si>
    <t>【上海电气发电机】支撑板\Q8A128.791</t>
  </si>
  <si>
    <t>【上海电气发电机】压板\Q8A128.793</t>
  </si>
  <si>
    <t>【上海电气发电机】垫块\Q8A128.963</t>
  </si>
  <si>
    <t>【上海电气发电机】垫块\Q8A128.964</t>
  </si>
  <si>
    <t>【上海电气发电机】垫块\Q8A143.1112</t>
  </si>
  <si>
    <t>【上海电气发电机】垫块\Q8A143.1160</t>
  </si>
  <si>
    <t>【上海电气发电机】支撑块\Q8A143.1246</t>
  </si>
  <si>
    <t>【上海电气发电机】支撑块\Q8A143.1247</t>
  </si>
  <si>
    <t>【上海电气发电机】块\Q8A143.1452</t>
  </si>
  <si>
    <t>【上海电气发电机】块\Q8A143.1507</t>
  </si>
  <si>
    <t>【上海电气发电机】定位块\Q8A143F1852</t>
  </si>
  <si>
    <t>【上海电气发电机】定位块\Q8A143F1853</t>
  </si>
  <si>
    <t>【上海电气发电机】线夹\Q8A145.518.01</t>
  </si>
  <si>
    <t>【上海电气发电机】线夹\Q8A145.519</t>
  </si>
  <si>
    <t>【上海电气发电机】线夹\Q8A145.519.02</t>
  </si>
  <si>
    <t>【上海电气发电机】线夹\Q8A145.519.03</t>
  </si>
  <si>
    <t>【上海电气发电机】夹子\Q8A145.603</t>
  </si>
  <si>
    <t>【上海电气发电机】夹子\Q8A145.604</t>
  </si>
  <si>
    <t>【上海电气发电机】夹子\Q8A145.605</t>
  </si>
  <si>
    <t>【上海电气发电机】夹子\Q8A145.606</t>
  </si>
  <si>
    <t>【上海电气发电机】夹子\Q8A145.610</t>
  </si>
  <si>
    <t>【上海电气发电机】线夹\Q8A145.695</t>
  </si>
  <si>
    <t>【上海电气发电机】线夹\Q8A145.701</t>
  </si>
  <si>
    <t>【上海电气发电机】管夹\Q8A145.744</t>
  </si>
  <si>
    <t>【上海电气发电机】圆板\Q8A151.5865</t>
  </si>
  <si>
    <t>【上海电气发电机】圆板\Q8A151.5881</t>
  </si>
  <si>
    <t>【上海电气发电机】垫块\Q8A151.9145</t>
  </si>
  <si>
    <t>【上海电气发电机】垫块\Q8A151.9146</t>
  </si>
  <si>
    <t>【上海电气发电机】板\Q8A151.9152</t>
  </si>
  <si>
    <t>【上海电气发电机】板\Q8A151.9152.01</t>
  </si>
  <si>
    <t>【上海电气发电机】盖板\Q8A151.9200</t>
  </si>
  <si>
    <t>【上海电气发电机】盖板\Q8A151.9311</t>
  </si>
  <si>
    <t>【上海电气发电机】垫块\Q8A152.3712</t>
  </si>
  <si>
    <t>【上海电气发电机】板\Q8A152.3945</t>
  </si>
  <si>
    <t>【上海电气发电机】氟橡胶挡风板\Q8A152.4305</t>
  </si>
  <si>
    <t>【上海电气发电机】垫块\Q8A152.4667</t>
  </si>
  <si>
    <t>【上海电气发电机】板\Q8A152.7751</t>
  </si>
  <si>
    <t>【上海电气发电机】垫片\Q8A152.9419</t>
  </si>
  <si>
    <t>【上海电气发电机】圆板\Q8A153F8400</t>
  </si>
  <si>
    <t>【上海电气发电机】垫片\Q8A156.1836</t>
  </si>
  <si>
    <t>【上海电气发电机】垫片\Q8A156.2973</t>
  </si>
  <si>
    <t>【上海电气发电机】垫片\Q8A156.2983</t>
  </si>
  <si>
    <t>【上海电气发电机】垫片\Q8A156.2984</t>
  </si>
  <si>
    <t>【上海电气发电机】垫片\Q8A156.2985</t>
  </si>
  <si>
    <t>【上海电气发电机】垫片\Q8A156.3116</t>
  </si>
  <si>
    <t>【上海电气发电机】垫圈\Q8A156.3149</t>
  </si>
  <si>
    <t>【上海电气发电机】垫片\Q8A156.3479</t>
  </si>
  <si>
    <t>【上海电气发电机】垫片\Q8A156.3480</t>
  </si>
  <si>
    <t>【上海电气发电机】垫片\Q8A156.3484</t>
  </si>
  <si>
    <t>【上海电气发电机】垫片\Q8A156.3489</t>
  </si>
  <si>
    <t>【上海电气发电机】垫片\Q8A156.3490</t>
  </si>
  <si>
    <t>【上海电气发电机】垫块\Q8A156.3781</t>
  </si>
  <si>
    <t>【上海电气发电机】垫块\Q8A156.3782</t>
  </si>
  <si>
    <t>【上海电气发电机】垫板\Q8A156.3785</t>
  </si>
  <si>
    <t>【上海电气发电机】垫片\Q8A156.3786</t>
  </si>
  <si>
    <t>【上海电气发电机】垫片\Q8A156.3786.01</t>
  </si>
  <si>
    <t>【上海电气发电机】衬垫\Q8A156.3790</t>
  </si>
  <si>
    <t>【上海电气发电机】衬垫\Q8A156.3794</t>
  </si>
  <si>
    <t>【上海电气发电机】衬垫\Q8A156.3795</t>
  </si>
  <si>
    <t>【上海电气发电机】垫片\Q8A156.4080</t>
  </si>
  <si>
    <t>【上海电气发电机】垫块\Q8A156.4186</t>
  </si>
  <si>
    <t>【上海电气发电机】垫块\Q8A156.4187</t>
  </si>
  <si>
    <t>【上海电气发电机】垫块\Q8A156.4188</t>
  </si>
  <si>
    <t>【上海电气发电机】垫块\Q8A156.4192</t>
  </si>
  <si>
    <t>【上海电气发电机】垫块\Q8A156.4193</t>
  </si>
  <si>
    <t>【上海电气发电机】垫块\Q8A156.4197</t>
  </si>
  <si>
    <t>【上海电气发电机】衬垫\Q8A156.4203</t>
  </si>
  <si>
    <t>【上海电气发电机】垫板\Q8A156.4204</t>
  </si>
  <si>
    <t>【上海电气发电机】垫片\Q8A156.4222</t>
  </si>
  <si>
    <t>【上海电气发电机】垫片\Q8A156.4222.01</t>
  </si>
  <si>
    <t>【上海电气发电机】垫片\Q8A156.4302</t>
  </si>
  <si>
    <t>【上海电气发电机】垫片\Q8A156.4704</t>
  </si>
  <si>
    <t>【上海电气发电机】垫片\Q8A156.4705</t>
  </si>
  <si>
    <t>【上海电气发电机】垫片\Q8A156.5161</t>
  </si>
  <si>
    <t>【上海电气发电机】调节垫片\Q8A156.5196</t>
  </si>
  <si>
    <t>【上海电气发电机】调节垫片\Q8A156.5196.01</t>
  </si>
  <si>
    <t>【上海电气发电机】调节垫片\Q8A156.5196.02</t>
  </si>
  <si>
    <t>【上海电气发电机】垫块\Q8A156.5209</t>
  </si>
  <si>
    <t>【上海电气发电机】垫块\Q8A156.5210</t>
  </si>
  <si>
    <t>【上海电气发电机】垫片\Q8A156F5806</t>
  </si>
  <si>
    <t>【上海电气发电机】垫片\Q8A156F5806.01</t>
  </si>
  <si>
    <t>【上海电气发电机】垫片\Q8A156F5806.02</t>
  </si>
  <si>
    <t>【上海电气发电机】垫片\Q8A156F5806.03</t>
  </si>
  <si>
    <t>【上海电气发电机】板\Q8A156F5982</t>
  </si>
  <si>
    <t>【上海电气发电机】板\Q8A156F5983</t>
  </si>
  <si>
    <t>【上海电气发电机】板\Q8A156F5984</t>
  </si>
  <si>
    <t>【上海电气发电机】垫片\Q8A156F6058</t>
  </si>
  <si>
    <t>【上海电气发电机】垫片\Q8A156F6683</t>
  </si>
  <si>
    <t>【上海电气发电机】检漏计装置\Q8A160.1726.01</t>
  </si>
  <si>
    <t>【上海电气发电机】检漏计装置\Q8A160.1727.01</t>
  </si>
  <si>
    <t>【上海电气发电机】绝缘引水管\Q8A170.398</t>
  </si>
  <si>
    <t>【上海电气发电机】绝缘引水管\Q8A170.399</t>
  </si>
  <si>
    <t>【上海电气发电机】定位销\Q8A175.1925</t>
  </si>
  <si>
    <t>【上海电气发电机】管\Q8A175.3246</t>
  </si>
  <si>
    <t>【上海电气发电机】接头\Q8A175.3366</t>
  </si>
  <si>
    <t>【上海电气发电机】管子\Q8A175.3367</t>
  </si>
  <si>
    <t>【上海电气发电机】导线杆\Q8A175.3690</t>
  </si>
  <si>
    <t>【上海电气发电机】接头\Q8A175.972</t>
  </si>
  <si>
    <t>【上海电气发电机】接头\Q8A175F4620</t>
  </si>
  <si>
    <t>【上海电气发电机】法兰\Q8A180.1466</t>
  </si>
  <si>
    <t>【上海电气发电机】法兰\Q8A180.1468</t>
  </si>
  <si>
    <t>【上海电气发电机】法兰\Q8A180.1469</t>
  </si>
  <si>
    <t>【上海电气发电机】定位销\Q8A194.1321</t>
  </si>
  <si>
    <t>【上海电气发电机】定位销\Q8A194.1321.01</t>
  </si>
  <si>
    <t>【上海电气发电机】套筒\Q8A209.638</t>
  </si>
  <si>
    <t>【上海电气发电机】卡盘套筒\Q8A209F906</t>
  </si>
  <si>
    <t>【上海电气发电机】环键\Q8A218.760</t>
  </si>
  <si>
    <t>【上海电气发电机】碟形弹簧\Q8A285.413.01</t>
  </si>
  <si>
    <t>【上海电气发电机】平衡块\Q8A290.524</t>
  </si>
  <si>
    <t>【上海电气发电机】平衡块\Q8A290.524.01</t>
  </si>
  <si>
    <t>【上海电气发电机】平衡块\Q8A290.525</t>
  </si>
  <si>
    <t>【上海电气发电机】平衡块\Q8A290.525.01</t>
  </si>
  <si>
    <t>【上海电气发电机】平衡块\Q8A290F601</t>
  </si>
  <si>
    <t>【上海电气发电机】胶木盖板\Q8A310.5169</t>
  </si>
  <si>
    <t>【上海电气发电机】盖板\Q8A310.5292</t>
  </si>
  <si>
    <t>【上海电气发电机】盖板\Q8A310.5834</t>
  </si>
  <si>
    <t>【上海电气发电机】盖板\Q8A310F7312</t>
  </si>
  <si>
    <t>【上海电气发电机】塞子\Q8A322.382</t>
  </si>
  <si>
    <t>【上海电气发电机】塞头\Z 1/2"\Q8A322.549.01</t>
  </si>
  <si>
    <t>【上海电气发电机】塞头\Z 3/4"\Q8A322.549.02</t>
  </si>
  <si>
    <t>【上海电气发电机】闷头\Q8A322.595</t>
  </si>
  <si>
    <t>【上海电气发电机】塞子\Q8A322.621</t>
  </si>
  <si>
    <t>【上海电气发电机】塞头\Q8A322.625</t>
  </si>
  <si>
    <t>【上海电气发电机】塞子\Q8A322.633</t>
  </si>
  <si>
    <t>【上海电气发电机】塞子\Q8A322.639</t>
  </si>
  <si>
    <t>【上海电气发电机】绝缘塞子\Q8A322.647</t>
  </si>
  <si>
    <t>【上海电气发电机】绝缘塞子\Q8A322.647.01</t>
  </si>
  <si>
    <t>【上海电气发电机】螺塞\Q8A322.660</t>
  </si>
  <si>
    <t>【上海电气发电机】挡油板\Q8A325.1031</t>
  </si>
  <si>
    <t>【上海电气发电机】挡油板\Q8A325.1031.01</t>
  </si>
  <si>
    <t>【上海电气发电机】档板\Q8A325.1034</t>
  </si>
  <si>
    <t>【上海电气发电机】挡油板\Q8A325.966.01</t>
  </si>
  <si>
    <t>【上海电气发电机】挡油板\Q8A325.966.02</t>
  </si>
  <si>
    <t>【上海电气发电机】挡油板\Q8A325.966.03</t>
  </si>
  <si>
    <t>【上海电气发电机】挡块\Q8A325.974</t>
  </si>
  <si>
    <t>【上海电气发电机】氟橡胶挡风圈\Q8A325F1506.02</t>
  </si>
  <si>
    <t>【上海电气发电机】两半挡油板\Q8A325F1508</t>
  </si>
  <si>
    <t>【上海电气发电机】密封垫\Q8A370.1017</t>
  </si>
  <si>
    <t>【上海电气发电机】密封条\Q8A370.1019.01</t>
  </si>
  <si>
    <t>【上海电气发电机】密封条\Q8A370.1019.02</t>
  </si>
  <si>
    <t>【上海电气发电机】衬垫\Q8A370.1039</t>
  </si>
  <si>
    <t>【上海电气发电机】衬垫\Q8A370.1040</t>
  </si>
  <si>
    <t>【上海电气发电机】密封垫圈\Q8A370.1212</t>
  </si>
  <si>
    <t>【上海电气发电机】密封垫圈\Q8A370.1214</t>
  </si>
  <si>
    <t>【上海电气发电机】密封条\Q8A370.1295</t>
  </si>
  <si>
    <t>【上海电气发电机】密封垫圈\Q8A370.1310</t>
  </si>
  <si>
    <t>【上海电气发电机】密封垫圈\Q8A370.1344</t>
  </si>
  <si>
    <t>【上海电气发电机】密封垫圈\Q8A370.1344.01</t>
  </si>
  <si>
    <t>【上海电气发电机】嵌条\Q8A370.1380.01</t>
  </si>
  <si>
    <t>【上海电气发电机】嵌条\Q8A370.1380.02</t>
  </si>
  <si>
    <t>【上海电气发电机】嵌条\Q8A370.1380.03</t>
  </si>
  <si>
    <t>【上海电气发电机】橡皮衬垫\Q8A370.1514</t>
  </si>
  <si>
    <t>【上海电气发电机】嵌条\Q8A370.1531</t>
  </si>
  <si>
    <t>【上海电气发电机】嵌条\Q8A370.1531.01</t>
  </si>
  <si>
    <t>【上海电气发电机】绝缘垫圈\Q8A370.1561.01</t>
  </si>
  <si>
    <t>【上海电气发电机】O型密封圈\Q8A370.1564.04</t>
  </si>
  <si>
    <t>【上海电气发电机】密封垫圈\Q8A370.1663.02</t>
  </si>
  <si>
    <t>【上海电气发电机】密封垫圈\Q8A370.1663.10</t>
  </si>
  <si>
    <t>【上海电气发电机】密封垫圈\Q8A370.1663.11</t>
  </si>
  <si>
    <t>【上海电气发电机】密封垫圈\Q8A370.469</t>
  </si>
  <si>
    <t>【上海电气发电机】铅垫圈\Q8A370.556</t>
  </si>
  <si>
    <t>【上海电气发电机】橡皮垫圈\Q8A370.584</t>
  </si>
  <si>
    <t>【上海电气发电机】垫圈\Q8A370.747</t>
  </si>
  <si>
    <t>【上海电气发电机】垫圈\Q8A370.747.03</t>
  </si>
  <si>
    <t>【上海电气发电机】橡皮垫圈\Q8A370.857</t>
  </si>
  <si>
    <t>【上海电气发电机】密封垫圈\Q8A370.959</t>
  </si>
  <si>
    <t>【上海电气发电机】密封环\Q8A370F2019</t>
  </si>
  <si>
    <t>【上海电气发电机】密封圈\Q8A370F2055</t>
  </si>
  <si>
    <t>【上海电气发电机】密封垫圈\Q8A370F2344</t>
  </si>
  <si>
    <t>【上海电气发电机】衬垫\Q8A372.1096</t>
  </si>
  <si>
    <t>【上海电气发电机】衬垫\Q8A372.1103</t>
  </si>
  <si>
    <t>【上海电气发电机】衬垫\Q8A372.1513</t>
  </si>
  <si>
    <t>【上海电气发电机】衬垫\Q8A372.1759</t>
  </si>
  <si>
    <t>【上海电气发电机】衬垫\Q8A372.2127</t>
  </si>
  <si>
    <t>【上海电气发电机】衬垫\Q8A372.2135</t>
  </si>
  <si>
    <t>【上海电气发电机】衬垫\Q8A372.2136</t>
  </si>
  <si>
    <t>【上海电气发电机】衬垫\Q8A372.2139</t>
  </si>
  <si>
    <t>【上海电气发电机】衬垫\Q8A372.2140</t>
  </si>
  <si>
    <t>【上海电气发电机】衬垫\Q8A372.2141</t>
  </si>
  <si>
    <t>【上海电气发电机】封口垫片\Q8A372.2251</t>
  </si>
  <si>
    <t>【上海电气发电机】封口垫片\Q8A372.2252</t>
  </si>
  <si>
    <t>【上海电气发电机】衬垫\Q8A372.2289</t>
  </si>
  <si>
    <t>【上海电气发电机】密封垫圈\Q8A372.2307</t>
  </si>
  <si>
    <t>【上海电气发电机】衬垫聚四氟乙烯条\Q8A372.2545</t>
  </si>
  <si>
    <t>【上海电气发电机】衬垫\Q8A372.2791</t>
  </si>
  <si>
    <t>【上海电气发电机】密封条\Q8A372.2883</t>
  </si>
  <si>
    <t>【上海电气发电机】衬垫\Q8A372.2964</t>
  </si>
  <si>
    <t>【上海电气发电机】衬垫\Q8A372.2965</t>
  </si>
  <si>
    <t>【上海电气发电机】衬垫\Q8A372.3051</t>
  </si>
  <si>
    <t>【上海电气发电机】衬垫\Q8A372.3052</t>
  </si>
  <si>
    <t>【上海电气发电机】衬垫\Q8A372.3136</t>
  </si>
  <si>
    <t>【上海电气发电机】衬垫\Q8A372.3260</t>
  </si>
  <si>
    <t>【上海电气发电机】衬垫\Q8A372.3316</t>
  </si>
  <si>
    <t>【上海电气发电机】衬垫\Q8A372.3317</t>
  </si>
  <si>
    <t>【上海电气发电机】衬垫\Q8A372.3319</t>
  </si>
  <si>
    <t>【上海电气发电机】衬垫\Q8A372.4164</t>
  </si>
  <si>
    <t>【上海电气发电机】衬垫\Q8A372.4169</t>
  </si>
  <si>
    <t>【上海电气发电机】衬垫\Q8A372.4238</t>
  </si>
  <si>
    <t>【上海电气发电机】衬垫\Q8A372.4239</t>
  </si>
  <si>
    <t>【上海电气发电机】衬垫\Q8A372.4388</t>
  </si>
  <si>
    <t>【上海电气发电机】衬垫\Q8A372.4389</t>
  </si>
  <si>
    <t>【上海电气发电机】密封垫\Q8A372.4750</t>
  </si>
  <si>
    <t>【上海电气发电机】密封垫\Q8A372.4751</t>
  </si>
  <si>
    <t>【上海电气发电机】密封垫\Q8A372.4752</t>
  </si>
  <si>
    <t>【上海电气发电机】衬垫\Q8A372F4834</t>
  </si>
  <si>
    <t>【上海电气发电机】衬垫\Q8A372F4835</t>
  </si>
  <si>
    <t>【上海电气发电机】衬垫\Q8A372F4836</t>
  </si>
  <si>
    <t>【上海电气发电机】衬垫\Q8A372F4837</t>
  </si>
  <si>
    <t>【上海电气发电机】衬垫\Q8A372F4838</t>
  </si>
  <si>
    <t>【上海电气发电机】衬垫\Q8A372F4839</t>
  </si>
  <si>
    <t>【上海电气发电机】衬垫\Q8A372F4839.01</t>
  </si>
  <si>
    <t>【上海电气发电机】衬垫\Q8A372F4839.02</t>
  </si>
  <si>
    <t>【上海电气发电机】衬垫\Q8A372F4840</t>
  </si>
  <si>
    <t>【上海电气发电机】衬垫\Q8A372F4843</t>
  </si>
  <si>
    <t>【上海电气发电机】衬垫\Q8A372F4845</t>
  </si>
  <si>
    <t>【上海电气发电机】衬垫\Q8A372F4869</t>
  </si>
  <si>
    <t>【上海电气发电机】衬垫\Q8A372F4870</t>
  </si>
  <si>
    <t>【上海电气发电机】衬垫\Q8A372F4870.01</t>
  </si>
  <si>
    <t>【上海电气发电机】衬垫\Q8A372F4871</t>
  </si>
  <si>
    <t>【上海电气发电机】垫\Q8A372F4883</t>
  </si>
  <si>
    <t>【上海电气发电机】衬垫\Q8A372F4884</t>
  </si>
  <si>
    <t>【上海电气发电机】励端衬垫\Q8A372F4890</t>
  </si>
  <si>
    <t>【上海电气发电机】衬垫\Q8A372F4900</t>
  </si>
  <si>
    <t>【上海电气发电机】密封条\Q8A372F5068</t>
  </si>
  <si>
    <t>【上海电气发电机】密封条\Q8A372F5070</t>
  </si>
  <si>
    <t>【上海电气发电机】密封条\Q8A372F5071</t>
  </si>
  <si>
    <t>【上海电气发电机】衬垫\Q8A372F5145</t>
  </si>
  <si>
    <t>【上海电气发电机】衬垫\Q8A372F5147</t>
  </si>
  <si>
    <t>【上海电气发电机】衬垫\Q8A372F5193</t>
  </si>
  <si>
    <t>【上海电气发电机】窥油节\Q8A402.313</t>
  </si>
  <si>
    <t>【上海电气发电机】玻璃\Q8A402.609</t>
  </si>
  <si>
    <t>【上海电气发电机】接头\Q8A454.1117</t>
  </si>
  <si>
    <t>【上海电气发电机】接头\Q8A454.1117.01</t>
  </si>
  <si>
    <t>【上海电气发电机】接头\Q8A454.1175</t>
  </si>
  <si>
    <t>【上海电气发电机】接头\Q8A454.614</t>
  </si>
  <si>
    <t>【上海电气发电机】接头\Q8A454.661</t>
  </si>
  <si>
    <t>【上海电气发电机】管接头\Q8A454F1423</t>
  </si>
  <si>
    <t>【上海电气发电机】管接头\Q8A454F1531</t>
  </si>
  <si>
    <t>【上海电气发电机】油标\Q8A465.334</t>
  </si>
  <si>
    <t>【上海电气发电机】吊攀\Q8A472.416</t>
  </si>
  <si>
    <t>【上海电气发电机】卡箍\Q8A472.868</t>
  </si>
  <si>
    <t>【上海电气发电机】软连接线\Q8A511F3711</t>
  </si>
  <si>
    <t>【上海电气发电机】引线\Q8A516F641</t>
  </si>
  <si>
    <t>【上海电气发电机】接头\Q8A570.318</t>
  </si>
  <si>
    <t>【上海电气发电机】接地片\Q8A588.868</t>
  </si>
  <si>
    <t>【上海电气发电机】垫圈\Q8A710.1047</t>
  </si>
  <si>
    <t>【上海电气发电机】垫圈\Q8A710.1049</t>
  </si>
  <si>
    <t>【上海电气发电机】绝缘垫圈\Q8A710.1337</t>
  </si>
  <si>
    <t>【上海电气发电机】垫圈\Q8A710.1376</t>
  </si>
  <si>
    <t>【上海电气发电机】垫圈\Q8A710.1377</t>
  </si>
  <si>
    <t>【上海电气发电机】绝缘垫圈\Q8A710.1381</t>
  </si>
  <si>
    <t>【上海电气发电机】绝缘垫圈\Q8A710.1382</t>
  </si>
  <si>
    <t>【上海电气发电机】绝缘垫圈\Q8A710.1383</t>
  </si>
  <si>
    <t>【上海电气发电机】垫圈\Q8A710.1466</t>
  </si>
  <si>
    <t>【上海电气发电机】绝缘垫圈\Q8A710.1493</t>
  </si>
  <si>
    <t>【上海电气发电机】绝缘套筒\Q8A710.1502</t>
  </si>
  <si>
    <t>【上海电气发电机】绝缘垫圈\Q8A710.1503</t>
  </si>
  <si>
    <t>【上海电气发电机】绝缘板\Q8A710.1630</t>
  </si>
  <si>
    <t>【上海电气发电机】绝缘板\Q8A710.1631</t>
  </si>
  <si>
    <t>【上海电气发电机】绝缘板\Q8A710.1632</t>
  </si>
  <si>
    <t>【上海电气发电机】绝缘板\Q8A710.1633</t>
  </si>
  <si>
    <t>【上海电气发电机】绝缘垫板\Q8A710.1634</t>
  </si>
  <si>
    <t>【上海电气发电机】绝缘板\Q8A710.1635</t>
  </si>
  <si>
    <t>【上海电气发电机】密封圈\Q8A710.1663</t>
  </si>
  <si>
    <t>【上海电气发电机】环管3640\φ48×51\Q8A710.1669</t>
  </si>
  <si>
    <t>【上海电气发电机】绝缘环\Q8A710.1742</t>
  </si>
  <si>
    <t>【上海电气发电机】绝缘垫圈\Q8A710.313</t>
  </si>
  <si>
    <t>【上海电气发电机】绝缘垫圈\Q8A710.337</t>
  </si>
  <si>
    <t>【上海电气发电机】绝缘垫圈\Q8A710.347</t>
  </si>
  <si>
    <t>【上海电气发电机】M8绝缘垫圈\Q8A710.542</t>
  </si>
  <si>
    <t>【上海电气发电机】绝缘垫圈\Q8A710.605</t>
  </si>
  <si>
    <t>【上海电气发电机】绝缘垫圈\Q8A710.982</t>
  </si>
  <si>
    <t>【上海电气发电机】绝缘垫圈\Q8A710F2087</t>
  </si>
  <si>
    <t>【上海电气发电机】橡胶套管\Q8A722.355</t>
  </si>
  <si>
    <t>【上海电气发电机】橡胶套管\Q8A722.356</t>
  </si>
  <si>
    <t>【上海电气发电机】盖绝缘垫\Q8A750.1018</t>
  </si>
  <si>
    <t>【上海电气发电机】垫圈\Q8A750.1062</t>
  </si>
  <si>
    <t>【上海电气发电机】绝缘板\Q8A750.1185</t>
  </si>
  <si>
    <t>【上海电气发电机】端盖绝缘垫片\Q8A750.1291</t>
  </si>
  <si>
    <t>【上海电气发电机】底盖绝缘垫片\Q8A750.1293</t>
  </si>
  <si>
    <t>【上海电气发电机】绝缘板\Q8A750.1319</t>
  </si>
  <si>
    <t>【上海电气发电机】绝缘板\Q8A750.1320</t>
  </si>
  <si>
    <t>【上海电气发电机】绝缘板\Q8A750.1458</t>
  </si>
  <si>
    <t>【上海电气发电机】绝缘垫片\Q8A750.1580</t>
  </si>
  <si>
    <t>【上海电气发电机】绝缘垫圈\Q8A750.538</t>
  </si>
  <si>
    <t>【上海电气发电机】绝缘垫圈\Q8A750F1730</t>
  </si>
  <si>
    <t>【上海电气发电机】绝缘垫块\Q8A751.2513</t>
  </si>
  <si>
    <t>【上海电气发电机】板\Q8A751.2514</t>
  </si>
  <si>
    <t>【上海电气发电机】绝缘垫片\Q8A761.3226</t>
  </si>
  <si>
    <t>【上海电气发电机】绝缘垫片\Q8A761.3227</t>
  </si>
  <si>
    <t>【上海电气发电机】垫块\Q8A761.5956</t>
  </si>
  <si>
    <t>【上海电气发电机】垫块\Q8A761.5957</t>
  </si>
  <si>
    <t>【上海电气发电机】垫块\Q8A761.5958</t>
  </si>
  <si>
    <t>【上海电气发电机】垫块\Q8A761.5966</t>
  </si>
  <si>
    <t>【上海电气发电机】垫片\Q8A761.5968</t>
  </si>
  <si>
    <t>【上海电气发电机】垫片\Q8A761.5968.01</t>
  </si>
  <si>
    <t>【上海电气发电机】垫片\Q8A761.5969</t>
  </si>
  <si>
    <t>【上海电气发电机】垫块\Q8A761.5970</t>
  </si>
  <si>
    <t>【上海电气发电机】垫块\Q8A761.5971</t>
  </si>
  <si>
    <t>【上海电气发电机】垫块\Q8A761.5972</t>
  </si>
  <si>
    <t>【上海电气发电机】绝缘垫片\Q8A761.6815</t>
  </si>
  <si>
    <t>【上海电气发电机】垫块\Q8A761.6859</t>
  </si>
  <si>
    <t>【上海电气发电机】垫块\Q8A761.6860.01</t>
  </si>
  <si>
    <t>【上海电气发电机】垫块\Q8A761.6860.02</t>
  </si>
  <si>
    <t>【上海电气发电机】垫块\Q8A761.6861.01</t>
  </si>
  <si>
    <t>【上海电气发电机】垫块\Q8A761.6861.02</t>
  </si>
  <si>
    <t>【上海电气发电机】间隔垫块\Q8A761.6972</t>
  </si>
  <si>
    <t>【上海电气发电机】间隔垫块\Q8A761.6972.01</t>
  </si>
  <si>
    <t>【上海电气发电机】间隔垫块\Q8A761.6972.02</t>
  </si>
  <si>
    <t>【上海电气发电机】间隔垫块\Q8A761.6972.03</t>
  </si>
  <si>
    <t>【上海电气发电机】间隔垫块\Q8A761.6974</t>
  </si>
  <si>
    <t>【上海电气发电机】间隔垫块\Q8A761.6974.01</t>
  </si>
  <si>
    <t>【上海电气发电机】间隔垫块\Q8A761.6974.02</t>
  </si>
  <si>
    <t>【上海电气发电机】间隔垫块\Q8A761.6974.03</t>
  </si>
  <si>
    <t>【上海电气发电机】垫片\Q8A761.7018</t>
  </si>
  <si>
    <t>【上海电气发电机】绝缘衬垫\Q8A761F7410</t>
  </si>
  <si>
    <t>【上海电气发电机】垫圈\Q8A766.403</t>
  </si>
  <si>
    <t>【上海电气发电机】橡皮衬垫\Q8A766.454</t>
  </si>
  <si>
    <t>【上海电气发电机】衬垫\Q8A766.634</t>
  </si>
  <si>
    <t>【上海电气发电机】绝缘管\Q8A770.1291</t>
  </si>
  <si>
    <t>【上海电气发电机】绝缘管\Q8A770.1294</t>
  </si>
  <si>
    <t>【上海电气发电机】绝缘管\Q8A770.1415</t>
  </si>
  <si>
    <t>【上海电气发电机】绝缘管\Q8A770.1415.01</t>
  </si>
  <si>
    <t>【上海电气发电机】绝缘管\Q8A770.1415.02</t>
  </si>
  <si>
    <t>【上海电气发电机】绝缘管\Q8A770.1418</t>
  </si>
  <si>
    <t>【上海电气发电机】套筒\Q8A770.1465</t>
  </si>
  <si>
    <t>【上海电气发电机】绝缘垫圈\Q8A770.1543</t>
  </si>
  <si>
    <t>【上海电气发电机】绝缘管\Q8A770F1830</t>
  </si>
  <si>
    <t>【上海电气发电机】橡皮套筒\Q8A775.307</t>
  </si>
  <si>
    <t>【上海电气发电机】橡皮套筒\Q8A775.309</t>
  </si>
  <si>
    <t>【上海电气发电机】绝缘套筒\Q8A775F504</t>
  </si>
  <si>
    <t>【上海电气发电机】胶木垫块\Q8A783.3707</t>
  </si>
  <si>
    <t>【上海电气发电机】垫块\Q8A783.4541</t>
  </si>
  <si>
    <t>【上海电气发电机】垫块\Q8A783.4541.01</t>
  </si>
  <si>
    <t>【上海电气发电机】垫块\Q8A783.4542</t>
  </si>
  <si>
    <t>【上海电气发电机】垫块\Q8A783.4628</t>
  </si>
  <si>
    <t>【上海电气发电机】槽楔\Q8A783.5457</t>
  </si>
  <si>
    <t>【上海电气发电机】圆头螺钉\Q8A903.319</t>
  </si>
  <si>
    <t>【上海电气发电机】圆头螺钉\Q8A903.324</t>
  </si>
  <si>
    <t>【上海电气发电机】绝缘沉头螺钉\Q8A904.337</t>
  </si>
  <si>
    <t>【上海电气发电机】螺钉\Q8A906.384</t>
  </si>
  <si>
    <t>【上海电气发电机】圆柱头内六角螺钉\Q8A906.416</t>
  </si>
  <si>
    <t>【上海电气发电机】柱端螺钉\Q8A907.330</t>
  </si>
  <si>
    <t>【上海电气发电机】螺钉(平衡用)\Q8A907.366</t>
  </si>
  <si>
    <t>【上海电气发电机】螺钉(平衡用)\Q8A907F401</t>
  </si>
  <si>
    <t>【上海电气发电机】铜六角螺栓\M10×55\Q8A920.389.07</t>
  </si>
  <si>
    <t>【上海电气发电机】铜六角螺栓\M20×110\Q8A920.395.11</t>
  </si>
  <si>
    <t>【上海电气发电机】定位螺钉\Q8A920.476</t>
  </si>
  <si>
    <t>【上海电气发电机】钢六角螺栓\Q8A920.489</t>
  </si>
  <si>
    <t>【上海电气发电机】螺钉\Q8A920.634</t>
  </si>
  <si>
    <t>【上海电气发电机】硅青铜螺栓\M12×25\Q8A920.664</t>
  </si>
  <si>
    <t>【上海电气发电机】硅青铜六角螺栓\M12×55\Q8A920.664.02</t>
  </si>
  <si>
    <t>【上海电气发电机】硅青铜六角螺栓\M10×40\Q8A920.669</t>
  </si>
  <si>
    <t>【上海电气发电机】硅青铜六角螺栓\M10×50\Q8A920.670</t>
  </si>
  <si>
    <t>【上海电气发电机】螺栓\Q8A920.681</t>
  </si>
  <si>
    <t>【上海电气发电机】螺钉\Q8A920.682</t>
  </si>
  <si>
    <t>【上海电气发电机】反磁不锈钢螺栓\Q8A920.686.01</t>
  </si>
  <si>
    <t>【上海电气发电机】反磁不锈钢螺栓\Q8A920.686.02</t>
  </si>
  <si>
    <t>【上海电气发电机】反磁不锈钢螺栓\Q8A920.686.03</t>
  </si>
  <si>
    <t>【上海电气发电机】反磁不锈钢螺栓\Q8A920.711.02</t>
  </si>
  <si>
    <t>【上海电气发电机】反磁不锈钢螺栓\Q8A920.711.03</t>
  </si>
  <si>
    <t>【上海电气发电机】钢六角螺栓\Q8A920.717</t>
  </si>
  <si>
    <t>【上海电气发电机】螺钉\Q8A920.719</t>
  </si>
  <si>
    <t>【上海电气发电机】螺钉\Q8A920.721</t>
  </si>
  <si>
    <t>【上海电气发电机】钢内六角螺栓\Q8A920.721.01</t>
  </si>
  <si>
    <t>【上海电气发电机】螺栓\Q8A920.722</t>
  </si>
  <si>
    <t>【上海电气发电机】螺栓\Q8A920.732.03</t>
  </si>
  <si>
    <t>【上海电气发电机】螺栓\Q8A920.733</t>
  </si>
  <si>
    <t>【上海电气发电机】螺栓\Q8A920.733.01</t>
  </si>
  <si>
    <t>【上海电气发电机】螺栓\Q8A920.734</t>
  </si>
  <si>
    <t>【上海电气发电机】螺钉\Q8A920.764</t>
  </si>
  <si>
    <t>【上海电气发电机】螺钉\Q8A920.780</t>
  </si>
  <si>
    <t>【上海电气发电机】螺钉\Q8A920.805</t>
  </si>
  <si>
    <t>【上海电气发电机】定位螺栓\Q8A920.807</t>
  </si>
  <si>
    <t>【上海电气发电机】螺钉\Q8A920.814</t>
  </si>
  <si>
    <t>【上海电气发电机】螺钉\Q8A920.815</t>
  </si>
  <si>
    <t>【上海电气发电机】螺钉\Q8A920.822</t>
  </si>
  <si>
    <t>【上海电气发电机】六角螺栓\Q8A920.908</t>
  </si>
  <si>
    <t>【上海电气发电机】六角螺栓\Q8A920F1056</t>
  </si>
  <si>
    <t>【上海电气发电机】螺钉\Q8A921.653</t>
  </si>
  <si>
    <t>【上海电气发电机】螺钉\Q8A921.677</t>
  </si>
  <si>
    <t>【上海电气发电机】螺钉\Q8A921.681</t>
  </si>
  <si>
    <t>【上海电气发电机】螺钉\Q8A921.683</t>
  </si>
  <si>
    <t>【上海电气发电机】螺栓\Q8A921.687</t>
  </si>
  <si>
    <t>【上海电气发电机】螺栓\Q8A921.688</t>
  </si>
  <si>
    <t>【上海电气发电机】螺钉\Q8A921.723</t>
  </si>
  <si>
    <t>【上海电气发电机】钢六角螺栓\M20×265\Q8A921.742</t>
  </si>
  <si>
    <t>【上海电气发电机】螺钉\Q8A921.761.04</t>
  </si>
  <si>
    <t>【上海电气发电机】螺钉\Q8A921.763</t>
  </si>
  <si>
    <t>【上海电气发电机】螺钉\Q8A921.764</t>
  </si>
  <si>
    <t>【上海电气发电机】螺钉\Q8A921.765</t>
  </si>
  <si>
    <t>【上海电气发电机】螺钉\Q8A921.777</t>
  </si>
  <si>
    <t>【上海电气发电机】螺钉\Q8A921.777.01</t>
  </si>
  <si>
    <t>【上海电气发电机】螺钉\Q8A921.777.02</t>
  </si>
  <si>
    <t>【上海电气发电机】螺栓\Q8A921.787</t>
  </si>
  <si>
    <t>【上海电气发电机】螺栓\Q8A921.787.01</t>
  </si>
  <si>
    <t>【上海电气发电机】螺栓\Q8A921.787.02</t>
  </si>
  <si>
    <t>【上海电气发电机】螺栓\Q8A921.787.03</t>
  </si>
  <si>
    <t>【上海电气发电机】螺钉\Q8A921.788</t>
  </si>
  <si>
    <t>【上海电气发电机】螺钉\Q8A921F921</t>
  </si>
  <si>
    <t>【上海电气发电机】螺钉\Q8A925.366</t>
  </si>
  <si>
    <t>【上海电气发电机】螺杆\Q8A925.458</t>
  </si>
  <si>
    <t>【上海电气发电机】螺栓\Q8A925F604</t>
  </si>
  <si>
    <t>【上海电气发电机】螺栓\Q8A925F625</t>
  </si>
  <si>
    <t>【上海电气发电机】螺杆\Q8A928.308</t>
  </si>
  <si>
    <t>【上海电气发电机】螺杆\Q8A928F402</t>
  </si>
  <si>
    <t>【上海电气发电机】定位螺钉\Q8A929.337</t>
  </si>
  <si>
    <t>【上海电气发电机】螺杆\Q8A932.2069.06</t>
  </si>
  <si>
    <t>【上海电气发电机】螺杆\Q8A932.2090.03</t>
  </si>
  <si>
    <t>【上海电气发电机】压板螺杆\Q8A932.2514</t>
  </si>
  <si>
    <t>【上海电气发电机】压板螺杆\Q8A932.2514.01</t>
  </si>
  <si>
    <t>【上海电气发电机】螺杆\Q8A932F2924</t>
  </si>
  <si>
    <t>【上海电气发电机】定位螺杆\Q8A932F3011</t>
  </si>
  <si>
    <t>【上海电气发电机】螺杆\Q8A933.532</t>
  </si>
  <si>
    <t>【上海电气发电机】螺杆\Q8A933.552</t>
  </si>
  <si>
    <t>【上海电气发电机】螺杆\Q8A933.560</t>
  </si>
  <si>
    <t>【上海电气发电机】螺杆\Q8A933.562</t>
  </si>
  <si>
    <t>【上海电气发电机】螺杆\Q8A933.562.01</t>
  </si>
  <si>
    <t>【上海电气发电机】螺杆\Q8A933F616</t>
  </si>
  <si>
    <t>【上海电气发电机】螺杆\Q8A933F617</t>
  </si>
  <si>
    <t>【上海电气发电机】螺杆\Q8A933F617.01</t>
  </si>
  <si>
    <t>【上海电气发电机】圆柱销\Q8A934.750.04</t>
  </si>
  <si>
    <t>【上海电气发电机】圆柱销\Q8A934.757</t>
  </si>
  <si>
    <t>【上海电气发电机】圆柱销\Q8A934.759.14</t>
  </si>
  <si>
    <t>【上海电气发电机】圆柱销\Q8A934.761.02</t>
  </si>
  <si>
    <t>【上海电气发电机】销\Q8A934.810</t>
  </si>
  <si>
    <t>【上海电气发电机】定位销\Q8A935.425</t>
  </si>
  <si>
    <t>【上海电气发电机】定位销\Q8A935.425.01</t>
  </si>
  <si>
    <t>【上海电气发电机】定位销\Q8A935.426</t>
  </si>
  <si>
    <t>【上海电气发电机】圆锥销\Q8A935.466</t>
  </si>
  <si>
    <t>【上海电气发电机】定位销\Q8A935.467</t>
  </si>
  <si>
    <t>【上海电气发电机】内螺纹圆锥销\Q8A935F702</t>
  </si>
  <si>
    <t>【上海电气发电机】螺母\Q8A940.503</t>
  </si>
  <si>
    <t>【上海电气发电机】绝缘螺母\Q8A940.524</t>
  </si>
  <si>
    <t>【上海电气发电机】六角螺母\Q8A940.529</t>
  </si>
  <si>
    <t>【上海电气发电机】钢扁螺母\M30\Q8A940.544</t>
  </si>
  <si>
    <t>【上海电气发电机】钢扁螺母\M42\Q8A940.545</t>
  </si>
  <si>
    <t>【上海电气发电机】螺母\Q8A940.550</t>
  </si>
  <si>
    <t>【上海电气发电机】六角螺母\Q8A940.559</t>
  </si>
  <si>
    <t>【上海电气发电机】反磁不锈钢螺母\Q8A940.603</t>
  </si>
  <si>
    <t>【上海电气发电机】六角螺母\Q8A940.620</t>
  </si>
  <si>
    <t>【上海电气发电机】六角螺母\Q8A940.622</t>
  </si>
  <si>
    <t>【上海电气发电机】六角螺母\Q8A940.623</t>
  </si>
  <si>
    <t>【上海电气发电机】钢六角扁螺母\Q8A940.671</t>
  </si>
  <si>
    <t>【上海电气发电机】螺母\Q8A940F808</t>
  </si>
  <si>
    <t>【上海电气发电机】六角螺母\Q8A940F849</t>
  </si>
  <si>
    <t>【上海电气发电机】螺母\Q8A946.443</t>
  </si>
  <si>
    <t>【上海电气发电机】方螺母\M10\Q8A946.539</t>
  </si>
  <si>
    <t>【上海电气发电机】垫圈\Q8A950.1014.01</t>
  </si>
  <si>
    <t>【上海电气发电机】垫圈\Q8A950.1015</t>
  </si>
  <si>
    <t>【上海电气发电机】垫圈\Q8A950.1017</t>
  </si>
  <si>
    <t>【上海电气发电机】碟形弹簧\Q8A950.1019.03</t>
  </si>
  <si>
    <t>【上海电气发电机】碟形弹簧\Q8A950.1019.04</t>
  </si>
  <si>
    <t>【上海电气发电机】钢垫圈\Q8A950.353</t>
  </si>
  <si>
    <t>【上海电气发电机】垫圈\Q8A950.527</t>
  </si>
  <si>
    <t>【上海电气发电机】螺帽\Q8A950.547</t>
  </si>
  <si>
    <t>【上海电气发电机】螺母\Q8A950.674</t>
  </si>
  <si>
    <t>【上海电气发电机】垫圈\Q8A950.755</t>
  </si>
  <si>
    <t>【上海电气发电机】垫圈\Q8A950.760</t>
  </si>
  <si>
    <t>【上海电气发电机】钢垫圈\M33\Q8A950.761</t>
  </si>
  <si>
    <t>【上海电气发电机】垫圈\Q8A950.789</t>
  </si>
  <si>
    <t>【上海电气发电机】垫圈\Q8A950.797</t>
  </si>
  <si>
    <t>【上海电气发电机】垫圈\Q8A950.798</t>
  </si>
  <si>
    <t>【上海电气发电机】垫圈\Q8A950.802</t>
  </si>
  <si>
    <t>【上海电气发电机】垫圈\Q8A950.831</t>
  </si>
  <si>
    <t>【上海电气发电机】垫圈\Q8A950.832</t>
  </si>
  <si>
    <t>【上海电气发电机】垫圈\Q8A950.833</t>
  </si>
  <si>
    <t>【上海电气发电机】垫圈\Q8A950.834</t>
  </si>
  <si>
    <t>【上海电气发电机】垫圈\Q8A950.881</t>
  </si>
  <si>
    <t>【上海电气发电机】绝缘垫圈\Q8A950.894</t>
  </si>
  <si>
    <t>【上海电气发电机】绝缘垫圈\Q8A950.895</t>
  </si>
  <si>
    <t>【上海电气发电机】垫圈\Q8A950.912</t>
  </si>
  <si>
    <t>【上海电气发电机】垫圈\Q8A950F1325</t>
  </si>
  <si>
    <t>【上海电气发电机】垫圈\Q8A950F1331</t>
  </si>
  <si>
    <t>【上海电气发电机】止动垫圈\Q8A951.016</t>
  </si>
  <si>
    <t>【上海电气发电机】制动垫圈\Q8A951.018</t>
  </si>
  <si>
    <t>【上海电气发电机】制动垫圈\M20\Q8A951.019</t>
  </si>
  <si>
    <t>【上海电气发电机】碟形弹簧垫圈\Q8A951.1001.01</t>
  </si>
  <si>
    <t>【上海电气发电机】钢垫圈\Q8A951.1022</t>
  </si>
  <si>
    <t>【上海电气发电机】垫圈\Q8A951.1024</t>
  </si>
  <si>
    <t>【上海电气发电机】垫圈\Q8A951.1025</t>
  </si>
  <si>
    <t>【上海电气发电机】双孔制动垫圈\Q8A951.1050</t>
  </si>
  <si>
    <t>【上海电气发电机】制动垫圈\Q8A951.1070</t>
  </si>
  <si>
    <t>【上海电气发电机】制动垫圈\Q8A951.1087</t>
  </si>
  <si>
    <t>【上海电气发电机】制动垫片\Q8A951.1269</t>
  </si>
  <si>
    <t>【上海电气发电机】双孔制动垫圈\Q8A951.377</t>
  </si>
  <si>
    <t>【上海电气发电机】制动垫圈\Q8A951.459</t>
  </si>
  <si>
    <t>【上海电气发电机】制动垫圈\Q8A951.493</t>
  </si>
  <si>
    <t>【上海电气发电机】制动垫圈\Q8A951.682</t>
  </si>
  <si>
    <t>【上海电气发电机】制动垫圈\Q8A951.696</t>
  </si>
  <si>
    <t>【上海电气发电机】制动垫圈\M16\Q8A951.905</t>
  </si>
  <si>
    <t>【上海电气发电机】制动垫圈\Q8A951.910</t>
  </si>
  <si>
    <t>【上海电气发电机】制动垫圈\M24\Q8A951.916</t>
  </si>
  <si>
    <t>【上海电气发电机】反磁不锈钢双孔制动垫圈\Q8A951.957</t>
  </si>
  <si>
    <t>【上海电气发电机】垫圈\Q8A951F1320</t>
  </si>
  <si>
    <t>【上海电气发电机】制动垫圈\Q8A951F1390</t>
  </si>
  <si>
    <t>【上海电气发电机】垫圈\Q8A959.004</t>
  </si>
  <si>
    <t>【上海电气发电机】垫圈\Q8A959.005</t>
  </si>
  <si>
    <t>【上海电气发电机】垫圈\Q8A959.035</t>
  </si>
  <si>
    <t>【上海电气发电机】销\Q8A993.334</t>
  </si>
  <si>
    <t>【上海电气发电机】销\Q8A993.334.02</t>
  </si>
  <si>
    <t>【上海电气发电机】销\Q8A993.337</t>
  </si>
  <si>
    <t>【上海电气发电机】销\Q8A993.358</t>
  </si>
  <si>
    <t>【上海电气发电机】支架\Q8B043.1717</t>
  </si>
  <si>
    <t>【上海电气发电机】板\Q8B050F8828</t>
  </si>
  <si>
    <t>【上海电气发电机】出线夹\Q8B064.1319</t>
  </si>
  <si>
    <t>【上海电气发电机】出线夹\Q8B064.1320</t>
  </si>
  <si>
    <t>【上海电气发电机】垫块\Q8B110.2300</t>
  </si>
  <si>
    <t>【上海电气发电机】连接板\Q8B135.514</t>
  </si>
  <si>
    <t>【上海电气发电机】导电衬套\Q8B135F708</t>
  </si>
  <si>
    <t>【上海电气发电机】垫块\Q8B143.1625</t>
  </si>
  <si>
    <t>【上海电气发电机】隔块\Q8B143F1813</t>
  </si>
  <si>
    <t>【上海电气发电机】隔块\Q8B143F1814</t>
  </si>
  <si>
    <t>【上海电气发电机】隔块\Q8B143F1815</t>
  </si>
  <si>
    <t>【上海电气发电机】隔块\Q8B143F1816</t>
  </si>
  <si>
    <t>【上海电气发电机】隔块\Q8B143F1817</t>
  </si>
  <si>
    <t>【上海电气发电机】板\Q8B153F2810</t>
  </si>
  <si>
    <t>【上海电气发电机】板\Q8B153F2811</t>
  </si>
  <si>
    <t>【上海电气发电机】夹板\Q8B153F2931</t>
  </si>
  <si>
    <t>【上海电气发电机】夹板\Q8B153F2932</t>
  </si>
  <si>
    <t>【上海电气发电机】夹板\Q8B153F2933</t>
  </si>
  <si>
    <t>【上海电气发电机】衬垫\Q8B156.3461</t>
  </si>
  <si>
    <t>【上海电气发电机】衬垫\Q8B156.3792</t>
  </si>
  <si>
    <t>【上海电气发电机】衬垫\Q8B156.3796</t>
  </si>
  <si>
    <t>【上海电气发电机】嵌条\Q8B156.4353</t>
  </si>
  <si>
    <t>【上海电气发电机】嵌条\Q8B156.4354</t>
  </si>
  <si>
    <t>【上海电气发电机】锁紧垫片\Q8B156F5857</t>
  </si>
  <si>
    <t>【上海电气发电机】垫块\Q8B156F6341</t>
  </si>
  <si>
    <t>【上海电气发电机】垫块\Q8B156F6342</t>
  </si>
  <si>
    <t>【上海电气发电机】双头套管\Q8B170.461</t>
  </si>
  <si>
    <t>【上海电气发电机】测量杆\Q8B174F4506</t>
  </si>
  <si>
    <t>【上海电气发电机】挡板\Q8B217.5581</t>
  </si>
  <si>
    <t>【上海电气发电机】半环\Q8B217.5877</t>
  </si>
  <si>
    <t>【上海电气发电机】盖板\Q8B310.4814</t>
  </si>
  <si>
    <t>【上海电气发电机】窗框\Q8B321.555</t>
  </si>
  <si>
    <t>【上海电气发电机】螺纹塞\Q8B322.744</t>
  </si>
  <si>
    <t>【上海电气发电机】塞子\Q8B322F809</t>
  </si>
  <si>
    <t>【上海电气发电机】挡油板\Q8B325.1062</t>
  </si>
  <si>
    <t>【上海电气发电机】圈\Q8B325.738</t>
  </si>
  <si>
    <t>【上海电气发电机】圈\Q8B325.739</t>
  </si>
  <si>
    <t>【上海电气发电机】挡油板\Q8B325.868</t>
  </si>
  <si>
    <t>【上海电气发电机】挡油板\Q8B325.868.01</t>
  </si>
  <si>
    <t>【上海电气发电机】挡油板\Q8B325.868.02</t>
  </si>
  <si>
    <t>【上海电气发电机】挡风板\Q8B325.869</t>
  </si>
  <si>
    <t>【上海电气发电机】衬垫\Q8B370.1898</t>
  </si>
  <si>
    <t>【上海电气发电机】密封垫\Q8B370.1930</t>
  </si>
  <si>
    <t>【上海电气发电机】衬垫\Q8B372F5192</t>
  </si>
  <si>
    <t>【上海电气发电机】节流阀\Q8B452.308</t>
  </si>
  <si>
    <t>【上海电气发电机】单向阀\Q8B452.309</t>
  </si>
  <si>
    <t>【上海电气发电机】滑环\Q8B555.1109</t>
  </si>
  <si>
    <t>【上海电气发电机】滑环\Q8B555.1109.01</t>
  </si>
  <si>
    <t>【上海电气发电机】接头\Q8B570F3101</t>
  </si>
  <si>
    <t>【上海电气发电机】绝缘垫圈\Q8B710.1384</t>
  </si>
  <si>
    <t>【上海电气发电机】绝缘环\Q8B710.1798</t>
  </si>
  <si>
    <t>【上海电气发电机】套筒\Q8B722F506</t>
  </si>
  <si>
    <t>【上海电气发电机】内端盖绝缘垫\Q8B750.1294</t>
  </si>
  <si>
    <t>【上海电气发电机】绝缘环\Q8B750.1597.01</t>
  </si>
  <si>
    <t>【上海电气发电机】端盖绝缘垫\Q8B750.974</t>
  </si>
  <si>
    <t>【上海电气发电机】绝缘盖\Q8B750F1716</t>
  </si>
  <si>
    <t>【上海电气发电机】波纹板\Q8B751.2951.05</t>
  </si>
  <si>
    <t>【上海电气发电机】槽侧波纹板\Q8B751.3402</t>
  </si>
  <si>
    <t>【上海电气发电机】槽楔\Q8B783.4758.04</t>
  </si>
  <si>
    <t>【上海电气发电机】槽楔\Q8B783.4758.05</t>
  </si>
  <si>
    <t>【上海电气发电机】槽楔\Q8B783.4759.01</t>
  </si>
  <si>
    <t>【上海电气发电机】关门槽楔\Q8B783F6036</t>
  </si>
  <si>
    <t>【上海电气发电机】槽楔\Q8B783F6037</t>
  </si>
  <si>
    <t>【上海电气发电机】垫块\Q8B783F6048</t>
  </si>
  <si>
    <t>【上海电气发电机】螺钉\Q8B906F510</t>
  </si>
  <si>
    <t>【上海电气发电机】螺栓\Q8B925.520</t>
  </si>
  <si>
    <t>【上海电气发电机】螺杆\Q8B932.2834</t>
  </si>
  <si>
    <t>【上海电气发电机】绝缘螺栓\Q8B932F2909</t>
  </si>
  <si>
    <t>【上海电气发电机】双头螺栓\Q8B932F2910</t>
  </si>
  <si>
    <t>【上海电气发电机】双头螺栓\Q8B932F2910.01</t>
  </si>
  <si>
    <t>【上海电气发电机】双头螺栓\Q8B932F2911</t>
  </si>
  <si>
    <t>【上海电气发电机】螺杆\Q8B933.551.01</t>
  </si>
  <si>
    <t>【上海电气发电机】圆柱销\Q8B934F919</t>
  </si>
  <si>
    <t>【上海电气发电机】螺母\Q8B946.595</t>
  </si>
  <si>
    <t>【上海电气发电机】螺母\Q8B946.602</t>
  </si>
  <si>
    <t>【上海电气发电机】垫圈\Q8B950.1164</t>
  </si>
  <si>
    <t>【上海电气发电机】锁紧垫片\Q8B951F1310</t>
  </si>
  <si>
    <t>【上海电气发电机】支架\Q8C086F1512</t>
  </si>
  <si>
    <t>【上海电气发电机】刷盒座\Q8C147.535</t>
  </si>
  <si>
    <t>【上海电气发电机】连接板\Q8C153F2808</t>
  </si>
  <si>
    <t>【上海电气发电机】垫片\Q8C156.5215</t>
  </si>
  <si>
    <t>【上海电气发电机】补偿垫片\Q8C156.5557</t>
  </si>
  <si>
    <t>【上海电气发电机】补偿垫片\Q8C156.5558.01</t>
  </si>
  <si>
    <t>【上海电气发电机】补偿垫片\Q8C156.5558.02</t>
  </si>
  <si>
    <t>【上海电气发电机】保护管\Q8C175F4513</t>
  </si>
  <si>
    <t>【上海电气发电机】保护管\Q8C175F4514</t>
  </si>
  <si>
    <t>【上海电气发电机】保护管\Q8C175F4515</t>
  </si>
  <si>
    <t>【上海电气发电机】风扇压环\Q8C217.4874</t>
  </si>
  <si>
    <t>【上海电气发电机】定位环\Q8C217F7052</t>
  </si>
  <si>
    <t>【上海电气发电机】定位环\Q8C217F7053</t>
  </si>
  <si>
    <t>【上海电气发电机】叶片\Q8C437.937</t>
  </si>
  <si>
    <t>【上海电气发电机】叶片\Q8C437.938</t>
  </si>
  <si>
    <t>【上海电气发电机】过渡接头\Q8C454.1228</t>
  </si>
  <si>
    <t>【上海电气发电机】接头\Q8C454.1300</t>
  </si>
  <si>
    <t>【上海电气发电机】中性点母线板\Q8C511.2585</t>
  </si>
  <si>
    <t>【上海电气发电机】中性点母线板\Q8C511.2586</t>
  </si>
  <si>
    <t>【上海电气发电机】垫圈\Q8C710.1750</t>
  </si>
  <si>
    <t>【上海电气发电机】垫圈\Q8C710.1751</t>
  </si>
  <si>
    <t>【上海电气发电机】绝缘罩\Q8C770.1065</t>
  </si>
  <si>
    <t>【上海电气发电机】绝缘罩\Q8C770.1066</t>
  </si>
  <si>
    <t>【上海电气发电机】绝缘罩\Q8C770.1467</t>
  </si>
  <si>
    <t>【上海电气发电机】绝缘罩\Q8C770.1468</t>
  </si>
  <si>
    <t>【上海电气发电机】绝缘套(下层)\Q8C772.090</t>
  </si>
  <si>
    <t>【上海电气发电机】绝缘套(下层)\Q8C772.091</t>
  </si>
  <si>
    <t>【上海电气发电机】绝缘套(上层)\Q8C772.092</t>
  </si>
  <si>
    <t>【上海电气发电机】绝缘套(上层)\Q8C772.093</t>
  </si>
  <si>
    <t>【上海电气发电机】夹紧螺栓\Q8C952.348</t>
  </si>
  <si>
    <t>【上海电气发电机】挡风板(励端)\Q8D016F2508</t>
  </si>
  <si>
    <t>【上海电气发电机】挡风板(汽端)\Q8D016F2509</t>
  </si>
  <si>
    <t>【上海电气发电机】挡风板\Q8D016F2519</t>
  </si>
  <si>
    <t>【上海电气发电机】刷盒\Q8D147.534</t>
  </si>
  <si>
    <t>【上海电气发电机】油气分离器\12228590</t>
  </si>
  <si>
    <t>【上海电气发电机】筒体密封垫片\12228591</t>
  </si>
  <si>
    <t>【上海电气发电机】活性氧化铝\12228608</t>
  </si>
  <si>
    <t>【上海电气发电机】活性氧化铝\12228612</t>
  </si>
  <si>
    <t>【上海电气发电机】冷凝疏水阀\12228618</t>
  </si>
  <si>
    <t>【上海电气发电机】湿度露点仪\12228625</t>
  </si>
  <si>
    <t>【上海电气发电机】湿度露点仪传感器\12228626</t>
  </si>
  <si>
    <t>【上海电气发电机】漏氢检测仪\12228454</t>
  </si>
  <si>
    <t>【上海电气发电机】漏氢检测仪\12228657</t>
  </si>
  <si>
    <t>【上海电气发电机】便携式检漏仪\12228455</t>
  </si>
  <si>
    <t>【上海电气发电机】氢气流量计\12228665</t>
  </si>
  <si>
    <t>【上海电气发电机】机械密封\12228460</t>
  </si>
  <si>
    <t>【上海电气发电机】机械密封\12228690</t>
  </si>
  <si>
    <t>【上海电气发电机】组合密封垫\12228695</t>
  </si>
  <si>
    <t>【上海电气发电机】组合密封垫\12228696</t>
  </si>
  <si>
    <t>【上海电气发电机】弹性块\12228698</t>
  </si>
  <si>
    <t>【上海电气发电机】轴承\12228699</t>
  </si>
  <si>
    <t>【上海电气发电机】机械密封\12228705</t>
  </si>
  <si>
    <t>【上海电气发电机】弹性块\12228713</t>
  </si>
  <si>
    <t>【上海电气发电机】轴承\12228714</t>
  </si>
  <si>
    <t>【上海电气发电机】机械密封\12228720</t>
  </si>
  <si>
    <t>【上海电气发电机】弹性块\12228729</t>
  </si>
  <si>
    <t>【上海电气发电机】轴承\12228730</t>
  </si>
  <si>
    <t>【上海电气发电机】机械密封\12228479</t>
  </si>
  <si>
    <t>【上海电气发电机】滤芯\12228843</t>
  </si>
  <si>
    <t>【上海电气发电机】滤芯\12228846</t>
  </si>
  <si>
    <t>【上海电气发电机】滤芯\12228849</t>
  </si>
  <si>
    <t>【上海电气发电机】滤芯\12228852</t>
  </si>
  <si>
    <t>【上海电气发电机】滤芯\12228855</t>
  </si>
  <si>
    <t>【上海电气发电机】滤芯\12228858</t>
  </si>
  <si>
    <t>【上海电气发电机】滤芯\12228861</t>
  </si>
  <si>
    <t>【上海电气发电机】滤芯\12228864</t>
  </si>
  <si>
    <t>【上海电气发电机】滤芯\12228867</t>
  </si>
  <si>
    <t>【上海电气发电机】滤芯\12228872</t>
  </si>
  <si>
    <t>【上海电气发电机】电导率仪\12228488</t>
  </si>
  <si>
    <t>【上海电气发电机】音叉开关\12224044</t>
  </si>
  <si>
    <t>【上海电气发电机】绝缘管\Q8A770.1646</t>
  </si>
  <si>
    <t>【上海电气发电机】定冷水滤芯\12016609</t>
  </si>
  <si>
    <t>【上海电气发电机】垫片\Q8B156.4340</t>
  </si>
  <si>
    <t>【上海电气发电机】密封垫\Q8A370.1317</t>
  </si>
  <si>
    <t>【上海电气发电机】环氧酚醛玻璃布管\3640_13×17 L=33\Q9900000073</t>
  </si>
  <si>
    <t>【上海电气发电机】环氧酚醛玻璃布管\3640_26×30 L=54\Q9900000233</t>
  </si>
  <si>
    <t>【上海电气发电机】环氧酚醛玻璃布管\3640_13×17 L=14\Q9900000075</t>
  </si>
  <si>
    <t>【上海电气发电机】环氧酚醛玻璃布管\3640_34×38 L=84\Q9900000234</t>
  </si>
  <si>
    <t>【上海电气发电机】衬垫\Q8A372.2273</t>
  </si>
  <si>
    <t>【上海电气发电机】垫片\Q8C156.5250</t>
  </si>
  <si>
    <t>【上海电气发电机】蝶型弹簧\16000312</t>
  </si>
  <si>
    <t>【上海电气发电机】蝶型螺母\16000314</t>
  </si>
  <si>
    <t>【上海电气发电机】滤芯\12033761</t>
  </si>
  <si>
    <t>【上海电气发电机】螺杆\16001597</t>
  </si>
  <si>
    <t>【上海电气发电机】输油胶管\19000557</t>
  </si>
  <si>
    <t>【上海电气发电机】铁红绝缘瓷漆\20Kg/桶\16001876</t>
  </si>
  <si>
    <t>【上海电气发电机】定冷水滤芯\12016611</t>
  </si>
  <si>
    <t>【上海电气发电机】环氧玻璃布板\每件44×150\Q9900000267</t>
  </si>
  <si>
    <t>【上海电气发电机】环氧酚醛玻璃布板\每件44×150\Q9900000018</t>
  </si>
  <si>
    <t>【上海电气发电机】环氧玻璃布板\每件44×150\Q9900000036</t>
  </si>
  <si>
    <t>【上海电气发电机】环氧酚醛玻璃布板\每件44×150\Q9900000022</t>
  </si>
  <si>
    <t>【上海电气发电机】环氧玻璃布板\每件44×15\Q9900000037</t>
  </si>
  <si>
    <t>【上海电气发电机】环氧酚醛玻璃布管\53×58  L=60\Q9900000066</t>
  </si>
  <si>
    <t>【上海电气发电机】环氧酚醛玻璃布管\9×13 L=20\Q9900000057</t>
  </si>
  <si>
    <t>【上海电气发电机】环氧玻璃布板\16000678</t>
  </si>
  <si>
    <t>【上海电气发电机】滤芯\12028313</t>
  </si>
  <si>
    <t>【上海电气发电机】滤芯\12028312</t>
  </si>
  <si>
    <t>【上海电气发电机】镀锌标准型弹簧垫圈\14002534</t>
  </si>
  <si>
    <t>【上海电气发电机】镀锌钢六角螺栓\M24×120_8.8_GB5782\14003141</t>
  </si>
  <si>
    <t>【上海电气发电机】镀锌外舌止动垫圈_10_GB856\14003667</t>
  </si>
  <si>
    <t>【上海电气发电机】非磁性镀锡绑扎钢丝\φ1.5  L=152\Q9900000320</t>
  </si>
  <si>
    <t>【上海电气发电机】密封圈\19007484</t>
  </si>
  <si>
    <t>【上海电气发电机】密封圈\19007485</t>
  </si>
  <si>
    <t>【上海电气发电机】板\Q8B152.2111</t>
  </si>
  <si>
    <t>【上海电气发电机】钢平垫圈\14005519</t>
  </si>
  <si>
    <t>【上海电气发电机】钢平垫圈\14005524</t>
  </si>
  <si>
    <t>【上海电气发电机】镀锌单耳止动垫圈\14002559</t>
  </si>
  <si>
    <t>【上海电气发电机】衬垫\Q8A156.3796</t>
  </si>
  <si>
    <t>【上海电气发电机】垫圈\Q8A950.924</t>
  </si>
  <si>
    <t>【上海电气发电机】六角螺栓\14003129</t>
  </si>
  <si>
    <t>【上海电气发电机】密封圈\Q8A371.495</t>
  </si>
  <si>
    <t>【上海电气】重型尼龙管夹\THNS1-220\12013771</t>
  </si>
  <si>
    <t>【上海电气】重型特氟隆管夹\THNS1-460.3B_KUN664.03\12013772</t>
  </si>
  <si>
    <t>【上海电气】环氧酚醛玻璃布管每件长21\3640_13×17\16000941</t>
  </si>
  <si>
    <t>【上海电气】环氧酚醛玻璃布管每件长111\3640_16.5×19.5\16000957</t>
  </si>
  <si>
    <t>【上海电气】环氧酚醛玻璃布管每件长38\3640_25×30\16001028</t>
  </si>
  <si>
    <t>【上海电气】环氧酚醛玻璃布管每件长59\3640_25×30\16001028</t>
  </si>
  <si>
    <t>【上海电气】碟形弹簧\8.2×0.9\13001097</t>
  </si>
  <si>
    <t>【上海电气】塞子\Q8A322.691</t>
  </si>
  <si>
    <t>【上海电气】垫圈\Q8A950.1108</t>
  </si>
  <si>
    <t>【上海电气】滤芯补水过滤器用\SGLQB-1000A\12033373</t>
  </si>
  <si>
    <t>【上海电气】滤芯水过滤器用\SGLQ-1000A\12033374</t>
  </si>
  <si>
    <t>【上海电气】定冷水滤芯\SG-65/0.7\12016608</t>
  </si>
  <si>
    <t>【上海电气汽轮机】 六角头螺栓\0.1030B-90-M16X40</t>
  </si>
  <si>
    <t>上海汽轮机厂</t>
  </si>
  <si>
    <t>WZSCCG-2020-BJ-018</t>
  </si>
  <si>
    <t>国家能源e购商城 上海电气汽轮机备件商城铺货长协</t>
  </si>
  <si>
    <t>【上海电气汽轮机】 六角头螺栓\0.1030B-90-M18X170</t>
  </si>
  <si>
    <t>【上海电气汽轮机】 六角头螺栓\0.1030B-90-M27X190</t>
  </si>
  <si>
    <t>【上海电气汽轮机】 六角头螺栓\0.1030B-90-M30X50</t>
  </si>
  <si>
    <t>【上海电气汽轮机】 六角头螺栓\0.1030B-90-M30X70</t>
  </si>
  <si>
    <t>【上海电气汽轮机】 六角头螺栓\0.1030B-90-M33X2X120</t>
  </si>
  <si>
    <t>【上海电气汽轮机】 六角头螺栓\0.1030B-90-M36X3X100</t>
  </si>
  <si>
    <t>【上海电气汽轮机】 六角头螺栓\0.1030B-90-M36X3X170</t>
  </si>
  <si>
    <t>【上海电气汽轮机】 六角头螺栓\0.1030B-90-M39X3X280</t>
  </si>
  <si>
    <t>【上海电气汽轮机】 双头螺柱\0.1040B-90-M16X45</t>
  </si>
  <si>
    <t>【上海电气汽轮机】 双头螺柱\0.1040B-90-M20X45</t>
  </si>
  <si>
    <t>【上海电气汽轮机】 双头螺柱\0.1040B-90-M22X70</t>
  </si>
  <si>
    <t>【上海电气汽轮机】 双头螺柱\0.1040B-90-M24X70</t>
  </si>
  <si>
    <t>【上海电气汽轮机】 双头螺柱\0.1040B-90-M27X70</t>
  </si>
  <si>
    <t>【上海电气汽轮机】 双头螺柱\0.1040C-90-M20X95</t>
  </si>
  <si>
    <t>【上海电气汽轮机】 双头螺柱\0.1040C-90-M27X80</t>
  </si>
  <si>
    <t>【上海电气汽轮机】 双头螺柱\0.1040C-90-M30X110</t>
  </si>
  <si>
    <t>【上海电气汽轮机】 双头螺柱\0.1040C-90-M30X60</t>
  </si>
  <si>
    <t>【上海电气汽轮机】 法兰螺栓\0.1045D-90-M20X120</t>
  </si>
  <si>
    <t>【上海电气汽轮机】 内六角圆柱头螺钉\0.1050B-90-M16X45</t>
  </si>
  <si>
    <t>【上海电气汽轮机】 内六角圆柱头螺钉\0.1050B-90-M20X130</t>
  </si>
  <si>
    <t>【上海电气汽轮机】 内六角圆柱头螺钉\0.1050B-90-M20X140</t>
  </si>
  <si>
    <t>【上海电气汽轮机】 内六角圆柱头螺钉\0.1050B-90-M20X60</t>
  </si>
  <si>
    <t>【上海电气汽轮机】 内六角圆柱头螺钉\0.1050B-90-M20X90</t>
  </si>
  <si>
    <t>【上海电气汽轮机】 内六角圆柱头螺钉\0.1050B-90-M27X45</t>
  </si>
  <si>
    <t>【上海电气汽轮机】 内六角圆柱头螺钉\0.1050B-90-M27X50</t>
  </si>
  <si>
    <t>【上海电气汽轮机】 六角头圆柱端紧定螺钉\0.1060B-90-M30X140</t>
  </si>
  <si>
    <t>【上海电气汽轮机】 1型六角螺母\0.1200B-90-M20</t>
  </si>
  <si>
    <t>【上海电气汽轮机】 1型六角螺母\0.1200B-90-M24</t>
  </si>
  <si>
    <t>【上海电气汽轮机】 1型六角螺母\0.1200B-90-M27</t>
  </si>
  <si>
    <t>【上海电气汽轮机】 1型六角螺母\0.1200B-90-M30</t>
  </si>
  <si>
    <t>【上海电气汽轮机】 1型六角螺母\0.1200B-90-M36X3</t>
  </si>
  <si>
    <t>【上海电气汽轮机】 1型六角螺母\0.1200B-90-M39X3</t>
  </si>
  <si>
    <t>【上海电气汽轮机】 1型六角螺母\0.1200C-90-M27</t>
  </si>
  <si>
    <t>【上海电气汽轮机】 2型六角螺母\0.1202B-90-M36X3</t>
  </si>
  <si>
    <t>【上海电气汽轮机】 2型六角螺母\0.1202D-90-M24</t>
  </si>
  <si>
    <t>【上海电气汽轮机】 罩盖螺母\0.1208C-90-M42X3</t>
  </si>
  <si>
    <t>【上海电气汽轮机】 球面垫圈\0.1314B-90-72</t>
  </si>
  <si>
    <t>【上海电气汽轮机】 锥面垫圈\0.1315B-90-72</t>
  </si>
  <si>
    <t>【上海电气汽轮机】 圆柱销\0.1501B-90-20X140</t>
  </si>
  <si>
    <t>【上海电气汽轮机】 圆柱销\0.1501B-90-20X150</t>
  </si>
  <si>
    <t>【上海电气汽轮机】 垫片\0.2138I-96-DN50</t>
  </si>
  <si>
    <t>【上海电气汽轮机】 压板\1.1416C-90-36X20</t>
  </si>
  <si>
    <t>【上海电气汽轮机】 悬挂销\1.1505C-90-φ30X39</t>
  </si>
  <si>
    <t>【上海电气汽轮机】 悬挂销\1.1505C-90-φ50X60</t>
  </si>
  <si>
    <t>【上海电气汽轮机】 平端紧定螺钉M10X10\110.25.01.33</t>
  </si>
  <si>
    <t>【上海电气汽轮机】 锥面垫圈\143.36.03.03</t>
  </si>
  <si>
    <t>【上海电气汽轮机】 罩盖螺母M24X2\143.36.03.04</t>
  </si>
  <si>
    <t>【上海电气汽轮机】 沉头螺钉\151.02.17.07(1)</t>
  </si>
  <si>
    <t>【上海电气汽轮机】 动平衡用重量块\151.24.01.61</t>
  </si>
  <si>
    <t>【上海电气汽轮机】 平衡螺塞(机组动平衡用)\152.24.01.37</t>
  </si>
  <si>
    <t>【上海电气汽轮机】 双头螺栓M36X3\153.01.71.04</t>
  </si>
  <si>
    <t>【上海电气汽轮机】 垫片\153.01.71.05</t>
  </si>
  <si>
    <t>【上海电气汽轮机】 阀座\153.30.62.02</t>
  </si>
  <si>
    <t>【上海电气汽轮机】 喷嘴\153.70.03.03</t>
  </si>
  <si>
    <t>【上海电气汽轮机】 内六角螺钉\155.01.58.03</t>
  </si>
  <si>
    <t>【上海电气汽轮机】 活塞环\155.01.71.27</t>
  </si>
  <si>
    <t>【上海电气汽轮机】 双头螺栓M60X3XX465\155.01.82.04</t>
  </si>
  <si>
    <t>【上海电气汽轮机】 汽封环\155.05.21.01</t>
  </si>
  <si>
    <t>【上海电气汽轮机】 键\155.06.01.02</t>
  </si>
  <si>
    <t>【上海电气汽轮机】 汽封环\155.06.01.03</t>
  </si>
  <si>
    <t>【上海电气汽轮机】 汽封环\155.06.01.06</t>
  </si>
  <si>
    <t>【上海电气汽轮机】 汽封环\155.06.01.07</t>
  </si>
  <si>
    <t>【上海电气汽轮机】 带轴肩圆柱头内六角螺钉\155.06.01.08</t>
  </si>
  <si>
    <t>【上海电气汽轮机】 内六角螺钉\155.06.01.09</t>
  </si>
  <si>
    <t>【上海电气汽轮机】 双头螺柱\155.06.01.10</t>
  </si>
  <si>
    <t>【上海电气汽轮机】 垫片\155.06.02.06</t>
  </si>
  <si>
    <t>【上海电气汽轮机】 中压第十二级隔板汽封环\155.06.42.06</t>
  </si>
  <si>
    <t>【上海电气汽轮机】 中压第十三级隔板汽封环\155.06.42.07</t>
  </si>
  <si>
    <t>【上海电气汽轮机】 中压第十四级隔板汽封环\155.06.42.08</t>
  </si>
  <si>
    <t>【上海电气汽轮机】 中压第十五级隔板汽封环\155.06.42.09</t>
  </si>
  <si>
    <t>【上海电气汽轮机】 中压第十六级隔板汽封环\155.06.42.10</t>
  </si>
  <si>
    <t>【上海电气汽轮机】 弹簧片\155.06.42.11</t>
  </si>
  <si>
    <t>【上海电气汽轮机】 弹簧片\155.06.42.12</t>
  </si>
  <si>
    <t>【上海电气汽轮机】 弹簧片\155.06.42.13</t>
  </si>
  <si>
    <t>【上海电气汽轮机】 专用销φ5.94X50\155.06.42.14</t>
  </si>
  <si>
    <t>【上海电气汽轮机】 直销\155.06.42.15</t>
  </si>
  <si>
    <t>【上海电气汽轮机】 中压第十七级持环汽封环\155.06.43.01</t>
  </si>
  <si>
    <t>【上海电气汽轮机】 中压第十八级持环汽封环\155.06.43.02</t>
  </si>
  <si>
    <t>【上海电气汽轮机】 中压第十九级持环汽封环\155.06.43.03</t>
  </si>
  <si>
    <t>【上海电气汽轮机】 中压第二十级持环汽封环\155.06.43.04</t>
  </si>
  <si>
    <t>【上海电气汽轮机】 中压第十七级隔板汽封环\155.06.43.05</t>
  </si>
  <si>
    <t>【上海电气汽轮机】 中压第十八级隔板汽封环\155.06.43.06</t>
  </si>
  <si>
    <t>【上海电气汽轮机】 中压第十九级隔板汽封环\155.06.43.07</t>
  </si>
  <si>
    <t>【上海电气汽轮机】 中压第二十级隔板汽封环\155.06.43.08</t>
  </si>
  <si>
    <t>【上海电气汽轮机】 弹簧片\155.06.43.09</t>
  </si>
  <si>
    <t>【上海电气汽轮机】 弹簧片\155.06.43.10</t>
  </si>
  <si>
    <t>【上海电气汽轮机】 中压第二十一级持环汽封环\155.06.44.01</t>
  </si>
  <si>
    <t>【上海电气汽轮机】 中压第二十二级持环汽封环\155.06.44.02</t>
  </si>
  <si>
    <t>【上海电气汽轮机】 中压第二十三级持环汽封环\155.06.44.03</t>
  </si>
  <si>
    <t>【上海电气汽轮机】 中压第二十一级隔板汽封环\155.06.44.04</t>
  </si>
  <si>
    <t>【上海电气汽轮机】 中压第二十二级隔板汽封环\155.06.44.05</t>
  </si>
  <si>
    <t>【上海电气汽轮机】 中压第二十三级隔板汽封环\155.06.44.06</t>
  </si>
  <si>
    <t>【上海电气汽轮机】 弹簧片\155.06.44.07</t>
  </si>
  <si>
    <t>【上海电气汽轮机】 弹簧片\155.06.44.08</t>
  </si>
  <si>
    <t>【上海电气汽轮机】 低压第三级持环汽封环\155.06.45.01</t>
  </si>
  <si>
    <t>【上海电气汽轮机】 低压第二级持环汽封环\155.06.45.02</t>
  </si>
  <si>
    <t>【上海电气汽轮机】 低压第一级持环汽封环\155.06.45.03</t>
  </si>
  <si>
    <t>【上海电气汽轮机】 低压第三级隔板汽封环(电机端)\155.06.45.04</t>
  </si>
  <si>
    <t>【上海电气汽轮机】 低压第二级隔板汽封环(电机端)\155.06.45.05</t>
  </si>
  <si>
    <t>【上海电气汽轮机】 低压第三级隔板汽封环(调阀端)\155.06.45.06</t>
  </si>
  <si>
    <t>【上海电气汽轮机】 低压第二级隔板汽封环(调阀端)\155.06.45.07</t>
  </si>
  <si>
    <t>【上海电气汽轮机】 汽封弹簧片\155.06.71.04</t>
  </si>
  <si>
    <t>【上海电气汽轮机】 推力瓦块\155.08.03.01</t>
  </si>
  <si>
    <t>【上海电气汽轮机】 销钉\155.08.72.07</t>
  </si>
  <si>
    <t>【上海电气汽轮机】 轴承瓦块\155.08.72.09</t>
  </si>
  <si>
    <t>【上海电气汽轮机】 油封环\155.08.72.17</t>
  </si>
  <si>
    <t>【上海电气汽轮机】 盘车大齿轮\155.24.03.03</t>
  </si>
  <si>
    <t>【上海电气汽轮机】 阀杆\155.30.81.24</t>
  </si>
  <si>
    <t>【上海电气汽轮机】 阀碟\155.30.81.25</t>
  </si>
  <si>
    <t>【上海电气汽轮机】 联轴器\155.33.15.36</t>
  </si>
  <si>
    <t>【上海电气汽轮机】 限位组件\155.33.15.37</t>
  </si>
  <si>
    <t>【上海电气汽轮机】 六角头螺栓\155.60.22.37</t>
  </si>
  <si>
    <t>【上海电气汽轮机】 垫片\155.60.22.47</t>
  </si>
  <si>
    <t>【上海电气汽轮机】 垫片\155.60.22.49</t>
  </si>
  <si>
    <t>【上海电气汽轮机】 推力瓦块\A156.08.03.07</t>
  </si>
  <si>
    <t>【上海电气汽轮机】 垫块\A156.08.03.08</t>
  </si>
  <si>
    <t>【上海电气汽轮机】 油封环(右旋)\A156.08.03.11</t>
  </si>
  <si>
    <t>【上海电气汽轮机】 定位螺钉\156.08.03.14(1)</t>
  </si>
  <si>
    <t>【上海电气汽轮机】 紧定螺钉M27\156.08.03.19(1)</t>
  </si>
  <si>
    <t>【上海电气汽轮机】 油缸\156.30.64.04</t>
  </si>
  <si>
    <t>【上海电气汽轮机】 活塞杆\156.30.64.05</t>
  </si>
  <si>
    <t>【上海电气汽轮机】 座圈\156.30.64.11</t>
  </si>
  <si>
    <t>【上海电气汽轮机】 叶轮\156.70.01.08(1)</t>
  </si>
  <si>
    <t>【上海电气汽轮机】 弹簧保护环\156.70.01.21(1)</t>
  </si>
  <si>
    <t>【上海电气汽轮机】 可调逆止阀\156.73.01.78(1)</t>
  </si>
  <si>
    <t>【上海电气汽轮机】 衬垫\157.08.01.03</t>
  </si>
  <si>
    <t>【上海电气汽轮机】 垫销\157.08.01.04</t>
  </si>
  <si>
    <t>【上海电气汽轮机】 衬垫\157.08.01.05</t>
  </si>
  <si>
    <t>【上海电气汽轮机】 衬垫\157.08.01.06</t>
  </si>
  <si>
    <t>【上海电气汽轮机】 内六角铰制螺钉\157.08.02.14</t>
  </si>
  <si>
    <t>【上海电气汽轮机】 垫片组\157.08.02.20</t>
  </si>
  <si>
    <t>【上海电气汽轮机】 推力瓦块\157.08.03.02</t>
  </si>
  <si>
    <t>【上海电气汽轮机】 衬套1/2"-NPT\157.08.03.03</t>
  </si>
  <si>
    <t>【上海电气汽轮机】 套管\157.08.03.04</t>
  </si>
  <si>
    <t>【上海电气汽轮机】 推力瓦块\157.08.03.05</t>
  </si>
  <si>
    <t>【上海电气汽轮机】 球面圆柱头螺钉\157.08.03.06</t>
  </si>
  <si>
    <t>【上海电气汽轮机】 定位键\157.08.03.07</t>
  </si>
  <si>
    <t>【上海电气汽轮机】 调整垫环\157.08.03.08</t>
  </si>
  <si>
    <t>【上海电气汽轮机】 定位销\157.08.03.09</t>
  </si>
  <si>
    <t>【上海电气汽轮机】 推力环\157.08.03.11</t>
  </si>
  <si>
    <t>【上海电气汽轮机】 定位螺钉\157.08.03.13</t>
  </si>
  <si>
    <t>【上海电气汽轮机】 均压垫块\157.08.03.14</t>
  </si>
  <si>
    <t>【上海电气汽轮机】 均压垫块\157.08.03.15</t>
  </si>
  <si>
    <t>【上海电气汽轮机】 推力瓦块\157.08.03.16</t>
  </si>
  <si>
    <t>【上海电气汽轮机】 垫块\157.08.03.17</t>
  </si>
  <si>
    <t>【上海电气汽轮机】 推力瓦块\157.08.03.18</t>
  </si>
  <si>
    <t>【上海电气汽轮机】 推力瓦块\157.08.03.19</t>
  </si>
  <si>
    <t>【上海电气汽轮机】 联轴器螺栓\157.24.01.03</t>
  </si>
  <si>
    <t>【上海电气汽轮机】 联轴器垫片\157.24.01.04</t>
  </si>
  <si>
    <t>【上海电气汽轮机】 键\166.01.01.04</t>
  </si>
  <si>
    <t>【上海电气汽轮机】 键\166.01.01.05</t>
  </si>
  <si>
    <t>【上海电气汽轮机】 定位螺栓\180.01.27.37</t>
  </si>
  <si>
    <t>【上海电气汽轮机】 铅板\180.01.27.50</t>
  </si>
  <si>
    <t>【上海电气汽轮机】 汽封弹簧片\180.05.21.10</t>
  </si>
  <si>
    <t>【上海电气汽轮机】 弹簧片\180.12.21.35</t>
  </si>
  <si>
    <t>【上海电气汽轮机】 专用螺栓\191.05.22.15</t>
  </si>
  <si>
    <t>【上海电气汽轮机】 锁紧垫片\191.05.22.16</t>
  </si>
  <si>
    <t>【上海电气汽轮机】 专用螺钉\191.06.42.15</t>
  </si>
  <si>
    <t>【上海电气汽轮机】 板弹簧\191.06.42.20</t>
  </si>
  <si>
    <t>【上海电气汽轮机】 板弹簧\191.06.42.21</t>
  </si>
  <si>
    <t>【上海电气汽轮机】 板弹簧\191.06.42.22</t>
  </si>
  <si>
    <t>【上海电气汽轮机】 板弹簧\191.06.42.23</t>
  </si>
  <si>
    <t>【上海电气汽轮机】 板弹簧\191.06.43.07</t>
  </si>
  <si>
    <t>【上海电气汽轮机】 板弹簧\191.06.43.08</t>
  </si>
  <si>
    <t>【上海电气汽轮机】 瓦块\191.08.20.05(1)G01</t>
  </si>
  <si>
    <t>【上海电气汽轮机】 防转销\191.08.20.07(1)</t>
  </si>
  <si>
    <t>【上海电气汽轮机】 瓦块支撑垫片\191.08.20.08(1)</t>
  </si>
  <si>
    <t>【上海电气汽轮机】 瓦块支撑垫块\191.08.20.09(1)</t>
  </si>
  <si>
    <t>【上海电气汽轮机】 瓦块支点限位销(带顶轴油接口)\191.08.20.10(1)</t>
  </si>
  <si>
    <t>【上海电气汽轮机】 支撑垫块\191.08.20.17(1)</t>
  </si>
  <si>
    <t>【上海电气汽轮机】 支撑垫片\191.08.20.18(1)G01</t>
  </si>
  <si>
    <t>【上海电气汽轮机】 支撑垫块(带节流孔)\191.08.20.19(1)</t>
  </si>
  <si>
    <t>【上海电气汽轮机】 支撑垫片(带节流孔)\191.08.20.20(1)G01</t>
  </si>
  <si>
    <t>【上海电气汽轮机】 节流孔板\191.08.20.21(1)</t>
  </si>
  <si>
    <t>【上海电气汽轮机】 进油管\191.08.20.22(1)</t>
  </si>
  <si>
    <t>【上海电气汽轮机】 瓦块装配\191.08.21.01(1)G01</t>
  </si>
  <si>
    <t>【上海电气汽轮机】 瓦块(带测点)\191.08.21.02(1)G01</t>
  </si>
  <si>
    <t>【上海电气汽轮机】 瓦块支撑垫块\191.08.21.03(1)</t>
  </si>
  <si>
    <t>【上海电气汽轮机】 汽封环\192.01.36.02</t>
  </si>
  <si>
    <t>【上海电气汽轮机】 低压第五级持环汽封环\192.06.44.01</t>
  </si>
  <si>
    <t>【上海电气汽轮机】 弹簧片\192.06.44.02</t>
  </si>
  <si>
    <t>【上海电气汽轮机】 低压第六级汽封环\192.06.46.01</t>
  </si>
  <si>
    <t>【上海电气汽轮机】 密封环\90.156.01.71.11(1)</t>
  </si>
  <si>
    <t>【上海电气汽轮机】 钟罩式汽封体\90.A156.01.71.01(2)G01</t>
  </si>
  <si>
    <t>【上海电气汽轮机】 汽封环压圈\90.A156.01.71.03(2)G01</t>
  </si>
  <si>
    <t>【上海电气汽轮机】 汽封环压板\A152.06.01.04(3)</t>
  </si>
  <si>
    <t>【上海电气汽轮机】 限位螺栓M8\A152.06.01.10(1)</t>
  </si>
  <si>
    <t>【上海电气汽轮机】 限位螺栓M10\A152.06.01.11(1)</t>
  </si>
  <si>
    <t>【上海电气汽轮机】 悬挂销\A152.06.01.12(1)</t>
  </si>
  <si>
    <t>【上海电气汽轮机】 悬挂销\A152.06.01.14(1)</t>
  </si>
  <si>
    <t>【上海电气汽轮机】 汽封环定位销\A155.01.71.02(1)</t>
  </si>
  <si>
    <t>【上海电气汽轮机】 钟罩式汽封环压圈\A155.01.71.10(1)G01</t>
  </si>
  <si>
    <t>【上海电气汽轮机】 平垫圈\A155.01.71.15(1)</t>
  </si>
  <si>
    <t>【上海电气汽轮机】 螺柱M39X3X350\A155.60.22.35</t>
  </si>
  <si>
    <t>【上海电气汽轮机】 右侧上部垫片\A156.01.09.06</t>
  </si>
  <si>
    <t>【上海电气汽轮机】 左侧上部垫片\A156.01.09.07</t>
  </si>
  <si>
    <t>【上海电气汽轮机】 右侧下部垫片\A156.01.09.08</t>
  </si>
  <si>
    <t>【上海电气汽轮机】 左侧下部垫片\A156.01.09.09</t>
  </si>
  <si>
    <t>【上海电气汽轮机】 垫片\A156.01.14.31</t>
  </si>
  <si>
    <t>【上海电气汽轮机】 专用定位螺栓\A156.01.14.32</t>
  </si>
  <si>
    <t>【上海电气汽轮机】 特殊螺母\A156.01.14.33</t>
  </si>
  <si>
    <t>【上海电气汽轮机】 销子\A156.01.14.37</t>
  </si>
  <si>
    <t>【上海电气汽轮机】 销子\A156.01.14.39</t>
  </si>
  <si>
    <t>【上海电气汽轮机】 压板\A156.01.14.40</t>
  </si>
  <si>
    <t>【上海电气汽轮机】 垫片\A156.01.14.41</t>
  </si>
  <si>
    <t>【上海电气汽轮机】 定位销\A156.01.14.42</t>
  </si>
  <si>
    <t>【上海电气汽轮机】 密封环半环\A156.01.14.43</t>
  </si>
  <si>
    <t>【上海电气汽轮机】 套筒\A156.01.14.48</t>
  </si>
  <si>
    <t>【上海电气汽轮机】 偏心销套\A156.01.14.50</t>
  </si>
  <si>
    <t>【上海电气汽轮机】 节流孔塞\A156.01.17.10</t>
  </si>
  <si>
    <t>【上海电气汽轮机】 偏心定位销\A156.01.17.12</t>
  </si>
  <si>
    <t>【上海电气汽轮机】 弹簧垫圈\A156.01.24.47</t>
  </si>
  <si>
    <t>【上海电气汽轮机】 螺杆\A156.01.24.55</t>
  </si>
  <si>
    <t>【上海电气汽轮机】 定位螺栓\A156.01.24.64</t>
  </si>
  <si>
    <t>【上海电气汽轮机】 偏心垫圈\A156.01.24.65</t>
  </si>
  <si>
    <t>【上海电气汽轮机】 偏心衬套\A156.01.24.66</t>
  </si>
  <si>
    <t>【上海电气汽轮机】 垫片\A156.01.24.68</t>
  </si>
  <si>
    <t>【上海电气汽轮机】 定位螺栓\A156.01.24.73</t>
  </si>
  <si>
    <t>【上海电气汽轮机】 垫片\A156.01.24.77</t>
  </si>
  <si>
    <t>【上海电气汽轮机】 铅板\A156.01.24.78</t>
  </si>
  <si>
    <t>【上海电气汽轮机】 螺钉M6X29\A156.01.24.92</t>
  </si>
  <si>
    <t>【上海电气汽轮机】 密封半环\A156.01.36.03</t>
  </si>
  <si>
    <t>【上海电气汽轮机】 支承键\A156.01.36.04</t>
  </si>
  <si>
    <t>【上海电气汽轮机】 支承键\A156.01.36.05</t>
  </si>
  <si>
    <t>【上海电气汽轮机】 支承键\A156.01.56.03</t>
  </si>
  <si>
    <t>【上海电气汽轮机】 上垫片\A156.01.56.04</t>
  </si>
  <si>
    <t>【上海电气汽轮机】 下垫片(右)\A156.01.56.05</t>
  </si>
  <si>
    <t>【上海电气汽轮机】 下垫片(左)\A156.01.56.06</t>
  </si>
  <si>
    <t>【上海电气汽轮机】 垫圈\A156.01.71.02</t>
  </si>
  <si>
    <t>【上海电气汽轮机】 端头\A156.01.71.04</t>
  </si>
  <si>
    <t>【上海电气汽轮机】 内缸平衡孔塞\A156.01.71.06</t>
  </si>
  <si>
    <t>【上海电气汽轮机】 螺塞\A156.01.71.07</t>
  </si>
  <si>
    <t>【上海电气汽轮机】 持环平衡孔塞\A156.01.71.08</t>
  </si>
  <si>
    <t>【上海电气汽轮机】 螺塞\A156.01.71.09</t>
  </si>
  <si>
    <t>【上海电气汽轮机】 垫片\A156.01.71.27</t>
  </si>
  <si>
    <t>【上海电气汽轮机】 热电偶套管\A156.01.71.54</t>
  </si>
  <si>
    <t>【上海电气汽轮机】 汽封环定位销\A156.01.71.61</t>
  </si>
  <si>
    <t>【上海电气汽轮机】 钟罩式汽封环压圈\A156.01.71.69</t>
  </si>
  <si>
    <t>【上海电气汽轮机】 钟罩式汽封环\A156.01.71.72</t>
  </si>
  <si>
    <t>【上海电气汽轮机】 专用销\A156.01.71.74</t>
  </si>
  <si>
    <t>【上海电气汽轮机】 垫片\A156.01.71.87</t>
  </si>
  <si>
    <t>【上海电气汽轮机】 定位销\A156.01.81.19</t>
  </si>
  <si>
    <t>【上海电气汽轮机】 定位销销体\A156.01.81.20</t>
  </si>
  <si>
    <t>【上海电气汽轮机】 定位销头部\A156.01.81.21</t>
  </si>
  <si>
    <t>【上海电气汽轮机】 定位销\A156.01.81.22</t>
  </si>
  <si>
    <t>【上海电气汽轮机】 定位销销体\A156.01.81.23</t>
  </si>
  <si>
    <t>【上海电气汽轮机】 定位销头部\A156.01.81.24</t>
  </si>
  <si>
    <t>【上海电气汽轮机】 支承键\A156.01.81.25</t>
  </si>
  <si>
    <t>【上海电气汽轮机】 垫片\A156.01.81.26</t>
  </si>
  <si>
    <t>【上海电气汽轮机】 热电偶套管\A156.01.81.27</t>
  </si>
  <si>
    <t>【上海电气汽轮机】 冲动室压力连接管\A156.01.81.33</t>
  </si>
  <si>
    <t>【上海电气汽轮机】 专用悬挂螺钉\A156.01.81.35</t>
  </si>
  <si>
    <t>【上海电气汽轮机】 活塞环\A156.01.82.01(1)</t>
  </si>
  <si>
    <t>【上海电气汽轮机】 静叶持环和平衡环定位销\A156.01.82.03</t>
  </si>
  <si>
    <t>【上海电气汽轮机】 销子头部\A156.01.82.04</t>
  </si>
  <si>
    <t>【上海电气汽轮机】 销子\A156.01.82.05</t>
  </si>
  <si>
    <t>【上海电气汽轮机】 定位销(专用)\A156.01.82.06</t>
  </si>
  <si>
    <t>【上海电气汽轮机】 垫片\A156.01.82.08</t>
  </si>
  <si>
    <t>【上海电气汽轮机】 支承键\A156.01.82.09</t>
  </si>
  <si>
    <t>【上海电气汽轮机】 销\A156.04.01.01</t>
  </si>
  <si>
    <t>【上海电气汽轮机】 锁紧垫片\A156.05.21.07</t>
  </si>
  <si>
    <t>【上海电气汽轮机】 调整垫片\A156.05.21.09</t>
  </si>
  <si>
    <t>【上海电气汽轮机】 专用定位销\A156.05.21.10</t>
  </si>
  <si>
    <t>【上海电气汽轮机】 汽封环\A156.05.21.11</t>
  </si>
  <si>
    <t>【上海电气汽轮机】 汽封弹簧片\A156.05.21.12</t>
  </si>
  <si>
    <t>【上海电气汽轮机】 垫圈\A156.05.21.13</t>
  </si>
  <si>
    <t>【上海电气汽轮机】 调整销\A156.05.22.19</t>
  </si>
  <si>
    <t>【上海电气汽轮机】 偏心套筒\A156.05.22.20</t>
  </si>
  <si>
    <t>【上海电气汽轮机】 偏心销\A156.05.22.21</t>
  </si>
  <si>
    <t>【上海电气汽轮机】 定位圆柱销\A156.06.02.05</t>
  </si>
  <si>
    <t>【上海电气汽轮机】 键\A156.06.02.06</t>
  </si>
  <si>
    <t>【上海电气汽轮机】 汽封弹簧片\A156.06.02.08</t>
  </si>
  <si>
    <t>【上海电气汽轮机】 垫片(燕尾结合)\A156.06.02.11</t>
  </si>
  <si>
    <t>【上海电气汽轮机】 汽封环\A156.06.02.12</t>
  </si>
  <si>
    <t>【上海电气汽轮机】 汽封弹簧片\A156.06.02.13</t>
  </si>
  <si>
    <t>【上海电气汽轮机】 汽封环\A156.06.02.14</t>
  </si>
  <si>
    <t>【上海电气汽轮机】 汽封弹簧片\A156.06.02.15</t>
  </si>
  <si>
    <t>【上海电气汽轮机】 压板\A156.06.02.16</t>
  </si>
  <si>
    <t>【上海电气汽轮机】 内六角螺栓\A156.06.02.17</t>
  </si>
  <si>
    <t>【上海电气汽轮机】 汽封环\A156.06.33.02</t>
  </si>
  <si>
    <t>【上海电气汽轮机】 汽封环\A156.06.33.03</t>
  </si>
  <si>
    <t>【上海电气汽轮机】 燕尾结合式垫片\A156.06.33.07</t>
  </si>
  <si>
    <t>【上海电气汽轮机】 弹簧\A156.06.41.11</t>
  </si>
  <si>
    <t>【上海电气汽轮机】 专用销\A156.06.41.12</t>
  </si>
  <si>
    <t>【上海电气汽轮机】 螺钉\A156.06.42.11</t>
  </si>
  <si>
    <t>【上海电气汽轮机】 弹簧片\A156.06.42.12</t>
  </si>
  <si>
    <t>【上海电气汽轮机】 汽封弹簧片\A156.06.42.13</t>
  </si>
  <si>
    <t>【上海电气汽轮机】 汽封弹簧片\H156.06.71.05</t>
  </si>
  <si>
    <t>【上海电气汽轮机】 低压第五级持环汽封环\A156.06.46.01</t>
  </si>
  <si>
    <t>【上海电气汽轮机】 弹簧片\A156.06.63.03</t>
  </si>
  <si>
    <t>【上海电气汽轮机】 专用悬挂螺钉\A156.06.63.05</t>
  </si>
  <si>
    <t>【上海电气汽轮机】 汽封弹簧片\A156.06.71.04</t>
  </si>
  <si>
    <t>【上海电气汽轮机】 下半垫片\A156.06.71.05</t>
  </si>
  <si>
    <t>【上海电气汽轮机】 下半垫片\A156.06.71.06</t>
  </si>
  <si>
    <t>【上海电气汽轮机】 焊接螺栓M6\A156.07.01.100</t>
  </si>
  <si>
    <t>【上海电气汽轮机】 前轴承座(内侧)油封\A156.07.31.01</t>
  </si>
  <si>
    <t>【上海电气汽轮机】 圆柱销12X35\A156.07.31.04</t>
  </si>
  <si>
    <t>【上海电气汽轮机】 油封体\A156.07.32.03</t>
  </si>
  <si>
    <t>【上海电气汽轮机】 轴承挡油环\A156.07.33.01</t>
  </si>
  <si>
    <t>【上海电气汽轮机】 专用螺钉\A156.07.41.03</t>
  </si>
  <si>
    <t>【上海电气汽轮机】 垫片\A156.07.41.05</t>
  </si>
  <si>
    <t>【上海电气汽轮机】 垫片\A156.07.41.07</t>
  </si>
  <si>
    <t>【上海电气汽轮机】 衬环\A156.08.03.02</t>
  </si>
  <si>
    <t>【上海电气汽轮机】 定位销\A156.08.03.03</t>
  </si>
  <si>
    <t>【上海电气汽轮机】 均压垫块\A156.08.03.04</t>
  </si>
  <si>
    <t>【上海电气汽轮机】 均压垫块\A156.08.03.05</t>
  </si>
  <si>
    <t>【上海电气汽轮机】 推力瓦块\A156.08.03.06</t>
  </si>
  <si>
    <t>【上海电气汽轮机】 推力瓦块\A156.08.03.09</t>
  </si>
  <si>
    <t>【上海电气汽轮机】 油封环(左旋)\A156.08.03.10</t>
  </si>
  <si>
    <t>【上海电气汽轮机】 调整垫环\A156.08.03.12</t>
  </si>
  <si>
    <t>【上海电气汽轮机】 止动销钉\A156.08.21.10</t>
  </si>
  <si>
    <t>【上海电气汽轮机】 喷嘴\A156.08.21.12</t>
  </si>
  <si>
    <t>【上海电气汽轮机】 带螺纹销\A156.08.21.18</t>
  </si>
  <si>
    <t>【上海电气汽轮机】 轴承壳体\A156.08.71.01</t>
  </si>
  <si>
    <t>【上海电气汽轮机】 轴承瓦块\A156.08.71.02</t>
  </si>
  <si>
    <t>【上海电气汽轮机】 衬垫\A156.08.71.03</t>
  </si>
  <si>
    <t>【上海电气汽轮机】 衬销\A156.08.71.04</t>
  </si>
  <si>
    <t>【上海电气汽轮机】 轴承衬垫\A156.08.71.05</t>
  </si>
  <si>
    <t>【上海电气汽轮机】 油封环\A156.08.71.07</t>
  </si>
  <si>
    <t>【上海电气汽轮机】 螺栓销\A156.08.71.08</t>
  </si>
  <si>
    <t>【上海电气汽轮机】 油封体(电机端)\A156.08.71.09</t>
  </si>
  <si>
    <t>【上海电气汽轮机】 油封体(调阀端)\A156.08.71.12</t>
  </si>
  <si>
    <t>【上海电气汽轮机】 压紧螺帽\A156.08.71.18</t>
  </si>
  <si>
    <t>【上海电气汽轮机】 螺纹接头\A156.08.71.24</t>
  </si>
  <si>
    <t>【上海电气汽轮机】 垫圈\A156.08.71.25</t>
  </si>
  <si>
    <t>【上海电气汽轮机】 衬垫\A156.08.71.26</t>
  </si>
  <si>
    <t>【上海电气汽轮机】 轴承壳体\A156.08.72.01</t>
  </si>
  <si>
    <t>【上海电气汽轮机】 垫块\A156.08.72.02</t>
  </si>
  <si>
    <t>【上海电气汽轮机】 节流孔板\A156.08.72.05</t>
  </si>
  <si>
    <t>【上海电气汽轮机】 圆柱形弹簧\A156.08.72.07</t>
  </si>
  <si>
    <t>【上海电气汽轮机】 平垫圈\A156.08.72.08</t>
  </si>
  <si>
    <t>【上海电气汽轮机】 球面垫圈\A156.08.72.09</t>
  </si>
  <si>
    <t>【上海电气汽轮机】 销钉\A156.08.72.10</t>
  </si>
  <si>
    <t>【上海电气汽轮机】 油封体\A156.08.72.11</t>
  </si>
  <si>
    <t>【上海电气汽轮机】 轴承瓦块\A156.08.72.12</t>
  </si>
  <si>
    <t>【上海电气汽轮机】 油封体\A156.08.72.13</t>
  </si>
  <si>
    <t>【上海电气汽轮机】 油封体\A156.08.72.16</t>
  </si>
  <si>
    <t>【上海电气汽轮机】 油封环\A156.08.72.19</t>
  </si>
  <si>
    <t>【上海电气汽轮机】 螺栓销\A156.08.72.20</t>
  </si>
  <si>
    <t>【上海电气汽轮机】 平垫\A156.08.72.21</t>
  </si>
  <si>
    <t>【上海电气汽轮机】 专用螺栓\A156.12.13.12</t>
  </si>
  <si>
    <t>【上海电气汽轮机】 螺栓\A156.12.13.17</t>
  </si>
  <si>
    <t>【上海电气汽轮机】 联轴器垫片\A156.24.01.01</t>
  </si>
  <si>
    <t>【上海电气汽轮机】 联轴器螺栓\A156.24.41.01</t>
  </si>
  <si>
    <t>【上海电气汽轮机】 垫圈\A156.24.41.03(1)</t>
  </si>
  <si>
    <t>【上海电气汽轮机】 专用垫圈\A156.24.41.04</t>
  </si>
  <si>
    <t>【上海电气汽轮机】 联轴器螺栓\A156.24.41.05</t>
  </si>
  <si>
    <t>【上海电气汽轮机】 专用螺母\A156.24.41.06</t>
  </si>
  <si>
    <t>【上海电气汽轮机】 联轴器盖板\A156.24.41.07</t>
  </si>
  <si>
    <t>【上海电气汽轮机】 联轴器盖板\A156.24.41.12</t>
  </si>
  <si>
    <t>【上海电气汽轮机】 环\A156.28.01.128</t>
  </si>
  <si>
    <t>【上海电气汽轮机】 垫片\A156.28.01.129</t>
  </si>
  <si>
    <t>【上海电气汽轮机】 蜗轮轴\A156.28.01.131</t>
  </si>
  <si>
    <t>【上海电气汽轮机】 惰轮\A156.28.01.132</t>
  </si>
  <si>
    <t>【上海电气汽轮机】 齿轮轴\A156.28.01.133</t>
  </si>
  <si>
    <t>【上海电气汽轮机】 (减速)齿轮\A156.28.01.134</t>
  </si>
  <si>
    <t>【上海电气汽轮机】 键\A156.28.01.135</t>
  </si>
  <si>
    <t>【上海电气汽轮机】 垫片\A156.28.01.136</t>
  </si>
  <si>
    <t>【上海电气汽轮机】 惰轮轴\A156.28.01.138</t>
  </si>
  <si>
    <t>【上海电气汽轮机】 垫片\A156.28.01.139</t>
  </si>
  <si>
    <t>【上海电气汽轮机】 啮合齿轮\A156.28.01.140</t>
  </si>
  <si>
    <t>【上海电气汽轮机】 啮合齿轮轴\A156.28.01.141</t>
  </si>
  <si>
    <t>【上海电气汽轮机】 垫片\A156.28.01.142</t>
  </si>
  <si>
    <t>【上海电气汽轮机】 垫片\A156.28.01.143</t>
  </si>
  <si>
    <t>【上海电气汽轮机】 键\A156.28.01.144</t>
  </si>
  <si>
    <t>【上海电气汽轮机】 垫片\A156.28.01.145</t>
  </si>
  <si>
    <t>【上海电气汽轮机】 衬套\A156.28.01.56</t>
  </si>
  <si>
    <t>【上海电气汽轮机】 衬套\A156.28.01.68</t>
  </si>
  <si>
    <t>【上海电气汽轮机】 轴\A156.28.01.88</t>
  </si>
  <si>
    <t>【上海电气汽轮机】 前衬套\A156.30.31.13</t>
  </si>
  <si>
    <t>【上海电气汽轮机】 小衬套\A156.30.31.19</t>
  </si>
  <si>
    <t>【上海电气汽轮机】 调整垫圈\A156.30.31.20</t>
  </si>
  <si>
    <t>【上海电气汽轮机】 大衬套\A156.30.31.24</t>
  </si>
  <si>
    <t>【上海电气汽轮机】 挡圈\A156.30.31.28</t>
  </si>
  <si>
    <t>【上海电气汽轮机】 小衬套\A156.30.32.10</t>
  </si>
  <si>
    <t>【上海电气汽轮机】 大衬套\A156.30.33.10</t>
  </si>
  <si>
    <t>【上海电气汽轮机】 紧定螺钉\A156.30.33.11</t>
  </si>
  <si>
    <t>【上海电气汽轮机】 调整垫圈\A156.30.33.20</t>
  </si>
  <si>
    <t>【上海电气汽轮机】 小衬套\A156.30.33.21</t>
  </si>
  <si>
    <t>【上海电气汽轮机】 前衬套\A156.30.33.27</t>
  </si>
  <si>
    <t>【上海电气汽轮机】 调整垫圈\A156.30.33.29</t>
  </si>
  <si>
    <t>【上海电气汽轮机】 垫片\A156.30.34.08</t>
  </si>
  <si>
    <t>【上海电气汽轮机】 小衬套\A156.30.34.09</t>
  </si>
  <si>
    <t>【上海电气汽轮机】 调整垫圈\A156.30.34.10</t>
  </si>
  <si>
    <t>【上海电气汽轮机】 大衬套\A156.30.34.14</t>
  </si>
  <si>
    <t>【上海电气汽轮机】 衬套\A156.30.34.24</t>
  </si>
  <si>
    <t>【上海电气汽轮机】 销轴\A156.30.34.27</t>
  </si>
  <si>
    <t>【上海电气汽轮机】 大衬套\A156.30.35.18</t>
  </si>
  <si>
    <t>【上海电气汽轮机】 调整垫片\A156.30.35.20</t>
  </si>
  <si>
    <t>【上海电气汽轮机】 小衬套\A156.30.35.21</t>
  </si>
  <si>
    <t>【上海电气汽轮机】 前衬套\A156.30.35.27</t>
  </si>
  <si>
    <t>【上海电气汽轮机】 止动螺钉(加试)\A156.30.41.03(2)</t>
  </si>
  <si>
    <t>【上海电气汽轮机】 专用双头螺栓(加试)\A156.30.41.04(2)</t>
  </si>
  <si>
    <t>【上海电气汽轮机】 弹簧座\A156.30.41.11</t>
  </si>
  <si>
    <t>【上海电气汽轮机】 环\A156.30.41.13</t>
  </si>
  <si>
    <t>【上海电气汽轮机】 小阀碟\A156.30.41.14</t>
  </si>
  <si>
    <t>【上海电气汽轮机】 弹簧垫\A156.30.41.15</t>
  </si>
  <si>
    <t>【上海电气汽轮机】 阀碟螺帽\A156.30.41.16</t>
  </si>
  <si>
    <t>【上海电气汽轮机】 衬套\A156.30.41.18</t>
  </si>
  <si>
    <t>【上海电气汽轮机】 主阀碟\A156.30.41.19</t>
  </si>
  <si>
    <t>【上海电气汽轮机】 衬套\A156.30.41.21</t>
  </si>
  <si>
    <t>【上海电气汽轮机】 弹簧\A156.30.41.29</t>
  </si>
  <si>
    <t>【上海电气汽轮机】 销\A156.30.41.33</t>
  </si>
  <si>
    <t>【上海电气汽轮机】 弹簧导杆\A156.30.41.35</t>
  </si>
  <si>
    <t>【上海电气汽轮机】 小弹簧导杆\A156.30.41.36</t>
  </si>
  <si>
    <t>【上海电气汽轮机】 衬套\A156.30.41.37</t>
  </si>
  <si>
    <t>【上海电气汽轮机】 主阀杆\A156.30.41.38</t>
  </si>
  <si>
    <t>【上海电气汽轮机】 衬套\A156.30.41.39</t>
  </si>
  <si>
    <t>【上海电气汽轮机】 沉头螺钉M8\A156.30.41.41</t>
  </si>
  <si>
    <t>【上海电气汽轮机】 连杆\A156.30.41.45</t>
  </si>
  <si>
    <t>【上海电气汽轮机】 定距螺栓\A156.30.41.46</t>
  </si>
  <si>
    <t>【上海电气汽轮机】 主汽门连杆\A156.30.41.47</t>
  </si>
  <si>
    <t>【上海电气汽轮机】 衬圈\A156.30.41.53</t>
  </si>
  <si>
    <t>【上海电气汽轮机】 垫片\A156.30.41.54</t>
  </si>
  <si>
    <t>【上海电气汽轮机】 螺杆M27X445\A156.30.41.59</t>
  </si>
  <si>
    <t>【上海电气汽轮机】 螺栓M27X350\A156.30.41.60</t>
  </si>
  <si>
    <t>【上海电气汽轮机】 销\A156.30.41.62</t>
  </si>
  <si>
    <t>【上海电气汽轮机】 螺柱\A156.30.41.64</t>
  </si>
  <si>
    <t>【上海电气汽轮机】 轴\A156.30.60.01(2)</t>
  </si>
  <si>
    <t>【上海电气汽轮机】 轴\A156.30.60.02</t>
  </si>
  <si>
    <t>【上海电气汽轮机】 衬套\A156.30.60.02(2)</t>
  </si>
  <si>
    <t>【上海电气汽轮机】 衬套\A156.30.60.03(2)</t>
  </si>
  <si>
    <t>【上海电气汽轮机】 球面垫圈\A156.30.60.04(2)</t>
  </si>
  <si>
    <t>【上海电气汽轮机】 开口销轴\A156.30.60.06(2)</t>
  </si>
  <si>
    <t>【上海电气汽轮机】 阀杆\A156.30.60.09</t>
  </si>
  <si>
    <t>【上海电气汽轮机】 衬套\A156.30.60.10</t>
  </si>
  <si>
    <t>【上海电气汽轮机】 垫片\A156.30.60.11</t>
  </si>
  <si>
    <t>【上海电气汽轮机】 衬套(氮化)\A156.30.60.12</t>
  </si>
  <si>
    <t>【上海电气汽轮机】 连杆接头\A156.30.60.13</t>
  </si>
  <si>
    <t>【上海电气汽轮机】 连杆\A156.30.60.14</t>
  </si>
  <si>
    <t>【上海电气汽轮机】 销\A156.30.60.16</t>
  </si>
  <si>
    <t>【上海电气汽轮机】 衬套\A156.30.60.18</t>
  </si>
  <si>
    <t>【上海电气汽轮机】 杠杆\A156.30.60.19</t>
  </si>
  <si>
    <t>【上海电气汽轮机】 键\A156.30.60.20</t>
  </si>
  <si>
    <t>【上海电气汽轮机】 垫片\A156.30.60.23</t>
  </si>
  <si>
    <t>【上海电气汽轮机】 键\A156.30.60.26</t>
  </si>
  <si>
    <t>【上海电气汽轮机】 衬套\A156.30.60.42</t>
  </si>
  <si>
    <t>【上海电气汽轮机】 垫片\A156.30.60.43</t>
  </si>
  <si>
    <t>【上海电气汽轮机】 螺母\A156.30.60.47</t>
  </si>
  <si>
    <t>【上海电气汽轮机】 阀碟\A156.30.60.48</t>
  </si>
  <si>
    <t>【上海电气汽轮机】 销\A156.30.60.51</t>
  </si>
  <si>
    <t>【上海电气汽轮机】 凸形球面垫圈\A156.30.60.53</t>
  </si>
  <si>
    <t>【上海电气汽轮机】 凹型球面垫圈\A156.30.60.54</t>
  </si>
  <si>
    <t>【上海电气汽轮机】 垫圈\A156.30.60.55</t>
  </si>
  <si>
    <t>【上海电气汽轮机】 活塞环\A156.30.62.01(1)</t>
  </si>
  <si>
    <t>【上海电气汽轮机】 球面垫圈(凸型)\A156.30.62.10</t>
  </si>
  <si>
    <t>【上海电气汽轮机】 球面垫圈(凹型)\A156.30.62.11</t>
  </si>
  <si>
    <t>【上海电气汽轮机】 联接器\A156.30.62.12</t>
  </si>
  <si>
    <t>【上海电气汽轮机】 垫片\A156.30.62.13</t>
  </si>
  <si>
    <t>【上海电气汽轮机】 垫片\A156.30.62.23</t>
  </si>
  <si>
    <t>【上海电气汽轮机】 沉头螺钉\A156.30.62.24</t>
  </si>
  <si>
    <t>【上海电气汽轮机】 阀杆\A156.30.62.28</t>
  </si>
  <si>
    <t>【上海电气汽轮机】 衬套\A156.30.62.29</t>
  </si>
  <si>
    <t>【上海电气汽轮机】 轮壳\A156.30.62.34</t>
  </si>
  <si>
    <t>【上海电气汽轮机】 阀碟\A156.30.62.35</t>
  </si>
  <si>
    <t>【上海电气汽轮机】 套圈\A156.30.62.37</t>
  </si>
  <si>
    <t>【上海电气汽轮机】 法兰\A156.30.62.39</t>
  </si>
  <si>
    <t>【上海电气汽轮机】 销\A156.30.62.42</t>
  </si>
  <si>
    <t>【上海电气汽轮机】 套圈\A156.30.62.43</t>
  </si>
  <si>
    <t>【上海电气汽轮机】 套筒\A156.30.62.45</t>
  </si>
  <si>
    <t>【上海电气汽轮机】 衬套\A156.30.67.01</t>
  </si>
  <si>
    <t>【上海电气汽轮机】 活塞\A156.30.67.09</t>
  </si>
  <si>
    <t>【上海电气汽轮机】 活塞杆\A156.30.67.10</t>
  </si>
  <si>
    <t>【上海电气汽轮机】 逆止阀体\A156.31.56.21</t>
  </si>
  <si>
    <t>【上海电气汽轮机】 双头螺栓\A156.34.20.04</t>
  </si>
  <si>
    <t>【上海电气汽轮机】 垫片\A156.34.20.05</t>
  </si>
  <si>
    <t>【上海电气汽轮机】 螺母\A156.34.20.06</t>
  </si>
  <si>
    <t>【上海电气汽轮机】 定位杆\A156.34.21.03(1)</t>
  </si>
  <si>
    <t>【上海电气汽轮机】 杆\A156.34.21.10</t>
  </si>
  <si>
    <t>【上海电气汽轮机】 销φ13X140\A156.34.21.12</t>
  </si>
  <si>
    <t>【上海电气汽轮机】 导套\A156.34.21.13</t>
  </si>
  <si>
    <t>【上海电气汽轮机】 十字头\A156.34.21.14</t>
  </si>
  <si>
    <t>【上海电气汽轮机】 拉杆\A156.34.21.15</t>
  </si>
  <si>
    <t>【上海电气汽轮机】 专用螺母\A156.34.21.16</t>
  </si>
  <si>
    <t>【上海电气汽轮机】 拉杆\A156.34.21.17</t>
  </si>
  <si>
    <t>【上海电气汽轮机】 阀杆\A156.34.21.18</t>
  </si>
  <si>
    <t>【上海电气汽轮机】 套筒\A156.34.21.19</t>
  </si>
  <si>
    <t>【上海电气汽轮机】 阀套\A156.34.21.24</t>
  </si>
  <si>
    <t>【上海电气汽轮机】 阀碟\A156.34.21.26</t>
  </si>
  <si>
    <t>【上海电气汽轮机】 销\A156.34.21.28</t>
  </si>
  <si>
    <t>【上海电气汽轮机】 连杆\A156.34.21.29</t>
  </si>
  <si>
    <t>【上海电气汽轮机】 定位销\A156.34.21.30</t>
  </si>
  <si>
    <t>【上海电气汽轮机】 弹簧帽\A156.34.21.31</t>
  </si>
  <si>
    <t>【上海电气汽轮机】 拉簧\A156.34.21.32</t>
  </si>
  <si>
    <t>【上海电气汽轮机】 碟形弹簧\A156.34.21.33</t>
  </si>
  <si>
    <t>【上海电气汽轮机】 座圈\A156.34.21.34</t>
  </si>
  <si>
    <t>【上海电气汽轮机】 止动杆\A156.34.21.35</t>
  </si>
  <si>
    <t>【上海电气汽轮机】 销\A156.34.21.36</t>
  </si>
  <si>
    <t>【上海电气汽轮机】 销\A156.34.21.37</t>
  </si>
  <si>
    <t>【上海电气汽轮机】 销\A156.34.21.38</t>
  </si>
  <si>
    <t>【上海电气汽轮机】 帽\A156.34.21.40</t>
  </si>
  <si>
    <t>【上海电气汽轮机】 专用螺栓\A156.34.21.45</t>
  </si>
  <si>
    <t>【上海电气汽轮机】 垫片\A156.61.13.20</t>
  </si>
  <si>
    <t>【上海电气汽轮机】 平衡旋塞板手\A156.90.51.66</t>
  </si>
  <si>
    <t>【上海电气汽轮机】 垫片\A156.91.91.06</t>
  </si>
  <si>
    <t>【上海电气汽轮机】 垫片\A156.91.91.08</t>
  </si>
  <si>
    <t>【上海电气汽轮机】 垫片\A156.91.92.06</t>
  </si>
  <si>
    <t>【上海电气汽轮机】 键\A157.02.46.04(1)</t>
  </si>
  <si>
    <t>【上海电气汽轮机】 滑块\A157.02.46.07</t>
  </si>
  <si>
    <t>【上海电气汽轮机】 键\A157.02.46.08</t>
  </si>
  <si>
    <t>【上海电气汽轮机】 圆柱销\A157.02.46.09</t>
  </si>
  <si>
    <t>【上海电气汽轮机】 内六角螺钉\A157.02.46.14</t>
  </si>
  <si>
    <t>【上海电气汽轮机】 悬挂销\A157.02.46.15</t>
  </si>
  <si>
    <t>【上海电气汽轮机】 支承键\A157.02.46.16</t>
  </si>
  <si>
    <t>【上海电气汽轮机】 压板\A157.02.46.17</t>
  </si>
  <si>
    <t>【上海电气汽轮机】 垫块\A157.02.46.18</t>
  </si>
  <si>
    <t>【上海电气汽轮机】 密封环\A157.02.46.19</t>
  </si>
  <si>
    <t>【上海电气汽轮机】 键\A157.02.46.20</t>
  </si>
  <si>
    <t>【上海电气汽轮机】 键\A157.02.47.07</t>
  </si>
  <si>
    <t>【上海电气汽轮机】 密封环\A157.02.47.08</t>
  </si>
  <si>
    <t>【上海电气汽轮机】 低压第六.第七级隔板汽封环\A157.06.47.01</t>
  </si>
  <si>
    <t>【上海电气汽轮机】 专用销子\A157.06.47.02</t>
  </si>
  <si>
    <t>【上海电气汽轮机】 弹簧片140.2X11.8X1.45\A157.06.47.03</t>
  </si>
  <si>
    <t>【上海电气汽轮机】 轴承瓦块\A157.08.01.01</t>
  </si>
  <si>
    <t>【上海电气汽轮机】 挡油环(左旋)\A157.08.03.01</t>
  </si>
  <si>
    <t>【上海电气汽轮机】 挡油环(右旋)\A157.08.03.02</t>
  </si>
  <si>
    <t>【上海电气汽轮机】 锁定销\A157.23.03.10</t>
  </si>
  <si>
    <t>【上海电气汽轮机】 垫块\A902.08.20.12(1)</t>
  </si>
  <si>
    <t>【上海电气汽轮机】 油封环\A902.08.20.13</t>
  </si>
  <si>
    <t>【上海电气汽轮机】 螺栓销\A902.08.20.14</t>
  </si>
  <si>
    <t>【上海电气汽轮机】 垫片\A902.08.20.14(1)</t>
  </si>
  <si>
    <t>【上海电气汽轮机】 垫块\A902.08.20.15(1)</t>
  </si>
  <si>
    <t>【上海电气汽轮机】 调整块\A902.08.20.16</t>
  </si>
  <si>
    <t>【上海电气汽轮机】 轴瓦\A902.08.20.23</t>
  </si>
  <si>
    <t>【上海电气汽轮机】 轴瓦支块\A902.08.20.24</t>
  </si>
  <si>
    <t>【上海电气汽轮机】 压紧螺母\A902.08.20.26</t>
  </si>
  <si>
    <t>【上海电气汽轮机】 特殊销\A902.08.20.29</t>
  </si>
  <si>
    <t>【上海电气汽轮机】 止动销钉\A902.08.20.35</t>
  </si>
  <si>
    <t>【上海电气汽轮机】 油封环座\A902.08.20.40</t>
  </si>
  <si>
    <t>【上海电气汽轮机】 油封\A902.08.20.41</t>
  </si>
  <si>
    <t>【上海电气汽轮机】 弹簧垫\A902.08.20.44</t>
  </si>
  <si>
    <t>【上海电气汽轮机】 专用垫片\A902.08.20.45</t>
  </si>
  <si>
    <t>【上海电气汽轮机】 叶轮\A902.70.01.09</t>
  </si>
  <si>
    <t>【上海电气汽轮机】 轴承套组合件\A902.70.13.01</t>
  </si>
  <si>
    <t>【上海电气汽轮机】 电机端联轴节\A902.70.13.11</t>
  </si>
  <si>
    <t>【上海电气汽轮机】 泵端联轴节\A902.70.13.15</t>
  </si>
  <si>
    <t>【上海电气汽轮机】 从动齿轮\A902.70.13.17</t>
  </si>
  <si>
    <t>【上海电气汽轮机】 垫片\B155.01.14.03</t>
  </si>
  <si>
    <t>【上海电气汽轮机】 内六角螺母M72X3X125\B156.01.09.05</t>
  </si>
  <si>
    <t>【上海电气汽轮机】 支承键(左)\B156.01.09.09</t>
  </si>
  <si>
    <t>【上海电气汽轮机】 支承键(右)\B156.01.09.10</t>
  </si>
  <si>
    <t>【上海电气汽轮机】 盖板\B156.01.09.12</t>
  </si>
  <si>
    <t>【上海电气汽轮机】 盖板\B156.01.09.13</t>
  </si>
  <si>
    <t>【上海电气汽轮机】 垫片\B156.61.13.12</t>
  </si>
  <si>
    <t>【上海电气汽轮机】 特制垫片\B156.61.13.13</t>
  </si>
  <si>
    <t>【上海电气汽轮机】 定位双头螺栓φ86×1068\C152.01.71.02</t>
  </si>
  <si>
    <t>【上海电气汽轮机】 定位双头螺栓φ96×755\C152.01.71.03</t>
  </si>
  <si>
    <t>【上海电气汽轮机】 定位双头螺栓φ86×718\C152.01.71.04</t>
  </si>
  <si>
    <t>【上海电气汽轮机】 双头螺栓M64×4(A=670)\C152.01.71.09</t>
  </si>
  <si>
    <t>【上海电气汽轮机】 专用螺钉\C152.01.71.10</t>
  </si>
  <si>
    <t>【上海电气汽轮机】 专用螺钉\C152.01.71.14</t>
  </si>
  <si>
    <t>【上海电气汽轮机】 双头螺栓M100×4\C152.01.81.06</t>
  </si>
  <si>
    <t>【上海电气汽轮机】 螺母M100×4\C152.01.81.09</t>
  </si>
  <si>
    <t>【上海电气汽轮机】 螺栓\C152.01.81.10</t>
  </si>
  <si>
    <t>【上海电气汽轮机】 螺母\C152.01.81.11</t>
  </si>
  <si>
    <t>【上海电气汽轮机】 专用螺钉\C152.01.81.12</t>
  </si>
  <si>
    <t>【上海电气汽轮机】 调整垫圈\C152.06.01.02</t>
  </si>
  <si>
    <t>【上海电气汽轮机】 调整垫圈\C152.06.01.04</t>
  </si>
  <si>
    <t>【上海电气汽轮机】 调整垫圈\C152.06.01.05</t>
  </si>
  <si>
    <t>【上海电气汽轮机】 汽封环\C152.06.01.08</t>
  </si>
  <si>
    <t>【上海电气汽轮机】 弹簧片\C152.06.01.09</t>
  </si>
  <si>
    <t>【上海电气汽轮机】 汽封环\C152.06.01.10</t>
  </si>
  <si>
    <t>【上海电气汽轮机】 汽封环\C152.06.01.11</t>
  </si>
  <si>
    <t>【上海电气汽轮机】 弹簧片\C152.06.01.12</t>
  </si>
  <si>
    <t>【上海电气汽轮机】 调整垫圈\C152.06.02.05</t>
  </si>
  <si>
    <t>【上海电气汽轮机】 汽封环\C152.06.02.06</t>
  </si>
  <si>
    <t>【上海电气汽轮机】 弹簧片\C152.06.02.07</t>
  </si>
  <si>
    <t>【上海电气汽轮机】 汽封环\C152.06.02.08</t>
  </si>
  <si>
    <t>【上海电气汽轮机】 弹簧片\C152.06.02.09</t>
  </si>
  <si>
    <t>【上海电气汽轮机】 汽封环\C152.06.02.10</t>
  </si>
  <si>
    <t>【上海电气汽轮机】 弹簧片\C152.06.02.11</t>
  </si>
  <si>
    <t>【上海电气汽轮机】 汽封环\C152.06.02.12</t>
  </si>
  <si>
    <t>【上海电气汽轮机】 汽封环\C152.06.03.01</t>
  </si>
  <si>
    <t>【上海电气汽轮机】 汽封环\C152.06.03.02</t>
  </si>
  <si>
    <t>【上海电气汽轮机】 汽封环\C152.06.03.03</t>
  </si>
  <si>
    <t>【上海电气汽轮机】 汽封环\C152.06.03.04</t>
  </si>
  <si>
    <t>【上海电气汽轮机】 汽封环\C152.06.03.05</t>
  </si>
  <si>
    <t>【上海电气汽轮机】 汽封环\C152.06.03.06</t>
  </si>
  <si>
    <t>【上海电气汽轮机】 压块\C152.06.03.07</t>
  </si>
  <si>
    <t>【上海电气汽轮机】 压块\C152.06.03.08</t>
  </si>
  <si>
    <t>【上海电气汽轮机】 压块\C152.06.03.09</t>
  </si>
  <si>
    <t>【上海电气汽轮机】 弹簧片\C152.06.03.10</t>
  </si>
  <si>
    <t>【上海电气汽轮机】 弹簧片\C152.06.03.11</t>
  </si>
  <si>
    <t>【上海电气汽轮机】 弹簧片\C152.06.03.12</t>
  </si>
  <si>
    <t>【上海电气汽轮机】 特种扳手\C152.90.01.01.01</t>
  </si>
  <si>
    <t>【上海电气汽轮机】 特种扳手\C152.90.01.01.02</t>
  </si>
  <si>
    <t>【上海电气汽轮机】 特种扳手\C152.90.01.01.03</t>
  </si>
  <si>
    <t>【上海电气汽轮机】 特种扳手\C152.90.01.01.04</t>
  </si>
  <si>
    <t>【上海电气汽轮机】 特种扳手\C152.90.01.01.05</t>
  </si>
  <si>
    <t>【上海电气汽轮机】 特种扳手\C152.90.01.01.06</t>
  </si>
  <si>
    <t>【上海电气汽轮机】 特种扳手\C152.90.01.01.07</t>
  </si>
  <si>
    <t>【上海电气汽轮机】 特种扳手\C152.90.01.08</t>
  </si>
  <si>
    <t>【上海电气汽轮机】 低压第五级隔板汽封环(调)\C156.06.46.02</t>
  </si>
  <si>
    <t>【上海电气汽轮机】 低压第五级隔板汽封环(电)\C156.06.46.03</t>
  </si>
  <si>
    <t>【上海电气汽轮机】 锁紧键\D151.23.03.25</t>
  </si>
  <si>
    <t>【上海电气汽轮机】 节流孔板\D152.01.72.03</t>
  </si>
  <si>
    <t>【上海电气汽轮机】 垫片\D152.01.72.04</t>
  </si>
  <si>
    <t>【上海电气汽轮机】 螺塞\D152.02.26.17</t>
  </si>
  <si>
    <t>【上海电气汽轮机】 双头螺栓\D152.02.26.18</t>
  </si>
  <si>
    <t>【上海电气汽轮机】 配合螺栓M27\D152.02.26.19</t>
  </si>
  <si>
    <t>【上海电气汽轮机】 配合螺柱M36X3\D152.02.26.20</t>
  </si>
  <si>
    <t>【上海电气汽轮机】 双头螺柱M36X3\D152.02.26.21</t>
  </si>
  <si>
    <t>【上海电气汽轮机】 汽封环\D152.06.01.02</t>
  </si>
  <si>
    <t>【上海电气汽轮机】 汽封环\D152.06.42.01</t>
  </si>
  <si>
    <t>【上海电气汽轮机】 汽封环\D152.06.42.02</t>
  </si>
  <si>
    <t>【上海电气汽轮机】 汽封环\D152.06.42.03</t>
  </si>
  <si>
    <t>【上海电气汽轮机】 汽封环\D152.06.42.04</t>
  </si>
  <si>
    <t>【上海电气汽轮机】 汽封环\D152.06.42.05</t>
  </si>
  <si>
    <t>【上海电气汽轮机】 汽封环\D152.06.42.06</t>
  </si>
  <si>
    <t>【上海电气汽轮机】 压块\D152.06.42.07</t>
  </si>
  <si>
    <t>【上海电气汽轮机】 压块\D152.06.42.08</t>
  </si>
  <si>
    <t>【上海电气汽轮机】 弹簧片\D152.06.42.09</t>
  </si>
  <si>
    <t>【上海电气汽轮机】 弹簧片\D152.06.42.10</t>
  </si>
  <si>
    <t>【上海电气汽轮机】 弹簧片\D152.06.42.11</t>
  </si>
  <si>
    <t>【上海电气汽轮机】 弹簧片\D152.06.42.12</t>
  </si>
  <si>
    <t>【上海电气汽轮机】 汽封环\D152.06.71.04</t>
  </si>
  <si>
    <t>【上海电气汽轮机】 L型环\D152.06.71.05G01</t>
  </si>
  <si>
    <t>【上海电气汽轮机】 限位螺栓\D152.06.71.06</t>
  </si>
  <si>
    <t>【上海电气汽轮机】 弹簧片\D152.06.71.07</t>
  </si>
  <si>
    <t>【上海电气汽轮机】 汽封环\D152.06.73.03</t>
  </si>
  <si>
    <t>【上海电气汽轮机】 弹簧片\D152.06.73.04</t>
  </si>
  <si>
    <t>【上海电气汽轮机】 限位螺栓\D152.06.73.07</t>
  </si>
  <si>
    <t>【上海电气汽轮机】 联轴器垫片\D152.24.02.03</t>
  </si>
  <si>
    <t>【上海电气汽轮机】 联轴器盖板\D152.24.02.04</t>
  </si>
  <si>
    <t>【上海电气汽轮机】 端盖\D152.34.09.07</t>
  </si>
  <si>
    <t>【上海电气汽轮机】 调整垫片\D152.34.09.08</t>
  </si>
  <si>
    <t>【上海电气汽轮机】 花键轴\D152.34.09.09</t>
  </si>
  <si>
    <t>【上海电气汽轮机】 衬套\D152.34.09.10</t>
  </si>
  <si>
    <t>【上海电气汽轮机】 调整垫片\D152.34.09.11</t>
  </si>
  <si>
    <t>【上海电气汽轮机】 单耳止动垫圈\D152.34.09.12</t>
  </si>
  <si>
    <t>【上海电气汽轮机】 定位块\D152.34.09.13</t>
  </si>
  <si>
    <t>【上海电气汽轮机】 罩螺母\D156.01.17.18</t>
  </si>
  <si>
    <t>【上海电气汽轮机】 双头螺栓M45X3X254\D156.01.17.19</t>
  </si>
  <si>
    <t>【上海电气汽轮机】 双头螺栓\D156.01.27.08(2)</t>
  </si>
  <si>
    <t>【上海电气汽轮机】 特殊圆锥定位销\D156.01.27.09(2)</t>
  </si>
  <si>
    <t>【上海电气汽轮机】 专用垫圈\D156.05.22.22</t>
  </si>
  <si>
    <t>【上海电气汽轮机】 低压第三级持环汽封环\E152.06.45.01</t>
  </si>
  <si>
    <t>【上海电气汽轮机】 低压第二级持环汽封环\E152.06.45.02</t>
  </si>
  <si>
    <t>【上海电气汽轮机】 低压第一级持环汽封环\E152.06.45.03</t>
  </si>
  <si>
    <t>【上海电气汽轮机】 垫板\F195.01.12.03</t>
  </si>
  <si>
    <t>【上海电气汽轮机】 垫片\F195.01.12.04</t>
  </si>
  <si>
    <t>【上海电气汽轮机】 螺栓\F195.01.12.05</t>
  </si>
  <si>
    <t>【上海电气汽轮机】 垫片\F195.01.12.06</t>
  </si>
  <si>
    <t>【上海电气汽轮机】 环体\F195.01.12.08</t>
  </si>
  <si>
    <t>【上海电气汽轮机】 套筒\F195.01.12.09</t>
  </si>
  <si>
    <t>【上海电气汽轮机】 连接片\F195.01.12.10</t>
  </si>
  <si>
    <t>【上海电气汽轮机】 垫片\F195.01.12.11</t>
  </si>
  <si>
    <t>【上海电气汽轮机】 导向螺栓\F195.01.12.14</t>
  </si>
  <si>
    <t>【上海电气汽轮机】 盖\G177.34.09.12</t>
  </si>
  <si>
    <t>【上海电气汽轮机】 垫圈\G177.34.09.14</t>
  </si>
  <si>
    <t>【上海电气汽轮机】 双头螺柱M72X3X726\H156.01.09.03</t>
  </si>
  <si>
    <t>【上海电气汽轮机】 双头螺柱M72X3X471\H156.01.09.04</t>
  </si>
  <si>
    <t>【上海电气汽轮机】 双头螺柱M72X3X388\H156.01.09.05</t>
  </si>
  <si>
    <t>【上海电气汽轮机】 双头螺柱M72X3X541\H156.01.09.06</t>
  </si>
  <si>
    <t>【上海电气汽轮机】 双头螺柱φ66.5X396\H156.01.09.07</t>
  </si>
  <si>
    <t>【上海电气汽轮机】 阻汽片\H156.01.09.08</t>
  </si>
  <si>
    <t>【上海电气汽轮机】 定位销\H156.01.71.02</t>
  </si>
  <si>
    <t>【上海电气汽轮机】 紧定螺钉\H156.01.71.03</t>
  </si>
  <si>
    <t>【上海电气汽轮机】 定位销(专用)\H156.01.82.01</t>
  </si>
  <si>
    <t>【上海电气汽轮机】 导流环\H156.02.41.03</t>
  </si>
  <si>
    <t>【上海电气汽轮机】 汽封环\H156.06.02.01(1)</t>
  </si>
  <si>
    <t>【上海电气汽轮机】 偏心销\H156.06.33.02(1)</t>
  </si>
  <si>
    <t>【上海电气汽轮机】 偏心套筒\H156.06.33.03(1)</t>
  </si>
  <si>
    <t>【上海电气汽轮机】 中压第一级持环汽封环\H156.06.42.01</t>
  </si>
  <si>
    <t>【上海电气汽轮机】 中压第二级持环汽封环\H156.06.42.02</t>
  </si>
  <si>
    <t>【上海电气汽轮机】 中压第三级持环汽封环\H156.06.42.03</t>
  </si>
  <si>
    <t>【上海电气汽轮机】 中压第四级持环汽封环\H156.06.42.04</t>
  </si>
  <si>
    <t>【上海电气汽轮机】 中压第五级持环汽封环\H156.06.42.05</t>
  </si>
  <si>
    <t>【上海电气汽轮机】 中压第一级隔板汽封环\H156.06.42.06</t>
  </si>
  <si>
    <t>【上海电气汽轮机】 中压第二级隔板汽封环\H156.06.42.07</t>
  </si>
  <si>
    <t>【上海电气汽轮机】 中压第三级隔板汽封环\H156.06.42.08</t>
  </si>
  <si>
    <t>【上海电气汽轮机】 中压第四级隔板汽封环\H156.06.42.09</t>
  </si>
  <si>
    <t>【上海电气汽轮机】 中压第五级隔板汽封环\H156.06.42.10</t>
  </si>
  <si>
    <t>【上海电气汽轮机】 弹簧片\H156.06.42.11</t>
  </si>
  <si>
    <t>【上海电气汽轮机】 弹簧片\H156.06.42.12</t>
  </si>
  <si>
    <t>【上海电气汽轮机】 专用销\H156.06.42.13</t>
  </si>
  <si>
    <t>【上海电气汽轮机】 弹簧片\H156.06.42.14</t>
  </si>
  <si>
    <t>【上海电气汽轮机】 专用销\H156.06.42.15</t>
  </si>
  <si>
    <t>【上海电气汽轮机】 弹簧片\H156.06.42.16</t>
  </si>
  <si>
    <t>【上海电气汽轮机】 压板\H156.06.42.17</t>
  </si>
  <si>
    <t>【上海电气汽轮机】 中压第九级持环汽封环\H156.06.43.01</t>
  </si>
  <si>
    <t>【上海电气汽轮机】 中压第八级持环汽封环\H156.06.43.02</t>
  </si>
  <si>
    <t>【上海电气汽轮机】 中压第七级持环汽封环\H156.06.43.03</t>
  </si>
  <si>
    <t>【上海电气汽轮机】 中压第六级持环汽封环\H156.06.43.04</t>
  </si>
  <si>
    <t>【上海电气汽轮机】 中压第六级隔板汽封环\H156.06.43.05</t>
  </si>
  <si>
    <t>【上海电气汽轮机】 中压第七级隔板汽封环\H156.06.43.06</t>
  </si>
  <si>
    <t>【上海电气汽轮机】 中压第八级隔板汽封环\H156.06.43.07</t>
  </si>
  <si>
    <t>【上海电气汽轮机】 中压第九级隔板汽封环\H156.06.43.08</t>
  </si>
  <si>
    <t>【上海电气汽轮机】 弹簧片\H156.06.43.10</t>
  </si>
  <si>
    <t>【上海电气汽轮机】 专用销\H156.06.43.11</t>
  </si>
  <si>
    <t>【上海电气汽轮机】 低压第一级持环汽封环\H156.06.44.01</t>
  </si>
  <si>
    <t>【上海电气汽轮机】 低压第二级持环汽封环\H156.06.44.02</t>
  </si>
  <si>
    <t>【上海电气汽轮机】 低压第三级持环汽封环\H156.06.44.03</t>
  </si>
  <si>
    <t>【上海电气汽轮机】 低压第四级持环汽封环\H156.06.44.04</t>
  </si>
  <si>
    <t>【上海电气汽轮机】 低压第二级隔板汽封环(电)\H156.06.44.05</t>
  </si>
  <si>
    <t>【上海电气汽轮机】 低压第三级隔板汽封环(电)\H156.06.44.06</t>
  </si>
  <si>
    <t>【上海电气汽轮机】 低压第四级隔板汽封环(电)\H156.06.44.07</t>
  </si>
  <si>
    <t>【上海电气汽轮机】 低压第二级隔板汽封环(调)\H156.06.45.01</t>
  </si>
  <si>
    <t>【上海电气汽轮机】 低压第三级隔板汽封环(调)\H156.06.46.01</t>
  </si>
  <si>
    <t>【上海电气汽轮机】 低压第四级隔板汽封环(调)\H156.06.46.02</t>
  </si>
  <si>
    <t>【上海电气汽轮机】 汽封环\H156.06.61.02(1)</t>
  </si>
  <si>
    <t>【上海电气汽轮机】 汽封环\H156.06.63.03</t>
  </si>
  <si>
    <t>【上海电气汽轮机】 汽封环\H156.06.71.01(1)</t>
  </si>
  <si>
    <t>【上海电气汽轮机】 汽封环\H156.06.71.04</t>
  </si>
  <si>
    <t>【上海电气汽轮机】 汽封弹簧片\H156.06.71.06</t>
  </si>
  <si>
    <t>【上海电气汽轮机】 定位销\H156.23.01.48</t>
  </si>
  <si>
    <t>【上海电气汽轮机】 TW-18.6径向垫片δ=0.25\H156.23.01.53-0.25</t>
  </si>
  <si>
    <t>【上海电气汽轮机】 TW-18.6径向垫片δ=0.5\H156.23.01.53-0.5</t>
  </si>
  <si>
    <t>【上海电气汽轮机】 平垫片9.5X1.5X300\H156.23.01.56</t>
  </si>
  <si>
    <t>【上海电气汽轮机】 定位销\H156.23.02.25</t>
  </si>
  <si>
    <t>【上海电气汽轮机】 定位销\H156.23.03.27</t>
  </si>
  <si>
    <t>【上海电气汽轮机】 锁紧键\H156.23.03.29</t>
  </si>
  <si>
    <t>【上海电气汽轮机】 锁紧键\H156.23.03.30</t>
  </si>
  <si>
    <t>【上海电气汽轮机】 喷嘴\H156.70.03.02</t>
  </si>
  <si>
    <t>【上海电气汽轮机】 密封键\HA56.01.82.02</t>
  </si>
  <si>
    <t>【上海电气汽轮机】 垫片\K156.01.14.05</t>
  </si>
  <si>
    <t>【上海电气汽轮机】 垫片\K156.01.14.07</t>
  </si>
  <si>
    <t>【上海电气汽轮机】 垫片\K156.01.14.09</t>
  </si>
  <si>
    <t>【上海电气汽轮机】 压板\K156.01.36.03</t>
  </si>
  <si>
    <t>【上海电气汽轮机】 垫片(上半)\K156.01.36.04</t>
  </si>
  <si>
    <t>【上海电气汽轮机】 垫片(下半)\K156.01.36.05</t>
  </si>
  <si>
    <t>【上海电气汽轮机】 垫片(下半)\K156.01.36.06</t>
  </si>
  <si>
    <t>【上海电气汽轮机】 螺栓\K156.01.36.12</t>
  </si>
  <si>
    <t>【上海电气汽轮机】 螺栓\K156.01.36.13</t>
  </si>
  <si>
    <t>【上海电气汽轮机】 螺母\K156.01.36.14</t>
  </si>
  <si>
    <t>【上海电气汽轮机】 螺母\K156.01.36.15</t>
  </si>
  <si>
    <t>【上海电气汽轮机】 密封环\K156.01.71.08</t>
  </si>
  <si>
    <t>【上海电气汽轮机】 螺塞\K156.01.71.11</t>
  </si>
  <si>
    <t>【上海电气汽轮机】 弹簧片\K156.01.81.07</t>
  </si>
  <si>
    <t>【上海电气汽轮机】 螺钉\K156.03.01.06</t>
  </si>
  <si>
    <t>【上海电气汽轮机】 专用销\K156.03.01.07</t>
  </si>
  <si>
    <t>【上海电气汽轮机】 专用销\K156.03.01.11</t>
  </si>
  <si>
    <t>【上海电气汽轮机】 密封环\K156.03.01.12</t>
  </si>
  <si>
    <t>【上海电气汽轮机】 汽封弹簧片\K156.05.21.11</t>
  </si>
  <si>
    <t>【上海电气汽轮机】 弹簧片\K156.06.02.09</t>
  </si>
  <si>
    <t>【上海电气汽轮机】 低压第一级持环汽封环\K156.06.44.01</t>
  </si>
  <si>
    <t>【上海电气汽轮机】 低压第七级隔板汽封环(电机端)\K156.06.44.01(1)</t>
  </si>
  <si>
    <t>【上海电气汽轮机】 弹簧片\K156.06.44.02</t>
  </si>
  <si>
    <t>【上海电气汽轮机】 低压第二级持环汽封环\K156.06.44.03</t>
  </si>
  <si>
    <t>【上海电气汽轮机】 低压第三级持环汽封环\K156.06.44.04</t>
  </si>
  <si>
    <t>【上海电气汽轮机】 低压第四级持环汽封环\K156.06.44.06</t>
  </si>
  <si>
    <t>【上海电气汽轮机】 弹簧片\K156.06.44.07</t>
  </si>
  <si>
    <t>【上海电气汽轮机】 弹簧片\K156.06.44.09</t>
  </si>
  <si>
    <t>【上海电气汽轮机】 低压第二级隔板汽封环(电机端)\K156.06.44.12</t>
  </si>
  <si>
    <t>【上海电气汽轮机】 弹簧片\K156.06.44.13</t>
  </si>
  <si>
    <t>【上海电气汽轮机】 低压第三级隔板汽封环(电机端)\K156.06.44.14</t>
  </si>
  <si>
    <t>【上海电气汽轮机】 低压第四级隔板汽封环(电机端)\K156.06.44.15</t>
  </si>
  <si>
    <t>【上海电气汽轮机】 弹簧片\K156.06.44.16</t>
  </si>
  <si>
    <t>【上海电气汽轮机】 低压第五级隔板汽封环(电机端)\K156.06.44.17</t>
  </si>
  <si>
    <t>【上海电气汽轮机】 低压第二级隔板汽封环(调阀端)\K156.06.45.01</t>
  </si>
  <si>
    <t>【上海电气汽轮机】 低压第七级隔板汽封环(调阀端)\K156.06.45.01(1)</t>
  </si>
  <si>
    <t>【上海电气汽轮机】 低压第三级隔板汽封环(调阀端)\K156.06.45.02</t>
  </si>
  <si>
    <t>【上海电气汽轮机】 低压第四级隔板汽封环(调阀端)\K156.06.45.03</t>
  </si>
  <si>
    <t>【上海电气汽轮机】 低压第五级隔板汽封环(调阀端)\K156.06.45.04</t>
  </si>
  <si>
    <t>【上海电气汽轮机】 阀碟\K156.30.41.18G01</t>
  </si>
  <si>
    <t>【上海电气汽轮机】 阀杆\K156.30.41.22</t>
  </si>
  <si>
    <t>【上海电气汽轮机】 阀杆套筒\K156.30.41.24</t>
  </si>
  <si>
    <t>【上海电气汽轮机】 沉头螺钉\K156.30.41.38</t>
  </si>
  <si>
    <t>【上海电气汽轮机】 球面套筒\K156.30.41.50</t>
  </si>
  <si>
    <t>【上海电气汽轮机】 连接杆\K156.30.41.66G01</t>
  </si>
  <si>
    <t>【上海电气汽轮机】 阀碟\K156.30.60.19G01</t>
  </si>
  <si>
    <t>【上海电气汽轮机】 阀杆\K156.30.62.12</t>
  </si>
  <si>
    <t>【上海电气汽轮机】 定位螺母\K156.30.62.22</t>
  </si>
  <si>
    <t>【上海电气汽轮机】 阀杆\K156.34.20.10</t>
  </si>
  <si>
    <t>【上海电气汽轮机】 阀套\K156.34.20.11</t>
  </si>
  <si>
    <t>【上海电气汽轮机】 阀碟\K156.34.20.12</t>
  </si>
  <si>
    <t>【上海电气汽轮机】 联结头\K156.34.20.13</t>
  </si>
  <si>
    <t>【上海电气汽轮机】 球面垫圈\K156.60.01.07G01</t>
  </si>
  <si>
    <t>【上海电气汽轮机】 球面垫圈(凸型)\K156.60.01.08</t>
  </si>
  <si>
    <t>【上海电气汽轮机】 球面垫圈(凹型)\K156.60.01.09</t>
  </si>
  <si>
    <t>【上海电气汽轮机】 螺母M48X4\MTU111-19-M48X4</t>
  </si>
  <si>
    <t>【上海电气汽轮机】 圆螺母\MTU122-19-M48X4</t>
  </si>
  <si>
    <t>【上海电气汽轮机】 圆螺母\MTU122-23-M64X4</t>
  </si>
  <si>
    <t>【上海电气汽轮机】 圆螺母\MTU122-27-M80X4</t>
  </si>
  <si>
    <t>【上海电气汽轮机】 圆螺母\MTU122-29(2)-M90X4</t>
  </si>
  <si>
    <t>【上海电气汽轮机】 螺母\MTU125-36-M125</t>
  </si>
  <si>
    <t>【上海电气汽轮机】 螺母罩壳M48\MTU151-22-M48</t>
  </si>
  <si>
    <t>【上海电气汽轮机】 螺母罩壳\MTU151-30-M80</t>
  </si>
  <si>
    <t>【上海电气汽轮机】 螺母罩壳\MTU151-32(2)-M90</t>
  </si>
  <si>
    <t>【上海电气汽轮机】 全螺纹螺栓\MTU221-19-M48X4(A=466)</t>
  </si>
  <si>
    <t>【上海电气汽轮机】 双头螺栓\MTU231-19-M48X4(A=273)</t>
  </si>
  <si>
    <t>【上海电气汽轮机】 双头螺栓\MTU231-27-M80X4(A=718)</t>
  </si>
  <si>
    <t>【上海电气汽轮机】 螺栓\MTU233-36-M125(A=633)</t>
  </si>
  <si>
    <t>【上海电气汽轮机】 双头螺栓\MTU334-27-M80X4(A=1068)</t>
  </si>
  <si>
    <t>【上海电气汽轮机】 压板\N156.01.36.02</t>
  </si>
  <si>
    <t>【上海电气汽轮机】 弹簧垫圈20\N156.01.93.02</t>
  </si>
  <si>
    <t>【上海电气汽轮机】 密封键\Q156.01.58.02</t>
  </si>
  <si>
    <t>【上海电气汽轮机】 密封条\Q156.01.81.02</t>
  </si>
  <si>
    <t>【上海电气汽轮机】 密封条\Q156.01.81.02(2)</t>
  </si>
  <si>
    <t>【上海电气汽轮机】 支承键\Q156.01.81.03</t>
  </si>
  <si>
    <t>【上海电气汽轮机】 堵头\Q156.01.81.03(2)</t>
  </si>
  <si>
    <t>【上海电气汽轮机】 定位销\Q156.01.81.04G01</t>
  </si>
  <si>
    <t>【上海电气汽轮机】 定位销\Q156.01.81.05G01</t>
  </si>
  <si>
    <t>【上海电气汽轮机】 测压管\Q156.01.81.06</t>
  </si>
  <si>
    <t>【上海电气汽轮机】 定位销销体\Q156.01.81.07</t>
  </si>
  <si>
    <t>【上海电气汽轮机】 定位销销体\Q156.01.81.08</t>
  </si>
  <si>
    <t>【上海电气汽轮机】 密封环\Q156.03.01.02</t>
  </si>
  <si>
    <t>【上海电气汽轮机】 密封环\Q156.03.01.06</t>
  </si>
  <si>
    <t>【上海电气汽轮机】 布莱登汽封\Q156.03.01.07</t>
  </si>
  <si>
    <t>【上海电气汽轮机】 接触式汽封环组件\Q156.06.02.01(2)</t>
  </si>
  <si>
    <t>【上海电气汽轮机】 蜂窝汽封环组件\Q156.06.02.02(2)</t>
  </si>
  <si>
    <t>【上海电气汽轮机】 蜂窝汽封环组件\Q156.06.02.06</t>
  </si>
  <si>
    <t>【上海电气汽轮机】 接触式汽封环组件\Q156.06.33.01</t>
  </si>
  <si>
    <t>【上海电气汽轮机】 蜂窝汽封环\Q156.06.33.01(2)</t>
  </si>
  <si>
    <t>【上海电气汽轮机】 接触式汽封环组件\Q156.06.33.02</t>
  </si>
  <si>
    <t>【上海电气汽轮机】 低压第六级蜂窝汽封环\Q156.06.44.06(2)</t>
  </si>
  <si>
    <t>【上海电气汽轮机】 高压侧布莱登汽封\Q156.06.61.01</t>
  </si>
  <si>
    <t>【上海电气汽轮机】 高排侧布莱登汽封\Q156.06.63.02</t>
  </si>
  <si>
    <t>【上海电气汽轮机】 中压侧平衡活塞汽封体\Q156.06.71.01</t>
  </si>
  <si>
    <t>【上海电气汽轮机】 蜂窝汽封环组件\Q156.06.71.01(3)</t>
  </si>
  <si>
    <t>【上海电气汽轮机】 蜂窝汽封环组件\Q156.06.71.02(3)</t>
  </si>
  <si>
    <t>【上海电气汽轮机】 弹簧片\Q156.06.71.03(3)</t>
  </si>
  <si>
    <t>【上海电气汽轮机】 六角头螺栓\S1030.10-M12X20</t>
  </si>
  <si>
    <t>【上海电气汽轮机】 六角头螺栓\S1030.10-M12X30</t>
  </si>
  <si>
    <t>【上海电气汽轮机】 六角头螺栓\S1030.2-M12X30</t>
  </si>
  <si>
    <t>【上海电气汽轮机】 六角头螺栓\S1030.2-M30X70</t>
  </si>
  <si>
    <t>【上海电气汽轮机】 六角头螺栓\S1030.3-M16X120</t>
  </si>
  <si>
    <t>【上海电气汽轮机】 六角头螺栓\S1030.3-M16X45</t>
  </si>
  <si>
    <t>【上海电气汽轮机】 六角头螺栓\S1030.3-M20X90</t>
  </si>
  <si>
    <t>【上海电气汽轮机】 六角头螺栓\S1030.7-M42X100</t>
  </si>
  <si>
    <t>【上海电气汽轮机】 六角头螺栓\S1030.9-M16X35</t>
  </si>
  <si>
    <t>【上海电气汽轮机】 内六角螺钉\S1052.3-M12X35</t>
  </si>
  <si>
    <t>【上海电气汽轮机】 内六角螺钉\S1052.7-M10X20</t>
  </si>
  <si>
    <t>【上海电气汽轮机】 螺塞\S1058.3-M20</t>
  </si>
  <si>
    <t>【上海电气汽轮机】 圆柱端紧定螺钉\S1060.1-M30X160</t>
  </si>
  <si>
    <t>【上海电气汽轮机】 螺钉\S1060.1-M36X140</t>
  </si>
  <si>
    <t>【上海电气汽轮机】 圆柱端紧定螺钉\S1064.1-M10X30</t>
  </si>
  <si>
    <t>【上海电气汽轮机】 六角螺母\S1200.3-M16</t>
  </si>
  <si>
    <t>【上海电气汽轮机】 罩螺母\S1208.2-M56</t>
  </si>
  <si>
    <t>【上海电气汽轮机】 罩螺母\S1208.2-M64</t>
  </si>
  <si>
    <t>【上海电气汽轮机】 锁紧垫片\S1316.2-43</t>
  </si>
  <si>
    <t>【上海电气汽轮机】 圆柱销\S1509.2-10X50</t>
  </si>
  <si>
    <t>【上海电气汽轮机】 圆柱销\S1509.2-30X100</t>
  </si>
  <si>
    <t>【上海电气汽轮机】 圆柱销\S1509.2-30X120</t>
  </si>
  <si>
    <t>【上海电气汽轮机】 锥销\S1512.4-20X90</t>
  </si>
  <si>
    <t>【上海电气汽轮机】 锥销\S1512.4-25X165</t>
  </si>
  <si>
    <t>【上海电气汽轮机】 双头螺柱\S1702.2-M56X250</t>
  </si>
  <si>
    <t>【上海电气汽轮机】 六角头螺柱\S1732.2-M27X150</t>
  </si>
  <si>
    <t>【上海电气汽轮机】 密封环(内)\SPG.01.81.06</t>
  </si>
  <si>
    <t>【上海电气汽轮机】 密封环(外)\SPG.01.81.07</t>
  </si>
  <si>
    <t>【上海电气汽轮机】 密封环\SPG.01.81.08</t>
  </si>
  <si>
    <t>【上海电气汽轮机】 M125导柱\SPG.01.81.24</t>
  </si>
  <si>
    <t>【上海电气汽轮机】 固定环\SPG.03.11.12</t>
  </si>
  <si>
    <t>【上海电气汽轮机】 压环\SPG.01.81.09</t>
  </si>
  <si>
    <t>【上海电气汽轮机】 压板\SPG.06.61.02</t>
  </si>
  <si>
    <t>【上海电气汽轮机】 六角头螺栓\W1030.1-M14X40</t>
  </si>
  <si>
    <t>【上海电气汽轮机】 六角头螺栓\W1030.1-M14X50</t>
  </si>
  <si>
    <t>【上海电气汽轮机】 六角头螺栓\W1030.1-M14X95</t>
  </si>
  <si>
    <t>【上海电气汽轮机】 六角头螺栓\W1030.1-M16X110</t>
  </si>
  <si>
    <t>【上海电气汽轮机】 六角头螺栓\W1030.1-M16X45</t>
  </si>
  <si>
    <t>【上海电气汽轮机】 六角头螺栓\W1030.1-M16X65</t>
  </si>
  <si>
    <t>【上海电气汽轮机】 六角头螺栓\W1030.1-M16X75</t>
  </si>
  <si>
    <t>【上海电气汽轮机】 六角头螺栓\W1030.1-M20X115</t>
  </si>
  <si>
    <t>【上海电气汽轮机】 六角头螺栓\W1030.1-M20X45</t>
  </si>
  <si>
    <t>【上海电气汽轮机】 六角头螺栓\W1030.1-M20X75</t>
  </si>
  <si>
    <t>【上海电气汽轮机】 六角头螺栓\W1030.1-M20X90</t>
  </si>
  <si>
    <t>【上海电气汽轮机】 六角头螺栓\W1030.1-M22X75</t>
  </si>
  <si>
    <t>【上海电气汽轮机】 六角头螺栓\W1030.1-M27X65</t>
  </si>
  <si>
    <t>【上海电气汽轮机】 六角头螺栓\W1030.1-M27X70</t>
  </si>
  <si>
    <t>【上海电气汽轮机】 六角头螺栓\W1030.2-M27X70</t>
  </si>
  <si>
    <t>【上海电气汽轮机】 六角头螺栓\W1030.3-M16X30</t>
  </si>
  <si>
    <t>【上海电气汽轮机】 六角头螺栓\W1030.3-M20X45</t>
  </si>
  <si>
    <t>【上海电气汽轮机】 双头螺柱\W1040.3-M30X135</t>
  </si>
  <si>
    <t>【上海电气汽轮机】 双头螺栓\W1040.3-M42X260</t>
  </si>
  <si>
    <t>【上海电气汽轮机】 双头螺栓\W1040.3-M42X450</t>
  </si>
  <si>
    <t>【上海电气汽轮机】 双头螺栓\W1040-M27X108</t>
  </si>
  <si>
    <t>【上海电气汽轮机】 双头螺栓\W1040-M27X95</t>
  </si>
  <si>
    <t>【上海电气汽轮机】 双头螺栓\W1040-M39X3X248</t>
  </si>
  <si>
    <t>【上海电气汽轮机】 双头螺栓\W1040-M64X3X230</t>
  </si>
  <si>
    <t>【上海电气汽轮机】 双头螺栓\W1041.1-M20X110</t>
  </si>
  <si>
    <t>【上海电气汽轮机】 双头螺栓\W1041.1-M20X90</t>
  </si>
  <si>
    <t>【上海电气汽轮机】 双头螺栓\W1041.1-M27X140</t>
  </si>
  <si>
    <t>【上海电气汽轮机】 双头螺栓\W1041.1-M27X165</t>
  </si>
  <si>
    <t>【上海电气汽轮机】 双头螺栓\W1041.1-M27X178</t>
  </si>
  <si>
    <t>【上海电气汽轮机】 双头螺栓\W1041.1-M39X3X210</t>
  </si>
  <si>
    <t>【上海电气汽轮机】 双头螺栓\W1041.1-M39X3X220</t>
  </si>
  <si>
    <t>【上海电气汽轮机】 双头螺栓\W1041.2-M36X3X215</t>
  </si>
  <si>
    <t>【上海电气汽轮机】 定位双头螺柱\W1043.1-40X160</t>
  </si>
  <si>
    <t>【上海电气汽轮机】 定位双头螺柱\W1043.1-45X270</t>
  </si>
  <si>
    <t>【上海电气汽轮机】 定位双头螺柱\W1043.1-50X190</t>
  </si>
  <si>
    <t>【上海电气汽轮机】 定位双头螺柱\W1043.1-50X280</t>
  </si>
  <si>
    <t>【上海电气汽轮机】 定位双头螺柱\W1043.2-30X160</t>
  </si>
  <si>
    <t>【上海电气汽轮机】 定位双头螺柱\W1043.2-40X240</t>
  </si>
  <si>
    <t>【上海电气汽轮机】 定位双头螺柱\W1043.3-40X160</t>
  </si>
  <si>
    <t>【上海电气汽轮机】 定位双头螺柱\W1043.3-40X180</t>
  </si>
  <si>
    <t>【上海电气汽轮机】 定位双头螺柱\W1043.3-40X292</t>
  </si>
  <si>
    <t>【上海电气汽轮机】 定位双头螺柱\W1043.3-40X343</t>
  </si>
  <si>
    <t>【上海电气汽轮机】 定位双头螺柱\W1043.4-46X280</t>
  </si>
  <si>
    <t>【上海电气汽轮机】 定位双头螺柱\W1043.4-52X235</t>
  </si>
  <si>
    <t>【上海电气汽轮机】 定位双头螺柱\W1043.4-52X540</t>
  </si>
  <si>
    <t>【上海电气汽轮机】 双头螺栓\W1044.1-M16X95</t>
  </si>
  <si>
    <t>【上海电气汽轮机】 双头螺栓\W1044.1-M20X120</t>
  </si>
  <si>
    <t>【上海电气汽轮机】 内六角螺钉\W1050.11-M20X35</t>
  </si>
  <si>
    <t>【上海电气汽轮机】 内六角螺钉\W1050.11-M24X60</t>
  </si>
  <si>
    <t>【上海电气汽轮机】 内六角螺钉\W1050.11-M30X65</t>
  </si>
  <si>
    <t>【上海电气汽轮机】 内六角螺钉\W1050.1-M10X110</t>
  </si>
  <si>
    <t>【上海电气汽轮机】 内六角螺钉\W1050.1-M14X45</t>
  </si>
  <si>
    <t>【上海电气汽轮机】 内六角螺钉\W1050.1-M16X30</t>
  </si>
  <si>
    <t>【上海电气汽轮机】 内六角螺钉\W1050.1-M16X40</t>
  </si>
  <si>
    <t>【上海电气汽轮机】 内六角螺钉\W1050.1-M16X45</t>
  </si>
  <si>
    <t>【上海电气汽轮机】 内六角螺钉\W1050.1-M20X50</t>
  </si>
  <si>
    <t>【上海电气汽轮机】 内六角螺钉\W1050.1-M20X60</t>
  </si>
  <si>
    <t>【上海电气汽轮机】 内六角螺钉\W1050.1-M20X75</t>
  </si>
  <si>
    <t>【上海电气汽轮机】 内六角螺钉\W1050.1-M20X80</t>
  </si>
  <si>
    <t>【上海电气汽轮机】 内六角螺钉\W1050.1-M22X75</t>
  </si>
  <si>
    <t>【上海电气汽轮机】 内六角螺钉\W1050.1-M27X410</t>
  </si>
  <si>
    <t>【上海电气汽轮机】 内六角螺钉\W1050.1-M27X60</t>
  </si>
  <si>
    <t>【上海电气汽轮机】 内六角螺钉\W1050.1-M27X80</t>
  </si>
  <si>
    <t>【上海电气汽轮机】 内六角螺钉\W1050.1-M33X3X100</t>
  </si>
  <si>
    <t>【上海电气汽轮机】 内六角螺钉\W1050.1-M33X3X160</t>
  </si>
  <si>
    <t>【上海电气汽轮机】 内六角螺钉\W1050.1-M33X3X250</t>
  </si>
  <si>
    <t>【上海电气汽轮机】 内六角螺钉\W1050.1-M33X3X65</t>
  </si>
  <si>
    <t>【上海电气汽轮机】 内六角螺钉\W1050.1-M33X3X80</t>
  </si>
  <si>
    <t>【上海电气汽轮机】 内六角螺钉\W1050.2-M10X75</t>
  </si>
  <si>
    <t>【上海电气汽轮机】 内六角螺钉\W1050.2-M12X35</t>
  </si>
  <si>
    <t>【上海电气汽轮机】 内六角螺钉\W1050.2-M14X30</t>
  </si>
  <si>
    <t>【上海电气汽轮机】 内六角螺钉\W1050.2-M14X40</t>
  </si>
  <si>
    <t>【上海电气汽轮机】 内六角螺钉\W1050.2-M14X45</t>
  </si>
  <si>
    <t>【上海电气汽轮机】 内六角螺钉\W1050.2-M14X60</t>
  </si>
  <si>
    <t>【上海电气汽轮机】 内六角螺钉\W1050.2-M16X30</t>
  </si>
  <si>
    <t>【上海电气汽轮机】 内六角螺钉\W1050.2-M16X35</t>
  </si>
  <si>
    <t>【上海电气汽轮机】 内六角螺钉\W1050.2-M16X40</t>
  </si>
  <si>
    <t>【上海电气汽轮机】 内六角螺钉\W1050.2-M16X50</t>
  </si>
  <si>
    <t>【上海电气汽轮机】 内六角螺钉\W1050.2-M20X30</t>
  </si>
  <si>
    <t>【上海电气汽轮机】 内六角螺钉\W1050.2-M20X35</t>
  </si>
  <si>
    <t>【上海电气汽轮机】 内六角螺钉\W1050.2-M20X45</t>
  </si>
  <si>
    <t>【上海电气汽轮机】 内六角螺钉\W1050.2-M20X80</t>
  </si>
  <si>
    <t>【上海电气汽轮机】 内六角螺钉\W1050.2-M27X60</t>
  </si>
  <si>
    <t>【上海电气汽轮机】 内六角螺钉\W1050.2-M27X70</t>
  </si>
  <si>
    <t>【上海电气汽轮机】 内六角螺钉\W1050.2-M27X80</t>
  </si>
  <si>
    <t>【上海电气汽轮机】 内六角螺钉\W1050.2-M33X3X90</t>
  </si>
  <si>
    <t>【上海电气汽轮机】 内六角螺钉\W1050.2-M33X3X95</t>
  </si>
  <si>
    <t>【上海电气汽轮机】 内六角螺钉\W1050.2-M45X3X200</t>
  </si>
  <si>
    <t>【上海电气汽轮机】 螺钉\W1050.2-M5X70</t>
  </si>
  <si>
    <t>【上海电气汽轮机】 内六角螺钉\W1050.3-M20X30</t>
  </si>
  <si>
    <t>【上海电气汽轮机】 内六角螺钉\W1050.3-M20X40</t>
  </si>
  <si>
    <t>【上海电气汽轮机】 内六角螺钉\W1050.4-M14X25</t>
  </si>
  <si>
    <t>【上海电气汽轮机】 内六角螺钉\W1050.4-M14X30</t>
  </si>
  <si>
    <t>【上海电气汽轮机】 内六角螺钉\W1050.4-M20X30</t>
  </si>
  <si>
    <t>【上海电气汽轮机】 内六角螺钉\W1050.4-M20X40</t>
  </si>
  <si>
    <t>【上海电气汽轮机】 内六角螺钉\W1050.4-M20X45</t>
  </si>
  <si>
    <t>【上海电气汽轮机】 内六角螺钉\W1050.9-M16X35</t>
  </si>
  <si>
    <t>【上海电气汽轮机】 六角头起重螺钉\W1060-M27X130</t>
  </si>
  <si>
    <t>【上海电气汽轮机】 六角头起重螺钉\W1060-M27X280</t>
  </si>
  <si>
    <t>【上海电气汽轮机】 六角头起重螺钉\W1060-M27X510</t>
  </si>
  <si>
    <t>【上海电气汽轮机】 方头圆柱端紧定螺钉\W1066-M20X140</t>
  </si>
  <si>
    <t>【上海电气汽轮机】 方头圆柱端紧定螺钉\W1066-M20X395</t>
  </si>
  <si>
    <t>【上海电气汽轮机】 方头圆柱端紧定螺钉\W1066-M20X420</t>
  </si>
  <si>
    <t>【上海电气汽轮机】 方头圆柱端紧定螺钉\W1066-M20X460</t>
  </si>
  <si>
    <t>【上海电气汽轮机】 螺钉\W1068.8-M16X30</t>
  </si>
  <si>
    <t>【上海电气汽轮机】 大圆柱头螺钉\W1069.2-M14X16</t>
  </si>
  <si>
    <t>【上海电气汽轮机】 专用螺钉\W1073.1-M27</t>
  </si>
  <si>
    <t>【上海电气汽轮机】 专用螺钉\W1073.1-M27X14</t>
  </si>
  <si>
    <t>【上海电气汽轮机】 专用螺钉\W1073.1-M30X16</t>
  </si>
  <si>
    <t>【上海电气汽轮机】 专用螺钉\W1073.1-M33X16</t>
  </si>
  <si>
    <t>【上海电气汽轮机】 专用螺钉\W1073.1-M39X20</t>
  </si>
  <si>
    <t>【上海电气汽轮机】 专用螺钉\W1073.1-M52</t>
  </si>
  <si>
    <t>【上海电气汽轮机】 螺杆\W1073.2-M27X710</t>
  </si>
  <si>
    <t>【上海电气汽轮机】 方头螺旋管塞\W1074.1-0.75"NPT</t>
  </si>
  <si>
    <t>【上海电气汽轮机】 平衡螺栓\W1077-M33</t>
  </si>
  <si>
    <t>【上海电气汽轮机】 平衡螺塞\W1077-M39</t>
  </si>
  <si>
    <t>【上海电气汽轮机】 平衡螺塞\W1077-M45</t>
  </si>
  <si>
    <t>【上海电气汽轮机】 专用螺钉\W1079-M14</t>
  </si>
  <si>
    <t>【上海电气汽轮机】 专用螺钉\W1079-M16</t>
  </si>
  <si>
    <t>【上海电气汽轮机】 专用螺钉\W1079-M20</t>
  </si>
  <si>
    <t>【上海电气汽轮机】 专用螺钉\W1079-M27</t>
  </si>
  <si>
    <t>【上海电气汽轮机】 专用螺钉\W1079-M30</t>
  </si>
  <si>
    <t>【上海电气汽轮机】 专用螺钉\W1079-M36</t>
  </si>
  <si>
    <t>【上海电气汽轮机】 专用螺钉\W1079-M45</t>
  </si>
  <si>
    <t>【上海电气汽轮机】 专用螺钉\W1079-M60</t>
  </si>
  <si>
    <t>【上海电气汽轮机】 六角头螺栓\W1130.1-M33X3X110</t>
  </si>
  <si>
    <t>【上海电气汽轮机】 六角头螺栓\W1130.1-M33X3X115</t>
  </si>
  <si>
    <t>【上海电气汽轮机】 六角头螺栓\W1130.1-M33X3X130</t>
  </si>
  <si>
    <t>【上海电气汽轮机】 六角头螺栓\W1130.1-M33X3X60</t>
  </si>
  <si>
    <t>【上海电气汽轮机】 六角头螺栓\W1130.1-M33X3X90</t>
  </si>
  <si>
    <t>【上海电气汽轮机】 六角头螺栓\W1130.1-M33X3X95</t>
  </si>
  <si>
    <t>【上海电气汽轮机】 六角头螺栓\W1130.1-M39X3X105</t>
  </si>
  <si>
    <t>【上海电气汽轮机】 六角头螺栓\W1130.1-M39X3X110</t>
  </si>
  <si>
    <t>【上海电气汽轮机】 六角头螺栓\W1130.1-M39X3X115</t>
  </si>
  <si>
    <t>【上海电气汽轮机】 六角头螺栓\W1130.1-M39X3X120</t>
  </si>
  <si>
    <t>【上海电气汽轮机】 六角头螺栓\W1130.1-M39X3X145</t>
  </si>
  <si>
    <t>【上海电气汽轮机】 六角头螺栓\W1130.1-M39X3X190</t>
  </si>
  <si>
    <t>【上海电气汽轮机】 六角头螺栓\W1130.1-M39X3X215</t>
  </si>
  <si>
    <t>【上海电气汽轮机】 六角头螺栓\W1130.1-M39X3X95</t>
  </si>
  <si>
    <t>【上海电气汽轮机】 六角头螺栓\W1130.1-M45X3X160</t>
  </si>
  <si>
    <t>【上海电气汽轮机】 六角头螺栓\W1130.1-M52X3X120</t>
  </si>
  <si>
    <t>【上海电气汽轮机】 六角头螺栓\W1130.1-M52X3X130</t>
  </si>
  <si>
    <t>【上海电气汽轮机】 六角头螺栓\W1130.2-M30X3X215</t>
  </si>
  <si>
    <t>【上海电气汽轮机】 六角头螺栓\W1130.2-M30X3X95</t>
  </si>
  <si>
    <t>【上海电气汽轮机】 六角头螺栓\W1130.2-M33X3X115</t>
  </si>
  <si>
    <t>【上海电气汽轮机】 六角头螺栓\W1130.2-M33X3X145</t>
  </si>
  <si>
    <t>【上海电气汽轮机】 六角头螺栓\W1130.2-M39X3X110</t>
  </si>
  <si>
    <t>【上海电气汽轮机】 六角头螺栓\W1130.2-M39X3X70</t>
  </si>
  <si>
    <t>【上海电气汽轮机】 六角头螺栓\W1130.2-M45X3X120</t>
  </si>
  <si>
    <t>【上海电气汽轮机】 六角头螺栓\W1130.2-M45X3X170</t>
  </si>
  <si>
    <t>【上海电气汽轮机】 六角头螺栓\W1130.2-M45X3X340</t>
  </si>
  <si>
    <t>【上海电气汽轮机】 六角头螺栓\W1130.2-M52X3X130</t>
  </si>
  <si>
    <t>【上海电气汽轮机】 六角头螺栓\W1130.2-M52X3X180</t>
  </si>
  <si>
    <t>【上海电气汽轮机】 带轴肩内六角螺钉\W1150-13X25</t>
  </si>
  <si>
    <t>【上海电气汽轮机】 内六角螺钉\W1151.11-M48X3X95</t>
  </si>
  <si>
    <t>【上海电气汽轮机】 内六角螺钉\W1151.14-M30X3X65</t>
  </si>
  <si>
    <t>【上海电气汽轮机】 内六角螺钉\W1151.14-M56X3X155</t>
  </si>
  <si>
    <t>【上海电气汽轮机】 内六角螺钉\W1151.14-M56X3X350</t>
  </si>
  <si>
    <t>【上海电气汽轮机】 内六角螺钉\W1151.14-M56X3X555</t>
  </si>
  <si>
    <t>【上海电气汽轮机】 锥螺纹内六角螺钉\W1151.1-M14X30</t>
  </si>
  <si>
    <t>【上海电气汽轮机】 锥螺纹内六角螺钉\W1151.1-M22X90</t>
  </si>
  <si>
    <t>【上海电气汽轮机】 锥螺纹内六角螺钉\W1151.1-M27X60</t>
  </si>
  <si>
    <t>【上海电气汽轮机】 锥螺纹内六角螺钉\W1151.1-M33X3X65</t>
  </si>
  <si>
    <t>【上海电气汽轮机】 锥螺纹内六角螺钉\W1151.1-M33X3X70</t>
  </si>
  <si>
    <t>【上海电气汽轮机】 锥螺纹内六角螺钉\W1151.1-M39X3X100</t>
  </si>
  <si>
    <t>【上海电气汽轮机】 锥螺纹内六角螺钉\W1151.3-M33X3X65</t>
  </si>
  <si>
    <t>【上海电气汽轮机】 锥螺纹内六角螺钉\W1151.5-M33X3X80</t>
  </si>
  <si>
    <t>【上海电气汽轮机】 锥螺纹内六角螺钉\W1151.8-M27X60</t>
  </si>
  <si>
    <t>【上海电气汽轮机】 锥螺纹内六角螺钉\W1151.8-M33X3X65</t>
  </si>
  <si>
    <t>【上海电气汽轮机】 锥螺纹内六角螺钉\W1151.8-M33X3X80</t>
  </si>
  <si>
    <t>【上海电气汽轮机】 锥螺纹内六角螺钉\W1151.8-M36X3X80</t>
  </si>
  <si>
    <t>【上海电气汽轮机】 锥螺纹内六角螺钉\W1151.8-M39X3X100</t>
  </si>
  <si>
    <t>【上海电气汽轮机】 内六角平端紧定螺钉\W1162-M12X22</t>
  </si>
  <si>
    <t>【上海电气汽轮机】 内六角平端紧定螺钉\W1162-M12X24</t>
  </si>
  <si>
    <t>【上海电气汽轮机】 内六角平端紧定螺钉\W1162-M14X22</t>
  </si>
  <si>
    <t>【上海电气汽轮机】 内六角平端紧定螺钉\W1162-M16X25</t>
  </si>
  <si>
    <t>【上海电气汽轮机】 内六角平端紧定螺钉\W1162-M22X38</t>
  </si>
  <si>
    <t>【上海电气汽轮机】 内六角平端紧定螺钉\W1162-M24X40</t>
  </si>
  <si>
    <t>【上海电气汽轮机】 内六角平端紧定螺钉\W1162-M27X38</t>
  </si>
  <si>
    <t>【上海电气汽轮机】 紧定螺钉\W1164-M14X25</t>
  </si>
  <si>
    <t>【上海电气汽轮机】 罩螺母\W1208.10-M72X3X140</t>
  </si>
  <si>
    <t>【上海电气汽轮机】 罩螺母\W1208.10-M80X3X155</t>
  </si>
  <si>
    <t>【上海电气汽轮机】 罩螺母\W1208.20-M100X3X175</t>
  </si>
  <si>
    <t>【上海电气汽轮机】 罩螺母\W1208.20-M110X3X190</t>
  </si>
  <si>
    <t>【上海电气汽轮机】 罩螺母\W1208.20-M125X4X215</t>
  </si>
  <si>
    <t>【上海电气汽轮机】 罩螺母\W1208.20-M140X4X230</t>
  </si>
  <si>
    <t>【上海电气汽轮机】 罩螺母\W1208.20-M160X4X255</t>
  </si>
  <si>
    <t>【上海电气汽轮机】 罩螺母\W1208.20-M48X3X105</t>
  </si>
  <si>
    <t>【上海电气汽轮机】 罩螺母\W1208.20-M72X3X140</t>
  </si>
  <si>
    <t>【上海电气汽轮机】 罩螺母\W1208.20-M80X3X155</t>
  </si>
  <si>
    <t>【上海电气汽轮机】 罩螺母\W1208.20-M90X3X165</t>
  </si>
  <si>
    <t>【上海电气汽轮机】 罩螺母\W1208.6-M110X3X190</t>
  </si>
  <si>
    <t>【上海电气汽轮机】 罩螺母\W1208.6-M115X3X200</t>
  </si>
  <si>
    <t>【上海电气汽轮机】 罩螺母\W1208.6-M52X3X110</t>
  </si>
  <si>
    <t>【上海电气汽轮机】 罩螺母\W1208.6-M64X3X130</t>
  </si>
  <si>
    <t>【上海电气汽轮机】 罩螺母\W1208.6-M72X3X140</t>
  </si>
  <si>
    <t>【上海电气汽轮机】 罩螺母\W1208.6-M76X3X145</t>
  </si>
  <si>
    <t>【上海电气汽轮机】 罩螺母\W1208.6-M80X3X155</t>
  </si>
  <si>
    <t>【上海电气汽轮机】 罩螺母\W1208.6-M90X3X165</t>
  </si>
  <si>
    <t>【上海电气汽轮机】 罩螺母\W1208-M110X3X190</t>
  </si>
  <si>
    <t>【上海电气汽轮机】 罩螺母\W1208-M45X3X105</t>
  </si>
  <si>
    <t>【上海电气汽轮机】 罩螺母\W1208-M64X3X130</t>
  </si>
  <si>
    <t>【上海电气汽轮机】 罩螺母\W1208-M72X3X140</t>
  </si>
  <si>
    <t>【上海电气汽轮机】 罩螺母\W1208-M76X3X145</t>
  </si>
  <si>
    <t>【上海电气汽轮机】 罩螺母\W1208-M85X3X160</t>
  </si>
  <si>
    <t>【上海电气汽轮机】 罩螺母\W1208-M90X3X165</t>
  </si>
  <si>
    <t>【上海电气汽轮机】 罩螺母\W1208-M95X3X170</t>
  </si>
  <si>
    <t>【上海电气汽轮机】 罩螺母\W1209.1-0.5"NPT</t>
  </si>
  <si>
    <t>【上海电气汽轮机】 罩螺母\W1209.1-0.75"NPT</t>
  </si>
  <si>
    <t>【上海电气汽轮机】 罩螺母\W1209.1-12.7(0.5"NPT)</t>
  </si>
  <si>
    <t>【上海电气汽轮机】 罩螺母\W1209.1-2"NPT</t>
  </si>
  <si>
    <t>【上海电气汽轮机】 罩螺母\W1209.2-0.75"NPT</t>
  </si>
  <si>
    <t>【上海电气汽轮机】 六角螺母\W1220.1-M20</t>
  </si>
  <si>
    <t>【上海电气汽轮机】 六角螺母\W1220.1-M22</t>
  </si>
  <si>
    <t>【上海电气汽轮机】 六角螺母\W1220.1-M27</t>
  </si>
  <si>
    <t>【上海电气汽轮机】 六角螺母\W1220.1-M30X3</t>
  </si>
  <si>
    <t>【上海电气汽轮机】 六角螺母\W1220.1-M33X3</t>
  </si>
  <si>
    <t>【上海电气汽轮机】 六角螺母\W1220.1-M36X3</t>
  </si>
  <si>
    <t>【上海电气汽轮机】 六角螺母\W1220.1-M39X3</t>
  </si>
  <si>
    <t>【上海电气汽轮机】 六角螺母\W1220.1-M42X3</t>
  </si>
  <si>
    <t>【上海电气汽轮机】 六角螺母\W1220.1-M45X3</t>
  </si>
  <si>
    <t>【上海电气汽轮机】 六角螺母\W1220.1-M52X3</t>
  </si>
  <si>
    <t>【上海电气汽轮机】 六角螺母\W1220.2-M20</t>
  </si>
  <si>
    <t>【上海电气汽轮机】 六角螺母\W1220.2-M22</t>
  </si>
  <si>
    <t>【上海电气汽轮机】 六角螺母\W1220.2-M27</t>
  </si>
  <si>
    <t>【上海电气汽轮机】 六角螺母\W1220.2-M30X3</t>
  </si>
  <si>
    <t>【上海电气汽轮机】 六角螺母\W1220.2-M33X3</t>
  </si>
  <si>
    <t>【上海电气汽轮机】 六角螺母\W1220.2-M39X3</t>
  </si>
  <si>
    <t>【上海电气汽轮机】 六角螺母\W1220.2-M52X3</t>
  </si>
  <si>
    <t>【上海电气汽轮机】 六角螺母\W1221.6-M30</t>
  </si>
  <si>
    <t>【上海电气汽轮机】 六角螺母\W1221.7-M36X3</t>
  </si>
  <si>
    <t>【上海电气汽轮机】 六角螺母\W1221.7-M48X3</t>
  </si>
  <si>
    <t>【上海电气汽轮机】 六角螺母\W1221-M33X3</t>
  </si>
  <si>
    <t>【上海电气汽轮机】 槽形螺母\W1222-M12</t>
  </si>
  <si>
    <t>【上海电气汽轮机】 槽形螺母\W1222-M14</t>
  </si>
  <si>
    <t>【上海电气汽轮机】 槽形螺母\W1222-M33X3</t>
  </si>
  <si>
    <t>【上海电气汽轮机】 罩螺母\W1227.1-M39X3X77</t>
  </si>
  <si>
    <t>【上海电气汽轮机】 罩螺母\W1227.2-M39X3X96</t>
  </si>
  <si>
    <t>【上海电气汽轮机】 罩螺母\W1227.2-M42X3X102</t>
  </si>
  <si>
    <t>【上海电气汽轮机】 罩螺母\W1227.2-M52X3X112</t>
  </si>
  <si>
    <t>【上海电气汽轮机】 罩螺母\W1227.3-M27X166</t>
  </si>
  <si>
    <t>【上海电气汽轮机】 内六角螺母\W1228.10-M42X3X85</t>
  </si>
  <si>
    <t>【上海电气汽轮机】 内六角螺母\W1228.10-M56X3X110</t>
  </si>
  <si>
    <t>【上海电气汽轮机】 内六角螺母\W1228.12-M24X55</t>
  </si>
  <si>
    <t>【上海电气汽轮机】 内六角螺母\W1228.12-M30X3X65</t>
  </si>
  <si>
    <t>【上海电气汽轮机】 内六角螺母\W1228.12-M36X3X75</t>
  </si>
  <si>
    <t>【上海电气汽轮机】 内六角螺母\W1228.12-M42X3X85</t>
  </si>
  <si>
    <t>【上海电气汽轮机】 内六角螺母\W1228.12-M48X3X95</t>
  </si>
  <si>
    <t>【上海电气汽轮机】 内六角螺母\W1228.12-M56X3X110</t>
  </si>
  <si>
    <t>【上海电气汽轮机】 内六角螺母\W1228.1-M33X3X67</t>
  </si>
  <si>
    <t>【上海电气汽轮机】 内六角螺母\W1228.1-M39X3X254</t>
  </si>
  <si>
    <t>【上海电气汽轮机】 内六角螺母\W1228.1-M39X3X350</t>
  </si>
  <si>
    <t>【上海电气汽轮机】 内六角螺母\W1228.1-M39X3X381</t>
  </si>
  <si>
    <t>【上海电气汽轮机】 内六角螺母\W1228.1-M39X3X458</t>
  </si>
  <si>
    <t>【上海电气汽轮机】 内六角螺母\W1228.1-M39X3X77</t>
  </si>
  <si>
    <t>【上海电气汽轮机】 内六角螺母\W1228.1-M39X3X99</t>
  </si>
  <si>
    <t>【上海电气汽轮机】 内六角螺母\W1228.1-M45X3X89</t>
  </si>
  <si>
    <t>【上海电气汽轮机】 内六角螺母\W1228.1-M52X3X99</t>
  </si>
  <si>
    <t>【上海电气汽轮机】 内六角螺母\W1228.2-M20X48</t>
  </si>
  <si>
    <t>【上海电气汽轮机】 内六角螺母\W1228.2-M22X54</t>
  </si>
  <si>
    <t>【上海电气汽轮机】 内六角螺母\W1228.2-M27X58</t>
  </si>
  <si>
    <t>【上海电气汽轮机】 内六角螺母\W1228.2-M30X3X64</t>
  </si>
  <si>
    <t>【上海电气汽轮机】 内六角螺母\W1228.2-M33X3X67</t>
  </si>
  <si>
    <t>【上海电气汽轮机】 内六角螺母\W1228.2-M36X3X74</t>
  </si>
  <si>
    <t>【上海电气汽轮机】 内六角螺母\W1228.2-M39X3X77</t>
  </si>
  <si>
    <t>【上海电气汽轮机】 内六角螺母\W1228.2-M42X90</t>
  </si>
  <si>
    <t>【上海电气汽轮机】 内六角螺母\W1228.2-M45X3X89</t>
  </si>
  <si>
    <t>【上海电气汽轮机】 内六角螺母\W1228.2-M48X3X96</t>
  </si>
  <si>
    <t>【上海电气汽轮机】 内六角螺母\W1228.2-M52X3X99</t>
  </si>
  <si>
    <t>【上海电气汽轮机】 内六角螺母\W1228.2-M60X3X108</t>
  </si>
  <si>
    <t>【上海电气汽轮机】 内六角螺母\W1228.3-M48X95</t>
  </si>
  <si>
    <t>【上海电气汽轮机】 内六角螺母\W1228.6-M39X3X77</t>
  </si>
  <si>
    <t>【上海电气汽轮机】 内六角螺母\W1228.6-M52X3X99</t>
  </si>
  <si>
    <t>【上海电气汽轮机】 平垫圈\W1300.10-42</t>
  </si>
  <si>
    <t>【上海电气汽轮机】 平垫圈\W1300.10-56</t>
  </si>
  <si>
    <t>【上海电气汽轮机】 平垫圈\W1300.10-64</t>
  </si>
  <si>
    <t>【上海电气汽轮机】 平垫圈\W1300.10-72</t>
  </si>
  <si>
    <t>【上海电气汽轮机】 平垫圈\W1300.10-80</t>
  </si>
  <si>
    <t>【上海电气汽轮机】 平垫圈\W1300.10-90</t>
  </si>
  <si>
    <t>【上海电气汽轮机】 平垫圈\W1300.1-110</t>
  </si>
  <si>
    <t>【上海电气汽轮机】 平垫圈\W1300.1-27</t>
  </si>
  <si>
    <t>【上海电气汽轮机】 平垫圈\W1300.1-33</t>
  </si>
  <si>
    <t>【上海电气汽轮机】 平垫圈\W1300.1-36</t>
  </si>
  <si>
    <t>【上海电气汽轮机】 平垫圈\W1300.1-39</t>
  </si>
  <si>
    <t>【上海电气汽轮机】 平垫圈\W1300.1-42</t>
  </si>
  <si>
    <t>【上海电气汽轮机】 平垫圈\W1300.1-45</t>
  </si>
  <si>
    <t>【上海电气汽轮机】 平垫圈\W1300.1-52</t>
  </si>
  <si>
    <t>【上海电气汽轮机】 平垫圈\W1300.1-64</t>
  </si>
  <si>
    <t>【上海电气汽轮机】 平垫圈\W1300.1-72</t>
  </si>
  <si>
    <t>【上海电气汽轮机】 平垫圈\W1300.1-76</t>
  </si>
  <si>
    <t>【上海电气汽轮机】 平垫圈\W1300.1-90</t>
  </si>
  <si>
    <t>【上海电气汽轮机】 平垫圈\W1300.4-24</t>
  </si>
  <si>
    <t>【上海电气汽轮机】 平垫圈\W1300.4-30</t>
  </si>
  <si>
    <t>【上海电气汽轮机】 平垫圈\W1300.4-48</t>
  </si>
  <si>
    <t>【上海电气汽轮机】 平垫圈\W1300.4-72</t>
  </si>
  <si>
    <t>【上海电气汽轮机】 平垫圈\W1300.7-45</t>
  </si>
  <si>
    <t>【上海电气汽轮机】 平垫圈\W1300.8-48</t>
  </si>
  <si>
    <t>【上海电气汽轮机】 球面垫圈\W1314.1-27</t>
  </si>
  <si>
    <t>【上海电气汽轮机】 球面垫圈(凸形)\W1314.2-110</t>
  </si>
  <si>
    <t>【上海电气汽轮机】 球面垫圈(凸形)\W1314.2-115</t>
  </si>
  <si>
    <t>【上海电气汽轮机】 球面垫圈(凸形)\W1314.2-20</t>
  </si>
  <si>
    <t>【上海电气汽轮机】 球面垫圈(凸形)\W1314.2-22</t>
  </si>
  <si>
    <t>【上海电气汽轮机】 球面垫圈(凸形)\W1314.2-27</t>
  </si>
  <si>
    <t>【上海电气汽轮机】 球面垫圈(凸形)\W1314.2-30</t>
  </si>
  <si>
    <t>【上海电气汽轮机】 球面垫圈(凸形)\W1314.2-33</t>
  </si>
  <si>
    <t>【上海电气汽轮机】 球面垫圈(凸形)\W1314.2-36</t>
  </si>
  <si>
    <t>【上海电气汽轮机】 球面垫圈(凸形)\W1314.2-39</t>
  </si>
  <si>
    <t>【上海电气汽轮机】 球面垫圈(凸形)\W1314.2-42</t>
  </si>
  <si>
    <t>【上海电气汽轮机】 球面垫圈\W1314.2-45</t>
  </si>
  <si>
    <t>【上海电气汽轮机】 球面垫圈(凸形)\W1314.2-48</t>
  </si>
  <si>
    <t>【上海电气汽轮机】 球面垫圈(凸形)\W1314.2-60</t>
  </si>
  <si>
    <t>【上海电气汽轮机】 球面垫圈\W1314.2-64</t>
  </si>
  <si>
    <t>【上海电气汽轮机】 球面垫圈(凸形)\W1314.2-72</t>
  </si>
  <si>
    <t>【上海电气汽轮机】 球面垫圈(凸形)\W1314.2-76</t>
  </si>
  <si>
    <t>【上海电气汽轮机】 球面垫圈(凸形)\W1314.2-85</t>
  </si>
  <si>
    <t>【上海电气汽轮机】 球面垫圈(凸形)\W1314.2-90</t>
  </si>
  <si>
    <t>【上海电气汽轮机】 球面垫圈(凸形)\W1314.2-95</t>
  </si>
  <si>
    <t>【上海电气汽轮机】 球面垫圈\W1315.1-27</t>
  </si>
  <si>
    <t>【上海电气汽轮机】 球面垫圈(凹形)\W1315.2-110</t>
  </si>
  <si>
    <t>【上海电气汽轮机】 球面垫圈(凹形)\W1315.2-115</t>
  </si>
  <si>
    <t>【上海电气汽轮机】 球面垫圈(凹形)\W1315.2-20</t>
  </si>
  <si>
    <t>【上海电气汽轮机】 球面垫圈(凹形)\W1315.2-22</t>
  </si>
  <si>
    <t>【上海电气汽轮机】 球面垫圈(凹形)\W1315.2-27</t>
  </si>
  <si>
    <t>【上海电气汽轮机】 球面垫圈(凹形)\W1315.2-30</t>
  </si>
  <si>
    <t>【上海电气汽轮机】 球面垫圈(凹形)\W1315.2-33</t>
  </si>
  <si>
    <t>【上海电气汽轮机】 球面垫圈(凹形)\W1315.2-36</t>
  </si>
  <si>
    <t>【上海电气汽轮机】 球面垫圈(凹形)\W1315.2-39</t>
  </si>
  <si>
    <t>【上海电气汽轮机】 球面垫圈(凹形)\W1315.2-42</t>
  </si>
  <si>
    <t>【上海电气汽轮机】 球面垫圈(凹形)\W1315.2-45</t>
  </si>
  <si>
    <t>【上海电气汽轮机】 球面垫圈(凹形)\W1315.2-48</t>
  </si>
  <si>
    <t>【上海电气汽轮机】 球面垫圈(凹形)\W1315.2-52</t>
  </si>
  <si>
    <t>【上海电气汽轮机】 球面垫圈(凹形)\W1315.2-60</t>
  </si>
  <si>
    <t>【上海电气汽轮机】 球面垫圈\W1315.2-64</t>
  </si>
  <si>
    <t>【上海电气汽轮机】 球面垫圈(凹形)\W1315.2-72</t>
  </si>
  <si>
    <t>【上海电气汽轮机】 球面垫圈(凹形)\W1315.2-76</t>
  </si>
  <si>
    <t>【上海电气汽轮机】 球面垫圈(凹形)\W1315.2-85</t>
  </si>
  <si>
    <t>【上海电气汽轮机】 球面垫圈(凹形)\W1315.2-90</t>
  </si>
  <si>
    <t>【上海电气汽轮机】 球面垫圈(凹形)\W1315.2-95</t>
  </si>
  <si>
    <t>【上海电气汽轮机】 球面垫圈\W1316.1-60</t>
  </si>
  <si>
    <t>【上海电气汽轮机】 球面垫圈\W1316.1-64</t>
  </si>
  <si>
    <t>【上海电气汽轮机】 球面垫圈\W1316.1-72</t>
  </si>
  <si>
    <t>【上海电气汽轮机】 球面垫圈\W1316.1-76</t>
  </si>
  <si>
    <t>【上海电气汽轮机】 球面垫圈\W1316.2-30</t>
  </si>
  <si>
    <t>【上海电气汽轮机】 球面垫圈\W1316.2-36</t>
  </si>
  <si>
    <t>【上海电气汽轮机】 球面垫圈\W1316.3-100</t>
  </si>
  <si>
    <t>【上海电气汽轮机】 球面垫圈\W1316.3-125</t>
  </si>
  <si>
    <t>【上海电气汽轮机】 球面垫圈\W1316.3-140</t>
  </si>
  <si>
    <t>【上海电气汽轮机】 球面垫圈\W1316.3-160</t>
  </si>
  <si>
    <t>【上海电气汽轮机】 球面垫圈\W1316.3-72</t>
  </si>
  <si>
    <t>【上海电气汽轮机】 球面垫圈\W1316.3-80</t>
  </si>
  <si>
    <t>【上海电气汽轮机】 垫片\W1347-88.9</t>
  </si>
  <si>
    <t>【上海电气汽轮机】 叶片环和活塞环支承键\W1351.1-109.5</t>
  </si>
  <si>
    <t>【上海电气汽轮机】 叶片环和平衡活塞环支承键\W1351.2-109.5</t>
  </si>
  <si>
    <t>【上海电气汽轮机】 叶片环和平衡活塞环支承键\W1351.3-109.5</t>
  </si>
  <si>
    <t>【上海电气汽轮机】 叶片环和平衡活塞环支承键\W1351.4-109.5</t>
  </si>
  <si>
    <t>【上海电气汽轮机】 叶片环和平衡活塞环用支承键\W1352.1-128.6</t>
  </si>
  <si>
    <t>【上海电气汽轮机】 叶片环和平衡活塞环用支承键\W1352.2-128.6</t>
  </si>
  <si>
    <t>【上海电气汽轮机】 静叶持环和平衡活塞环垫片(上半)\W1353.1-15.3</t>
  </si>
  <si>
    <t>【上海电气汽轮机】 静叶持环和平衡活塞垫片(上半)\W1353.2-15.3</t>
  </si>
  <si>
    <t>【上海电气汽轮机】 静叶持环和平衡活塞垫片(上半)\W1353.2-21.6</t>
  </si>
  <si>
    <t>【上海电气汽轮机】 静叶持环和平衡活塞环垫片(下半)\W1354.1-66.7</t>
  </si>
  <si>
    <t>【上海电气汽轮机】 静叶持环和平衡活塞环垫片(下半)\W1354.2-66.7</t>
  </si>
  <si>
    <t>【上海电气汽轮机】 静叶持环和平衡活塞环垫片(下半)\W1354.3-92.1</t>
  </si>
  <si>
    <t>【上海电气汽轮机】 静叶持环和平衡活塞环垫片(下半)\W1354.4-92.1</t>
  </si>
  <si>
    <t>【上海电气汽轮机】 圆柱销\W1501.2-10X48</t>
  </si>
  <si>
    <t>【上海电气汽轮机】 销\W1501.2-12X100</t>
  </si>
  <si>
    <t>【上海电气汽轮机】 圆柱销\W1501.2-12X38</t>
  </si>
  <si>
    <t>【上海电气汽轮机】 圆柱销\W1501.2-12X40</t>
  </si>
  <si>
    <t>【上海电气汽轮机】 圆柱销\W1501.2-12X60</t>
  </si>
  <si>
    <t>【上海电气汽轮机】 圆柱销\W1501.2-12X85</t>
  </si>
  <si>
    <t>【上海电气汽轮机】 圆柱销\W1501.2-20X100</t>
  </si>
  <si>
    <t>【上海电气汽轮机】 圆柱销\W1501.2-20X130</t>
  </si>
  <si>
    <t>【上海电气汽轮机】 圆柱销\W1501.2-20X80</t>
  </si>
  <si>
    <t>【上海电气汽轮机】 圆柱销\W1501.2-20X90</t>
  </si>
  <si>
    <t>【上海电气汽轮机】 圆柱销\W1501.2-25X115</t>
  </si>
  <si>
    <t>【上海电气汽轮机】 专用销\W1504.1-8.74X150</t>
  </si>
  <si>
    <t>【上海电气汽轮机】 专用销\W1504.1-8.74X190</t>
  </si>
  <si>
    <t>【上海电气汽轮机】 专用销\W1504.1-8.74X220</t>
  </si>
  <si>
    <t>【上海电气汽轮机】 专用销\W1504.1-8.74X235</t>
  </si>
  <si>
    <t>【上海电气汽轮机】 专用销\W1504.1-8.74X325</t>
  </si>
  <si>
    <t>【上海电气汽轮机】 专用销\W1504.1-8.74X70</t>
  </si>
  <si>
    <t>【上海电气汽轮机】 定位锥销\W1512-20X85</t>
  </si>
  <si>
    <t>【上海电气汽轮机】 定位锥销\W1512-20X95</t>
  </si>
  <si>
    <t>【上海电气汽轮机】 定位锥销\W1512-27X120</t>
  </si>
  <si>
    <t>【上海电气汽轮机】 定位圆柱销\W1514-20X95</t>
  </si>
  <si>
    <t>【上海电气汽轮机】 定位双头螺柱\W1701.1-φ45X570</t>
  </si>
  <si>
    <t>【上海电气汽轮机】 定位双头螺柱\W1701.1-φ50X515</t>
  </si>
  <si>
    <t>【上海电气汽轮机】 定位双头螺柱\W1701.2-φ58X390</t>
  </si>
  <si>
    <t>【上海电气汽轮机】 定位双头螺柱\W1701.2-φ58X735</t>
  </si>
  <si>
    <t>【上海电气汽轮机】 定位双头螺柱\W1701.2-φ95X490</t>
  </si>
  <si>
    <t>【上海电气汽轮机】 双头螺柱\W1702-M72X3X1195</t>
  </si>
  <si>
    <t>【上海电气汽轮机】 双头螺柱\W1702-M72X3X1320</t>
  </si>
  <si>
    <t>【上海电气汽轮机】 双头螺栓\W1702-M90X3X1290</t>
  </si>
  <si>
    <t>【上海电气汽轮机】 双头螺栓\W1702-M90X3X1360</t>
  </si>
  <si>
    <t>【上海电气汽轮机】 双头螺柱\W1703.1-M20X120</t>
  </si>
  <si>
    <t>【上海电气汽轮机】 双头螺柱\W1703.1-M22X120</t>
  </si>
  <si>
    <t>【上海电气汽轮机】 双头螺柱\W1703.1-M30X3X220</t>
  </si>
  <si>
    <t>【上海电气汽轮机】 双头螺柱\W1703.1-M30X3X240</t>
  </si>
  <si>
    <t>【上海电气汽轮机】 双头螺柱\W1703.1-M33X3X240</t>
  </si>
  <si>
    <t>【上海电气汽轮机】 双头螺柱\W1703.1-M36X3X235</t>
  </si>
  <si>
    <t>【上海电气汽轮机】 双头螺柱\W1703.1-M36X3X255</t>
  </si>
  <si>
    <t>【上海电气汽轮机】 双头螺柱\W1703.1-M36X3X273</t>
  </si>
  <si>
    <t>【上海电气汽轮机】 双头螺柱\W1703.1-M39X3X275</t>
  </si>
  <si>
    <t>【上海电气汽轮机】 双头螺柱\W1703.1-M39X3X368</t>
  </si>
  <si>
    <t>【上海电气汽轮机】 双头螺柱\W1703.1-M39X3X405</t>
  </si>
  <si>
    <t>【上海电气汽轮机】 双头螺柱\W1703.1-M39X3X490</t>
  </si>
  <si>
    <t>【上海电气汽轮机】 双头螺柱\W1703.1-M39X3X610</t>
  </si>
  <si>
    <t>【上海电气汽轮机】 双头螺柱\W1703.1-M45X3X280</t>
  </si>
  <si>
    <t>【上海电气汽轮机】 双头螺柱\W1703.1-M45X3X285</t>
  </si>
  <si>
    <t>【上海电气汽轮机】 双头螺柱\W1703.1-M45X3X300</t>
  </si>
  <si>
    <t>【上海电气汽轮机】 双头螺柱\W1703.1-M45X3X320</t>
  </si>
  <si>
    <t>【上海电气汽轮机】 双头螺柱\W1703.1-M45X3X330</t>
  </si>
  <si>
    <t>【上海电气汽轮机】 双头螺柱\W1703.1-M45X3X350</t>
  </si>
  <si>
    <t>【上海电气汽轮机】 双头螺柱\W1703.1-M45X3X360</t>
  </si>
  <si>
    <t>【上海电气汽轮机】 双头螺柱\W1703.1-M45X3X445</t>
  </si>
  <si>
    <t>【上海电气汽轮机】 双头螺柱\W1703.1-M45X3X530</t>
  </si>
  <si>
    <t>【上海电气汽轮机】 双头螺柱\W1703.1-M45X3X615</t>
  </si>
  <si>
    <t>【上海电气汽轮机】 双头螺柱\W1703.1-M48X3X275</t>
  </si>
  <si>
    <t>【上海电气汽轮机】 双头螺柱\W1703.1-M52X3X318</t>
  </si>
  <si>
    <t>【上海电气汽轮机】 双头螺柱\W1703.1-M52X3X405</t>
  </si>
  <si>
    <t>【上海电气汽轮机】 双头螺柱\W1703.1-M52X3X495</t>
  </si>
  <si>
    <t>【上海电气汽轮机】 双头螺柱\W1703.1-M64X3X320</t>
  </si>
  <si>
    <t>【上海电气汽轮机】 双头螺柱\W1703.2-M39X3X190</t>
  </si>
  <si>
    <t>【上海电气汽轮机】 双头螺柱\W1703.2-M39X3X605</t>
  </si>
  <si>
    <t>【上海电气汽轮机】 双头螺柱\W1703.2-M45X3X285</t>
  </si>
  <si>
    <t>【上海电气汽轮机】 双头螺柱\W1703.2-M52X3X292</t>
  </si>
  <si>
    <t>【上海电气汽轮机】 双头螺柱\W1703.2-M52X3X350</t>
  </si>
  <si>
    <t>【上海电气汽轮机】 双头螺柱\W1703.2-M52X3X395</t>
  </si>
  <si>
    <t>【上海电气汽轮机】 双头螺柱\W1703.2-M52X3X580</t>
  </si>
  <si>
    <t>【上海电气汽轮机】 双头螺柱\W1703.2-M72X3X320</t>
  </si>
  <si>
    <t>【上海电气汽轮机】 双头螺柱\W1703.2-M72X3X390</t>
  </si>
  <si>
    <t>【上海电气汽轮机】 双头螺柱\W1703.2-M72X3X395</t>
  </si>
  <si>
    <t>【上海电气汽轮机】 双头螺柱\W1703.2-M72X3X510</t>
  </si>
  <si>
    <t>【上海电气汽轮机】 双头螺柱\W1703.2-M72X3X692</t>
  </si>
  <si>
    <t>【上海电气汽轮机】 双头螺柱\W1703.2-M72X3X775</t>
  </si>
  <si>
    <t>【上海电气汽轮机】 双头螺柱\W1703.2-M72X3X780</t>
  </si>
  <si>
    <t>【上海电气汽轮机】 双头螺柱\W1703.2-M72X3X800</t>
  </si>
  <si>
    <t>【上海电气汽轮机】 双头螺柱\W1703.2-M72X3X840</t>
  </si>
  <si>
    <t>【上海电气汽轮机】 双头螺柱\W1703.2-M72X3X850</t>
  </si>
  <si>
    <t>【上海电气汽轮机】 双头螺柱\W1703.2-M72X3X875</t>
  </si>
  <si>
    <t>【上海电气汽轮机】 双头螺柱\W1703.2-M72X3X882</t>
  </si>
  <si>
    <t>【上海电气汽轮机】 双头螺柱\W1703.2-M76X3X812</t>
  </si>
  <si>
    <t>【上海电气汽轮机】 双头螺柱\W1703.2-M76X3X855</t>
  </si>
  <si>
    <t>【上海电气汽轮机】 双头螺柱\W1703.2-M90X3X1245</t>
  </si>
  <si>
    <t>【上海电气汽轮机】 双头螺柱\W1703.2-M90X3X1275</t>
  </si>
  <si>
    <t>【上海电气汽轮机】 双头螺柱\W1703.2-M90X3X430</t>
  </si>
  <si>
    <t>【上海电气汽轮机】 双头螺柱\W1703.2-M90X3X500</t>
  </si>
  <si>
    <t>【上海电气汽轮机】 双头螺柱\W1703.2-M90X3X535</t>
  </si>
  <si>
    <t>【上海电气汽轮机】 双头螺柱\W1703.2-M90X3X550</t>
  </si>
  <si>
    <t>【上海电气汽轮机】 双头螺柱\W1703.2-M90X3X755</t>
  </si>
  <si>
    <t>【上海电气汽轮机】 双头螺柱\W1703.2-M90X3X845</t>
  </si>
  <si>
    <t>【上海电气汽轮机】 双头螺柱\W1703.2-M90X3X890</t>
  </si>
  <si>
    <t>【上海电气汽轮机】 双头螺柱\W1703.3-M39X3X250</t>
  </si>
  <si>
    <t>【上海电气汽轮机】 双头螺柱\W1703.3-M42X3X190</t>
  </si>
  <si>
    <t>【上海电气汽轮机】 双头螺柱\W1703.3-M52X3X465</t>
  </si>
  <si>
    <t>【上海电气汽轮机】 双头螺柱\W1703.3-M72X3X320</t>
  </si>
  <si>
    <t>【上海电气汽轮机】 双头螺柱\W1703.6-M45X3X285</t>
  </si>
  <si>
    <t>【上海电气汽轮机】 双头螺柱\W1703.6-M45X3X300</t>
  </si>
  <si>
    <t>【上海电气汽轮机】 双头螺柱\W1703.6-M45X3X360</t>
  </si>
  <si>
    <t>【上海电气汽轮机】 双头螺柱\W1703.7-M42X3X390</t>
  </si>
  <si>
    <t>【上海电气汽轮机】 双头螺柱\W1703.7-M45X3X630</t>
  </si>
  <si>
    <t>【上海电气汽轮机】 双头螺柱\W1703.7-M48X3X360</t>
  </si>
  <si>
    <t>【上海电气汽轮机】 双头螺柱\W1703.7-M72X3X560</t>
  </si>
  <si>
    <t>【上海电气汽轮机】 双头螺柱\W1703.7-M72X3X610</t>
  </si>
  <si>
    <t>【上海电气汽轮机】 双头螺柱\W1703.7-M85X3X650</t>
  </si>
  <si>
    <t>【上海电气汽轮机】 双头螺柱\W1703.8-M30X3X170</t>
  </si>
  <si>
    <t>【上海电气汽轮机】 双头螺柱\W1703.8-M33X3X270</t>
  </si>
  <si>
    <t>【上海电气汽轮机】 双头螺柱\W1703.8-M33X3X285</t>
  </si>
  <si>
    <t>【上海电气汽轮机】 双头螺柱\W1703.8-M39X3X320</t>
  </si>
  <si>
    <t>【上海电气汽轮机】 双头螺柱\W1703.8-M39X3X495</t>
  </si>
  <si>
    <t>【上海电气汽轮机】 双头螺柱\W1703.8-M45X3X235</t>
  </si>
  <si>
    <t>【上海电气汽轮机】 双头螺柱\W1703.8-M45X3X250</t>
  </si>
  <si>
    <t>【上海电气汽轮机】 双头螺柱\W1703.8-M45X3X630</t>
  </si>
  <si>
    <t>【上海电气汽轮机】 双头螺栓\W1703.8-M52X3X250</t>
  </si>
  <si>
    <t>【上海电气汽轮机】 双头螺柱\W1703.8-M52X3X320</t>
  </si>
  <si>
    <t>【上海电气汽轮机】 双头螺栓\W1703.8-M64X3X410</t>
  </si>
  <si>
    <t>【上海电气汽轮机】 双头螺柱\W1703.8-M85X3X825</t>
  </si>
  <si>
    <t>【上海电气汽轮机】 双头螺柱\W1703.8-M85X3X850</t>
  </si>
  <si>
    <t>【上海电气汽轮机】 双头螺柱\W1704-M110X3X1525</t>
  </si>
  <si>
    <t>【上海电气汽轮机】 双头螺柱\W1704-M110X3X1550</t>
  </si>
  <si>
    <t>【上海电气汽轮机】 双头螺柱\W1704-M64X3X565</t>
  </si>
  <si>
    <t>【上海电气汽轮机】 定位双头螺柱\W1705.1-φ23X190</t>
  </si>
  <si>
    <t>【上海电气汽轮机】 定位双头螺柱\W1705.1-φ25X220</t>
  </si>
  <si>
    <t>【上海电气汽轮机】 定位双头螺柱\W1705.1-φ25X229</t>
  </si>
  <si>
    <t>【上海电气汽轮机】 定位双头螺柱\W1705.1-φ25X235</t>
  </si>
  <si>
    <t>【上海电气汽轮机】 定位双头螺柱\W1705.1-φ30X160</t>
  </si>
  <si>
    <t>【上海电气汽轮机】 定位双头螺柱\W1705.1-φ30X230</t>
  </si>
  <si>
    <t>【上海电气汽轮机】 定位双头螺柱\W1705.1-φ45X305</t>
  </si>
  <si>
    <t>【上海电气汽轮机】 定位双头螺柱\W1705.1-φ45X310</t>
  </si>
  <si>
    <t>【上海电气汽轮机】 定位双头螺柱\W1705.1-φ45X350</t>
  </si>
  <si>
    <t>【上海电气汽轮机】 定位双头螺柱\W1705.1-φ45X400</t>
  </si>
  <si>
    <t>【上海电气汽轮机】 定位双头螺柱\W1705.1-φ50X320</t>
  </si>
  <si>
    <t>【上海电气汽轮机】 定位双头螺柱\W1705.1-φ50X325</t>
  </si>
  <si>
    <t>【上海电气汽轮机】 定位双头螺柱\W1705.1-φ50X330</t>
  </si>
  <si>
    <t>【上海电气汽轮机】 定位双头螺柱\W1705.1-φ50X350</t>
  </si>
  <si>
    <t>【上海电气汽轮机】 定位双头螺柱\W1705.1-φ50X387</t>
  </si>
  <si>
    <t>【上海电气汽轮机】 定位双头螺柱\W1705.1-φ50X390</t>
  </si>
  <si>
    <t>【上海电气汽轮机】 定位双头螺柱\W1705.1-φ50X425</t>
  </si>
  <si>
    <t>【上海电气汽轮机】 定位双头螺柱\W1705.1-φ50X840</t>
  </si>
  <si>
    <t>【上海电气汽轮机】 定位双头螺柱\W1705.1-φ58X502</t>
  </si>
  <si>
    <t>【上海电气汽轮机】 定位双头螺柱\W1705.1-φ65X432</t>
  </si>
  <si>
    <t>【上海电气汽轮机】 定位双头螺柱\W1705.8-φ38X305</t>
  </si>
  <si>
    <t>【上海电气汽轮机】 定位双头螺柱\W1705.8-φ45X395</t>
  </si>
  <si>
    <t>【上海电气汽轮机】 定位双头螺柱\W1705.8-φ50X275</t>
  </si>
  <si>
    <t>【上海电气汽轮机】 定位双头螺柱\W1705.8-φ58X290</t>
  </si>
  <si>
    <t>【上海电气汽轮机】 定位双头螺柱\W1705.8-φ65X420</t>
  </si>
  <si>
    <t>【上海电气汽轮机】 定位双头螺柱\W1706.1-φ78X570</t>
  </si>
  <si>
    <t>【上海电气汽轮机】 定位双头螺柱\W1706.1-φ95X690</t>
  </si>
  <si>
    <t>【上海电气汽轮机】 定位双头螺柱\W1706-φ58X368</t>
  </si>
  <si>
    <t>【上海电气汽轮机】 定位双头螺柱\W1706-φ58X630</t>
  </si>
  <si>
    <t>【上海电气汽轮机】 定位双头螺柱\W1706-φ78X890</t>
  </si>
  <si>
    <t>【上海电气汽轮机】 定位双头螺柱\W1706-φ95X1155</t>
  </si>
  <si>
    <t>【上海电气汽轮机】 定位双头螺柱\W1706-φ95X1162</t>
  </si>
  <si>
    <t>【上海电气汽轮机】 定位双头螺柱\W1706-φ95X570</t>
  </si>
  <si>
    <t>【上海电气汽轮机】 定位双头螺柱\W1707.7-φ65X600</t>
  </si>
  <si>
    <t>【上海电气汽轮机】 定位双头螺柱\W1707.7-φ65X720</t>
  </si>
  <si>
    <t>【上海电气汽轮机】 定位双头螺柱\W1707.8-φ100X920</t>
  </si>
  <si>
    <t>【上海电气汽轮机】 定位双头螺柱\W1707.8-φ100X960</t>
  </si>
  <si>
    <t>【上海电气汽轮机】 定位双头螺柱\W1707.8-φ65X600</t>
  </si>
  <si>
    <t>【上海电气汽轮机】 定位双头螺柱\W1707.8-φ65X720</t>
  </si>
  <si>
    <t>【上海电气汽轮机】 定位双头螺柱\W1708-φ115X1560</t>
  </si>
  <si>
    <t>【上海电气汽轮机】 定位双头螺柱\W1708-φ78X1370</t>
  </si>
  <si>
    <t>【上海电气汽轮机】 双头螺柱\W1712.1-M22X121</t>
  </si>
  <si>
    <t>【上海电气汽轮机】 双头螺柱\W1712.4-M39X3X248</t>
  </si>
  <si>
    <t>【上海电气汽轮机】 双头螺柱\W1713.1-M33X3X527</t>
  </si>
  <si>
    <t>【上海电气汽轮机】 双头螺柱\W1713.1-M60X3X349</t>
  </si>
  <si>
    <t>【上海电气汽轮机】 双头螺柱\W1713.1-M64X3X362</t>
  </si>
  <si>
    <t>【上海电气汽轮机】 双头螺柱\W1713.1-M64X3X686</t>
  </si>
  <si>
    <t>【上海电气汽轮机】 双头螺柱\W1713.1-M72X3X514</t>
  </si>
  <si>
    <t>【上海电气汽轮机】 双头螺柱\W1713.1-M76X3X476</t>
  </si>
  <si>
    <t>【上海电气汽轮机】 双头螺柱\W1713.8-M33X3X527</t>
  </si>
  <si>
    <t>【上海电气汽轮机】 定位双头螺柱\W1715.1-φ38X285</t>
  </si>
  <si>
    <t>【上海电气汽轮机】 定位双头螺柱\W1715.1-φ55X335</t>
  </si>
  <si>
    <t>【上海电气汽轮机】 定位双头螺柱\W1716.1-φ115X1550</t>
  </si>
  <si>
    <t>【上海电气汽轮机】 定位双头螺柱\W1717.1-φ70X470</t>
  </si>
  <si>
    <t>【上海电气汽轮机】 双头螺柱\W1801.1-M42X3X245</t>
  </si>
  <si>
    <t>【上海电气汽轮机】 双头螺柱\W1801.1-M56X3X290</t>
  </si>
  <si>
    <t>【上海电气汽轮机】 双头螺柱\W1801.21-M90X3X560</t>
  </si>
  <si>
    <t>【上海电气汽轮机】 双头螺柱\W1801.22-M52X3X248</t>
  </si>
  <si>
    <t>【上海电气汽轮机】 双头螺柱\W1801.22-M72X3X300</t>
  </si>
  <si>
    <t>【上海电气汽轮机】 双头螺柱\W1801.22-M76X3X298</t>
  </si>
  <si>
    <t>【上海电气汽轮机】 双头螺柱\W1801.23-M100X3X1270</t>
  </si>
  <si>
    <t>【上海电气汽轮机】 双头螺柱\W1801.23-M115X3X1130</t>
  </si>
  <si>
    <t>【上海电气汽轮机】 双头螺柱\W1801.23-M125X4X1185</t>
  </si>
  <si>
    <t>【上海电气汽轮机】 双头螺柱\W1801.23-M140X4X1245</t>
  </si>
  <si>
    <t>【上海电气汽轮机】 双头螺柱\W1801.23-M160X4X1310</t>
  </si>
  <si>
    <t>【上海电气汽轮机】 双头螺柱\W1801.23-M56X3X290</t>
  </si>
  <si>
    <t>【上海电气汽轮机】 双头螺柱\W1801.23-M80X3X320</t>
  </si>
  <si>
    <t>【上海电气汽轮机】 双头螺柱\W1801.28-M36X3X370</t>
  </si>
  <si>
    <t>【上海电气汽轮机】 双头螺柱\W1801.28-M72X3X485</t>
  </si>
  <si>
    <t>【上海电气汽轮机】 双头螺柱\W1801.3-M24X140</t>
  </si>
  <si>
    <t>【上海电气汽轮机】 双头螺柱\W1801.4-M36X3X295</t>
  </si>
  <si>
    <t>【上海电气汽轮机】 双头螺柱\W1801.4-M48X3X400</t>
  </si>
  <si>
    <t>【上海电气汽轮机】 双头螺柱\W1802.1-M80X3X320</t>
  </si>
  <si>
    <t>【上海电气汽轮机】 双头螺柱\W1820.4-M39X3X545</t>
  </si>
  <si>
    <t>【上海电气汽轮机】 定位双头螺柱\W1850.28-φ38X365</t>
  </si>
  <si>
    <t>【上海电气汽轮机】 定位双头螺柱\W1850.28-φ58X450</t>
  </si>
  <si>
    <t>【上海电气汽轮机】 定位双头螺柱\W1850.3-φ40X290</t>
  </si>
  <si>
    <t>【上海电气汽轮机】 定位双头螺柱\W1851.1-φ46X285</t>
  </si>
  <si>
    <t>【上海电气汽轮机】 定位双头螺柱\W1851.1-φ62X330</t>
  </si>
  <si>
    <t>【上海电气汽轮机】 定位双头螺柱\W1851.1-φ70X365</t>
  </si>
  <si>
    <t>【上海电气汽轮机】 定位双头螺柱\W1851.2-φ78X390</t>
  </si>
  <si>
    <t>【上海电气汽轮机】 定位双头螺柱\W1855.23-φ131X1255</t>
  </si>
  <si>
    <t>【上海电气汽轮机】 定位双头螺柱\W1855.23-φ86X1035</t>
  </si>
  <si>
    <t>【上海电气汽轮机】 定位双头螺柱\W1855.23-φ86X1235</t>
  </si>
  <si>
    <t>【上海电气汽轮机】 定位双头螺柱\W1882.3-φ58X285</t>
  </si>
  <si>
    <t>【上海电气汽轮机】 螺母\W2231.1/2-22</t>
  </si>
  <si>
    <t>【上海电气汽轮机】 衬套\W2234.4-19X9.5(Ⅱ)</t>
  </si>
  <si>
    <t>【上海电气汽轮机】 衬套\W2234.4-25.4X19</t>
  </si>
  <si>
    <t>【上海电气汽轮机】 套焊式90°弯头\W2262.3-2.5"</t>
  </si>
  <si>
    <t>【上海电气汽轮机】 热电偶套管\W2312.1/1-0.5"NPTX203.2</t>
  </si>
  <si>
    <t>【上海电气汽轮机】 专用螺钉\WE1073.1-0.4375"</t>
  </si>
  <si>
    <t>【上海电气汽轮机】 专用螺钉\WE1073.1-1"</t>
  </si>
  <si>
    <t>【上海电气汽轮机】 专用螺钉\WE1079-0.5"</t>
  </si>
  <si>
    <t>【上海电气汽轮机】 专用螺钉\WE1079-1.125"</t>
  </si>
  <si>
    <t>【上海电气汽轮机】 圆柱销\WE1501.2-12.7X100</t>
  </si>
  <si>
    <t>【上海电气汽轮机】 圆柱销\WE1501.2-19X160</t>
  </si>
  <si>
    <t>【上海电气汽轮机】 定位销体\YZW.01.14.22</t>
  </si>
  <si>
    <t>【上海电气汽轮机】 垫圈\YZW.01.14.23</t>
  </si>
  <si>
    <t>【上海电气汽轮机】 键\YZW.01.88.04</t>
  </si>
  <si>
    <t>【上海电气汽轮机】 双头螺柱\0.1040B-90-M39X3X140</t>
  </si>
  <si>
    <t>【上海电气汽轮机】 内六角圆柱头螺钉\0.1050B-90-M12X35</t>
  </si>
  <si>
    <t>【上海电气汽轮机】 内六角圆柱头螺钉\0.1050B-90-M12X45</t>
  </si>
  <si>
    <t>【上海电气汽轮机】 内六角圆柱头螺钉\0.1050B-90-M16X70</t>
  </si>
  <si>
    <t>【上海电气汽轮机】 内六角圆柱头螺钉\0.1050B-90-M8X25</t>
  </si>
  <si>
    <t>【上海电气汽轮机】 开槽沉头螺钉\0.1052C-90-M10X20</t>
  </si>
  <si>
    <t>【上海电气汽轮机】 圆柱端紧定螺钉\0.1065C-90-M16X20</t>
  </si>
  <si>
    <t>【上海电气汽轮机】 1型六角螺母\0.1200-90-M36X3</t>
  </si>
  <si>
    <t>【上海电气汽轮机】 垫圈\0.1300G-90-39</t>
  </si>
  <si>
    <t>【上海电气汽轮机】 圆柱销\0.1501B-90-5X10</t>
  </si>
  <si>
    <t>【上海电气汽轮机】 主动链轮\157.28.01.17</t>
  </si>
  <si>
    <t>【上海电气汽轮机】 阀碟\157.30.60.16</t>
  </si>
  <si>
    <t>【上海电气汽轮机】 螺母\157.30.60.27</t>
  </si>
  <si>
    <t>【上海电气汽轮机】 键\157.30.60.28</t>
  </si>
  <si>
    <t>【上海电气汽轮机】 键\157.30.60.29</t>
  </si>
  <si>
    <t>【上海电气汽轮机】 球面垫圈\157.30.60.31</t>
  </si>
  <si>
    <t>【上海电气汽轮机】 衬套\157.30.60.38</t>
  </si>
  <si>
    <t>【上海电气汽轮机】 标准焊接螺栓\180.01.17.04</t>
  </si>
  <si>
    <t>【上海电气汽轮机】 专用罩盖螺母M39X3\180.60.22.20</t>
  </si>
  <si>
    <t>【上海电气汽轮机】 垫片\191.01.14.02</t>
  </si>
  <si>
    <t>【上海电气汽轮机】 联轴器盖(电机端外侧)\191.01.30.03G01</t>
  </si>
  <si>
    <t>【上海电气汽轮机】 联轴器盖(电机端内侧)\191.01.30.04G01</t>
  </si>
  <si>
    <t>【上海电气汽轮机】 半汽封环\191.01.48.02</t>
  </si>
  <si>
    <t>【上海电气汽轮机】 内缸定位销\191.01.71.16G01</t>
  </si>
  <si>
    <t>【上海电气汽轮机】 定位销\191.01.71.19G01</t>
  </si>
  <si>
    <t>【上海电气汽轮机】 平衡活塞定位销\191.01.71.22G01</t>
  </si>
  <si>
    <t>【上海电气汽轮机】 专用螺钉\191.01.81.15</t>
  </si>
  <si>
    <t>【上海电气汽轮机】 螺栓垫板\191.01.81.16</t>
  </si>
  <si>
    <t>【上海电气汽轮机】 螺栓垫板\191.01.81.17</t>
  </si>
  <si>
    <t>【上海电气汽轮机】 密封环\191.01.81.21</t>
  </si>
  <si>
    <t>【上海电气汽轮机】 “L”型垫片\191.01.81.23</t>
  </si>
  <si>
    <t>【上海电气汽轮机】 销子\191.01.81.25</t>
  </si>
  <si>
    <t>【上海电气汽轮机】 T型环\191.01.81.26</t>
  </si>
  <si>
    <t>【上海电气汽轮机】 隔离环\191.01.81.27</t>
  </si>
  <si>
    <t>【上海电气汽轮机】 波形弹簧支撑环\191.01.81.28</t>
  </si>
  <si>
    <t>【上海电气汽轮机】 专用内六角螺钉\191.01.81.29</t>
  </si>
  <si>
    <t>【上海电气汽轮机】 压力密封环\191.01.81.32</t>
  </si>
  <si>
    <t>【上海电气汽轮机】 汽封环\191.05.21.02</t>
  </si>
  <si>
    <t>【上海电气汽轮机】 汽封环\191.06.01.02</t>
  </si>
  <si>
    <t>【上海电气汽轮机】 汽封环\191.06.01.03</t>
  </si>
  <si>
    <t>【上海电气汽轮机】 垫片\191.06.01.06</t>
  </si>
  <si>
    <t>【上海电气汽轮机】 键\191.06.01.07</t>
  </si>
  <si>
    <t>【上海电气汽轮机】 定位圆柱销\191.06.01.08</t>
  </si>
  <si>
    <t>【上海电气汽轮机】 汽封环\191.06.02.03</t>
  </si>
  <si>
    <t>【上海电气汽轮机】 带轴肩圆柱头内六角螺钉\191.06.02.04</t>
  </si>
  <si>
    <t>【上海电气汽轮机】 专用螺钉\191.06.02.05</t>
  </si>
  <si>
    <t>【上海电气汽轮机】 汽封环\191.06.33.02</t>
  </si>
  <si>
    <t>【上海电气汽轮机】 汽封环\191.06.33.03</t>
  </si>
  <si>
    <t>【上海电气汽轮机】 专用销\191.06.33.04</t>
  </si>
  <si>
    <t>【上海电气汽轮机】 高压第一级径向汽封环\191.06.41.01</t>
  </si>
  <si>
    <t>【上海电气汽轮机】 高压第二级径向汽封环\191.06.41.02</t>
  </si>
  <si>
    <t>【上海电气汽轮机】 高压第三级径向汽封环\191.06.41.03</t>
  </si>
  <si>
    <t>【上海电气汽轮机】 高压第四级径向汽封环\191.06.41.04</t>
  </si>
  <si>
    <t>【上海电气汽轮机】 高压第五级径向汽封环\191.06.41.05</t>
  </si>
  <si>
    <t>【上海电气汽轮机】 高压第六级径向汽封环\191.06.41.06</t>
  </si>
  <si>
    <t>【上海电气汽轮机】 高压第七级径向汽封环\191.06.41.07</t>
  </si>
  <si>
    <t>【上海电气汽轮机】 高压第八级径向汽封环\191.06.41.08</t>
  </si>
  <si>
    <t>【上海电气汽轮机】 高压第九级径向汽封环\191.06.41.09</t>
  </si>
  <si>
    <t>【上海电气汽轮机】 高压第十级径向汽封环\191.06.41.10</t>
  </si>
  <si>
    <t>【上海电气汽轮机】 高压第十一级径向汽封环\191.06.41.11</t>
  </si>
  <si>
    <t>【上海电气汽轮机】 高压第一级隔板汽封环\191.06.41.12</t>
  </si>
  <si>
    <t>【上海电气汽轮机】 高压第二级隔板汽封环\191.06.41.13</t>
  </si>
  <si>
    <t>【上海电气汽轮机】 高压第三级隔板汽封环\191.06.41.14</t>
  </si>
  <si>
    <t>【上海电气汽轮机】 高压第四级隔板汽封环\191.06.41.15</t>
  </si>
  <si>
    <t>【上海电气汽轮机】 高压第五级隔板汽封环\191.06.41.16</t>
  </si>
  <si>
    <t>【上海电气汽轮机】 高压第六级隔板汽封环\191.06.41.17</t>
  </si>
  <si>
    <t>【上海电气汽轮机】 高压第七级隔板汽封环\191.06.41.18</t>
  </si>
  <si>
    <t>【上海电气汽轮机】 高压第八级隔板汽封环\191.06.41.19</t>
  </si>
  <si>
    <t>【上海电气汽轮机】 高压第九级隔板汽封环\191.06.41.20</t>
  </si>
  <si>
    <t>【上海电气汽轮机】 高压第十级隔板汽封环\191.06.41.21</t>
  </si>
  <si>
    <t>【上海电气汽轮机】 高压第十一级隔板汽封环\191.06.41.22</t>
  </si>
  <si>
    <t>【上海电气汽轮机】 板弹簧\191.06.41.23</t>
  </si>
  <si>
    <t>【上海电气汽轮机】 板弹簧\191.06.41.24</t>
  </si>
  <si>
    <t>【上海电气汽轮机】 销子\191.06.41.27</t>
  </si>
  <si>
    <t>【上海电气汽轮机】 销子\191.06.41.28</t>
  </si>
  <si>
    <t>【上海电气汽轮机】 专用销\191.06.41.29</t>
  </si>
  <si>
    <t>【上海电气汽轮机】 专用销\191.06.41.30</t>
  </si>
  <si>
    <t>【上海电气汽轮机】 专用销\191.06.41.31</t>
  </si>
  <si>
    <t>【上海电气汽轮机】 板弹簧\191.06.41.32</t>
  </si>
  <si>
    <t>【上海电气汽轮机】 板弹簧\191.06.41.33</t>
  </si>
  <si>
    <t>【上海电气汽轮机】 板弹簧\191.06.41.34</t>
  </si>
  <si>
    <t>【上海电气汽轮机】 中压第十二级隔板汽封\191.06.42.01</t>
  </si>
  <si>
    <t>【上海电气汽轮机】 中压第十三级隔板汽封\191.06.42.02</t>
  </si>
  <si>
    <t>【上海电气汽轮机】 中压第十四级隔板汽封\191.06.42.03</t>
  </si>
  <si>
    <t>【上海电气汽轮机】 中压第十五级隔板汽封\191.06.42.04</t>
  </si>
  <si>
    <t>【上海电气汽轮机】 中压第十六级隔板汽封\191.06.42.05</t>
  </si>
  <si>
    <t>【上海电气汽轮机】 专用销\191.06.42.11</t>
  </si>
  <si>
    <t>【上海电气汽轮机】 专用销\191.06.42.12</t>
  </si>
  <si>
    <t>【上海电气汽轮机】 专用销\191.06.42.16</t>
  </si>
  <si>
    <t>【上海电气汽轮机】 专用销\191.06.42.18</t>
  </si>
  <si>
    <t>【上海电气汽轮机】 板弹簧\191.06.42.19</t>
  </si>
  <si>
    <t>【上海电气汽轮机】 中压第十七级隔板汽封\191.06.43.01</t>
  </si>
  <si>
    <t>【上海电气汽轮机】 中压第十八级隔板汽封\191.06.43.02</t>
  </si>
  <si>
    <t>【上海电气汽轮机】 中压第十九级隔板汽封\191.06.43.03</t>
  </si>
  <si>
    <t>【上海电气汽轮机】 专用销\191.06.43.09</t>
  </si>
  <si>
    <t>【上海电气汽轮机】 低压第一级持环汽封环\191.06.44.01</t>
  </si>
  <si>
    <t>【上海电气汽轮机】 低压第二级持环汽封环\191.06.44.02</t>
  </si>
  <si>
    <t>【上海电气汽轮机】 低压第三级持环汽封环\191.06.44.03</t>
  </si>
  <si>
    <t>【上海电气汽轮机】 低压第四级持环汽封环\191.06.44.04</t>
  </si>
  <si>
    <t>【上海电气汽轮机】 低压第二级隔板汽封环\191.06.45.01</t>
  </si>
  <si>
    <t>【上海电气汽轮机】 低压第三级隔板汽封环\191.06.45.02</t>
  </si>
  <si>
    <t>【上海电气汽轮机】 低压第四级隔板汽封环\191.06.45.03</t>
  </si>
  <si>
    <t>【上海电气汽轮机】 低压第五级隔板汽封环\191.06.45.04</t>
  </si>
  <si>
    <t>【上海电气汽轮机】 低压第六级隔板汽封环(电机端)\191.06.46.01</t>
  </si>
  <si>
    <t>【上海电气汽轮机】 低压第六级隔板汽封环(调阀端)\191.06.47.01</t>
  </si>
  <si>
    <t>【上海电气汽轮机】 专用销\191.06.61.08.01</t>
  </si>
  <si>
    <t>【上海电气汽轮机】 支承键\191.06.71.02</t>
  </si>
  <si>
    <t>【上海电气汽轮机】 瓦块(上半)\191.08.01.05(1)G01</t>
  </si>
  <si>
    <t>【上海电气汽轮机】 瓦块(下半带测温点)\191.08.01.06(1)G01</t>
  </si>
  <si>
    <t>【上海电气汽轮机】 油封环\191.08.01.14(1)G01</t>
  </si>
  <si>
    <t>【上海电气汽轮机】 防转销\191.08.01.18(1)</t>
  </si>
  <si>
    <t>【上海电气汽轮机】 瓦块\191.08.02.05(1)G01</t>
  </si>
  <si>
    <t>【上海电气汽轮机】 瓦块(带测点)\191.08.02.06(1)G01</t>
  </si>
  <si>
    <t>【上海电气汽轮机】 节流孔板\191.08.02.10(1)</t>
  </si>
  <si>
    <t>【上海电气汽轮机】 调整垫片\191.08.03.01(2)</t>
  </si>
  <si>
    <t>【上海电气汽轮机】 推力瓦块组件(电机端)\191.08.03.03(2)G01</t>
  </si>
  <si>
    <t>【上海电气汽轮机】 推力瓦块组件(调阀端)\191.08.03.22(2)G01</t>
  </si>
  <si>
    <t>【上海电气汽轮机】 联轴器垫片\191.24.01.03</t>
  </si>
  <si>
    <t>【上海电气汽轮机】 联轴器螺栓\191.24.01.04</t>
  </si>
  <si>
    <t>【上海电气汽轮机】 销子\191.30.41.05</t>
  </si>
  <si>
    <t>【上海电气汽轮机】 螺纹接头\191.30.41.06</t>
  </si>
  <si>
    <t>【上海电气汽轮机】 导杆\191.30.41.25G01</t>
  </si>
  <si>
    <t>【上海电气汽轮机】 导杆套筒\191.30.41.27</t>
  </si>
  <si>
    <t>【上海电气汽轮机】 球面套筒\191.30.41.29</t>
  </si>
  <si>
    <t>【上海电气汽轮机】 阀杆螺纹套筒\191.30.41.30</t>
  </si>
  <si>
    <t>【上海电气汽轮机】 垫环\191.30.41.32</t>
  </si>
  <si>
    <t>【上海电气汽轮机】 止动螺钉\191.30.41.33</t>
  </si>
  <si>
    <t>【上海电气汽轮机】 衬套\191.30.41.34</t>
  </si>
  <si>
    <t>【上海电气汽轮机】 连接销\191.30.41.35</t>
  </si>
  <si>
    <t>【上海电气汽轮机】 连接杆\191.30.41.36G01</t>
  </si>
  <si>
    <t>【上海电气汽轮机】 垫圈\191.30.41.39</t>
  </si>
  <si>
    <t>【上海电气汽轮机】 凸形球面垫圈\191.30.41.48</t>
  </si>
  <si>
    <t>【上海电气汽轮机】 专用螺钉\191.30.41.49</t>
  </si>
  <si>
    <t>【上海电气汽轮机】 主汽门阀碟\191.30.41.53G01</t>
  </si>
  <si>
    <t>【上海电气汽轮机】 主汽门阀杆\191.30.41.54</t>
  </si>
  <si>
    <t>【上海电气汽轮机】 阀碟螺纹套筒\191.30.41.55</t>
  </si>
  <si>
    <t>【上海电气汽轮机】 轴\191.30.60.17</t>
  </si>
  <si>
    <t>【上海电气汽轮机】 销\191.30.60.31</t>
  </si>
  <si>
    <t>【上海电气汽轮机】 阀杆\191.30.62.07</t>
  </si>
  <si>
    <t>【上海电气汽轮机】 活塞环\191.30.62.08</t>
  </si>
  <si>
    <t>【上海电气汽轮机】 联接器\191.30.62.16</t>
  </si>
  <si>
    <t>【上海电气汽轮机】 连接杆\191.30.62.18</t>
  </si>
  <si>
    <t>【上海电气汽轮机】 阀套\191.34.20.11</t>
  </si>
  <si>
    <t>【上海电气汽轮机】 阀碟\191.34.20.12</t>
  </si>
  <si>
    <t>【上海电气汽轮机】 连接杆\191.34.20.13</t>
  </si>
  <si>
    <t>【上海电气汽轮机】 中压第十二级径向汽封\192.06.42.01</t>
  </si>
  <si>
    <t>【上海电气汽轮机】 中压第十三级径向汽封\192.06.42.02</t>
  </si>
  <si>
    <t>【上海电气汽轮机】 中压第十四级径向汽封\192.06.42.03</t>
  </si>
  <si>
    <t>【上海电气汽轮机】 中压第十五级径向汽封\192.06.42.04</t>
  </si>
  <si>
    <t>【上海电气汽轮机】 中压第十六级径向汽封\192.06.42.05</t>
  </si>
  <si>
    <t>【上海电气汽轮机】 中压第十七级径向汽封\192.06.43.01</t>
  </si>
  <si>
    <t>【上海电气汽轮机】 中压第十八级径向汽封\192.06.43.02</t>
  </si>
  <si>
    <t>【上海电气汽轮机】 中压第十九级径向汽封\192.06.43.03</t>
  </si>
  <si>
    <t>【上海电气汽轮机】 阀杆\192.34.20.04</t>
  </si>
  <si>
    <t>【上海电气汽轮机】 阀套\192.34.20.05</t>
  </si>
  <si>
    <t>【上海电气汽轮机】 阀碟\192.34.20.06</t>
  </si>
  <si>
    <t>【上海电气汽轮机】 法兰(凹型)\192.60.01.15</t>
  </si>
  <si>
    <t>【上海电气汽轮机】 法兰(凸型)\192.60.01.16</t>
  </si>
  <si>
    <t>【上海电气汽轮机】 止转片\196.30.41.45</t>
  </si>
  <si>
    <t>【上海电气汽轮机】 标准焊接螺栓\A156.01.17.09</t>
  </si>
  <si>
    <t>【上海电气汽轮机】 碟形弹性垫片\A157.23.03.06</t>
  </si>
  <si>
    <t>【上海电气汽轮机】 垫片\K156.01.14.03</t>
  </si>
  <si>
    <t>【上海电气汽轮机】 喷嘴定位块\K156.03.01.13</t>
  </si>
  <si>
    <t>【上海电气汽轮机】 内六角螺钉\S1050.3-M10X20</t>
  </si>
  <si>
    <t>【上海电气汽轮机】 螺钉\S1051.1-M3X10</t>
  </si>
  <si>
    <t>【上海电气汽轮机】 内六角螺钉\S1052.6-M6X25</t>
  </si>
  <si>
    <t>【上海电气汽轮机】 平端紧定螺钉\S1063.4-M12X30</t>
  </si>
  <si>
    <t>【上海电气汽轮机】 锁紧垫片\S1316.2-17</t>
  </si>
  <si>
    <t>【上海电气汽轮机】 锁紧垫片\S1316.3-17</t>
  </si>
  <si>
    <t>【上海电气汽轮机】 锁紧垫片\S1316.3-40</t>
  </si>
  <si>
    <t>【上海电气汽轮机】 双头螺栓\S1702.2-M56X260</t>
  </si>
  <si>
    <t>【上海电气汽轮机】 六角头螺栓\W1030.1-M6X16</t>
  </si>
  <si>
    <t>【上海电气汽轮机】 六角头螺栓\W1030.2-M10X25</t>
  </si>
  <si>
    <t>【上海电气汽轮机】 六角头螺栓\W1030.2-M22X75</t>
  </si>
  <si>
    <t>【上海电气汽轮机】 六角头螺栓\W1030.2-M27X115</t>
  </si>
  <si>
    <t>【上海电气汽轮机】 六角头螺栓\W1036-M10X30</t>
  </si>
  <si>
    <t>【上海电气汽轮机】 六角头螺栓\W1036-M6X16</t>
  </si>
  <si>
    <t>【上海电气汽轮机】 六角头螺栓\W1036-M8X20</t>
  </si>
  <si>
    <t>【上海电气汽轮机】 双头螺栓\W1040.2-M30X3X115</t>
  </si>
  <si>
    <t>【上海电气汽轮机】 定位双头螺柱\W1043.1-45X260</t>
  </si>
  <si>
    <t>【上海电气汽轮机】 定位双头螺柱\W1043.2-34X165</t>
  </si>
  <si>
    <t>【上海电气汽轮机】 内六角螺钉\W1050.11-M12X30</t>
  </si>
  <si>
    <t>【上海电气汽轮机】 内六角螺钉\W1050.11-M12X35</t>
  </si>
  <si>
    <t>【上海电气汽轮机】 内六角螺钉\W1050.11-M20X40</t>
  </si>
  <si>
    <t>【上海电气汽轮机】 内六角螺钉\W1050.11-M20X50</t>
  </si>
  <si>
    <t>【上海电气汽轮机】 内六角螺钉\W1050.11-M20X60</t>
  </si>
  <si>
    <t>【上海电气汽轮机】 内六角螺钉\W1050.11-M20X85</t>
  </si>
  <si>
    <t>【上海电气汽轮机】 内六角螺钉\W1050.11-M24X100</t>
  </si>
  <si>
    <t>【上海电气汽轮机】 内六角螺钉\W1050.11-M24X90</t>
  </si>
  <si>
    <t>【上海电气汽轮机】 内六角螺钉\W1050.11-M30X60</t>
  </si>
  <si>
    <t>【上海电气汽轮机】 内六角螺钉\W1050.11-M30X80</t>
  </si>
  <si>
    <t>【上海电气汽轮机】 内六角螺钉\W1050.11-M8X65</t>
  </si>
  <si>
    <t>【上海电气汽轮机】 内六角螺钉\W1050.12-M36X85</t>
  </si>
  <si>
    <t>【上海电气汽轮机】 内六角螺钉\W1050.1-M20X100</t>
  </si>
  <si>
    <t>【上海电气汽轮机】 内六角螺钉\W1050.1-M33X3X110</t>
  </si>
  <si>
    <t>【上海电气汽轮机】 内六角螺钉\W1050.1-M33X3X170</t>
  </si>
  <si>
    <t>【上海电气汽轮机】 内六角螺钉\W1050.1-M33X3X260</t>
  </si>
  <si>
    <t>【上海电气汽轮机】 内六角螺钉\W1050.1-M52X3X150</t>
  </si>
  <si>
    <t>【上海电气汽轮机】 内六角螺钉\W1050.1-M52X3X350</t>
  </si>
  <si>
    <t>【上海电气汽轮机】 内六角螺钉\W1050.1-M52X3X550</t>
  </si>
  <si>
    <t>【上海电气汽轮机】 内六角螺钉\W1050.2-M16X25</t>
  </si>
  <si>
    <t>【上海电气汽轮机】 内六角螺钉\W1050.2-M20X50</t>
  </si>
  <si>
    <t>【上海电气汽轮机】 内六角螺钉\W1050.2-M20X70</t>
  </si>
  <si>
    <t>【上海电气汽轮机】 螺钉\W1050.2-M5X90</t>
  </si>
  <si>
    <t>【上海电气汽轮机】 螺钉\W1050.2-M6X12</t>
  </si>
  <si>
    <t>【上海电气汽轮机】 螺钉\W1050.2-M6X16</t>
  </si>
  <si>
    <t>【上海电气汽轮机】 内六角螺钉\W1050.3-M20X45</t>
  </si>
  <si>
    <t>【上海电气汽轮机】 螺钉\W1050.5-M3X6</t>
  </si>
  <si>
    <t>【上海电气汽轮机】 内六角螺钉\W1050.9-M10X30</t>
  </si>
  <si>
    <t>【上海电气汽轮机】 内六角螺钉\W1050.9-M20X80</t>
  </si>
  <si>
    <t>【上海电气汽轮机】 内六角螺钉\W1050.9-M30X80</t>
  </si>
  <si>
    <t>【上海电气汽轮机】 埋头锥螺纹管塞\W1057.3-0.75"NPT</t>
  </si>
  <si>
    <t>【上海电气汽轮机】 方头圆柱端紧定螺钉\W1066-M16X190</t>
  </si>
  <si>
    <t>【上海电气汽轮机】 方头圆柱端紧定螺钉\W1066-M20X155</t>
  </si>
  <si>
    <t>【上海电气汽轮机】 螺钉\W1068.3-M16X30</t>
  </si>
  <si>
    <t>【上海电气汽轮机】 专用螺钉\W1073.1-M16X12</t>
  </si>
  <si>
    <t>【上海电气汽轮机】 螺杆\W1073.3-M33X3X12</t>
  </si>
  <si>
    <t>【上海电气汽轮机】 方头螺旋管塞\W1074.2-0.5"NPT</t>
  </si>
  <si>
    <t>【上海电气汽轮机】 方头螺旋管塞\W1074.2-0.75"NPT</t>
  </si>
  <si>
    <t>【上海电气汽轮机】 内六角螺旋管塞\W1075.2-0.375"NPT</t>
  </si>
  <si>
    <t>【上海电气汽轮机】 内六角螺旋管塞\W1075.2-0.5"NPT</t>
  </si>
  <si>
    <t>【上海电气汽轮机】 内六角螺旋管塞\W1075.3-0.375"NPT</t>
  </si>
  <si>
    <t>【上海电气汽轮机】 六角头螺栓\W1130.1-M33X3X100</t>
  </si>
  <si>
    <t>【上海电气汽轮机】 六角头螺栓\W1130.1-M33X3X135</t>
  </si>
  <si>
    <t>【上海电气汽轮机】 六角头螺栓\W1130.2-M20X75</t>
  </si>
  <si>
    <t>【上海电气汽轮机】 六角头螺栓\W1130.3-M30X50</t>
  </si>
  <si>
    <t>【上海电气汽轮机】 内六角螺钉\W1151.15-M30X3X65</t>
  </si>
  <si>
    <t>【上海电气汽轮机】 内六角螺钉\W1151.15-M56X3X115</t>
  </si>
  <si>
    <t>【上海电气汽轮机】 内六角平端紧定螺钉\W1162-M20X40</t>
  </si>
  <si>
    <t>【上海电气汽轮机】 内六角紧定螺钉\W1163-M14X30</t>
  </si>
  <si>
    <t>【上海电气汽轮机】 内六角紧定螺钉\W1163-M4X12</t>
  </si>
  <si>
    <t>【上海电气汽轮机】 紧定螺钉\W1164-M8X10</t>
  </si>
  <si>
    <t>【上海电气汽轮机】 罩螺母\W1208.20-M56X3X120</t>
  </si>
  <si>
    <t>【上海电气汽轮机】 罩螺母\W1208.20-M64X3X130</t>
  </si>
  <si>
    <t>【上海电气汽轮机】 罩螺母\W1208.20-M72X3X195</t>
  </si>
  <si>
    <t>【上海电气汽轮机】 罩螺母\W1208.23-M64X3X130</t>
  </si>
  <si>
    <t>【上海电气汽轮机】 罩螺母\W1208-M100X3X180</t>
  </si>
  <si>
    <t>【上海电气汽轮机】 罩螺母\W1208-M115X3X200</t>
  </si>
  <si>
    <t>【上海电气汽轮机】 2型六角螺母\W1208-M130X4X215</t>
  </si>
  <si>
    <t>【上海电气汽轮机】 专用螺钉\W1208-M140X4X230</t>
  </si>
  <si>
    <t>【上海电气汽轮机】 罩螺母\W1208-M52X3X110</t>
  </si>
  <si>
    <t>【上海电气汽轮机】 罩螺母\W1208-M60X3X125</t>
  </si>
  <si>
    <t>【上海电气汽轮机】 罩螺母\W1209.2-3"NPT</t>
  </si>
  <si>
    <t>【上海电气汽轮机】 六角螺母\W1220.1-M10</t>
  </si>
  <si>
    <t>【上海电气汽轮机】 六角螺母\W1220.1-M14</t>
  </si>
  <si>
    <t>【上海电气汽轮机】 六角螺母\W1220.1-M16</t>
  </si>
  <si>
    <t>【上海电气汽轮机】 六角螺母\W1220.1-M6</t>
  </si>
  <si>
    <t>【上海电气汽轮机】 内六角螺母\W1228.12-M20X50</t>
  </si>
  <si>
    <t>【上海电气汽轮机】 平垫圈\W1300.10-100</t>
  </si>
  <si>
    <t>【上海电气汽轮机】 平垫圈\W1300.11-110</t>
  </si>
  <si>
    <t>【上海电气汽轮机】 平垫圈\W1300.11-20</t>
  </si>
  <si>
    <t>【上海电气汽轮机】 平垫圈\W1300.11-24</t>
  </si>
  <si>
    <t>【上海电气汽轮机】 平垫圈\W1300.1-14</t>
  </si>
  <si>
    <t>【上海电气汽轮机】 平垫圈\W1300.11-42</t>
  </si>
  <si>
    <t>【上海电气汽轮机】 平垫圈\W1300.11-48</t>
  </si>
  <si>
    <t>【上海电气汽轮机】 平垫圈\W1300.11-64</t>
  </si>
  <si>
    <t>【上海电气汽轮机】 平垫圈\W1300.11-72</t>
  </si>
  <si>
    <t>【上海电气汽轮机】 平垫圈\W1300.11-80</t>
  </si>
  <si>
    <t>【上海电气汽轮机】 平垫圈\W1300.1-30</t>
  </si>
  <si>
    <t>【上海电气汽轮机】 平垫圈\W1300.13-24</t>
  </si>
  <si>
    <t>【上海电气汽轮机】 平垫圈\W1300.13-48</t>
  </si>
  <si>
    <t>【上海电气汽轮机】 平垫圈\W1300.13-56</t>
  </si>
  <si>
    <t>【上海电气汽轮机】 平垫圈\W1300.13-64</t>
  </si>
  <si>
    <t>【上海电气汽轮机】 平垫圈\W1300.16-27</t>
  </si>
  <si>
    <t>【上海电气汽轮机】 平垫圈\W1300.2-45</t>
  </si>
  <si>
    <t>【上海电气汽轮机】 平垫圈\W1300.3-33</t>
  </si>
  <si>
    <t>【上海电气汽轮机】 平垫圈\W1300.4-80</t>
  </si>
  <si>
    <t>【上海电气汽轮机】 平垫圈\W1300.9-30</t>
  </si>
  <si>
    <t>【上海电气汽轮机】 双头螺柱\W1314.2-130</t>
  </si>
  <si>
    <t>【上海电气汽轮机】 球面垫圈(凸形)\W1314.2-140</t>
  </si>
  <si>
    <t>【上海电气汽轮机】 球面垫圈(凸形)\W1315.2-130</t>
  </si>
  <si>
    <t>【上海电气汽轮机】 球面垫圈(凹形)\W1315.2-140</t>
  </si>
  <si>
    <t>【上海电气汽轮机】 整体键\W1411-20X20X111</t>
  </si>
  <si>
    <t>【上海电气汽轮机】 圆柱销\W1501.1-12X30</t>
  </si>
  <si>
    <t>【上海电气汽轮机】 圆柱销\W1501.1-12X60</t>
  </si>
  <si>
    <t>【上海电气汽轮机】 圆柱销\W1501.1-20X120</t>
  </si>
  <si>
    <t>【上海电气汽轮机】 圆柱销\W1501.1-20X30</t>
  </si>
  <si>
    <t>【上海电气汽轮机】 圆柱销\W1501.1-6X50</t>
  </si>
  <si>
    <t>【上海电气汽轮机】 圆柱销\W1501.1-8X65</t>
  </si>
  <si>
    <t>【上海电气汽轮机】 圆柱销\W1501.2-10X20</t>
  </si>
  <si>
    <t>【上海电气汽轮机】 圆柱销\W1501.2-10X40</t>
  </si>
  <si>
    <t>【上海电气汽轮机】 圆柱销\W1501.2-10X60</t>
  </si>
  <si>
    <t>【上海电气汽轮机】 圆柱销\W1501.2-10X75</t>
  </si>
  <si>
    <t>【上海电气汽轮机】 圆柱销\W1501.2-12X115</t>
  </si>
  <si>
    <t>【上海电气汽轮机】 圆柱销\W1501.2-16X60</t>
  </si>
  <si>
    <t>【上海电气汽轮机】 圆柱销\W1501.2-20X120</t>
  </si>
  <si>
    <t>【上海电气汽轮机】 圆柱销\W1501.2-20X75</t>
  </si>
  <si>
    <t>【上海电气汽轮机】 圆柱销\W1501.2-25X140</t>
  </si>
  <si>
    <t>【上海电气汽轮机】 圆柱销\W1501.2-25X95</t>
  </si>
  <si>
    <t>【上海电气汽轮机】 圆柱销\W1501.2-6X100</t>
  </si>
  <si>
    <t>【上海电气汽轮机】 圆柱销\W1501.2-6X19</t>
  </si>
  <si>
    <t>【上海电气汽轮机】 圆柱销\W1501.2-6X95</t>
  </si>
  <si>
    <t>【上海电气汽轮机】 圆柱销\W1501.4-10X100</t>
  </si>
  <si>
    <t>【上海电气汽轮机】 圆柱销\W1501.4-13X135</t>
  </si>
  <si>
    <t>【上海电气汽轮机】 圆柱销\W1501.4-3.1X35</t>
  </si>
  <si>
    <t>【上海电气汽轮机】 圆柱销\W1501.4-6X70</t>
  </si>
  <si>
    <t>【上海电气汽轮机】 专用销\W1504.1-6X22</t>
  </si>
  <si>
    <t>【上海电气汽轮机】 专用销\W1504.1-6X25</t>
  </si>
  <si>
    <t>【上海电气汽轮机】 专用销\W1504.1-6X28</t>
  </si>
  <si>
    <t>【上海电气汽轮机】 专用销\W1504.1-6X32</t>
  </si>
  <si>
    <t>【上海电气汽轮机】 专用销\W1504.1-6X38</t>
  </si>
  <si>
    <t>【上海电气汽轮机】 专用销\W1504.1-8.74X65</t>
  </si>
  <si>
    <t>【上海电气汽轮机】 圆柱销\W1507.1-10X25</t>
  </si>
  <si>
    <t>【上海电气汽轮机】 定位锥销\W1512-10X45</t>
  </si>
  <si>
    <t>【上海电气汽轮机】 定位锥销\W1512-10X48</t>
  </si>
  <si>
    <t>【上海电气汽轮机】 定位圆柱销\W1514-10X51</t>
  </si>
  <si>
    <t>【上海电气汽轮机】 开口销\W1538.2-6X60</t>
  </si>
  <si>
    <t>【上海电气汽轮机】 双头螺柱\W1703.4-M30X3X235</t>
  </si>
  <si>
    <t>【上海电气汽轮机】 双头螺柱\W1712.2-M39X3X220</t>
  </si>
  <si>
    <t>【上海电气汽轮机】 定位双头螺柱\W1714.2-φ45X260</t>
  </si>
  <si>
    <t>【上海电气汽轮机】 双头螺柱\W1801.21-M100X3X705</t>
  </si>
  <si>
    <t>【上海电气汽轮机】 双头螺柱\W1801.21-M72X3X525</t>
  </si>
  <si>
    <t>【上海电气汽轮机】 双头螺柱\W1801.21-M72X3X800</t>
  </si>
  <si>
    <t>【上海电气汽轮机】 双头螺柱\W1801.21-M80X3X825</t>
  </si>
  <si>
    <t>【上海电气汽轮机】 双头螺柱\W1801.22-M45X3X230</t>
  </si>
  <si>
    <t>【上海电气汽轮机】 双头螺柱\W1801.22-M45X3X298</t>
  </si>
  <si>
    <t>【上海电气汽轮机】 双头螺柱\W1801.22-M52X3X240</t>
  </si>
  <si>
    <t>【上海电气汽轮机】 双头螺柱\W1801.23-M100X3X825</t>
  </si>
  <si>
    <t>【上海电气汽轮机】 双头螺柱\W1801.23-M110X3X700</t>
  </si>
  <si>
    <t>【上海电气汽轮机】 双头螺柱\W1801.23-M125X4X1235</t>
  </si>
  <si>
    <t>【上海电气汽轮机】 双头螺柱\W1801.23-M140X4X1290</t>
  </si>
  <si>
    <t>【上海电气汽轮机】 双头螺柱\W1801.23-M160X4X1400</t>
  </si>
  <si>
    <t>【上海电气汽轮机】 双头螺柱\W1801.23-M56X3X335</t>
  </si>
  <si>
    <t>【上海电气汽轮机】 双头螺柱\W1801.23-M56X3X350</t>
  </si>
  <si>
    <t>【上海电气汽轮机】 双头螺柱\W1801.23-M56X3X365</t>
  </si>
  <si>
    <t>【上海电气汽轮机】 双头螺柱\W1801.23-M56X3X390</t>
  </si>
  <si>
    <t>【上海电气汽轮机】 双头螺柱\W1801.23-M56X3X440</t>
  </si>
  <si>
    <t>【上海电气汽轮机】 双头螺柱\W1801.23-M56X3X460</t>
  </si>
  <si>
    <t>【上海电气汽轮机】 双头螺柱\W1801.23-M56X3X615</t>
  </si>
  <si>
    <t>【上海电气汽轮机】 双头螺柱\W1801.23-M64X3X285</t>
  </si>
  <si>
    <t>【上海电气汽轮机】 双头螺柱\W1801.23-M64X3X310</t>
  </si>
  <si>
    <t>【上海电气汽轮机】 双头螺柱\W1801.23-M64X3X460</t>
  </si>
  <si>
    <t>【上海电气汽轮机】 双头螺柱\W1801.23-M64X3X515</t>
  </si>
  <si>
    <t>【上海电气汽轮机】 双头螺柱\W1801.23-M64X3X530</t>
  </si>
  <si>
    <t>【上海电气汽轮机】 双头螺柱\W1801.23-M72X3X585</t>
  </si>
  <si>
    <t>【上海电气汽轮机】 双头螺柱\W1801.23-M80X3X1265</t>
  </si>
  <si>
    <t>【上海电气汽轮机】 双头螺柱\W1801.23-M80X3X380</t>
  </si>
  <si>
    <t>【上海电气汽轮机】 双头螺柱\W1801.23-M80X3X595</t>
  </si>
  <si>
    <t>【上海电气汽轮机】 双头螺柱\W1801.23-M80X3X960</t>
  </si>
  <si>
    <t>【上海电气汽轮机】 双头螺柱\W1801.23-M90X3X1005</t>
  </si>
  <si>
    <t>【上海电气汽轮机】 双头螺柱\W1801.23-M90X3X790</t>
  </si>
  <si>
    <t>【上海电气汽轮机】 双头螺柱\W1801.25-M48X3X345</t>
  </si>
  <si>
    <t>【上海电气汽轮机】 双头螺柱\W1801.27-M39X3X305</t>
  </si>
  <si>
    <t>【上海电气汽轮机】 双头螺柱\W1801.27-M72X3X500</t>
  </si>
  <si>
    <t>【上海电气汽轮机】 双头螺柱\W1801.27-M80X3X535</t>
  </si>
  <si>
    <t>【上海电气汽轮机】 双头螺柱\W1801.2-M33X3X178</t>
  </si>
  <si>
    <t>【上海电气汽轮机】 双头螺柱\W1801.2-M52X3X350</t>
  </si>
  <si>
    <t>【上海电气汽轮机】 双头螺柱\W1801.3-M20X225</t>
  </si>
  <si>
    <t>【上海电气汽轮机】 双头螺柱\W1801.3-M24X275</t>
  </si>
  <si>
    <t>【上海电气汽轮机】 双头螺柱\W1801.3-M24X415</t>
  </si>
  <si>
    <t>【上海电气汽轮机】 双头螺柱\W1801.3-M30X3X250</t>
  </si>
  <si>
    <t>【上海电气汽轮机】 双头螺柱\W1801.3-M36X3X235</t>
  </si>
  <si>
    <t>【上海电气汽轮机】 双头螺柱\W1801.3-M36X3X260</t>
  </si>
  <si>
    <t>【上海电气汽轮机】 双头螺柱\W1801.3-M36X3X820</t>
  </si>
  <si>
    <t>【上海电气汽轮机】 双头螺柱\W1801.3-M42X3X285</t>
  </si>
  <si>
    <t>【上海电气汽轮机】 双头螺柱\W1801.3-M48X3X490</t>
  </si>
  <si>
    <t>【上海电气汽轮机】 双头螺柱\W1801.3-M48X3X525</t>
  </si>
  <si>
    <t>【上海电气汽轮机】 双头螺柱\W1801.3-M48X3X575</t>
  </si>
  <si>
    <t>【上海电气汽轮机】 双头螺柱\W1801.3-M48X3X595</t>
  </si>
  <si>
    <t>【上海电气汽轮机】 双头螺柱\W1801.4-M42X3X340</t>
  </si>
  <si>
    <t>【上海电气汽轮机】 双头螺柱\W1801.4-M42X3X445</t>
  </si>
  <si>
    <t>【上海电气汽轮机】 双头螺柱\W1825.27-M27X152</t>
  </si>
  <si>
    <t>【上海电气汽轮机】 双头螺柱\W1825.27-M30X3X178</t>
  </si>
  <si>
    <t>【上海电气汽轮机】 双头螺柱\W1826.24-M72X3X815</t>
  </si>
  <si>
    <t>【上海电气汽轮机】 双头螺柱\W1830.22-M160X4X1285</t>
  </si>
  <si>
    <t>【上海电气汽轮机】 定位双头螺柱\W1850.23-φ62X425</t>
  </si>
  <si>
    <t>【上海电气汽轮机】 定位双头螺柱\W1850.23-φ62X485</t>
  </si>
  <si>
    <t>【上海电气汽轮机】 定位双头螺柱\W1850.3-φ22X160</t>
  </si>
  <si>
    <t>【上海电气汽轮机】 定位双头螺柱\W1850.3-φ27X365</t>
  </si>
  <si>
    <t>【上海电气汽轮机】 定位双头螺柱\W1850.3-φ33X280</t>
  </si>
  <si>
    <t>【上海电气汽轮机】 定位双头螺柱\W1850.3-φ46X375</t>
  </si>
  <si>
    <t>【上海电气汽轮机】 定位双头螺柱\W1850.3-φ52X335</t>
  </si>
  <si>
    <t>【上海电气汽轮机】 定位双头螺柱\W1850.3-φ52X360</t>
  </si>
  <si>
    <t>【上海电气汽轮机】 定位双头螺柱\W1850.3-φ52X405</t>
  </si>
  <si>
    <t>【上海电气汽轮机】 定位双头螺柱\W1855.22-φ106X955</t>
  </si>
  <si>
    <t>【上海电气汽轮机】 定位双头螺柱\W1855.22-φ166X1250</t>
  </si>
  <si>
    <t>【上海电气汽轮机】 定位双头螺柱\W1855.22-φ86X665</t>
  </si>
  <si>
    <t>【上海电气汽轮机】 定位双头螺柱\W1855.23-φ131X1305</t>
  </si>
  <si>
    <t>【上海电气汽轮机】 定位双头螺柱\W1855.23-φ146X1575</t>
  </si>
  <si>
    <t>【上海电气汽轮机】 定位双头螺柱\W1855.23-φ166X1485</t>
  </si>
  <si>
    <t>【上海电气汽轮机】 定位双头螺柱\W1855.23-φ86X1005</t>
  </si>
  <si>
    <t>【上海电气汽轮机】 定位双头螺柱\W1882.3-φ50X260</t>
  </si>
  <si>
    <t>【上海电气汽轮机】 定位双头螺柱\W1882.3-φ50X565</t>
  </si>
  <si>
    <t>【上海电气汽轮机】 定位双头螺柱\W1882.3-φ70X330</t>
  </si>
  <si>
    <t>【上海电气汽轮机】 定位双头螺柱\W1882.3-φ78X343</t>
  </si>
  <si>
    <t>【上海电气汽轮机】 六角螺母\WE1220.1-0.75"</t>
  </si>
  <si>
    <t>【上海电气汽轮机】 定位圆柱销\WE1514-19X95</t>
  </si>
  <si>
    <t>【上海电气汽轮机】 球面垫圈(凹型)\YZW.34.20.28</t>
  </si>
  <si>
    <t>【上海电气汽轮机】 球面垫圈(凸型)\YZW.34.20.29</t>
  </si>
  <si>
    <t>【上海电气汽轮机】 密封环\159.30.60.10</t>
  </si>
  <si>
    <t>【上海电气汽轮机】 密封环\159.30.60.40</t>
  </si>
  <si>
    <t>【上海电气汽轮机】 I型密封环\195.01.71.01G01</t>
  </si>
  <si>
    <t>【上海电气汽轮机】 压紧环\195.01.71.02G01</t>
  </si>
  <si>
    <t>【上海电气汽轮机】 U型密封环\195.01.71.03G01</t>
  </si>
  <si>
    <t>【上海电气汽轮机】 U型密封环\195.01.71.04G01</t>
  </si>
  <si>
    <t>【上海电气汽轮机】 大螺纹环\195.01.71.05G01</t>
  </si>
  <si>
    <t>【上海电气汽轮机】 支撑块\195.01.75.01</t>
  </si>
  <si>
    <t>【上海电气汽轮机】 支撑块\195.01.75.02</t>
  </si>
  <si>
    <t>【上海电气汽轮机】 “L”型环\195.01.75.03G01</t>
  </si>
  <si>
    <t>【上海电气汽轮机】 “L”型环\195.01.75.04G01</t>
  </si>
  <si>
    <t>【上海电气汽轮机】 螺纹环\195.01.75.05G01</t>
  </si>
  <si>
    <t>【上海电气汽轮机】 螺纹环\195.01.75.06G01</t>
  </si>
  <si>
    <t>【上海电气汽轮机】 U形密封环\195.01.75.07G01</t>
  </si>
  <si>
    <t>【上海电气汽轮机】 螺纹环\195.03.20.03G01</t>
  </si>
  <si>
    <t>【上海电气汽轮机】 L型密封环\195.03.20.04G01</t>
  </si>
  <si>
    <t>【上海电气汽轮机】 螺纹环\195.03.20.05G01</t>
  </si>
  <si>
    <t>【上海电气汽轮机】 U型密封环\195.03.20.06G01</t>
  </si>
  <si>
    <t>【上海电气汽轮机】 U型密封环\195.03.20.07G01</t>
  </si>
  <si>
    <t>【上海电气汽轮机】 填块\195.03.20.08</t>
  </si>
  <si>
    <t>【上海电气汽轮机】 汽封\195.06.24.01G01</t>
  </si>
  <si>
    <t>【上海电气汽轮机】 密封齿\195.07.33.01</t>
  </si>
  <si>
    <t>【上海电气汽轮机】 密封齿\195.07.33.02</t>
  </si>
  <si>
    <t>【上海电气汽轮机】 密封齿\195.07.35.01</t>
  </si>
  <si>
    <t>【上海电气汽轮机】 密封齿\195.07.39.01</t>
  </si>
  <si>
    <t>【上海电气汽轮机】 轴承体\195.08.05.01G01</t>
  </si>
  <si>
    <t>【上海电气汽轮机】 大螺栓张紧器\195.08.05.02G01</t>
  </si>
  <si>
    <t>【上海电气汽轮机】 M螺栓\195.27.01.01</t>
  </si>
  <si>
    <t>【上海电气汽轮机】 销\195.27.01.02</t>
  </si>
  <si>
    <t>【上海电气汽轮机】 螺栓联轴器螺栓\195.27.02.01</t>
  </si>
  <si>
    <t>【上海电气汽轮机】 销\195.27.02.02</t>
  </si>
  <si>
    <t>【上海电气汽轮机】 主门阀座\195.30.41.08G01</t>
  </si>
  <si>
    <t>【上海电气汽轮机】 调门阀座\195.30.41.09G01</t>
  </si>
  <si>
    <t>【上海电气汽轮机】 螺纹插管\195.30.41.10G01</t>
  </si>
  <si>
    <t>【上海电气汽轮机】 阀碟\195.30.41.13G01</t>
  </si>
  <si>
    <t>【上海电气汽轮机】 阀杆\195.30.41.14G01</t>
  </si>
  <si>
    <t>【上海电气汽轮机】 套筒\195.30.41.15G01</t>
  </si>
  <si>
    <t>【上海电气汽轮机】 螺纹环\195.30.41.16G01</t>
  </si>
  <si>
    <t>【上海电气汽轮机】 阀座\195.30.41.17G01</t>
  </si>
  <si>
    <t>【上海电气汽轮机】 衬套\195.30.41.18</t>
  </si>
  <si>
    <t>【上海电气汽轮机】 环\195.30.41.19</t>
  </si>
  <si>
    <t>【上海电气汽轮机】 螺纹环\195.30.41.21G01</t>
  </si>
  <si>
    <t>【上海电气汽轮机】 阀杆衬套\195.30.41.22</t>
  </si>
  <si>
    <t>【上海电气汽轮机】 阀杆衬套\195.30.41.23</t>
  </si>
  <si>
    <t>【上海电气汽轮机】 盖板\195.30.41.25</t>
  </si>
  <si>
    <t>【上海电气汽轮机】 压板\195.30.41.26</t>
  </si>
  <si>
    <t>【上海电气汽轮机】 螺纹环\195.30.41.27G01</t>
  </si>
  <si>
    <t>【上海电气汽轮机】 密封环\195.30.41.28</t>
  </si>
  <si>
    <t>【上海电气汽轮机】 阀杆螺母\195.30.41.31</t>
  </si>
  <si>
    <t>【上海电气汽轮机】 垫块\195.30.41.32</t>
  </si>
  <si>
    <t>【上海电气汽轮机】 环\195.30.41.35</t>
  </si>
  <si>
    <t>【上海电气汽轮机】 支撑杆\195.30.41.36</t>
  </si>
  <si>
    <t>【上海电气汽轮机】 环\195.30.41.37</t>
  </si>
  <si>
    <t>【上海电气汽轮机】 加强环\195.30.41.38</t>
  </si>
  <si>
    <t>【上海电气汽轮机】 环\195.30.41.39</t>
  </si>
  <si>
    <t>【上海电气汽轮机】 内阀盖\195.30.41.40G01</t>
  </si>
  <si>
    <t>【上海电气汽轮机】 阀杆阀碟\195.30.41.42G01</t>
  </si>
  <si>
    <t>【上海电气汽轮机】 衬套\195.30.41.43</t>
  </si>
  <si>
    <t>【上海电气汽轮机】 环\195.30.41.44G01</t>
  </si>
  <si>
    <t>【上海电气汽轮机】 阀杆衬套\195.30.41.47</t>
  </si>
  <si>
    <t>【上海电气汽轮机】 螺纹环\195.30.41.49G01</t>
  </si>
  <si>
    <t>【上海电气汽轮机】 密封环\195.30.41.50</t>
  </si>
  <si>
    <t>【上海电气汽轮机】 控制板\195.30.41.53</t>
  </si>
  <si>
    <t>【上海电气汽轮机】 固定块\195.30.41.54</t>
  </si>
  <si>
    <t>【上海电气汽轮机】 圆柱销\195.30.41.57</t>
  </si>
  <si>
    <t>【上海电气汽轮机】 衬套\195.30.60.08</t>
  </si>
  <si>
    <t>【上海电气汽轮机】 环\195.34.30.01G01</t>
  </si>
  <si>
    <t>【上海电气汽轮机】 垫片\195.60.22.11</t>
  </si>
  <si>
    <t>【上海电气汽轮机】 垫片\196.01.12.02</t>
  </si>
  <si>
    <t>【上海电气汽轮机】 螺栓\196.01.12.03</t>
  </si>
  <si>
    <t>【上海电气汽轮机】 环\196.01.12.05G01</t>
  </si>
  <si>
    <t>【上海电气汽轮机】 环体\196.01.12.06</t>
  </si>
  <si>
    <t>【上海电气汽轮机】 套筒\196.01.12.07</t>
  </si>
  <si>
    <t>【上海电气汽轮机】 连接片\196.01.12.08</t>
  </si>
  <si>
    <t>【上海电气汽轮机】 垫片\196.01.12.09</t>
  </si>
  <si>
    <t>【上海电气汽轮机】 进汽导流环\196.01.12.10G01</t>
  </si>
  <si>
    <t>【上海电气汽轮机】 进汽导流环\196.01.12.11G01</t>
  </si>
  <si>
    <t>【上海电气汽轮机】 导向螺栓\196.01.12.13</t>
  </si>
  <si>
    <t>【上海电气汽轮机】 锁紧螺栓\196.01.12.15</t>
  </si>
  <si>
    <t>【上海电气汽轮机】 垫片\196.01.12.16</t>
  </si>
  <si>
    <t>【上海电气汽轮机】 垫板\196.01.12.19</t>
  </si>
  <si>
    <t>【上海电气汽轮机】 导向螺栓\196.01.12.22</t>
  </si>
  <si>
    <t>【上海电气汽轮机】 垫片\196.01.30.60</t>
  </si>
  <si>
    <t>【上海电气汽轮机】 I型密封环\196.01.71.02</t>
  </si>
  <si>
    <t>【上海电气汽轮机】 U型密封环\196.01.71.05</t>
  </si>
  <si>
    <t>【上海电气汽轮机】 U型密封环\196.01.71.06</t>
  </si>
  <si>
    <t>【上海电气汽轮机】 调整垫块\196.01.71.11</t>
  </si>
  <si>
    <t>【上海电气汽轮机】 调整螺栓\196.01.71.13</t>
  </si>
  <si>
    <t>【上海电气汽轮机】 活塞环\196.01.71.15G01</t>
  </si>
  <si>
    <t>【上海电气汽轮机】 大螺纹环\196.01.71.17</t>
  </si>
  <si>
    <t>【上海电气汽轮机】 活塞环\196.01.71.19</t>
  </si>
  <si>
    <t>【上海电气汽轮机】 内弹簧圈\196.01.71.20</t>
  </si>
  <si>
    <t>【上海电气汽轮机】 螺塞\196.01.71.22</t>
  </si>
  <si>
    <t>【上海电气汽轮机】 螺纹环\196.01.71.33G01</t>
  </si>
  <si>
    <t>【上海电气汽轮机】 L型环\196.01.71.35G01</t>
  </si>
  <si>
    <t>【上海电气汽轮机】 U型密封环\196.01.71.37G01</t>
  </si>
  <si>
    <t>【上海电气汽轮机】 偏心衬套\196.01.75.01</t>
  </si>
  <si>
    <t>【上海电气汽轮机】 螺栓\196.01.75.02</t>
  </si>
  <si>
    <t>【上海电气汽轮机】 调整块\196.01.75.06</t>
  </si>
  <si>
    <t>【上海电气汽轮机】 螺栓\196.01.75.09</t>
  </si>
  <si>
    <t>【上海电气汽轮机】 “L”型环\196.01.75.12</t>
  </si>
  <si>
    <t>【上海电气汽轮机】 “L”型环\196.01.75.13</t>
  </si>
  <si>
    <t>【上海电气汽轮机】 螺纹环\196.01.75.14</t>
  </si>
  <si>
    <t>【上海电气汽轮机】 螺纹环\196.01.75.15</t>
  </si>
  <si>
    <t>【上海电气汽轮机】 “U”型密封环\196.01.75.19</t>
  </si>
  <si>
    <t>【上海电气汽轮机】 垫圈\196.01.75.20</t>
  </si>
  <si>
    <t>【上海电气汽轮机】 孔塞\196.01.75.21</t>
  </si>
  <si>
    <t>【上海电气汽轮机】 汽封接管\196.01.75.24G01</t>
  </si>
  <si>
    <t>【上海电气汽轮机】 法兰\196.01.75.25</t>
  </si>
  <si>
    <t>【上海电气汽轮机】 汽封接管\196.01.75.27G01</t>
  </si>
  <si>
    <t>【上海电气汽轮机】 法兰\196.01.75.33G01</t>
  </si>
  <si>
    <t>【上海电气汽轮机】 垫圈\196.02.11.02</t>
  </si>
  <si>
    <t>【上海电气汽轮机】 螺纹环\196.03.20.03G01</t>
  </si>
  <si>
    <t>【上海电气汽轮机】 L型密封环\196.03.20.04G01</t>
  </si>
  <si>
    <t>【上海电气汽轮机】 螺纹环\196.03.20.05G01</t>
  </si>
  <si>
    <t>【上海电气汽轮机】 U型密封环\196.03.20.06G01</t>
  </si>
  <si>
    <t>【上海电气汽轮机】 U型密封环\196.03.20.07G01</t>
  </si>
  <si>
    <t>【上海电气汽轮机】 填块\196.03.20.08</t>
  </si>
  <si>
    <t>【上海电气汽轮机】 钢条\196.03.20.15</t>
  </si>
  <si>
    <t>【上海电气汽轮机】 径向销\196.03.20.16</t>
  </si>
  <si>
    <t>【上海电气汽轮机】 汽封环\196.06.01.03</t>
  </si>
  <si>
    <t>【上海电气汽轮机】 汽封环\196.06.01.05</t>
  </si>
  <si>
    <t>【上海电气汽轮机】 汽封环\196.06.01.06</t>
  </si>
  <si>
    <t>【上海电气汽轮机】 压板\196.06.01.13</t>
  </si>
  <si>
    <t>【上海电气汽轮机】 汽封环\196.06.02.02</t>
  </si>
  <si>
    <t>【上海电气汽轮机】 汽封环\196.06.02.03</t>
  </si>
  <si>
    <t>【上海电气汽轮机】 汽封环\196.06.02.04</t>
  </si>
  <si>
    <t>【上海电气汽轮机】 汽封环\196.06.11.01</t>
  </si>
  <si>
    <t>【上海电气汽轮机】 汽封环\196.06.11.02</t>
  </si>
  <si>
    <t>【上海电气汽轮机】 汽封环\196.06.11.03</t>
  </si>
  <si>
    <t>【上海电气汽轮机】 汽封环\196.06.11.07</t>
  </si>
  <si>
    <t>【上海电气汽轮机】 汽封环\196.06.11.08</t>
  </si>
  <si>
    <t>【上海电气汽轮机】 汽封环\196.06.11.09</t>
  </si>
  <si>
    <t>【上海电气汽轮机】 汽封环\196.06.11.10</t>
  </si>
  <si>
    <t>【上海电气汽轮机】 汽封环\196.06.11.11</t>
  </si>
  <si>
    <t>【上海电气汽轮机】 汽封环\196.06.63.01</t>
  </si>
  <si>
    <t>【上海电气汽轮机】 汽封环\196.06.63.02</t>
  </si>
  <si>
    <t>【上海电气汽轮机】 弹簧\196.06.63.05</t>
  </si>
  <si>
    <t>【上海电气汽轮机】 阀组件\196.07.01.01G01</t>
  </si>
  <si>
    <t>【上海电气汽轮机】 阀组块\196.07.01.02</t>
  </si>
  <si>
    <t>【上海电气汽轮机】 管接头KTV-26.7*2.87-G1A\196.07.01.03</t>
  </si>
  <si>
    <t>【上海电气汽轮机】 垫片\196.07.01.08</t>
  </si>
  <si>
    <t>【上海电气汽轮机】 挡油板\196.07.01.13G01</t>
  </si>
  <si>
    <t>【上海电气汽轮机】 节流孔板\196.07.01.14</t>
  </si>
  <si>
    <t>【上海电气汽轮机】 轴承支架\196.07.01.20</t>
  </si>
  <si>
    <t>【上海电气汽轮机】 挡油环\196.07.01.23G01</t>
  </si>
  <si>
    <t>【上海电气汽轮机】 支撑块\196.07.01.24</t>
  </si>
  <si>
    <t>【上海电气汽轮机】 双头螺栓\196.07.01.26</t>
  </si>
  <si>
    <t>【上海电气汽轮机】 螺栓\196.07.01.36</t>
  </si>
  <si>
    <t>【上海电气汽轮机】 垫片\196.07.01.37</t>
  </si>
  <si>
    <t>【上海电气汽轮机】 孔板\196.07.01.45</t>
  </si>
  <si>
    <t>【上海电气汽轮机】 孔板\196.07.01.46</t>
  </si>
  <si>
    <t>【上海电气汽轮机】 阀组件\196.07.02.01G01</t>
  </si>
  <si>
    <t>【上海电气汽轮机】 阀组块\196.07.02.21</t>
  </si>
  <si>
    <t>【上海电气汽轮机】 支撑键\196.07.02.25G01</t>
  </si>
  <si>
    <t>【上海电气汽轮机】 孔板\196.07.02.41</t>
  </si>
  <si>
    <t>【上海电气汽轮机】 阀组件\196.07.03.07G01</t>
  </si>
  <si>
    <t>【上海电气汽轮机】 阀组块\196.07.03.36</t>
  </si>
  <si>
    <t>【上海电气汽轮机】 垫片\196.07.03.37</t>
  </si>
  <si>
    <t>【上海电气汽轮机】 管接头G1A-21.3*3.72\196.07.03.38</t>
  </si>
  <si>
    <t>【上海电气汽轮机】 双向管接头\196.07.03.41</t>
  </si>
  <si>
    <t>【上海电气汽轮机】 连接套管\196.07.03.51</t>
  </si>
  <si>
    <t>【上海电气汽轮机】 密封环φ17.5Xφ6.2X2\196.07.03.52</t>
  </si>
  <si>
    <t>【上海电气汽轮机】 密封齿\196.07.32.01.01</t>
  </si>
  <si>
    <t>【上海电气汽轮机】 密封齿\196.07.32.01.02</t>
  </si>
  <si>
    <t>【上海电气汽轮机】 球形垫块\196.08.01.02</t>
  </si>
  <si>
    <t>【上海电气汽轮机】 密封带\196.08.02.02.02</t>
  </si>
  <si>
    <t>【上海电气汽轮机】 球面垫块\196.08.02.03</t>
  </si>
  <si>
    <t>【上海电气汽轮机】 测量块\196.08.02.07</t>
  </si>
  <si>
    <t>【上海电气汽轮机】 推力瓦块\196.08.02.08G01</t>
  </si>
  <si>
    <t>【上海电气汽轮机】 配合键\196.08.02.09</t>
  </si>
  <si>
    <t>【上海电气汽轮机】 推力瓦块\196.08.02.10G01</t>
  </si>
  <si>
    <t>【上海电气汽轮机】 推力瓦块\196.08.02.11G01</t>
  </si>
  <si>
    <t>【上海电气汽轮机】 推力瓦块\196.08.02.12G01</t>
  </si>
  <si>
    <t>【上海电气汽轮机】 弹簧片\196.08.02.13</t>
  </si>
  <si>
    <t>【上海电气汽轮机】 衬套\196.08.02.17G01</t>
  </si>
  <si>
    <t>【上海电气汽轮机】 支承垫块\196.08.03.02</t>
  </si>
  <si>
    <t>【上海电气汽轮机】 联轴器盖板\196.24.01.02</t>
  </si>
  <si>
    <t>【上海电气汽轮机】 联轴器盖板(调阀端)\196.24.02.02</t>
  </si>
  <si>
    <t>【上海电气汽轮机】 联轴器盖板(电机端)\196.24.02.03</t>
  </si>
  <si>
    <t>【上海电气汽轮机】 轴\196.28.01.01</t>
  </si>
  <si>
    <t>【上海电气汽轮机】 轴\196.28.01.02</t>
  </si>
  <si>
    <t>【上海电气汽轮机】 传动法兰\196.28.01.03</t>
  </si>
  <si>
    <t>【上海电气汽轮机】 支撑环\196.28.01.04</t>
  </si>
  <si>
    <t>【上海电气汽轮机】 法兰盖\196.28.01.05</t>
  </si>
  <si>
    <t>【上海电气汽轮机】 环\196.28.01.06</t>
  </si>
  <si>
    <t>【上海电气汽轮机】 支撑环\196.28.01.07</t>
  </si>
  <si>
    <t>【上海电气汽轮机】 衬套\196.28.01.08</t>
  </si>
  <si>
    <t>【上海电气汽轮机】 环\196.28.01.09</t>
  </si>
  <si>
    <t>【上海电气汽轮机】 轴瓦\196.28.01.10G01</t>
  </si>
  <si>
    <t>【上海电气汽轮机】 滑动轴承用巴氏合金\196.28.01.11</t>
  </si>
  <si>
    <t>【上海电气汽轮机】 平键\196.28.01.12</t>
  </si>
  <si>
    <t>【上海电气汽轮机】 转换接头\196.28.01.13</t>
  </si>
  <si>
    <t>【上海电气汽轮机】 连接缸\196.28.01.14</t>
  </si>
  <si>
    <t>【上海电气汽轮机】 锁紧垫片\196.28.01.16</t>
  </si>
  <si>
    <t>【上海电气汽轮机】 棘爪\196.28.02.04</t>
  </si>
  <si>
    <t>【上海电气汽轮机】 支杆\196.28.02.08G01</t>
  </si>
  <si>
    <t>【上海电气汽轮机】 圆柱销\196.28.02.09</t>
  </si>
  <si>
    <t>【上海电气汽轮机】 主门阀座\196.30.41.03G01</t>
  </si>
  <si>
    <t>【上海电气汽轮机】 调门阀座\196.30.41.04G01</t>
  </si>
  <si>
    <t>【上海电气汽轮机】 衬套\196.30.41.05</t>
  </si>
  <si>
    <t>【上海电气汽轮机】 螺纹插管\196.30.41.06G01</t>
  </si>
  <si>
    <t>【上海电气汽轮机】 螺纹塞\196.30.41.07G01</t>
  </si>
  <si>
    <t>【上海电气汽轮机】 垫片\196.30.41.08</t>
  </si>
  <si>
    <t>【上海电气汽轮机】 衬套\196.30.41.10</t>
  </si>
  <si>
    <t>【上海电气汽轮机】 连接螺母\196.30.41.12G01</t>
  </si>
  <si>
    <t>【上海电气汽轮机】 阀碟\196.30.41.20G01</t>
  </si>
  <si>
    <t>【上海电气汽轮机】 阀杆\196.30.41.21G01</t>
  </si>
  <si>
    <t>【上海电气汽轮机】 螺纹环\196.30.41.22G01</t>
  </si>
  <si>
    <t>【上海电气汽轮机】 止转块\196.30.41.23</t>
  </si>
  <si>
    <t>【上海电气汽轮机】 阀座\196.30.41.24G01</t>
  </si>
  <si>
    <t>【上海电气汽轮机】 衬套\196.30.41.25</t>
  </si>
  <si>
    <t>【上海电气汽轮机】 环\196.30.41.26</t>
  </si>
  <si>
    <t>【上海电气汽轮机】 螺纹环\196.30.41.28G01</t>
  </si>
  <si>
    <t>【上海电气汽轮机】 止转块\196.30.41.29</t>
  </si>
  <si>
    <t>【上海电气汽轮机】 阀杆衬套\196.30.41.30</t>
  </si>
  <si>
    <t>【上海电气汽轮机】 阀杆衬套\196.30.41.31</t>
  </si>
  <si>
    <t>【上海电气汽轮机】 盖板\196.30.41.33</t>
  </si>
  <si>
    <t>【上海电气汽轮机】 压板\196.30.41.34</t>
  </si>
  <si>
    <t>【上海电气汽轮机】 螺纹环\196.30.41.35G01</t>
  </si>
  <si>
    <t>【上海电气汽轮机】 密封环\196.30.41.36</t>
  </si>
  <si>
    <t>【上海电气汽轮机】 孔盖\196.30.41.40</t>
  </si>
  <si>
    <t>【上海电气汽轮机】 盖板\196.30.41.41</t>
  </si>
  <si>
    <t>【上海电气汽轮机】 阀杆螺母\196.30.41.42</t>
  </si>
  <si>
    <t>【上海电气汽轮机】 垫块\196.30.41.43</t>
  </si>
  <si>
    <t>【上海电气汽轮机】 法兰\196.30.41.44</t>
  </si>
  <si>
    <t>【上海电气汽轮机】 滤网\196.30.41.46G01</t>
  </si>
  <si>
    <t>【上海电气汽轮机】 阀杆阀碟\196.30.41.56G01</t>
  </si>
  <si>
    <t>【上海电气汽轮机】 衬套\196.30.41.57</t>
  </si>
  <si>
    <t>【上海电气汽轮机】 环\196.30.41.58G01</t>
  </si>
  <si>
    <t>【上海电气汽轮机】 阀杆衬套\196.30.41.59</t>
  </si>
  <si>
    <t>【上海电气汽轮机】 螺纹环\196.30.41.60G01</t>
  </si>
  <si>
    <t>【上海电气汽轮机】 衬套\196.30.41.62</t>
  </si>
  <si>
    <t>【上海电气汽轮机】 阀杆衬套\196.30.41.63</t>
  </si>
  <si>
    <t>【上海电气汽轮机】 螺纹环\196.30.41.66G01</t>
  </si>
  <si>
    <t>【上海电气汽轮机】 密封环\196.30.41.67</t>
  </si>
  <si>
    <t>【上海电气汽轮机】 阀杆螺母\196.30.41.70</t>
  </si>
  <si>
    <t>【上海电气汽轮机】 圆柱销\196.30.41.74</t>
  </si>
  <si>
    <t>【上海电气汽轮机】 阀座\196.30.60.06G01</t>
  </si>
  <si>
    <t>【上海电气汽轮机】 连接块\196.30.60.07</t>
  </si>
  <si>
    <t>【上海电气汽轮机】 连接块\196.30.60.08</t>
  </si>
  <si>
    <t>【上海电气汽轮机】 连接块\196.30.60.09</t>
  </si>
  <si>
    <t>【上海电气汽轮机】 衬套\196.30.60.10</t>
  </si>
  <si>
    <t>【上海电气汽轮机】 盖子\196.30.60.11</t>
  </si>
  <si>
    <t>【上海电气汽轮机】 衬套\196.30.60.12</t>
  </si>
  <si>
    <t>【上海电气汽轮机】 螺纹环\196.30.60.16G01</t>
  </si>
  <si>
    <t>【上海电气汽轮机】 环\196.30.60.17G01</t>
  </si>
  <si>
    <t>【上海电气汽轮机】 螺纹环\196.30.60.18G01</t>
  </si>
  <si>
    <t>【上海电气汽轮机】 阀碟\196.30.60.22G01</t>
  </si>
  <si>
    <t>【上海电气汽轮机】 阀杆\196.30.60.23G01</t>
  </si>
  <si>
    <t>【上海电气汽轮机】 螺纹环\196.30.60.24G01</t>
  </si>
  <si>
    <t>【上海电气汽轮机】 密封环\196.30.60.25</t>
  </si>
  <si>
    <t>【上海电气汽轮机】 阀座\196.30.60.26G01</t>
  </si>
  <si>
    <t>【上海电气汽轮机】 衬套\196.30.60.27</t>
  </si>
  <si>
    <t>【上海电气汽轮机】 分段环\196.30.60.28</t>
  </si>
  <si>
    <t>【上海电气汽轮机】 衬套\196.30.60.29</t>
  </si>
  <si>
    <t>【上海电气汽轮机】 螺纹环\196.30.60.30G01</t>
  </si>
  <si>
    <t>【上海电气汽轮机】 环\196.30.60.31G01</t>
  </si>
  <si>
    <t>【上海电气汽轮机】 衬套\196.30.60.32</t>
  </si>
  <si>
    <t>【上海电气汽轮机】 衬套\196.30.60.33</t>
  </si>
  <si>
    <t>【上海电气汽轮机】 衬套\196.30.60.35</t>
  </si>
  <si>
    <t>【上海电气汽轮机】 密封环\196.30.60.36</t>
  </si>
  <si>
    <t>【上海电气汽轮机】 平焊法兰\196.30.60.37</t>
  </si>
  <si>
    <t>【上海电气汽轮机】 滤网\196.30.60.41G01</t>
  </si>
  <si>
    <t>【上海电气汽轮机】 阀盖侧环\196.30.60.43</t>
  </si>
  <si>
    <t>【上海电气汽轮机】 杆\196.30.60.44</t>
  </si>
  <si>
    <t>【上海电气汽轮机】 阀壳侧环\196.30.60.45</t>
  </si>
  <si>
    <t>【上海电气汽轮机】 支撑环\196.30.60.46</t>
  </si>
  <si>
    <t>【上海电气汽轮机】 环\196.30.60.47</t>
  </si>
  <si>
    <t>【上海电气汽轮机】 环\196.30.60.48</t>
  </si>
  <si>
    <t>【上海电气汽轮机】 阀碟\196.30.60.51G01</t>
  </si>
  <si>
    <t>【上海电气汽轮机】 阀杆\196.30.60.53G01</t>
  </si>
  <si>
    <t>【上海电气汽轮机】 螺纹环\196.30.60.54G01</t>
  </si>
  <si>
    <t>【上海电气汽轮机】 分段环\196.30.60.55</t>
  </si>
  <si>
    <t>【上海电气汽轮机】 垫片\196.30.60.57</t>
  </si>
  <si>
    <t>【上海电气汽轮机】 衬套\196.30.60.58</t>
  </si>
  <si>
    <t>【上海电气汽轮机】 螺纹环\196.30.60.60G01</t>
  </si>
  <si>
    <t>【上海电气汽轮机】 衬套\196.30.60.62</t>
  </si>
  <si>
    <t>【上海电气汽轮机】 螺纹插管\196.30.60.63G01</t>
  </si>
  <si>
    <t>【上海电气汽轮机】 阀套\196.34.30.02G01</t>
  </si>
  <si>
    <t>【上海电气汽轮机】 阀杆\196.34.30.04G01</t>
  </si>
  <si>
    <t>【上海电气汽轮机】 套筒\196.34.30.05</t>
  </si>
  <si>
    <t>【上海电气汽轮机】 环\196.34.30.06G01</t>
  </si>
  <si>
    <t>【上海电气汽轮机】 带螺纹环\196.34.30.08G01</t>
  </si>
  <si>
    <t>【上海电气汽轮机】 密封环\196.34.30.10</t>
  </si>
  <si>
    <t>【上海电气汽轮机】 套筒\196.34.30.11</t>
  </si>
  <si>
    <t>【上海电气汽轮机】 盖板\196.34.30.13</t>
  </si>
  <si>
    <t>【上海电气汽轮机】 套筒\196.34.30.14</t>
  </si>
  <si>
    <t>【上海电气汽轮机】 螺纹套筒\196.34.30.15G01</t>
  </si>
  <si>
    <t>【上海电气汽轮机】 密封环\196.34.30.16</t>
  </si>
  <si>
    <t>【上海电气汽轮机】 双头螺柱\196.34.30.17</t>
  </si>
  <si>
    <t>【上海电气汽轮机】 螺母\196.34.30.22</t>
  </si>
  <si>
    <t>【上海电气汽轮机】 垫片\196.34.30.23</t>
  </si>
  <si>
    <t>【上海电气汽轮机】 端盖\196.34.30.24</t>
  </si>
  <si>
    <t>【上海电气汽轮机】 垫片\196.34.30.25</t>
  </si>
  <si>
    <t>【上海电气汽轮机】 挡板\196.34.30.26</t>
  </si>
  <si>
    <t>【上海电气汽轮机】 挡板\196.34.30.27</t>
  </si>
  <si>
    <t>【上海电气汽轮机】 阀座\196.34.30.32G01</t>
  </si>
  <si>
    <t>【上海电气汽轮机】 法兰\196.34.30.33</t>
  </si>
  <si>
    <t>【上海电气汽轮机】 垫片\196.34.30.41</t>
  </si>
  <si>
    <t>【上海电气汽轮机】 垫片\196.60.22.24</t>
  </si>
  <si>
    <t>【上海电气汽轮机】 垫片\196.60.22.69</t>
  </si>
  <si>
    <t>【上海电气汽轮机】 垫片\196.60.22.70</t>
  </si>
  <si>
    <t>【上海电气汽轮机】 隔热板\196.91.42.09</t>
  </si>
  <si>
    <t>【上海电气汽轮机】 平衡螺塞\196.92.20.01G01</t>
  </si>
  <si>
    <t>【上海电气汽轮机】 地脚螺栓\196.99.03.01</t>
  </si>
  <si>
    <t>【上海电气汽轮机】 地脚螺栓\196.99.03.02</t>
  </si>
  <si>
    <t>【上海电气汽轮机】 地脚螺栓\196.99.03.03</t>
  </si>
  <si>
    <t>【上海电气汽轮机】 固定块\A196.01.71.03</t>
  </si>
  <si>
    <t>【上海电气汽轮机】 轴\B196.28.01.01</t>
  </si>
  <si>
    <t>【上海电气汽轮机】 传动法兰\B196.28.01.02</t>
  </si>
  <si>
    <t>【上海电气汽轮机】 支撑环\B196.28.01.03</t>
  </si>
  <si>
    <t>【上海电气汽轮机】 内六角螺钉\B196.28.01.04</t>
  </si>
  <si>
    <t>【上海电气汽轮机】 垫圈\B196.28.01.05</t>
  </si>
  <si>
    <t>【上海电气汽轮机】 垫圈\B196.28.01.06</t>
  </si>
  <si>
    <t>【上海电气汽轮机】 环\B196.34.30.01G01</t>
  </si>
  <si>
    <t>【上海电气汽轮机】 偏心衬套\D196.01.75.01</t>
  </si>
  <si>
    <t>【上海电气汽轮机】 螺栓\D196.01.75.02</t>
  </si>
  <si>
    <t>【上海电气汽轮机】 联轴器盖板\D196.24.03.01(1)</t>
  </si>
  <si>
    <t>【上海电气汽轮机】 阀杆衬套\D196.30.41.20</t>
  </si>
  <si>
    <t>【上海电气汽轮机】 阀杆螺母\D196.30.41.30</t>
  </si>
  <si>
    <t>【上海电气汽轮机】 阀杆螺母\D196.30.41.58</t>
  </si>
  <si>
    <t>【上海电气汽轮机】 锁紧垫片\DR96.01.12.07</t>
  </si>
  <si>
    <t>【上海电气汽轮机】 L型环\DR96.01.85.05G01</t>
  </si>
  <si>
    <t>【上海电气汽轮机】 L型环\DR96.01.85.07G01</t>
  </si>
  <si>
    <t>【上海电气汽轮机】 L型环\DR96.01.85.09G01</t>
  </si>
  <si>
    <t>【上海电气汽轮机】 螺纹环\DR96.01.85.11G01</t>
  </si>
  <si>
    <t>【上海电气汽轮机】 螺纹环\DR96.01.85.13G01</t>
  </si>
  <si>
    <t>【上海电气汽轮机】 螺纹环\DR96.01.85.15G01</t>
  </si>
  <si>
    <t>【上海电气汽轮机】 U型密封环\DR96.01.85.29G01</t>
  </si>
  <si>
    <t>【上海电气汽轮机】 法兰\DR96.01.85.31G01</t>
  </si>
  <si>
    <t>【上海电气汽轮机】 定位销\DR96.01.85.35G01</t>
  </si>
  <si>
    <t>【上海电气汽轮机】 螺纹环\DR96.03.20.03G01</t>
  </si>
  <si>
    <t>【上海电气汽轮机】 L型密封环\DR96.03.20.05G01</t>
  </si>
  <si>
    <t>【上海电气汽轮机】 螺纹环\DR96.03.20.07G01</t>
  </si>
  <si>
    <t>【上海电气汽轮机】 U型密封环\DR96.03.20.09G01</t>
  </si>
  <si>
    <t>【上海电气汽轮机】 U型密封环\DR96.03.20.11G01</t>
  </si>
  <si>
    <t>【上海电气汽轮机】 汽封环\DR96.06.01.03</t>
  </si>
  <si>
    <t>【上海电气汽轮机】 汽封环\DR96.06.01.04</t>
  </si>
  <si>
    <t>【上海电气汽轮机】 汽封环\DR96.06.01.05</t>
  </si>
  <si>
    <t>【上海电气汽轮机】 汽封环\DR96.06.01.06</t>
  </si>
  <si>
    <t>【上海电气汽轮机】 汽封环\DR96.06.02.03</t>
  </si>
  <si>
    <t>【上海电气汽轮机】 汽封环\DR96.06.02.04</t>
  </si>
  <si>
    <t>【上海电气汽轮机】 汽封环\DR96.06.02.05</t>
  </si>
  <si>
    <t>【上海电气汽轮机】 汽封环\DR96.06.11.01</t>
  </si>
  <si>
    <t>【上海电气汽轮机】 汽封环\DR96.06.11.02</t>
  </si>
  <si>
    <t>【上海电气汽轮机】 汽封环\DR96.06.11.03</t>
  </si>
  <si>
    <t>【上海电气汽轮机】 汽封环\DR96.06.11.04</t>
  </si>
  <si>
    <t>【上海电气汽轮机】 汽封环\DR96.06.11.05</t>
  </si>
  <si>
    <t>【上海电气汽轮机】 汽封环\DR96.06.12.01</t>
  </si>
  <si>
    <t>【上海电气汽轮机】 汽封环\DR96.06.12.02</t>
  </si>
  <si>
    <t>【上海电气汽轮机】 汽封环\DR96.06.12.03</t>
  </si>
  <si>
    <t>【上海电气汽轮机】 汽封环\DR96.06.63.01</t>
  </si>
  <si>
    <t>【上海电气汽轮机】 汽封环\DR96.06.63.02</t>
  </si>
  <si>
    <t>【上海电气汽轮机】 汽封环\DR96.06.63.03</t>
  </si>
  <si>
    <t>【上海电气汽轮机】 圆柱销\DR96.30.41.09</t>
  </si>
  <si>
    <t>【上海电气汽轮机】 阀碟\DR96.30.41.15G01</t>
  </si>
  <si>
    <t>【上海电气汽轮机】 阀杆\DR96.30.41.16G01</t>
  </si>
  <si>
    <t>【上海电气汽轮机】 阀杆衬套\DR96.30.41.18</t>
  </si>
  <si>
    <t>【上海电气汽轮机】 螺纹环\DR96.30.41.19G01</t>
  </si>
  <si>
    <t>【上海电气汽轮机】 阀杆阀碟\DR96.30.41.33G01</t>
  </si>
  <si>
    <t>【上海电气汽轮机】 螺纹环\DR96.30.41.36G01</t>
  </si>
  <si>
    <t>【上海电气汽轮机】 阀座\DR96.30.60.04G01</t>
  </si>
  <si>
    <t>【上海电气汽轮机】 螺纹环\DR96.30.60.07G01</t>
  </si>
  <si>
    <t>【上海电气汽轮机】 L型环\DR96.30.60.08G01</t>
  </si>
  <si>
    <t>【上海电气汽轮机】 L型螺纹环\DR96.30.60.09G01</t>
  </si>
  <si>
    <t>【上海电气汽轮机】 双头螺柱\DR96.30.60.10</t>
  </si>
  <si>
    <t>【上海电气汽轮机】 阀碟\DR96.30.60.15G01</t>
  </si>
  <si>
    <t>【上海电气汽轮机】 阀杆\DR96.30.60.16G01</t>
  </si>
  <si>
    <t>【上海电气汽轮机】 螺纹环\DR96.30.60.17G01</t>
  </si>
  <si>
    <t>【上海电气汽轮机】 双头螺柱\DR96.30.60.39</t>
  </si>
  <si>
    <t>【上海电气汽轮机】 螺纹环\DR96.30.64.07G01</t>
  </si>
  <si>
    <t>【上海电气汽轮机】 密封环\DR96.30.64.25</t>
  </si>
  <si>
    <t>【上海电气汽轮机】 垫片\DR96.30.64.40</t>
  </si>
  <si>
    <t>【上海电气汽轮机】 环\DR96.30.64.44G01</t>
  </si>
  <si>
    <t>【上海电气汽轮机】 螺纹环\DR96.30.64.45G01</t>
  </si>
  <si>
    <t>【上海电气汽轮机】 密封环\DR96.30.64.46</t>
  </si>
  <si>
    <t>【上海电气汽轮机】 双头螺柱M100X6X425\DR96.30.64.48</t>
  </si>
  <si>
    <t>【上海电气汽轮机】 双头螺柱M90X6X375\DR96.30.64.49</t>
  </si>
  <si>
    <t>【上海电气汽轮机】 I型密封环\E195.01.71.01G01</t>
  </si>
  <si>
    <t>【上海电气汽轮机】 压紧环\E195.01.71.02G01</t>
  </si>
  <si>
    <t>【上海电气汽轮机】 U型密封环\E195.01.71.03G01</t>
  </si>
  <si>
    <t>【上海电气汽轮机】 U型密封环\E195.01.71.04G01</t>
  </si>
  <si>
    <t>【上海电气汽轮机】 活塞环\E195.01.71.09G01</t>
  </si>
  <si>
    <t>【上海电气汽轮机】 活塞环\E195.01.71.10</t>
  </si>
  <si>
    <t>【上海电气汽轮机】 波形弹簧圈\E195.01.71.11</t>
  </si>
  <si>
    <t>【上海电气汽轮机】 活塞环\E195.01.71.12</t>
  </si>
  <si>
    <t>【上海电气汽轮机】 内弹簧圈\E195.01.71.13</t>
  </si>
  <si>
    <t>【上海电气汽轮机】 螺纹环\E195.01.71.19G01</t>
  </si>
  <si>
    <t>【上海电气汽轮机】 L型环\E195.01.71.21G01</t>
  </si>
  <si>
    <t>【上海电气汽轮机】 U型密封环\E195.01.71.23G01</t>
  </si>
  <si>
    <t>【上海电气汽轮机】 密封条\E195.01.71.34</t>
  </si>
  <si>
    <t>【上海电气汽轮机】 调整块\E195.01.75.01</t>
  </si>
  <si>
    <t>【上海电气汽轮机】 填片\E195.01.75.02</t>
  </si>
  <si>
    <t>【上海电气汽轮机】 调整块\E195.01.75.03</t>
  </si>
  <si>
    <t>【上海电气汽轮机】 螺纹环\E195.30.60.18G01</t>
  </si>
  <si>
    <t>【上海电气汽轮机】 螺纹环\E195.30.60.20G01</t>
  </si>
  <si>
    <t>【上海电气汽轮机】 阀杆\E195.30.60.25G01</t>
  </si>
  <si>
    <t>【上海电气汽轮机】 螺纹环\E195.30.60.26G01</t>
  </si>
  <si>
    <t>【上海电气汽轮机】 润滑板\F195.01.30.55</t>
  </si>
  <si>
    <t>【上海电气汽轮机】 锁定块\F195.01.71.01</t>
  </si>
  <si>
    <t>【上海电气汽轮机】 垫块\F195.01.71.02</t>
  </si>
  <si>
    <t>【上海电气汽轮机】 键\F195.01.71.03</t>
  </si>
  <si>
    <t>【上海电气汽轮机】 平行键\F195.01.71.06G01</t>
  </si>
  <si>
    <t>【上海电气汽轮机】 锁定块\F195.01.71.08</t>
  </si>
  <si>
    <t>【上海电气汽轮机】 垫片\F195.01.71.14</t>
  </si>
  <si>
    <t>【上海电气汽轮机】 偏心衬套\F195.01.75.01</t>
  </si>
  <si>
    <t>【上海电气汽轮机】 螺栓\F195.01.75.02</t>
  </si>
  <si>
    <t>【上海电气汽轮机】 调整垫片\F195.01.75.03</t>
  </si>
  <si>
    <t>【上海电气汽轮机】 填片\F195.01.75.04</t>
  </si>
  <si>
    <t>【上海电气汽轮机】 填片\F195.01.75.05</t>
  </si>
  <si>
    <t>【上海电气汽轮机】 螺栓\F195.01.75.06</t>
  </si>
  <si>
    <t>【上海电气汽轮机】 密封圈\F195.01.75.07</t>
  </si>
  <si>
    <t>【上海电气汽轮机】 密封圈\F195.01.75.08</t>
  </si>
  <si>
    <t>【上海电气汽轮机】 L型环\F195.01.75.09G01</t>
  </si>
  <si>
    <t>【上海电气汽轮机】 螺纹环\F195.01.75.12G01</t>
  </si>
  <si>
    <t>【上海电气汽轮机】 垫圈\F195.01.75.15</t>
  </si>
  <si>
    <t>【上海电气汽轮机】 垫圈\F195.01.75.16</t>
  </si>
  <si>
    <t>【上海电气汽轮机】 垫圈\F195.01.75.17</t>
  </si>
  <si>
    <t>【上海电气汽轮机】 垫圈\F195.01.75.19</t>
  </si>
  <si>
    <t>【上海电气汽轮机】 U型密封环\F195.01.75.22G01</t>
  </si>
  <si>
    <t>【上海电气汽轮机】 L型环\F195.01.75.33G01</t>
  </si>
  <si>
    <t>【上海电气汽轮机】 螺纹环\F195.01.75.34G01</t>
  </si>
  <si>
    <t>【上海电气汽轮机】 杆\F195.01.75.35</t>
  </si>
  <si>
    <t>【上海电气汽轮机】 柱弹簧\F195.06.01.11</t>
  </si>
  <si>
    <t>【上海电气汽轮机】 柱弹簧\F195.06.01.13</t>
  </si>
  <si>
    <t>【上海电气汽轮机】 柱弹簧\F195.06.11.04</t>
  </si>
  <si>
    <t>【上海电气汽轮机】 阀组件\F195.07.01.01G01</t>
  </si>
  <si>
    <t>【上海电气汽轮机】 挡油板\F195.07.01.07G01</t>
  </si>
  <si>
    <t>【上海电气汽轮机】 轴承支架\F195.07.01.13</t>
  </si>
  <si>
    <t>【上海电气汽轮机】 挡油罩\F195.07.01.15G01</t>
  </si>
  <si>
    <t>【上海电气汽轮机】 挡油环\F195.07.01.16G01</t>
  </si>
  <si>
    <t>【上海电气汽轮机】 双头螺栓\F195.07.01.17</t>
  </si>
  <si>
    <t>【上海电气汽轮机】 滑块\F195.07.01.35</t>
  </si>
  <si>
    <t>【上海电气汽轮机】 阀组件\F195.07.02.01G01</t>
  </si>
  <si>
    <t>【上海电气汽轮机】 滑块\F195.07.02.33</t>
  </si>
  <si>
    <t>【上海电气汽轮机】 滑块\F195.07.02.36</t>
  </si>
  <si>
    <t>【上海电气汽轮机】 滑块\F195.07.02.40</t>
  </si>
  <si>
    <t>【上海电气汽轮机】 阀组件\F195.07.03.07G01</t>
  </si>
  <si>
    <t>【上海电气汽轮机】 六角螺母\F195.07.03.13</t>
  </si>
  <si>
    <t>【上海电气汽轮机】 管接头\F195.07.03.38</t>
  </si>
  <si>
    <t>【上海电气汽轮机】 双向管接头\F195.07.03.41</t>
  </si>
  <si>
    <t>【上海电气汽轮机】 密封齿\F195.07.31.01</t>
  </si>
  <si>
    <t>【上海电气汽轮机】 密封齿\F195.07.32.01.01</t>
  </si>
  <si>
    <t>【上海电气汽轮机】 密封齿\F195.07.32.01.02</t>
  </si>
  <si>
    <t>【上海电气汽轮机】 密封齿\F195.07.33.01</t>
  </si>
  <si>
    <t>【上海电气汽轮机】 密封齿\F195.07.33.02</t>
  </si>
  <si>
    <t>【上海电气汽轮机】 密封齿\F195.07.34.01</t>
  </si>
  <si>
    <t>【上海电气汽轮机】 密封齿\F195.07.35.01</t>
  </si>
  <si>
    <t>【上海电气汽轮机】 轴\F195.28.01.01</t>
  </si>
  <si>
    <t>【上海电气汽轮机】 环\F195.28.01.05</t>
  </si>
  <si>
    <t>【上海电气汽轮机】 衬套\F195.28.01.07</t>
  </si>
  <si>
    <t>【上海电气汽轮机】 外轴瓦\F195.28.01.09G01</t>
  </si>
  <si>
    <t>【上海电气汽轮机】 平键\F195.28.01.11</t>
  </si>
  <si>
    <t>【上海电气汽轮机】 转换接头\F195.28.01.12</t>
  </si>
  <si>
    <t>【上海电气汽轮机】 连接螺母\F195.30.41.05G01</t>
  </si>
  <si>
    <t>【上海电气汽轮机】 圆柱销\F195.30.41.11</t>
  </si>
  <si>
    <t>【上海电气汽轮机】 螺纹插管\F195.30.41.12G01</t>
  </si>
  <si>
    <t>【上海电气汽轮机】 螺纹塞\F195.30.41.13G01</t>
  </si>
  <si>
    <t>【上海电气汽轮机】 垫片\F195.30.41.14</t>
  </si>
  <si>
    <t>【上海电气汽轮机】 衬套\F195.30.41.16</t>
  </si>
  <si>
    <t>【上海电气汽轮机】 双头螺柱\F195.30.41.17</t>
  </si>
  <si>
    <t>【上海电气汽轮机】 衬套\F195.30.41.18</t>
  </si>
  <si>
    <t>【上海电气汽轮机】 阀碟\F195.30.41.23G01</t>
  </si>
  <si>
    <t>【上海电气汽轮机】 阀杆\F195.30.41.24G01</t>
  </si>
  <si>
    <t>【上海电气汽轮机】 套筒\F195.30.41.25G01</t>
  </si>
  <si>
    <t>【上海电气汽轮机】 螺纹环\F195.30.41.26G01</t>
  </si>
  <si>
    <t>【上海电气汽轮机】 阀座\F195.30.41.27G01</t>
  </si>
  <si>
    <t>【上海电气汽轮机】 衬套\F195.30.41.28</t>
  </si>
  <si>
    <t>【上海电气汽轮机】 环\F195.30.41.29</t>
  </si>
  <si>
    <t>【上海电气汽轮机】 螺纹环\F195.30.41.31G01</t>
  </si>
  <si>
    <t>【上海电气汽轮机】 止转块\F195.30.41.32</t>
  </si>
  <si>
    <t>【上海电气汽轮机】 阀杆衬套\F195.30.41.33</t>
  </si>
  <si>
    <t>【上海电气汽轮机】 阀杆衬套\F195.30.41.34</t>
  </si>
  <si>
    <t>【上海电气汽轮机】 盖板\F195.30.41.36</t>
  </si>
  <si>
    <t>【上海电气汽轮机】 压板\F195.30.41.37</t>
  </si>
  <si>
    <t>【上海电气汽轮机】 螺纹环\F195.30.41.38G01</t>
  </si>
  <si>
    <t>【上海电气汽轮机】 密封环\F195.30.41.39</t>
  </si>
  <si>
    <t>【上海电气汽轮机】 阀杆螺母\F195.30.41.45</t>
  </si>
  <si>
    <t>【上海电气汽轮机】 垫块\F195.30.41.46</t>
  </si>
  <si>
    <t>【上海电气汽轮机】 止转块\F195.30.41.49</t>
  </si>
  <si>
    <t>【上海电气汽轮机】 环\F195.30.41.52</t>
  </si>
  <si>
    <t>【上海电气汽轮机】 支撑杆\F195.30.41.53</t>
  </si>
  <si>
    <t>【上海电气汽轮机】 环\F195.30.41.54</t>
  </si>
  <si>
    <t>【上海电气汽轮机】 加强环\F195.30.41.55</t>
  </si>
  <si>
    <t>【上海电气汽轮机】 环\F195.30.41.56</t>
  </si>
  <si>
    <t>【上海电气汽轮机】 阀杆阀碟\F195.30.41.59G01</t>
  </si>
  <si>
    <t>【上海电气汽轮机】 衬套\F195.30.41.60</t>
  </si>
  <si>
    <t>【上海电气汽轮机】 环\F195.30.41.61G01</t>
  </si>
  <si>
    <t>【上海电气汽轮机】 螺纹环\F195.30.41.63G01</t>
  </si>
  <si>
    <t>【上海电气汽轮机】 阀杆衬套\F195.30.41.65</t>
  </si>
  <si>
    <t>【上海电气汽轮机】 盖板\F195.30.41.67</t>
  </si>
  <si>
    <t>【上海电气汽轮机】 压板\F195.30.41.68</t>
  </si>
  <si>
    <t>【上海电气汽轮机】 固定块\F195.30.41.69</t>
  </si>
  <si>
    <t>【上海电气汽轮机】 螺纹环\F195.30.41.70G01</t>
  </si>
  <si>
    <t>【上海电气汽轮机】 密封环\F195.30.41.71</t>
  </si>
  <si>
    <t>【上海电气汽轮机】 阀杆螺母\F195.30.41.74</t>
  </si>
  <si>
    <t>【上海电气汽轮机】 控制板\F195.30.41.75</t>
  </si>
  <si>
    <t>【上海电气汽轮机】 螺纹环\F195.30.60.04G01</t>
  </si>
  <si>
    <t>【上海电气汽轮机】 双头螺柱\F195.30.60.05</t>
  </si>
  <si>
    <t>【上海电气汽轮机】 衬套\F195.30.60.07</t>
  </si>
  <si>
    <t>【上海电气汽轮机】 环\F195.30.60.08</t>
  </si>
  <si>
    <t>【上海电气汽轮机】 衬套\F195.30.60.11</t>
  </si>
  <si>
    <t>【上海电气汽轮机】 密封环\F195.30.60.15</t>
  </si>
  <si>
    <t>【上海电气汽轮机】 阀盖侧环\F195.30.60.22</t>
  </si>
  <si>
    <t>【上海电气汽轮机】 杆\F195.30.60.23</t>
  </si>
  <si>
    <t>【上海电气汽轮机】 阀壳侧环\F195.30.60.24</t>
  </si>
  <si>
    <t>【上海电气汽轮机】 支撑环\F195.30.60.25</t>
  </si>
  <si>
    <t>【上海电气汽轮机】 环\F195.30.60.26</t>
  </si>
  <si>
    <t>【上海电气汽轮机】 环\F195.30.60.27</t>
  </si>
  <si>
    <t>【上海电气汽轮机】 垫片\F195.30.60.30</t>
  </si>
  <si>
    <t>【上海电气汽轮机】 衬套\F195.30.60.31</t>
  </si>
  <si>
    <t>【上海电气汽轮机】 环\F195.30.60.32</t>
  </si>
  <si>
    <t>【上海电气汽轮机】 衬套\F195.30.60.36</t>
  </si>
  <si>
    <t>【上海电气汽轮机】 盖子\F195.30.60.38</t>
  </si>
  <si>
    <t>【上海电气汽轮机】 衬套\F195.30.60.39</t>
  </si>
  <si>
    <t>【上海电气汽轮机】 密封环\F195.30.60.40</t>
  </si>
  <si>
    <t>【上海电气汽轮机】 阀杆螺母\F195.30.60.41</t>
  </si>
  <si>
    <t>【上海电气汽轮机】 螺纹插管\F195.30.60.42G01</t>
  </si>
  <si>
    <t>【上海电气汽轮机】 阀杆衬套\F195.30.60.43</t>
  </si>
  <si>
    <t>【上海电气汽轮机】 双头螺柱\F195.34.30.13</t>
  </si>
  <si>
    <t>【上海电气汽轮机】 阀套\F195.34.30.15G01</t>
  </si>
  <si>
    <t>【上海电气汽轮机】 阀杆\F195.34.30.16G01</t>
  </si>
  <si>
    <t>【上海电气汽轮机】 套筒\F195.34.30.17</t>
  </si>
  <si>
    <t>【上海电气汽轮机】 环\F195.34.30.18G01</t>
  </si>
  <si>
    <t>【上海电气汽轮机】 套筒\F195.34.30.19</t>
  </si>
  <si>
    <t>【上海电气汽轮机】 带螺纹环\F195.34.30.20G01</t>
  </si>
  <si>
    <t>【上海电气汽轮机】 垫片\F195.34.30.21</t>
  </si>
  <si>
    <t>【上海电气汽轮机】 套筒\F195.34.30.22</t>
  </si>
  <si>
    <t>【上海电气汽轮机】 密封环\F195.34.30.23</t>
  </si>
  <si>
    <t>【上海电气汽轮机】 套筒\F195.34.30.24</t>
  </si>
  <si>
    <t>【上海电气汽轮机】 套筒\F195.34.30.25</t>
  </si>
  <si>
    <t>【上海电气汽轮机】 盖板\F195.34.30.26</t>
  </si>
  <si>
    <t>【上海电气汽轮机】 套筒\F195.34.30.27</t>
  </si>
  <si>
    <t>【上海电气汽轮机】 螺纹套筒\F195.34.30.28G01</t>
  </si>
  <si>
    <t>【上海电气汽轮机】 密封环\F195.34.30.29</t>
  </si>
  <si>
    <t>【上海电气汽轮机】 填充件\F195.34.30.32</t>
  </si>
  <si>
    <t>【上海电气汽轮机】 螺母\F195.34.30.35</t>
  </si>
  <si>
    <t>【上海电气汽轮机】 垫片\F195.34.30.36</t>
  </si>
  <si>
    <t>【上海电气汽轮机】 垫片\F195.34.30.38</t>
  </si>
  <si>
    <t>【上海电气汽轮机】 垫片\F195.60.22.11</t>
  </si>
  <si>
    <t>【上海电气汽轮机】 六角头螺栓\F195.60.22.68</t>
  </si>
  <si>
    <t>【上海电气汽轮机】 六角头螺栓\S1030.11-M12X35</t>
  </si>
  <si>
    <t>【上海电气汽轮机】 六角头螺栓\S1030.11-M16X50</t>
  </si>
  <si>
    <t>【上海电气汽轮机】 六角头螺栓\S1030.18-M42X60</t>
  </si>
  <si>
    <t>【上海电气汽轮机】 六角头螺栓\S1030.1-M20X30</t>
  </si>
  <si>
    <t>【上海电气汽轮机】 六角头螺栓\S1030.1-M30X250</t>
  </si>
  <si>
    <t>【上海电气汽轮机】 六角头螺栓\S1030.2-M16X70</t>
  </si>
  <si>
    <t>【上海电气汽轮机】 六角头螺栓\S1030.2-M20X70</t>
  </si>
  <si>
    <t>【上海电气汽轮机】 六角头螺栓\S1030.2-M24X100</t>
  </si>
  <si>
    <t>【上海电气汽轮机】 六角头螺栓\S1030.2-M24X50</t>
  </si>
  <si>
    <t>【上海电气汽轮机】 六角头螺栓\S1030.2-M27X65</t>
  </si>
  <si>
    <t>【上海电气汽轮机】 六角头螺栓\S1030.2-M36X150</t>
  </si>
  <si>
    <t>【上海电气汽轮机】 六角头螺栓\S1030.2-M48X100</t>
  </si>
  <si>
    <t>【上海电气汽轮机】 六角头螺栓\S1030.2-M8X25</t>
  </si>
  <si>
    <t>【上海电气汽轮机】 六角头螺栓\S1030.3-M10X16</t>
  </si>
  <si>
    <t>【上海电气汽轮机】 六角头螺栓\S1030.3-M10X20</t>
  </si>
  <si>
    <t>【上海电气汽轮机】 六角头螺栓\S1030.3-M10X30</t>
  </si>
  <si>
    <t>【上海电气汽轮机】 六角头螺栓\S1030.3-M10X35</t>
  </si>
  <si>
    <t>【上海电气汽轮机】 六角头螺栓\S1030.3-M10X75</t>
  </si>
  <si>
    <t>【上海电气汽轮机】 六角头螺栓\S1030.3-M12X100</t>
  </si>
  <si>
    <t>【上海电气汽轮机】 六角头螺栓\S1030.3-M12X140</t>
  </si>
  <si>
    <t>【上海电气汽轮机】 六角头螺栓\S1030.3-M12X25</t>
  </si>
  <si>
    <t>【上海电气汽轮机】 六角头螺栓\S1030.3-M12X30</t>
  </si>
  <si>
    <t>【上海电气汽轮机】 六角头螺栓\S1030.3-M12X35</t>
  </si>
  <si>
    <t>【上海电气汽轮机】 六角头螺栓\S1030.3-M12X40</t>
  </si>
  <si>
    <t>【上海电气汽轮机】 六角头螺栓\S1030.3-M12X50</t>
  </si>
  <si>
    <t>【上海电气汽轮机】 六角头螺栓\S1030.3-M16X30</t>
  </si>
  <si>
    <t>【上海电气汽轮机】 六角头螺栓\S1030.3-M16X35</t>
  </si>
  <si>
    <t>【上海电气汽轮机】 六角头螺栓\S1030.3-M16X40</t>
  </si>
  <si>
    <t>【上海电气汽轮机】 六角头螺栓\S1030.3-M16X55</t>
  </si>
  <si>
    <t>【上海电气汽轮机】 六角头螺栓\S1030.3-M16X60</t>
  </si>
  <si>
    <t>【上海电气汽轮机】 六角头螺栓\S1030.3-M16X65</t>
  </si>
  <si>
    <t>【上海电气汽轮机】 六角头螺栓\S1030.3-M16X75</t>
  </si>
  <si>
    <t>【上海电气汽轮机】 六角头螺栓\S1030.3-M20X100</t>
  </si>
  <si>
    <t>【上海电气汽轮机】 六角头螺栓\S1030.3-M20X50</t>
  </si>
  <si>
    <t>【上海电气汽轮机】 六角头螺栓\S1030.3-M20X60</t>
  </si>
  <si>
    <t>【上海电气汽轮机】 六角头螺栓\S1030.3-M20X65</t>
  </si>
  <si>
    <t>【上海电气汽轮机】 六角头螺栓\S1030.3-M20X75</t>
  </si>
  <si>
    <t>【上海电气汽轮机】 六角头螺栓\S1030.3-M24X140</t>
  </si>
  <si>
    <t>【上海电气汽轮机】 六角头螺栓\S1030.3-M24X50</t>
  </si>
  <si>
    <t>【上海电气汽轮机】 六角头螺栓\S1030.3-M24X70</t>
  </si>
  <si>
    <t>【上海电气汽轮机】 六角头螺栓\S1030.3-M24X85</t>
  </si>
  <si>
    <t>【上海电气汽轮机】 六角头螺栓\S1030.3-M24X90</t>
  </si>
  <si>
    <t>【上海电气汽轮机】 六角头螺栓\S1030.3-M30X100</t>
  </si>
  <si>
    <t>【上海电气汽轮机】 六角头螺栓\S1030.3-M30X120</t>
  </si>
  <si>
    <t>【上海电气汽轮机】 六角头螺栓\S1030.3-M30X430</t>
  </si>
  <si>
    <t>【上海电气汽轮机】 六角头螺栓\S1030.3-M30X85</t>
  </si>
  <si>
    <t>【上海电气汽轮机】 六角头螺栓\S1030.3-M30X90</t>
  </si>
  <si>
    <t>【上海电气汽轮机】 六角头螺栓\S1030.3-M36X140</t>
  </si>
  <si>
    <t>【上海电气汽轮机】 六角头螺栓\S1030.3-M36X30</t>
  </si>
  <si>
    <t>【上海电气汽轮机】 六角头螺栓\S1030.3-M36X70</t>
  </si>
  <si>
    <t>【上海电气汽轮机】 六角头螺栓\S1030.3-M4X20</t>
  </si>
  <si>
    <t>【上海电气汽轮机】 六角头螺栓\S1030.3-M6X12</t>
  </si>
  <si>
    <t>【上海电气汽轮机】 六角头螺栓\S1030.3-M8X12</t>
  </si>
  <si>
    <t>【上海电气汽轮机】 六角头螺栓\S1030.3-M8X16</t>
  </si>
  <si>
    <t>【上海电气汽轮机】 六角头螺栓\S1030.3-M8X20</t>
  </si>
  <si>
    <t>【上海电气汽轮机】 六角头螺栓\S1030.3-M8X60</t>
  </si>
  <si>
    <t>【上海电气汽轮机】 六角头螺栓\S1030.4-M16X40</t>
  </si>
  <si>
    <t>【上海电气汽轮机】 六角头螺栓\S1030.4-M30X60</t>
  </si>
  <si>
    <t>【上海电气汽轮机】 六角头螺栓\S1030.4-M8X25</t>
  </si>
  <si>
    <t>【上海电气汽轮机】 六角头螺栓\S1030.5-M8X25</t>
  </si>
  <si>
    <t>【上海电气汽轮机】 六角头螺栓\S1030.7-M12X100</t>
  </si>
  <si>
    <t>【上海电气汽轮机】 六角头螺栓\S1030.9-M30X60</t>
  </si>
  <si>
    <t>【上海电气汽轮机】 六角头螺栓\S1031.1-M90X6X120</t>
  </si>
  <si>
    <t>【上海电气汽轮机】 导向螺栓\S1032.1-M24X1550</t>
  </si>
  <si>
    <t>【上海电气汽轮机】 螺栓\S1041.3-M16X90</t>
  </si>
  <si>
    <t>【上海电气汽轮机】 双头螺栓\S1043.2-M12X50</t>
  </si>
  <si>
    <t>【上海电气汽轮机】 双头螺栓\S1043.2-M16X60</t>
  </si>
  <si>
    <t>【上海电气汽轮机】 双头螺栓\S1043.2-M16X80</t>
  </si>
  <si>
    <t>【上海电气汽轮机】 双头螺栓\S1043.2-M20X80</t>
  </si>
  <si>
    <t>【上海电气汽轮机】 双头螺栓\S1043.2-M24X120</t>
  </si>
  <si>
    <t>【上海电气汽轮机】 双头螺栓\S1043.2-M30X145</t>
  </si>
  <si>
    <t>【上海电气汽轮机】 双头螺栓\S1043.4-M16X90</t>
  </si>
  <si>
    <t>【上海电气汽轮机】 双头螺栓\S1043.4-M20X95</t>
  </si>
  <si>
    <t>【上海电气汽轮机】 双头螺栓\S1043.4-M24X110</t>
  </si>
  <si>
    <t>【上海电气汽轮机】 双头螺柱\S1043.5-M16X65</t>
  </si>
  <si>
    <t>【上海电气汽轮机】 双头螺柱\S1043.6-M12X50</t>
  </si>
  <si>
    <t>【上海电气汽轮机】 顶起螺栓\S1047.1-M36X10X375</t>
  </si>
  <si>
    <t>【上海电气汽轮机】 内六角螺钉\S1050.3-M10X25</t>
  </si>
  <si>
    <t>【上海电气汽轮机】 内六角螺钉\S1050.3-M12X25</t>
  </si>
  <si>
    <t>【上海电气汽轮机】 内六角螺钉\S1050.3-M4X10</t>
  </si>
  <si>
    <t>【上海电气汽轮机】 内六角螺钉\S1050.3-M8X16</t>
  </si>
  <si>
    <t>【上海电气汽轮机】 内六角螺钉\S1050.3-M8X20</t>
  </si>
  <si>
    <t>【上海电气汽轮机】 内六角螺钉\S1050.4-M10X35</t>
  </si>
  <si>
    <t>【上海电气汽轮机】 内六角螺钉\S1050.4-M20X60</t>
  </si>
  <si>
    <t>【上海电气汽轮机】 内六角螺钉\S1050.4-M20X65</t>
  </si>
  <si>
    <t>【上海电气汽轮机】 内六角螺钉\S1050.6-M20X65</t>
  </si>
  <si>
    <t>【上海电气汽轮机】 内六角螺钉\S1052.3-M10X20</t>
  </si>
  <si>
    <t>【上海电气汽轮机】 内六角螺钉\S1052.3-M10X30</t>
  </si>
  <si>
    <t>【上海电气汽轮机】 内六角螺钉\S1052.3-M10X35</t>
  </si>
  <si>
    <t>【上海电气汽轮机】 内六角头螺钉\S1052.3-M10X50</t>
  </si>
  <si>
    <t>【上海电气汽轮机】 内六角螺钉\S1052.3-M10X90</t>
  </si>
  <si>
    <t>【上海电气汽轮机】 内六角螺钉\S1052.3-M12X50</t>
  </si>
  <si>
    <t>【上海电气汽轮机】 内六角螺钉\S1052.3-M16X130</t>
  </si>
  <si>
    <t>【上海电气汽轮机】 内六角螺钉\S1052.3-M16X160</t>
  </si>
  <si>
    <t>【上海电气汽轮机】 内六角螺钉\S1052.3-M16X35</t>
  </si>
  <si>
    <t>【上海电气汽轮机】 内六角螺钉\S1052.3-M16X40</t>
  </si>
  <si>
    <t>【上海电气汽轮机】 内六角螺钉\S1052.3-M16X45</t>
  </si>
  <si>
    <t>【上海电气汽轮机】 内六角螺钉\S1052.3-M16X50</t>
  </si>
  <si>
    <t>【上海电气汽轮机】 内六角螺钉\S1052.3-M16X55</t>
  </si>
  <si>
    <t>【上海电气汽轮机】 内六角螺钉\S1052.3-M16X60</t>
  </si>
  <si>
    <t>【上海电气汽轮机】 内六角螺钉\S1052.3-M16X70</t>
  </si>
  <si>
    <t>【上海电气汽轮机】 内六角螺钉\S1052.3-M20X40</t>
  </si>
  <si>
    <t>【上海电气汽轮机】 内六角螺钉\S1052.3-M20X80</t>
  </si>
  <si>
    <t>【上海电气汽轮机】 内六角螺钉\S1052.3-M24X150</t>
  </si>
  <si>
    <t>【上海电气汽轮机】 内六角螺钉\S1052.3-M24X90</t>
  </si>
  <si>
    <t>【上海电气汽轮机】 内六角螺钉\S1052.3-M30X90</t>
  </si>
  <si>
    <t>【上海电气汽轮机】 内六角螺钉\S1052.3-M36X100</t>
  </si>
  <si>
    <t>【上海电气汽轮机】 内六角螺钉\S1052.3-M42X160</t>
  </si>
  <si>
    <t>【上海电气汽轮机】 内六角螺钉\S1052.3-M48X140</t>
  </si>
  <si>
    <t>【上海电气汽轮机】 内六角螺钉\S1052.3-M5X20</t>
  </si>
  <si>
    <t>【上海电气汽轮机】 内六角螺钉\S1052.3-M6X20</t>
  </si>
  <si>
    <t>【上海电气汽轮机】 内六角螺钉\S1052.3-M6X30</t>
  </si>
  <si>
    <t>【上海电气汽轮机】 内六角螺钉\S1052.3-M8X18</t>
  </si>
  <si>
    <t>【上海电气汽轮机】 内六角螺钉\S1052.3-M8X20</t>
  </si>
  <si>
    <t>【上海电气汽轮机】 内六角螺钉\S1052.3-M8X25</t>
  </si>
  <si>
    <t>【上海电气汽轮机】 内六角螺钉\S1052.3-M8X35</t>
  </si>
  <si>
    <t>【上海电气汽轮机】 内六角螺钉\S1052.4-M10X20</t>
  </si>
  <si>
    <t>【上海电气汽轮机】 内六角螺钉\S1052.5-M20X130</t>
  </si>
  <si>
    <t>【上海电气汽轮机】 内六角螺钉\S1052.6-M16X45</t>
  </si>
  <si>
    <t>【上海电气汽轮机】 内六角螺钉\S1052.7-M10X50</t>
  </si>
  <si>
    <t>【上海电气汽轮机】 内六角螺钉\S1052.7-M8X16</t>
  </si>
  <si>
    <t>【上海电气汽轮机】 内六角螺钉\S1052.8-M12X40</t>
  </si>
  <si>
    <t>【上海电气汽轮机】 沉头螺钉\S1053.3-M6X12</t>
  </si>
  <si>
    <t>【上海电气汽轮机】 沉头螺钉\S1053.3-M8X25</t>
  </si>
  <si>
    <t>【上海电气汽轮机】 沉头螺钉\S1053.4-M6X16</t>
  </si>
  <si>
    <t>【上海电气汽轮机】 沉头螺钉\S1053.5-M6X16</t>
  </si>
  <si>
    <t>【上海电气汽轮机】 螺塞\S1055.2-M18X1.5</t>
  </si>
  <si>
    <t>【上海电气汽轮机】 螺塞\S1056.1-M42X1.5</t>
  </si>
  <si>
    <t>【上海电气汽轮机】 螺塞\S1056.2-M22X1.5</t>
  </si>
  <si>
    <t>【上海电气汽轮机】 螺塞\S1057.2-G0.5"</t>
  </si>
  <si>
    <t>【上海电气汽轮机】 螺塞\S1057.2-G1"</t>
  </si>
  <si>
    <t>【上海电气汽轮机】 螺塞\S1057.3-G0.5"</t>
  </si>
  <si>
    <t>【上海电气汽轮机】 螺塞\S1058.1-M24</t>
  </si>
  <si>
    <t>【上海电气汽轮机】 螺塞\S1058.2-M10</t>
  </si>
  <si>
    <t>【上海电气汽轮机】 螺塞\S1058.3-M10</t>
  </si>
  <si>
    <t>【上海电气汽轮机】 螺塞\S1059.1-M56X61</t>
  </si>
  <si>
    <t>【上海电气汽轮机】 螺塞\S1059.1-M72X6X77</t>
  </si>
  <si>
    <t>【上海电气汽轮机】 螺塞\S1059.2-M36X46</t>
  </si>
  <si>
    <t>【上海电气汽轮机】 螺塞\S1059.2-M72X6X77</t>
  </si>
  <si>
    <t>【上海电气汽轮机】 圆柱端紧定螺钉\S1060.1-M24X140</t>
  </si>
  <si>
    <t>【上海电气汽轮机】 圆柱端紧定螺钉\S1060.1-M42X160</t>
  </si>
  <si>
    <t>【上海电气汽轮机】 圆柱端紧定螺钉\S1060.3-M16X60</t>
  </si>
  <si>
    <t>【上海电气汽轮机】 圆柱端紧定螺钉\S1060.3-M16X70</t>
  </si>
  <si>
    <t>【上海电气汽轮机】 圆柱端紧定螺钉\S1060.3-M24X100</t>
  </si>
  <si>
    <t>【上海电气汽轮机】 圆柱端紧定螺钉\S1060.3-M24X120</t>
  </si>
  <si>
    <t>【上海电气汽轮机】 圆柱端紧定螺钉\S1060.3-M30X160</t>
  </si>
  <si>
    <t>【上海电气汽轮机】 圆柱端紧定螺钉\S1060.3-M36X160</t>
  </si>
  <si>
    <t>【上海电气汽轮机】 平端紧定螺钉\S1063.1-M10X20</t>
  </si>
  <si>
    <t>【上海电气汽轮机】 平端紧定螺钉\S1063.1-M12X20</t>
  </si>
  <si>
    <t>【上海电气汽轮机】 平端紧定螺钉\S1063.1-M20X30</t>
  </si>
  <si>
    <t>【上海电气汽轮机】 平端紧定螺钉\S1063.2-M12X25</t>
  </si>
  <si>
    <t>【上海电气汽轮机】 平端紧定螺钉\S1063.4-M12X20</t>
  </si>
  <si>
    <t>【上海电气汽轮机】 平端紧定螺钉\S1063.4-M16X40</t>
  </si>
  <si>
    <t>【上海电气汽轮机】 平端紧定螺钉\S1063.4-M8X12</t>
  </si>
  <si>
    <t>【上海电气汽轮机】 平端紧定螺钉\S1063.6-M12X20</t>
  </si>
  <si>
    <t>【上海电气汽轮机】 圆柱端紧定螺钉\S1064.1-M12X35</t>
  </si>
  <si>
    <t>【上海电气汽轮机】 圆柱端紧定螺钉\S1064.2-M8X30</t>
  </si>
  <si>
    <t>【上海电气汽轮机】 锥端紧定螺钉\S1066.3-M6X16</t>
  </si>
  <si>
    <t>【上海电气汽轮机】 锥端紧定螺钉\S1066.4-M10X45</t>
  </si>
  <si>
    <t>【上海电气汽轮机】 锥端紧定螺钉\S1066.4-M6X12</t>
  </si>
  <si>
    <t>【上海电气汽轮机】 六角头螺栓\S1130.1-M48X300</t>
  </si>
  <si>
    <t>【上海电气汽轮机】 六角头螺栓\S1130.4-M30X180</t>
  </si>
  <si>
    <t>【上海电气汽轮机】 六角头螺栓\S1131.3-M12X120</t>
  </si>
  <si>
    <t>【上海电气汽轮机】 六角头螺栓\S1131.3-M12X90</t>
  </si>
  <si>
    <t>【上海电气汽轮机】 六角螺母\S1200.1-M30</t>
  </si>
  <si>
    <t>【上海电气汽轮机】 六角螺母\S1200.2-M36</t>
  </si>
  <si>
    <t>【上海电气汽轮机】 六角螺母\S1200.3-M12</t>
  </si>
  <si>
    <t>【上海电气汽轮机】 六角螺母\S1200.3-M20</t>
  </si>
  <si>
    <t>【上海电气汽轮机】 六角螺母\S1200.3-M24</t>
  </si>
  <si>
    <t>【上海电气汽轮机】 六角螺母\S1200.3-M30</t>
  </si>
  <si>
    <t>【上海电气汽轮机】 六角螺母\S1200.3-M36</t>
  </si>
  <si>
    <t>【上海电气汽轮机】 六角螺母\S1200.3-M4</t>
  </si>
  <si>
    <t>【上海电气汽轮机】 六角螺母\S1200.3-M48</t>
  </si>
  <si>
    <t>【上海电气汽轮机】 六角螺母\S1200.3-M56</t>
  </si>
  <si>
    <t>【上海电气汽轮机】 六角螺母\S1200.3-M8</t>
  </si>
  <si>
    <t>【上海电气汽轮机】 六角螺母\S1200.5-M12</t>
  </si>
  <si>
    <t>【上海电气汽轮机】 六角螺母\S1200.5-M16</t>
  </si>
  <si>
    <t>【上海电气汽轮机】 六角螺母\S1200.5-M24</t>
  </si>
  <si>
    <t>【上海电气汽轮机】 六角螺母\S1200.5-M30</t>
  </si>
  <si>
    <t>【上海电气汽轮机】 六角螺母\S1200.8-M12</t>
  </si>
  <si>
    <t>【上海电气汽轮机】 六角螺母\S1200.8-M16</t>
  </si>
  <si>
    <t>【上海电气汽轮机】 六角螺母\S1200.8-M20</t>
  </si>
  <si>
    <t>【上海电气汽轮机】 六角螺母\S1200.8-M24</t>
  </si>
  <si>
    <t>【上海电气汽轮机】 六角螺母\S1200.8-M30</t>
  </si>
  <si>
    <t>【上海电气汽轮机】 六角螺母\S1201.2-M42</t>
  </si>
  <si>
    <t>【上海电气汽轮机】 六角螺母\S1202.3-M30X1.5</t>
  </si>
  <si>
    <t>【上海电气汽轮机】 六角螺母\S1203.2-M12</t>
  </si>
  <si>
    <t>【上海电气汽轮机】 六角螺母\S1203.2-M8</t>
  </si>
  <si>
    <t>【上海电气汽轮机】 六角螺母\S1205.1-M80X6</t>
  </si>
  <si>
    <t>【上海电气汽轮机】 罩螺母\S1208.2-M110X6</t>
  </si>
  <si>
    <t>【上海电气汽轮机】 罩螺母\S1208.2-M120X6</t>
  </si>
  <si>
    <t>【上海电气汽轮机】 罩螺母\S1208.2-M140X8</t>
  </si>
  <si>
    <t>【上海电气汽轮机】 罩螺母\S1208.2-M42</t>
  </si>
  <si>
    <t>【上海电气汽轮机】 罩螺母\S1208.2-M48</t>
  </si>
  <si>
    <t>【上海电气汽轮机】 罩螺母\S1208.2-M72X6</t>
  </si>
  <si>
    <t>【上海电气汽轮机】 罩螺母\S1208.2-M80X6</t>
  </si>
  <si>
    <t>【上海电气汽轮机】 罩螺母\S1208.2-M90X6</t>
  </si>
  <si>
    <t>【上海电气汽轮机】 罩螺母\S1208.4-M100X6</t>
  </si>
  <si>
    <t>【上海电气汽轮机】 罩螺母\S1208.4-M110X6</t>
  </si>
  <si>
    <t>【上海电气汽轮机】 罩螺母\S1208.4-M120X6</t>
  </si>
  <si>
    <t>【上海电气汽轮机】 罩螺母\S1208.4-M130X8</t>
  </si>
  <si>
    <t>【上海电气汽轮机】 罩螺母\S1208.4-M140X8</t>
  </si>
  <si>
    <t>【上海电气汽轮机】 罩螺母\S1208.4-M42</t>
  </si>
  <si>
    <t>【上海电气汽轮机】 罩螺母\S1208.4-M80X6</t>
  </si>
  <si>
    <t>【上海电气汽轮机】 罩螺母\S1208.4-M90X6</t>
  </si>
  <si>
    <t>【上海电气汽轮机】 罩螺母\S1208.5-M100X6</t>
  </si>
  <si>
    <t>【上海电气汽轮机】 罩螺母\S1208.5-M110X6</t>
  </si>
  <si>
    <t>【上海电气汽轮机】 罩螺母\S1212.2-M30</t>
  </si>
  <si>
    <t>【上海电气汽轮机】 罩螺母\S1212.2-M36</t>
  </si>
  <si>
    <t>【上海电气汽轮机】 罩螺母\S1212.2-M42</t>
  </si>
  <si>
    <t>【上海电气汽轮机】 罩螺母\S1212.2-M48</t>
  </si>
  <si>
    <t>【上海电气汽轮机】 罩螺母\S1212.2-M52</t>
  </si>
  <si>
    <t>【上海电气汽轮机】 罩螺母\S1212.4-M33</t>
  </si>
  <si>
    <t>【上海电气汽轮机】 罩螺母\S1212.4-M39</t>
  </si>
  <si>
    <t>【上海电气汽轮机】 罩螺母\S1212.5-M48</t>
  </si>
  <si>
    <t>【上海电气汽轮机】 罩螺母\S1213.2-M64X97</t>
  </si>
  <si>
    <t>【上海电气汽轮机】 圆螺母\S1216.1-M55X2</t>
  </si>
  <si>
    <t>【上海电气汽轮机】 凸缘六角螺母\S1230.1-M30</t>
  </si>
  <si>
    <t>【上海电气汽轮机】 凸缘六角螺母\S1230.1-M36</t>
  </si>
  <si>
    <t>【上海电气汽轮机】 凸缘六角螺母\S1230.4-M30</t>
  </si>
  <si>
    <t>【上海电气汽轮机】 凸缘六角螺母\S1231.1-M36XM6</t>
  </si>
  <si>
    <t>【上海电气汽轮机】 垫圈\S1300.1-31</t>
  </si>
  <si>
    <t>【上海电气汽轮机】 垫圈\S1301.1-16</t>
  </si>
  <si>
    <t>【上海电气汽轮机】 垫圈\S1302.1-10</t>
  </si>
  <si>
    <t>【上海电气汽轮机】 汽封环垫片\S1304.1-10X14</t>
  </si>
  <si>
    <t>【上海电气汽轮机】 密封垫片\S1304.1-21X28</t>
  </si>
  <si>
    <t>【上海电气汽轮机】 汽封环垫片\S1304.1-22X27</t>
  </si>
  <si>
    <t>【上海电气汽轮机】 汽封环垫片\S1304.1-27X32</t>
  </si>
  <si>
    <t>【上海电气汽轮机】 汽封环垫片\S1304.1-42X49</t>
  </si>
  <si>
    <t>【上海电气汽轮机】 密封垫片\S1304.2-10X14</t>
  </si>
  <si>
    <t>【上海电气汽轮机】 汽封环\S1305.1-70.5</t>
  </si>
  <si>
    <t>【上海电气汽轮机】 汽封环\S1305.1-80.5</t>
  </si>
  <si>
    <t>【上海电气汽轮机】 锁紧垫片\S1308.1-37</t>
  </si>
  <si>
    <t>【上海电气汽轮机】 锁紧垫片\S1316.2-13</t>
  </si>
  <si>
    <t>【上海电气汽轮机】 锁紧垫片\S1316.2-25</t>
  </si>
  <si>
    <t>【上海电气汽轮机】 锁紧垫片\S1316.2-40</t>
  </si>
  <si>
    <t>【上海电气汽轮机】 锁紧垫片\S1316.2-8.4</t>
  </si>
  <si>
    <t>【上海电气汽轮机】 锁紧垫片\S1316.3-13</t>
  </si>
  <si>
    <t>【上海电气汽轮机】 锁紧垫片\S1316.3-21</t>
  </si>
  <si>
    <t>【上海电气汽轮机】 锁紧垫片\S1316.3-28</t>
  </si>
  <si>
    <t>【上海电气汽轮机】 锁紧垫片\S1316.3-8.4</t>
  </si>
  <si>
    <t>【上海电气汽轮机】 垫片\S1331.1-21X32X3</t>
  </si>
  <si>
    <t>【上海电气汽轮机】 垫片\S1331.1-21X60X5</t>
  </si>
  <si>
    <t>【上海电气汽轮机】 垫片\S1340.1-RD240X15</t>
  </si>
  <si>
    <t>【上海电气汽轮机】 环\S1350.1-1060</t>
  </si>
  <si>
    <t>【上海电气汽轮机】 环\S1350.1-476</t>
  </si>
  <si>
    <t>【上海电气汽轮机】 键\S1411.1-18X11X54</t>
  </si>
  <si>
    <t>【上海电气汽轮机】 平键\S1412.1-50X45X130</t>
  </si>
  <si>
    <t>【上海电气汽轮机】 平键\S1412.1-50X45X250</t>
  </si>
  <si>
    <t>【上海电气汽轮机】 圆柱销\S1500.10-40X60</t>
  </si>
  <si>
    <t>【上海电气汽轮机】 圆柱销\S1500.11-20X110</t>
  </si>
  <si>
    <t>【上海电气汽轮机】 圆柱销\S1500.11-20X125</t>
  </si>
  <si>
    <t>【上海电气汽轮机】 圆柱销\S1500.1-16X30</t>
  </si>
  <si>
    <t>【上海电气汽轮机】 圆柱销\S1500.1-16X45</t>
  </si>
  <si>
    <t>【上海电气汽轮机】 圆柱销\S1500.13-6X10</t>
  </si>
  <si>
    <t>【上海电气汽轮机】 圆柱销\S1500.14-6X20</t>
  </si>
  <si>
    <t>【上海电气汽轮机】 圆柱销\S1500.14-6X24</t>
  </si>
  <si>
    <t>【上海电气汽轮机】 圆柱销\S1500.14-6X26</t>
  </si>
  <si>
    <t>【上海电气汽轮机】 圆柱销\S1500.18-16X100</t>
  </si>
  <si>
    <t>【上海电气汽轮机】 圆柱销\S1500.2-6X110</t>
  </si>
  <si>
    <t>【上海电气汽轮机】 圆柱销\S1500.27-16X100</t>
  </si>
  <si>
    <t>【上海电气汽轮机】 圆柱销\S1500.27-25X125</t>
  </si>
  <si>
    <t>【上海电气汽轮机】 圆柱销\S1500.3-16X90</t>
  </si>
  <si>
    <t>【上海电气汽轮机】 圆柱销\S1500.4-16X75</t>
  </si>
  <si>
    <t>【上海电气汽轮机】 圆柱销\S1500.4-6X10</t>
  </si>
  <si>
    <t>【上海电气汽轮机】 圆柱销\S1500.7-6X25</t>
  </si>
  <si>
    <t>【上海电气汽轮机】 圆柱销\S1500.8-20X35</t>
  </si>
  <si>
    <t>【上海电气汽轮机】 圆柱销\S1500.8-20X40</t>
  </si>
  <si>
    <t>【上海电气汽轮机】 圆柱销\S1503.2-27X128</t>
  </si>
  <si>
    <t>【上海电气汽轮机】 圆柱销\S1506.2-10X35</t>
  </si>
  <si>
    <t>【上海电气汽轮机】 圆柱销\S1506.2-10X50</t>
  </si>
  <si>
    <t>【上海电气汽轮机】 圆柱销\S1506.3-20X135</t>
  </si>
  <si>
    <t>【上海电气汽轮机】 圆柱销\S1506.5-10X95</t>
  </si>
  <si>
    <t>【上海电气汽轮机】 圆柱销\S1506.5-9X90</t>
  </si>
  <si>
    <t>【上海电气汽轮机】 圆柱销\S1506.5-9X95</t>
  </si>
  <si>
    <t>【上海电气汽轮机】 圆柱销\S1506.7-9X85</t>
  </si>
  <si>
    <t>【上海电气汽轮机】 圆柱销\S1506.7-9X90</t>
  </si>
  <si>
    <t>【上海电气汽轮机】 圆柱销\S1506.7-9X95</t>
  </si>
  <si>
    <t>【上海电气汽轮机】 圆柱销\S1507.3-40X125</t>
  </si>
  <si>
    <t>【上海电气汽轮机】 圆柱销\S1507.3-40X140</t>
  </si>
  <si>
    <t>【上海电气汽轮机】 圆柱销\S1508.2-16X60</t>
  </si>
  <si>
    <t>【上海电气汽轮机】 圆柱销\S1508.2-6X40</t>
  </si>
  <si>
    <t>【上海电气汽轮机】 圆柱销\S1509.1-20X230</t>
  </si>
  <si>
    <t>【上海电气汽轮机】 圆柱销\S1509.1-25X100</t>
  </si>
  <si>
    <t>【上海电气汽轮机】 圆柱销\S1509.1-25X160</t>
  </si>
  <si>
    <t>【上海电气汽轮机】 圆柱销\S1509.1-25X240</t>
  </si>
  <si>
    <t>【上海电气汽轮机】 圆柱销\S1509.1-25X260</t>
  </si>
  <si>
    <t>【上海电气汽轮机】 圆柱销\S1509.1-25X275</t>
  </si>
  <si>
    <t>【上海电气汽轮机】 圆柱销\S1509.1-25X290</t>
  </si>
  <si>
    <t>【上海电气汽轮机】 圆柱销\S1509.1-25X400</t>
  </si>
  <si>
    <t>【上海电气汽轮机】 圆柱销\S1509.1-25X435</t>
  </si>
  <si>
    <t>【上海电气汽轮机】 圆柱销\S1509.2-40X200</t>
  </si>
  <si>
    <t>【上海电气汽轮机】 圆柱销\S1509.2-40X300</t>
  </si>
  <si>
    <t>【上海电气汽轮机】 圆柱销\S1509.3-12X35</t>
  </si>
  <si>
    <t>【上海电气汽轮机】 圆柱销\S1509.4-20X120</t>
  </si>
  <si>
    <t>【上海电气汽轮机】 圆柱销\S1509.4-20X80</t>
  </si>
  <si>
    <t>【上海电气汽轮机】 圆柱销\S1509.5-16X20</t>
  </si>
  <si>
    <t>【上海电气汽轮机】 锥销\S1510.3-20X120</t>
  </si>
  <si>
    <t>【上海电气汽轮机】 锥销\S1512.1-25X140</t>
  </si>
  <si>
    <t>【上海电气汽轮机】 锥销\S1512.3-16X130</t>
  </si>
  <si>
    <t>【上海电气汽轮机】 锥销\S1512.3-25X140</t>
  </si>
  <si>
    <t>【上海电气汽轮机】 锥销\S1512.4-25X140</t>
  </si>
  <si>
    <t>【上海电气汽轮机】 锥销\S1512.4-30X320</t>
  </si>
  <si>
    <t>【上海电气汽轮机】 锥销\S1512.5-30X150</t>
  </si>
  <si>
    <t>【上海电气汽轮机】 锥销\S1514.11-40X355</t>
  </si>
  <si>
    <t>【上海电气汽轮机】 锥销\S1514.1-16X120</t>
  </si>
  <si>
    <t>【上海电气汽轮机】 锥销\S1514.2-40X405</t>
  </si>
  <si>
    <t>【上海电气汽轮机】 锥销\S1514.3-50X480</t>
  </si>
  <si>
    <t>【上海电气汽轮机】 双头螺柱\S1701.2-M42X225</t>
  </si>
  <si>
    <t>【上海电气汽轮机】 双头螺柱\S1702.12-M120X6X600</t>
  </si>
  <si>
    <t>【上海电气汽轮机】 双头螺柱\S1702.1-M72X6X325</t>
  </si>
  <si>
    <t>【上海电气汽轮机】 双头螺柱\S1702.1-M72X6X345</t>
  </si>
  <si>
    <t>【上海电气汽轮机】 双头螺柱\S1702.2-M64X265</t>
  </si>
  <si>
    <t>【上海电气汽轮机】 双头螺柱\S1702.2-M64X275</t>
  </si>
  <si>
    <t>【上海电气汽轮机】 双头螺柱\S1702.2-M72X6X320</t>
  </si>
  <si>
    <t>【上海电气汽轮机】 双头螺柱\S1702.2-M72X6X360</t>
  </si>
  <si>
    <t>【上海电气汽轮机】 双头螺柱\S1702.2-M80X6X425</t>
  </si>
  <si>
    <t>【上海电气汽轮机】 双头螺柱\S1702.2-M80X6X525</t>
  </si>
  <si>
    <t>【上海电气汽轮机】 双头螺柱\S1702.2-M90X6X545</t>
  </si>
  <si>
    <t>【上海电气汽轮机】 双头螺栓\S1702.3-M100X6X370</t>
  </si>
  <si>
    <t>【上海电气汽轮机】 双头螺栓\S1702.3-M110X6X415</t>
  </si>
  <si>
    <t>【上海电气汽轮机】 双头螺栓\S1702.3-M110X6X480</t>
  </si>
  <si>
    <t>【上海电气汽轮机】 双头螺栓\S1702.3-M110X6X530</t>
  </si>
  <si>
    <t>【上海电气汽轮机】 双头螺栓\S1702.3-M120X6X460</t>
  </si>
  <si>
    <t>【上海电气汽轮机】 双头螺栓\S1702.3-M130X8X535</t>
  </si>
  <si>
    <t>【上海电气汽轮机】 双头螺栓\S1702.3-M140X8X505</t>
  </si>
  <si>
    <t>【上海电气汽轮机】 双头螺栓\S1702.3-M72X6X365</t>
  </si>
  <si>
    <t>【上海电气汽轮机】 双头螺栓\S1702.3-M80X6X365</t>
  </si>
  <si>
    <t>【上海电气汽轮机】 双头螺栓\S1702.3-M90X6X375</t>
  </si>
  <si>
    <t>【上海电气汽轮机】 双头螺栓\S1702.3-M90X6X395</t>
  </si>
  <si>
    <t>【上海电气汽轮机】 双头螺栓\S1702.4-M120X6X660</t>
  </si>
  <si>
    <t>【上海电气汽轮机】 双头螺柱\S1702.4-M140X8X760</t>
  </si>
  <si>
    <t>【上海电气汽轮机】 双头螺栓\S1702.4-M90X6X495</t>
  </si>
  <si>
    <t>【上海电气汽轮机】 双头螺柱\S1703.2-M72X6X270</t>
  </si>
  <si>
    <t>【上海电气汽轮机】 双头螺柱\S1703.2-M72X6X305</t>
  </si>
  <si>
    <t>【上海电气汽轮机】 双头螺柱\S1703.3-M80X6X503</t>
  </si>
  <si>
    <t>【上海电气汽轮机】 双头螺柱\S1711.2-M33X200</t>
  </si>
  <si>
    <t>【上海电气汽轮机】 双头螺柱\S1711.2-M39X340</t>
  </si>
  <si>
    <t>【上海电气汽轮机】 双头螺柱\S1712.2-M30X190</t>
  </si>
  <si>
    <t>【上海电气汽轮机】 双头螺柱\S1712.2-M42X190</t>
  </si>
  <si>
    <t>【上海电气汽轮机】 双头螺柱\S1712.2-M42X210</t>
  </si>
  <si>
    <t>【上海电气汽轮机】 双头螺柱\S1712.2-M42X290</t>
  </si>
  <si>
    <t>【上海电气汽轮机】 双头螺柱\S1712.2-M48X255</t>
  </si>
  <si>
    <t>【上海电气汽轮机】 双头螺柱\S1712.2-M56X245</t>
  </si>
  <si>
    <t>【上海电气汽轮机】 双头螺柱\S1712.3-M30X125</t>
  </si>
  <si>
    <t>【上海电气汽轮机】 双头螺柱\S1712.3-M30X160</t>
  </si>
  <si>
    <t>【上海电气汽轮机】 双头螺柱\S1712.3-M36X160</t>
  </si>
  <si>
    <t>【上海电气汽轮机】 双头螺柱\S1712.3-M36X175</t>
  </si>
  <si>
    <t>【上海电气汽轮机】 双头螺柱\S1712.3-M42X180</t>
  </si>
  <si>
    <t>【上海电气汽轮机】 双头螺柱\S1712.3-M42X185</t>
  </si>
  <si>
    <t>【上海电气汽轮机】 双头螺柱\S1712.3-M42X195</t>
  </si>
  <si>
    <t>【上海电气汽轮机】 双头螺柱\S1712.3-M42X225</t>
  </si>
  <si>
    <t>【上海电气汽轮机】 双头螺柱\S1712.3-M48X205</t>
  </si>
  <si>
    <t>【上海电气汽轮机】 双头螺柱\S1712.3-M52X230</t>
  </si>
  <si>
    <t>【上海电气汽轮机】 双头螺柱\S1712.4-M42X185</t>
  </si>
  <si>
    <t>【上海电气汽轮机】 双头螺柱\S1712.4-M42X220</t>
  </si>
  <si>
    <t>【上海电气汽轮机】 双头螺柱\S1712.4-M42X300</t>
  </si>
  <si>
    <t>【上海电气汽轮机】 六角头螺柱\S1731.2-M30X60</t>
  </si>
  <si>
    <t>【上海电气汽轮机】 六角头螺柱\S1731.2-M42X105</t>
  </si>
  <si>
    <t>【上海电气汽轮机】 六角头螺柱\S1731.2-M42X120</t>
  </si>
  <si>
    <t>【上海电气汽轮机】 六角头螺柱\S1731.2-M52X320</t>
  </si>
  <si>
    <t>【上海电气汽轮机】 六角头螺柱\S1731.3-M42X105</t>
  </si>
  <si>
    <t>【上海电气汽轮机】 六角头螺柱\S1731.3-M42X110</t>
  </si>
  <si>
    <t>【上海电气汽轮机】 六角头螺柱\S1731.3-M42X120</t>
  </si>
  <si>
    <t>【上海电气汽轮机】 六角头螺柱\S1731.4-M16X40</t>
  </si>
  <si>
    <t>【上海电气汽轮机】 六角头螺柱\S1731.4-M16X50</t>
  </si>
  <si>
    <t>【上海电气汽轮机】 六角头螺柱\S1731.4-M16X60</t>
  </si>
  <si>
    <t>【上海电气汽轮机】 六角头螺柱\S1731.4-M16X70</t>
  </si>
  <si>
    <t>【上海电气汽轮机】 六角头螺栓\S1731.5-M20X65</t>
  </si>
  <si>
    <t>【上海电气汽轮机】 六角头螺栓\S1731.5-M20X90</t>
  </si>
  <si>
    <t>【上海电气汽轮机】 六角头螺栓\S1731.6-M24X45</t>
  </si>
  <si>
    <t>【上海电气汽轮机】 六角头螺柱\S1732.2-M39X190</t>
  </si>
  <si>
    <t>【上海电气汽轮机】 六角头螺柱\S1732.2-M39X210</t>
  </si>
  <si>
    <t>【上海电气汽轮机】 六角头螺柱\S1732.3-M16X60</t>
  </si>
  <si>
    <t>【上海电气汽轮机】 接头\S2212.1-13.5X2.6</t>
  </si>
  <si>
    <t>【上海电气汽轮机】 接头\S2228.1-24X55</t>
  </si>
  <si>
    <t>【上海电气汽轮机】 外螺纹接头\S2230.1-L18B-M</t>
  </si>
  <si>
    <t>【上海电气汽轮机】 外螺纹接头\S2230.2-L18B-M</t>
  </si>
  <si>
    <t>【上海电气汽轮机】 外螺纹接头\S2232.1-L18B-G</t>
  </si>
  <si>
    <t>【上海电气汽轮机】 保护管\S2301.1-7XM18X1.5X200X65</t>
  </si>
  <si>
    <t>【上海电气汽轮机】 套筒\S2320.1-E73.5X60</t>
  </si>
  <si>
    <t>【上海电气汽轮机】 套筒\S2320.1-E78.5X60</t>
  </si>
  <si>
    <t>【上海电气汽轮机】 带接头软管(90°-90°)\S4001.1-DN16X480</t>
  </si>
  <si>
    <t>【上海电气汽轮机】 带接头软管(90°-90°)\S4001.1-DN16X560</t>
  </si>
  <si>
    <t>【上海电气汽轮机】 带接头软管(45°-90°)\S4003.1-DN12X600</t>
  </si>
  <si>
    <t>【上海电气汽轮机】 带接头软管(45°-0)\S4004.1-DN16X1200</t>
  </si>
  <si>
    <t>【上海电气汽轮机】 带接头软管\S4005.1-DN16X1300</t>
  </si>
  <si>
    <t>【上海电气汽轮机】 带接头软管(90°-0)\S4005.1-DN16X1490</t>
  </si>
  <si>
    <t>【上海电气汽轮机】 带接头软管\S4005.1-DN16X1700</t>
  </si>
  <si>
    <t>【上海电气汽轮机】 带接头软管(90°-0)\S4005.1-DN16X1850</t>
  </si>
  <si>
    <t>【上海电气汽轮机】 带接头软管(90°-0)\S4005.1-DN16X2100</t>
  </si>
  <si>
    <t>【上海电气汽轮机】 带接头软管(90°-0)\S4005.1-DN16X840</t>
  </si>
  <si>
    <t>【上海电气汽轮机】 螺栓\S4102.1-M10X1.25X40</t>
  </si>
  <si>
    <t>【上海电气汽轮机】 液位计\SH73.60.01.12.03</t>
  </si>
  <si>
    <t>【上海电气汽轮机】 平垫圈\W1300.2-10</t>
  </si>
  <si>
    <t>【上海电气汽轮机】 滤网装置\195.30.41.33G01</t>
  </si>
  <si>
    <t>【上海电气汽轮机】 滤网装置\F195.30.60.20G01</t>
  </si>
  <si>
    <t>【上海电气汽轮机】 滤网装置\F195.30.41.50G01</t>
  </si>
  <si>
    <t>【上海电气汽轮机】 密封环_51CRV4_A28_DIN2093\19000863</t>
  </si>
  <si>
    <t>【上海电气汽轮机】 单向阀_RVE-R_3/8-X-0.5\12002461</t>
  </si>
  <si>
    <t>【上海电气汽轮机】 单向阀_RVE-R_1/2-X-3\12002460</t>
  </si>
  <si>
    <t>【上海电气汽轮机】 O形密封圈_氟橡胶_内径169X3.55\19000898</t>
  </si>
  <si>
    <t>【上海电气汽轮机】 O形密封圈_氟橡胶_内径169×3.55_DIN3771\19001135</t>
  </si>
  <si>
    <t>【上海电气汽轮机】 O形密封圈_氟橡胶_内径85×3.55_DIN3771\19001134</t>
  </si>
  <si>
    <t>【上海电气汽轮机】 密封齿\196.07.31.01</t>
  </si>
  <si>
    <t>【上海电气汽轮机】 密封齿\196.07.33.01.01</t>
  </si>
  <si>
    <t>【上海电气汽轮机】 密封齿\196.07.33.01.02</t>
  </si>
  <si>
    <t>【上海电气汽轮机】 密封齿\196.07.34.01</t>
  </si>
  <si>
    <t>【上海电气汽轮机】 密封齿\196.07.35.01</t>
  </si>
  <si>
    <t>【上海电气汽轮机】 密封齿\196.07.36.01</t>
  </si>
  <si>
    <t>【上海电气汽轮机】 密封齿\196.07.39.01</t>
  </si>
  <si>
    <t>【上海电气汽轮机】 密封齿\F195.07.39.01</t>
  </si>
  <si>
    <t>【上海电气汽轮机】 平衡块（一体式）\196.92.22.01</t>
  </si>
  <si>
    <t>【上海电气汽轮机】 平衡块（一体式）\196.92.22.02</t>
  </si>
  <si>
    <t>【上海电气汽轮机】 平衡块（一体式）\196.92.22.04</t>
  </si>
  <si>
    <t>【上海电气汽轮机】 平衡块（一体式）\196.24.01.03</t>
  </si>
  <si>
    <t>【上海电气汽轮机】 平衡块（一体式）\196.24.01.04</t>
  </si>
  <si>
    <t>【上海电气汽轮机】 平衡块（一体式）\196.92.20.03</t>
  </si>
  <si>
    <t>【上海电气汽轮机】 平衡块（一体式）\196.24.02.04</t>
  </si>
  <si>
    <t>【上海电气汽轮机】 联轴器螺栓M60X4\A196.27.02.01</t>
  </si>
  <si>
    <t>【上海电气汽轮机】 M60X4螺栓衬套\A196.27.02.02</t>
  </si>
  <si>
    <t>【上海电气汽轮机】 螺母M60X4\A196.27.02.03</t>
  </si>
  <si>
    <t>【上海电气汽轮机】 联轴器螺栓M33X2\A196.27.01.01</t>
  </si>
  <si>
    <t>【上海电气汽轮机】 M33X2螺栓衬套\A196.27.01.02</t>
  </si>
  <si>
    <t>【上海电气汽轮机】 螺母M33X2\A196.27.01.03</t>
  </si>
  <si>
    <t>【上海电气汽轮机】 螺纹环\C195.30.60.23G01</t>
  </si>
  <si>
    <t>【上海电气汽轮机】 螺纹环\C195.30.60.12G01</t>
  </si>
  <si>
    <t>【上海电气汽轮机】 螺纹环\C195.30.60.14G01</t>
  </si>
  <si>
    <t>【上海电气汽轮机】 螺纹环\C195.30.60.20G01</t>
  </si>
  <si>
    <t>【上海电气汽轮机】 螺纹环\C195.30.60.21G01</t>
  </si>
  <si>
    <t>【上海电气汽轮机】 轴向补偿器 DN150\196.07.03.22</t>
  </si>
  <si>
    <t>【上海电气汽轮机】 轴向补偿器 DN150\F195.07.03.22</t>
  </si>
  <si>
    <t>【上海电气汽轮机】 轴向补偿器 DN50\196.07.05.03</t>
  </si>
  <si>
    <t>【上海电气汽轮机】 操纵杆\F195.28.02.03</t>
  </si>
  <si>
    <t>【上海电气汽轮机】 棘爪\DR96.28.02.01</t>
  </si>
  <si>
    <t>【上海电气汽轮机】 垫片\F195.28.02.05</t>
  </si>
  <si>
    <t>【上海电气汽轮机】 垫片\F195.28.02.06</t>
  </si>
  <si>
    <t>【上海电气汽轮机】 挡块\F195.28.02.07G01</t>
  </si>
  <si>
    <t>【上海电气汽轮机】 支杆\F195.28.02.08G01</t>
  </si>
  <si>
    <t>【上海电气汽轮机】 沉头螺钉\S1053.3-M8X16</t>
  </si>
  <si>
    <t>【上海电气汽轮机】 垫圈\S1300.1-28</t>
  </si>
  <si>
    <t>【上海电气汽轮机】 开口销\S1538.1-6.3X40</t>
  </si>
  <si>
    <t>【上海电气汽轮机】 圆柱销\S1500.2-12X50</t>
  </si>
  <si>
    <t>【上海电气汽轮机】 圆柱销\S1500.2-6X24</t>
  </si>
  <si>
    <t>【上海电气汽轮机】 双头螺栓\S1043.1-M12X50</t>
  </si>
  <si>
    <t>【上海电气汽轮机】 圆柱销\F195.28.02.09</t>
  </si>
  <si>
    <t>【上海电气汽轮机】 阀杆\DR96.30.64.20G01</t>
  </si>
  <si>
    <t>【上海电气汽轮机】 阀杆衬套\DR96.30.64.24</t>
  </si>
  <si>
    <t>【上海电气汽轮机】 调阀阀杆\DR96.30.64.41G01</t>
  </si>
  <si>
    <t>【上海电气汽轮机】 螺纹环\D196.30.41.11G01</t>
  </si>
  <si>
    <t>【上海电气汽轮机】 螺纹环\D196.30.41.17G01</t>
  </si>
  <si>
    <t>【上海电气汽轮机】 螺纹环\D196.30.41.48G01</t>
  </si>
  <si>
    <t>【上海电气汽轮机】 螺纹环\DR96.01.75.08G01</t>
  </si>
  <si>
    <t>【上海电气汽轮机】 螺纹环\DR96.30.64.18G01</t>
  </si>
  <si>
    <t>【上海电气汽轮机】 U型密封环\DR96.01.71.02G01</t>
  </si>
  <si>
    <t>【上海电气汽轮机】 U型密封环\DR96.01.71.03G01</t>
  </si>
  <si>
    <t>【上海电气汽轮机】 U型密封环\DR96.01.75.10G01</t>
  </si>
  <si>
    <t>【上海电气汽轮机】 U型密封环\DR96.01.75.12G01</t>
  </si>
  <si>
    <t>【上海电气汽轮机】 滤网装置\DR96.30.41.23G01</t>
  </si>
  <si>
    <t>【上海电气汽轮机】 滤网装置\DR96.30.60.20G01</t>
  </si>
  <si>
    <t>【上海电气汽轮机】 滤网装置\DR96.30.64.09G01</t>
  </si>
  <si>
    <t>【上海电气汽轮机】 密封齿\D196.07.35.01</t>
  </si>
  <si>
    <t>【上海电气汽轮机】 密封齿\DR96.07.35.01</t>
  </si>
  <si>
    <t>【上海电气汽轮机】 密封齿\DR96.07.36.01</t>
  </si>
  <si>
    <t>【上海电气汽轮机】 O形密封圈_氟橡胶_140×3.55-N_DIN3771-1\19004369</t>
  </si>
  <si>
    <t>【上海电气汽轮机】 O形密封圈_氟橡胶_97.5X3.55-N_DIN3771\19008456</t>
  </si>
  <si>
    <t>【上海电气汽轮机】 密封垫片\S1304.1-18X22</t>
  </si>
  <si>
    <t>【上海电气汽轮机】 密封垫片\S1304.1-21X26</t>
  </si>
  <si>
    <t>【上海电气汽轮机】 密封垫片\S1304.1-24X29</t>
  </si>
  <si>
    <t>【上海电气汽轮机】 扩散器\DR96.30.60.05G01</t>
  </si>
  <si>
    <t>【上海电气汽轮机】 扩散器\DR96.30.64.05G01</t>
  </si>
  <si>
    <t>【上海电气汽轮机】 平衡块（一体式）\F195.24.01.02</t>
  </si>
  <si>
    <t>【上海电气汽轮机】 平衡块（一体式）\F195.24.01.03</t>
  </si>
  <si>
    <t>【上海电气汽轮机】 平衡螺塞 M24\F195.24.01.04G01</t>
  </si>
  <si>
    <t>【上海电气汽轮机】 平衡螺塞M20\F195.24.01.08G01</t>
  </si>
  <si>
    <t>【上海电气汽轮机】 平衡块（一体式）\F195.24.03.01</t>
  </si>
  <si>
    <t>【上海电气汽轮机】 平衡块（一体式）\F195.24.03.03</t>
  </si>
  <si>
    <t>【上海电气汽轮机】 平衡块（一体式）\F195.24.03.04</t>
  </si>
  <si>
    <t>【上海电气汽轮机】 轴向补偿器 DN150\DR96.07.04.02</t>
  </si>
  <si>
    <t>【上海电气汽轮机】 轴向补偿器\DR96.07.06.03</t>
  </si>
  <si>
    <t>【上海电气汽轮机】 转速探头\12014083\A5S05</t>
  </si>
  <si>
    <t>【上海电气汽轮机】 转速测试模件\12032242\E1696</t>
  </si>
  <si>
    <t>【上海电气汽轮机】 转速测量模件\12032272\E1655</t>
  </si>
  <si>
    <t>【上海电气汽轮机】 ETS转速继电器\12035067\D521</t>
  </si>
  <si>
    <t>【上海电气汽轮机】 转速测量模件\12185767\E1658</t>
  </si>
  <si>
    <t>【上海电气汽轮机】 转速探头\196.10.33.01\A5S05</t>
  </si>
  <si>
    <t>【上海电气汽轮机】 转速探头\12214099\A2S11</t>
  </si>
  <si>
    <t>【上海电气汽轮机】 铂电阻\A153.91.10.01</t>
  </si>
  <si>
    <t>【上海电气汽轮机】 铂电阻\12001600\Pt100WZPM2-201Y</t>
  </si>
  <si>
    <t>【上海电气汽轮机】 铂电阻\12001601\Pt100WZPM2-201</t>
  </si>
  <si>
    <t>【上海电气】铂电阻\12001616\WZP2-001\Pt100\φ4*33\三线制</t>
  </si>
  <si>
    <t>【上海电气】铂电阻\12001617\WZP2-001A\Pt100\φ4*33\三线制</t>
  </si>
  <si>
    <t>【上海电气】铂电阻\12001618\WZP2-001QT\Pt100\4*40</t>
  </si>
  <si>
    <t>【上海电气】铂电阻\12001631\WZP2-221\250*100</t>
  </si>
  <si>
    <t>【上海电气】铂电阻\12001636\WZP2-235T\Pt100\L=250</t>
  </si>
  <si>
    <t>【上海电气】铂电阻\12001637\WZP2-235T\Pt100\L=310</t>
  </si>
  <si>
    <t>【上海电气】铂电阻\12001647\WZP-230\Pt100\450*300</t>
  </si>
  <si>
    <t>【上海电气】铂电阻\12001649\WZP2-621A\Pt100\350*200</t>
  </si>
  <si>
    <t>【上海电气汽轮机】 铂电阻\12001669\WZP2-SQ1</t>
  </si>
  <si>
    <t>【上海电气】热电偶\12001737\WRP-010\L=1200</t>
  </si>
  <si>
    <t>【上海电气】铠装热电偶\12006945\WREK2-421\500</t>
  </si>
  <si>
    <t>【上海电气】铠装热电偶\12006954\WRNK2-221\400</t>
  </si>
  <si>
    <t>【上海电气】铠装热电偶\12006955\WRNK2-221\500</t>
  </si>
  <si>
    <t>【上海电气】铠装热电偶\12006957\WRNK2-221\750</t>
  </si>
  <si>
    <t>【上海电气】铠装热电偶\12006960\WRNK2-231\150</t>
  </si>
  <si>
    <t>【上海电气】铠装热电偶\12006962\WRNK2-421\1000</t>
  </si>
  <si>
    <t>【上海电气】铠装热电偶\12006964\WRNK2-421\1250</t>
  </si>
  <si>
    <t>【上海电气】铠装热电偶\12006967\WRNK2-421\400</t>
  </si>
  <si>
    <t>【上海电气】铠装热电偶\12006968\WRNK2-421\500</t>
  </si>
  <si>
    <t>【上海电气】铠装热电偶\12006978\WRNK2-491\1000</t>
  </si>
  <si>
    <t>【上海电气】热电偶\12008405\B200*6000-3K-NiCr-Ni</t>
  </si>
  <si>
    <t>【上海电气】热电偶\12008408\B300*5000-3K-NiCr-Ni</t>
  </si>
  <si>
    <t>【上海电气】热电偶\12008409\B300*7000-3K-NiCr-Ni</t>
  </si>
  <si>
    <t>【上海电气】热电偶\12008411\B400*4000-3K-NiCr-Ni</t>
  </si>
  <si>
    <t>【上海电气】热电偶\12008412\B400*5000-3K-NiCr-Ni</t>
  </si>
  <si>
    <t>【上海电气】热电偶\12008413\B400*5000-3K-NiCr-Ni</t>
  </si>
  <si>
    <t>【上海电气】热电偶\12008516\WRE2-621\250*100</t>
  </si>
  <si>
    <t>【上海电气】热电偶\12008520\WRE2-621\400*100</t>
  </si>
  <si>
    <t>【上海电气】热电偶\12008522\WRE2-621\450*100</t>
  </si>
  <si>
    <t>【上海电气】热电偶\12008524\WRE2-621\500*150</t>
  </si>
  <si>
    <t>【上海电气】热电偶\12008535\WREK2-421\400</t>
  </si>
  <si>
    <t>【上海电气】热电偶\12008553\WRET2-02\L=3000</t>
  </si>
  <si>
    <t>【上海电气】热电偶\12008573\WRN2-620\500*150</t>
  </si>
  <si>
    <t>【上海电气】热电偶\12008577\WRN2-621\350*200</t>
  </si>
  <si>
    <t>【上海电气】热电偶\12008625\WRNK2-231\150</t>
  </si>
  <si>
    <t>【上海电气】热电偶\12008629\WRNK2-291\5000</t>
  </si>
  <si>
    <t>【上海电气】热电偶\12008631\WRNK2-491\5000</t>
  </si>
  <si>
    <t>【上海电气】热电偶\12008636\WRNR2-13\L=100</t>
  </si>
  <si>
    <t>【上海电气】热电偶\12008641\WRNR2-15A\L=50</t>
  </si>
  <si>
    <t>【上海电气】热电阻\12008676\WZPK2-6496\150*110</t>
  </si>
  <si>
    <t>【上海电气】热电阻\12008677\WZPK2-6496\250*200</t>
  </si>
  <si>
    <t>【上海电气】热电偶\12014569\B400*5000-NiCr-Ni</t>
  </si>
  <si>
    <t>【上海电气汽轮机】 双支端面铂热电阻\12014988\WZPM2-201</t>
  </si>
  <si>
    <t>【上海电气汽轮机】 嵌装双支铂热电阻\12015007\WZP2-621A</t>
  </si>
  <si>
    <t>【上海电气】热电偶\12015448\WRNK2-331\400</t>
  </si>
  <si>
    <t>【上海电气】热电偶\12015449\WRNK-321\150</t>
  </si>
  <si>
    <t>【上海电气】热电偶\12015452\WRNR2-16\L=203</t>
  </si>
  <si>
    <t>【上海电气】热电偶\12015453\WRNR2-16\L=280.4</t>
  </si>
  <si>
    <t>【上海电气】铠装热电阻\12015830\WZPK1-9396\DN60</t>
  </si>
  <si>
    <t>【上海电气】双支四线铂电阻配套管\12015843\WZP2-8496\350*200</t>
  </si>
  <si>
    <t>【上海电气】热电偶\12016729\6*465-2K-1NiCr-CuNi</t>
  </si>
  <si>
    <t>【上海电气】热电偶\12016758\WRN2-220\450*150</t>
  </si>
  <si>
    <t>【上海电气】热电阻\12017026\WZP2-231A\L=300</t>
  </si>
  <si>
    <t>【上海电气】铂电阻\12019004\A=15.2\B=4572</t>
  </si>
  <si>
    <t>【上海电气】铂电阻\12019005\A=15.2\B=7620</t>
  </si>
  <si>
    <t>【上海电气】铂电阻\12019006\A=46\B=7620</t>
  </si>
  <si>
    <t>【上海电气】铂电阻\12019169\WZP2-8496\650*500P</t>
  </si>
  <si>
    <t>【上海电气汽轮机】 热电偶\191.91.10.03\E型</t>
  </si>
  <si>
    <t>【上海电气汽轮机】 热电偶\191.91.10.02(1)G01\K型</t>
  </si>
  <si>
    <t>【上海电气汽轮机】 热电偶\B191.91.10.02G01</t>
  </si>
  <si>
    <t>【上海电气】热电偶\12019588\6*465-2E-1NiCr-CuNi</t>
  </si>
  <si>
    <t>【上海电气汽轮机】 热电偶\H156.91.10.02(2)\E型</t>
  </si>
  <si>
    <t>【上海电气】热电偶\12020131\WRNR2-16\φ5\L=421.7</t>
  </si>
  <si>
    <t>【上海电气】热电偶\12021297\B400*6000-3K-NiCr-Ni</t>
  </si>
  <si>
    <t>【上海电气】铂电阻\12023402\WZP2-005S\Pt100\Φ5*33\双支八芯</t>
  </si>
  <si>
    <t>【上海电气】热电偶\12023424\6*525-2E-1NiCr-CuNi</t>
  </si>
  <si>
    <t>【上海电气】热电偶\12023752\WRNR2-16A\L=370*100</t>
  </si>
  <si>
    <t>【上海电气】热电偶\12023753\WRNR2-16A\L=330*100</t>
  </si>
  <si>
    <t>【上海电气】轴承铂电阻\12026179\A=45.7-B=7620</t>
  </si>
  <si>
    <t>【上海电气】轴承铂电阻\12026180\A=50.8-B=7620</t>
  </si>
  <si>
    <t>【上海电气】铂电阻\12027247\WZP2-001\Pt100-18\三线制</t>
  </si>
  <si>
    <t>【上海电气】铂电阻\12027248\WZP2-001\Pt100-22\三线制</t>
  </si>
  <si>
    <t>【上海电气】铂电阻\12027249\WZP2-005S\Pt100-18\双支八芯\3.3m引线</t>
  </si>
  <si>
    <t>【上海电气】热电偶\12028104\B400*6000-3K_NiCr-Ni</t>
  </si>
  <si>
    <t>【上海电气】热电偶\12028300\6*465-2K-1NiCr-Ni</t>
  </si>
  <si>
    <t>【上海电气】热电偶\12028301\6*555-2K-1NiCr-Ni</t>
  </si>
  <si>
    <t>【上海电气】热电偶\12029689\WRE2-236T\l=550\L=900</t>
  </si>
  <si>
    <t>【上海电气】热电偶\12031359\200*4000-3K-NICR-NI</t>
  </si>
  <si>
    <t>【上海电气】热电偶\12031361\400*4000-3K-NICR-NI</t>
  </si>
  <si>
    <t>【上海电气】热电偶\12031362\500*4000-3K-NICR-NI</t>
  </si>
  <si>
    <t>【上海电气】热电偶\12031644\WRER2-13_E型\L(总长)=280mm\l=200mm</t>
  </si>
  <si>
    <t>【上海电气】热电偶\12031741\6*515-2K-1_NICR-NI</t>
  </si>
  <si>
    <t>【上海电气汽轮机】 轴承铂电阻\A153.91.10.02G01</t>
  </si>
  <si>
    <t>【上海电气】热电偶\B902.74.01.160\E型\双支</t>
  </si>
  <si>
    <t>【上海电气】轴承铂电阻\12033220\A=50.8\B=7620</t>
  </si>
  <si>
    <t>【上海电气】热电偶\12033420\A1-B300*6000-3K_NiCr-Ni</t>
  </si>
  <si>
    <t>【上海电气】热电偶\H158.91.10.05G01\K型\双支\不接地</t>
  </si>
  <si>
    <t>【上海电气】热电偶\12034740\WRNK-131\L=600</t>
  </si>
  <si>
    <t>【上海电气】热电偶套管\12035173\SZ-922+螺塞\0Cr18Ni12Mo2Ti</t>
  </si>
  <si>
    <t>【上海电气】热电偶\H158.91.10.04G01\K型\双支\不接地</t>
  </si>
  <si>
    <t>【上海电气】热电偶\12035842\6*525-2K-1NiCr-Ni</t>
  </si>
  <si>
    <t>【上海电气汽轮机】 热电阻\SH73.60.20.01</t>
  </si>
  <si>
    <t>【上海电气】热电偶\12037736\WRNR2-16A\L=500*200</t>
  </si>
  <si>
    <t>【上海电气】热电偶\12037737\WRNR2-16A\L=400*100</t>
  </si>
  <si>
    <t>【上海电气】热电偶\158.91.10.04(1)\K型\L=1207.6</t>
  </si>
  <si>
    <t>【上海电气】热电偶\B153.91.10.01\L=128.4</t>
  </si>
  <si>
    <t>【上海电气】铠装热电阻\12105479\WZPK2-9396-DN50\双支\四线制</t>
  </si>
  <si>
    <t>【上海电气】铠装热电偶\12111843\WRNK2-22\D6*900</t>
  </si>
  <si>
    <t>【上海电气汽轮机】 铂电阻\C155.91.10.01(1)G</t>
  </si>
  <si>
    <t>【上海电气】热电偶\12119754\WRER2-13\L=100</t>
  </si>
  <si>
    <t>【上海电气】热电偶\L=477.5，C=1000\_K型\双支\不接地</t>
  </si>
  <si>
    <t>【上海电气】热电偶\12127238\200*50000-3K-NiCr-Ni</t>
  </si>
  <si>
    <t>【上海电气】热电偶\12128919\WRN-010-A级\L=1000</t>
  </si>
  <si>
    <t>【上海电气】热电偶\12130287\300*6000-3K-NICR-NI</t>
  </si>
  <si>
    <t>【上海电气】热电偶\12130298\400*6000-3K-NICR-NI</t>
  </si>
  <si>
    <t>【上海电气】热电偶\12130299\500*6000-3K-NICR-NI</t>
  </si>
  <si>
    <t>【上海电气】铠装热电偶\12131680\WRNK3-421\D6*900</t>
  </si>
  <si>
    <t>【上海电气】热电偶\12169895\WZPK2-010\Pt100</t>
  </si>
  <si>
    <t>【上海电气】热电偶\12169896\W5004.2\L=800</t>
  </si>
  <si>
    <t>【上海电气】热电偶\12169897\W5002.11\L=800</t>
  </si>
  <si>
    <t>【上海电气】热电偶\12170128\TC-JI-KInc30D-12000\THERMOWELL</t>
  </si>
  <si>
    <t>【上海电气】热电偶\12173495\6*565-2K-1NiCr-Ni</t>
  </si>
  <si>
    <t>【上海电气】热电偶\12173726\6*345-2K-1-NiCr-Ni</t>
  </si>
  <si>
    <t>【上海电气】保护套管\12177803\PA-M27*2-(160*ZG1")\28\24*280</t>
  </si>
  <si>
    <t>【上海电气】热电偶\12178965\6*495-2K-1NiCr-Ni</t>
  </si>
  <si>
    <t>【上海电气】热电偶\12178966\6*615-2K-1NiCr-Ni</t>
  </si>
  <si>
    <t>【上海电气】铂电阻\12182085\WZP2-93C1\Pt100\L=350</t>
  </si>
  <si>
    <t>【上海电气汽轮机】 格兰头\12182668\HSM-M25-D</t>
  </si>
  <si>
    <t>【上海电气】热电偶\12184560\WRNR2-16A\L=300*60</t>
  </si>
  <si>
    <t>【上海电气】热电偶\12184561\WRNR2-16A\L=450*150</t>
  </si>
  <si>
    <t>【上海电气】热电偶\12189302\WREK2-331\15000</t>
  </si>
  <si>
    <t>【上海电气】热电偶\12189303\WREK2-331\5000</t>
  </si>
  <si>
    <t>【上海电气】热电偶\12190145\WRER2-13\L=380*200*65</t>
  </si>
  <si>
    <t>【上海电气】热电偶\12192203\WRNR2-16A\L=180*80</t>
  </si>
  <si>
    <t>【上海电气】温度开关套管\12194322\W-13\L=110mm配卡套接头</t>
  </si>
  <si>
    <t>【上海电气】热电偶\12194423\WRNR2-16A\L=300*150</t>
  </si>
  <si>
    <t>【上海电气】铂电阻\12199543\WZPM2-267A\Pt100-170</t>
  </si>
  <si>
    <t>【上海电气】铂电阻\12199544\WZPM2-267A\Pt100-150</t>
  </si>
  <si>
    <t>【上海电气】铂电阻\12199545\WZPM2-267A\Pt100-D16*375</t>
  </si>
  <si>
    <t>【上海电气】塞头\14017752\*5CRNIMO17-12-2</t>
  </si>
  <si>
    <t>【上海电气汽轮机】 热电偶\2A32.91.10G01</t>
  </si>
  <si>
    <t>【上海电气汽轮机】 热电偶与铂电阻\9C20.91.10G01</t>
  </si>
  <si>
    <t>【上海电气汽轮机】 热电偶与铂电阻\9S20.91.10G01</t>
  </si>
  <si>
    <t>【上海电气】轴承铂阻\A153.91.10.02+1\L=88.5</t>
  </si>
  <si>
    <t>【上海电气】冷油器进出口铂电阻\A153.91.10.02+2\L=241</t>
  </si>
  <si>
    <t>【上海电气汽轮机】 热电偶\A153.91.10(1)G01</t>
  </si>
  <si>
    <t>【上海电气汽轮机】 热电偶与铂电阻\A153.91.10(2)G01</t>
  </si>
  <si>
    <t>【上海电气汽轮机】 热电偶\A153.91.10(3)G01</t>
  </si>
  <si>
    <t>【上海电气】热电偶\A156.91.10.01\E型\双支\不接地</t>
  </si>
  <si>
    <t>【上海电气汽轮机】 EH油箱热电偶\A156.91.10.07</t>
  </si>
  <si>
    <t>【上海电气汽轮机】 热电偶\A159.91.10G01</t>
  </si>
  <si>
    <t>【上海电气汽轮机】 热电偶与铂电阻\A159.91.10(1)G01</t>
  </si>
  <si>
    <t>【上海电气汽轮机】 热电偶\A166.91.10G01</t>
  </si>
  <si>
    <t>【上海电气汽轮机】 热电偶\A168.00.15.02</t>
  </si>
  <si>
    <t>【上海电气汽轮机】 热电偶\A192.91.10G01</t>
  </si>
  <si>
    <t>【上海电气汽轮机】 中压缸温度测量\A196.35.36G02</t>
  </si>
  <si>
    <t>【上海电气汽轮机】 热电偶\A258.91.10G01</t>
  </si>
  <si>
    <t>【上海电气汽轮机】 EH油箱铂电阻\B153.91.10.04</t>
  </si>
  <si>
    <t>【上海电气汽轮机】 热电偶与铂电阻\B153.91.10G01</t>
  </si>
  <si>
    <t>【上海电气汽轮机】 热电偶\B153.91.10.01(2)G01</t>
  </si>
  <si>
    <t>【上海电气汽轮机】 热电偶\B153.91.10(2)G01</t>
  </si>
  <si>
    <t>【上海电气汽轮机】 热电偶\B153.91.10(3)G01</t>
  </si>
  <si>
    <t>【上海电气汽轮机】 热电偶\B153.91.10(4)G01</t>
  </si>
  <si>
    <t>【上海电气汽轮机】 热电偶\B155.91.10G01</t>
  </si>
  <si>
    <t>【上海电气汽轮机】 热电偶\B166.91.10G01</t>
  </si>
  <si>
    <t>【上海电气汽轮机】 连接器组件\B191.08.33.01.01</t>
  </si>
  <si>
    <t>【上海电气汽轮机】 热电偶组件\B191.08.33.02.01</t>
  </si>
  <si>
    <t>【上海电气汽轮机】 热电偶组件\B191.08.33.03.01</t>
  </si>
  <si>
    <t>【上海电气汽轮机】 热电偶组件\B191.08.33.04.01</t>
  </si>
  <si>
    <t>【上海电气汽轮机】 热电偶\B191.91.10G01</t>
  </si>
  <si>
    <t>【上海电气汽轮机】 铂电阻\B191.91.10.01(1)G01</t>
  </si>
  <si>
    <t>【上海电气】轴承铂电阻\B191.91.10.01.03(1)\A=76.2\B=7620</t>
  </si>
  <si>
    <t>【上海电气汽轮机】 热电偶与铂电阻\B191.91.10(1)G01</t>
  </si>
  <si>
    <t>【上海电气汽轮机】 热电偶\B191.91.10(2)G01</t>
  </si>
  <si>
    <t>【上海电气汽轮机】 热电偶\B191.91.10(3)G01</t>
  </si>
  <si>
    <t>【上海电气汽轮机】 热电偶\B5T0000950\W5002.1-203.2</t>
  </si>
  <si>
    <t>【上海电气汽轮机】 热电偶\B5T0000990\W5002.1-223.5</t>
  </si>
  <si>
    <t>【上海电气汽轮机】 热电偶\B5T0001050\W5002.1-254</t>
  </si>
  <si>
    <t>【上海电气汽轮机】 热电偶\B5T0001100\W5002.1-279.4</t>
  </si>
  <si>
    <t>【上海电气汽轮机】 热电偶\B5T0001130\W5002.1-294.6</t>
  </si>
  <si>
    <t>【上海电气汽轮机】 热电偶\B5T0001170\W5002.1-315</t>
  </si>
  <si>
    <t>【上海电气汽轮机】 热电偶\B5T0001200\W5002.1-330.2</t>
  </si>
  <si>
    <t>【上海电气汽轮机】 热电偶\B5T0001220\W5002.1-340.4</t>
  </si>
  <si>
    <t>【上海电气汽轮机】 热电偶\B5T0001230\W5002.1-345.4</t>
  </si>
  <si>
    <t>【上海电气汽轮机】 热电偶\B5T0001240\W5002.1-350.5</t>
  </si>
  <si>
    <t>【上海电气汽轮机】 热电偶\B5T0001350\W5002.1-406.4</t>
  </si>
  <si>
    <t>【上海电气汽轮机】 热电偶\B5T0001360\W5002.1-411.5</t>
  </si>
  <si>
    <t>【上海电气汽轮机】 热电偶\B5T0001500\W5002.1-482.6</t>
  </si>
  <si>
    <t>【上海电气汽轮机】 热电偶\B5T0001620\W5002.1-543.6</t>
  </si>
  <si>
    <t>【上海电气汽轮机】 热电偶\B5T0001670\W5002.1-569</t>
  </si>
  <si>
    <t>【上海电气汽轮机】 热电偶\B5T0001690\W5002.1-579.1</t>
  </si>
  <si>
    <t>【上海电气汽轮机】 热电偶\B5T0002050\W5002.1-762</t>
  </si>
  <si>
    <t>【上海电气汽轮机】 热电偶\B5T0002090\W5002.1-782.3</t>
  </si>
  <si>
    <t>【上海电气汽轮机】 热电偶\B5T0002210\W5002.1-843.3</t>
  </si>
  <si>
    <t>【上海电气汽轮机】 热电偶\B5T0003620\W5004.1-411.5</t>
  </si>
  <si>
    <t>【上海电气汽轮机】 热电偶\B5T0003640\W5004.1-421.6</t>
  </si>
  <si>
    <t>【上海电气汽轮机】 热电偶\B5T0003750\W5004.1-477.5</t>
  </si>
  <si>
    <t>【上海电气汽轮机】 热电偶\B5T0003890\W5004.1-548.6</t>
  </si>
  <si>
    <t>【上海电气汽轮机】 热电偶\B5T0003920\W5004.1-563.9</t>
  </si>
  <si>
    <t>【上海电气汽轮机】 热电偶\B5T0003930\W5004.1-569</t>
  </si>
  <si>
    <t>【上海电气汽轮机】 热电偶\B5T0004800\W5005.1-127</t>
  </si>
  <si>
    <t>【上海电气汽轮机】 热电偶\B5T0004810\W5005.1-152.4</t>
  </si>
  <si>
    <t>【上海电气汽轮机】 热电偶\B5T0004830\W5005.1-190.5</t>
  </si>
  <si>
    <t>【上海电气汽轮机】 热电偶\B5T0004850\W5005.1-228.6</t>
  </si>
  <si>
    <t>【上海电气汽轮机】 热电偶\B5T0004940\W5005.1-63.5</t>
  </si>
  <si>
    <t>【上海电气汽轮机】 热电偶\B5T0004950\W5005.1-88.9</t>
  </si>
  <si>
    <t>【上海电气汽轮机】 热电偶\B5T0004990\W5005.2-152.4</t>
  </si>
  <si>
    <t>【上海电气汽轮机】 热电偶\B5T0005010\W5005.2-190.5</t>
  </si>
  <si>
    <t>【上海电气汽轮机】 热电偶\B5T0005120\W5005.2-63.5</t>
  </si>
  <si>
    <t>【上海电气汽轮机】 热电偶\B5T0005170\W5008.2-152.4</t>
  </si>
  <si>
    <t>【上海电气汽轮机】 热电偶\B5T0005290\W5008.2-63.5</t>
  </si>
  <si>
    <t>【上海电气汽轮机】 热电偶\B5T0005530\W5002.2-1112.5</t>
  </si>
  <si>
    <t>【上海电气汽轮机】 热电偶\B5T0006220\W5002.2-188</t>
  </si>
  <si>
    <t>【上海电气汽轮机】 热电偶\B5T0006240\W5002.2-198.1</t>
  </si>
  <si>
    <t>【上海电气汽轮机】 热电偶\B5T0006260\W5002.2-208.3</t>
  </si>
  <si>
    <t>【上海电气汽轮机】 热电偶\B5T0006280\W5002.2-218.4</t>
  </si>
  <si>
    <t>【上海电气汽轮机】 热电偶\B5T0006340\W5002.2-248.9</t>
  </si>
  <si>
    <t>【上海电气汽轮机】 热电偶\B5T0006360\W5002.2-259.1</t>
  </si>
  <si>
    <t>【上海电气汽轮机】 热电偶\B5T0006380\W5002.2-269.2</t>
  </si>
  <si>
    <t>【上海电气汽轮机】 热电偶\B5T0006400\W5002.2-279.4</t>
  </si>
  <si>
    <t>【上海电气汽轮机】 热电偶\B5T0006410\W5002.2-284.5</t>
  </si>
  <si>
    <t>【上海电气汽轮机】 热电偶\B5T0006440\W5002.2-299.7</t>
  </si>
  <si>
    <t>【上海电气汽轮机】 热电偶\B5T0006460\W5002.2-309.9</t>
  </si>
  <si>
    <t>【上海电气汽轮机】 热电偶\B5T0006470\W5002.2-315</t>
  </si>
  <si>
    <t>【上海电气汽轮机】 热电偶\B5T0006480\W5002.2-320</t>
  </si>
  <si>
    <t>【上海电气汽轮机】 热电偶\B5T0006500\W5002.2-330.2</t>
  </si>
  <si>
    <t>【上海电气汽轮机】 热电偶\B5T0006510\W5002.2-335.3</t>
  </si>
  <si>
    <t>【上海电气汽轮机】 热电偶\B5T0006520\W5002.2-340.4</t>
  </si>
  <si>
    <t>【上海电气汽轮机】 热电偶\B5T0006540\W5002.2-350.5</t>
  </si>
  <si>
    <t>【上海电气汽轮机】 热电偶\B5T0006550\W5002.2-355.6</t>
  </si>
  <si>
    <t>【上海电气汽轮机】 热电偶\B5T0006560\W5002.2-360.7</t>
  </si>
  <si>
    <t>【上海电气汽轮机】 热电偶\B5T0006570\W5002.2-365.8</t>
  </si>
  <si>
    <t>【上海电气汽轮机】 热电偶\B5T0006590\W5002.2-375.9</t>
  </si>
  <si>
    <t>【上海电气汽轮机】 热电偶\B5T0006670\W5002.2-416.6</t>
  </si>
  <si>
    <t>【上海电气汽轮机】 热电偶\B5T0006690\W5002.2-426.7</t>
  </si>
  <si>
    <t>【上海电气汽轮机】 热电偶\B5T0006700\W5002.2-431.8</t>
  </si>
  <si>
    <t>【上海电气汽轮机】 热电偶\B5T0007230\W5002.2-701</t>
  </si>
  <si>
    <t>【上海电气汽轮机】 热电偶\B5T0007260\W5002.2-716.3</t>
  </si>
  <si>
    <t>【上海电气汽轮机】 热电偶\B5T0007380\W5002.2-777.2</t>
  </si>
  <si>
    <t>【上海电气汽轮机】 热电偶\B5T0007420\W5002.2-797.6</t>
  </si>
  <si>
    <t>【上海电气汽轮机】 热电偶\B5T0007580\W5002.2-878.8</t>
  </si>
  <si>
    <t>【上海电气汽轮机】 热电偶\B5T0007600\W5002.2-889</t>
  </si>
  <si>
    <t>【上海电气汽轮机】 热电偶\B5T0007660\W5002.2-919.5</t>
  </si>
  <si>
    <t>【上海电气汽轮机】 热电偶\B5T0007810\W5002.2-995.7</t>
  </si>
  <si>
    <t>【上海电气汽轮机】 热电偶\B5T0008320\W5003.2-1259.8</t>
  </si>
  <si>
    <t>【上海电气汽轮机】 热电偶\B5T0009910\W5003.2-797.6</t>
  </si>
  <si>
    <t>【上海电气汽轮机】 热电偶\B5T0011410\W5004.2-411.5</t>
  </si>
  <si>
    <t>【上海电气汽轮机】 热电偶\B5T0011590\W5004.2-502.9</t>
  </si>
  <si>
    <t>【上海电气汽轮机】 热电偶\B5T0011710\W5004.2-563.9</t>
  </si>
  <si>
    <t>【上海电气汽轮机】 热电偶\B5T0014020\W5006.2-25.4*7620</t>
  </si>
  <si>
    <t>【上海电气汽轮机】 热电偶\B5T0014300\W5006.2-45.7*7620</t>
  </si>
  <si>
    <t>【上海电气汽轮机】 热电偶\B5T0014370\W5006.2-50.8*7620</t>
  </si>
  <si>
    <t>【上海电气汽轮机】 热电偶\B5T0015820\W5007.1-15.2*4572</t>
  </si>
  <si>
    <t>【上海电气汽轮机】 热电偶\B5T0015840\W5007.1-15.2*7620</t>
  </si>
  <si>
    <t>【上海电气汽轮机】 热电偶\B5T0016750\W5007.1-45.7*7620</t>
  </si>
  <si>
    <t>【上海电气汽轮机】 热电偶\B5T0016820\W5007.1-50.8*7620</t>
  </si>
  <si>
    <t>【上海电气汽轮机】 热电偶\B5T0017170\W5007.1-76.2*7620</t>
  </si>
  <si>
    <t>【上海电气汽轮机】 热电偶\B5T0017310\W5007.1-86.4*7620</t>
  </si>
  <si>
    <t>【上海电气汽轮机】 热电偶\B5T0017500\W5008.1-152.4</t>
  </si>
  <si>
    <t>【上海电气汽轮机】 热电偶\B5T0017630\W5008.1-63.5</t>
  </si>
  <si>
    <t>【上海电气汽轮机】 热电偶\B5T0018380\W5014.1-223.5</t>
  </si>
  <si>
    <t>【上海电气汽轮机】 热电偶\B5T0018760\W5014.1-416.6</t>
  </si>
  <si>
    <t>【上海电气汽轮机】 热电偶\B5T0020410\W5004.2-401.3</t>
  </si>
  <si>
    <t>【上海电气汽轮机】 热电偶\B5T0020460\W5004.2-431.8</t>
  </si>
  <si>
    <t>【上海电气汽轮机】 热电偶\B5T0020510\W5004.2-477.5</t>
  </si>
  <si>
    <t>【上海电气汽轮机】 热电偶\B5T0021330\W5006.2-25.4*4572</t>
  </si>
  <si>
    <t>【上海电气汽轮机】 热电偶\B5T0021480\W5006.2-45.7*4572</t>
  </si>
  <si>
    <t>【上海电气汽轮机】 热电偶\B5T0021820\W5006.2-86.4*7620</t>
  </si>
  <si>
    <t>【上海电气汽轮机】 热电偶\B5T0022500\W5007.1-25.4*4572</t>
  </si>
  <si>
    <t>【上海电气汽轮机】 热电偶\B5T0023020\W5014.2-157.5</t>
  </si>
  <si>
    <t>【上海电气汽轮机】 热电偶\B5T0023150\W5014.2-223.5</t>
  </si>
  <si>
    <t>【上海电气汽轮机】 热电偶\B5T0023220\W5014.2-309.9</t>
  </si>
  <si>
    <t>【上海电气汽轮机】 热电偶\B5T0023290\W5014.2-345.4</t>
  </si>
  <si>
    <t>【上海电气汽轮机】 热电偶\B5T0027210\W5003.1-1259.8</t>
  </si>
  <si>
    <t>【上海电气汽轮机】 热电偶\B5T0028790\W5003.1-797.6</t>
  </si>
  <si>
    <t>【上海电气汽轮机】 热电偶\B5T0029200\W5005.1-215.9</t>
  </si>
  <si>
    <t>【上海电气汽轮机】 热电偶\B5T0029220\W5005.2-215.9</t>
  </si>
  <si>
    <t>【上海电气汽轮机】 热电偶\B5T0031770\W5002.11-1107.4</t>
  </si>
  <si>
    <t>【上海电气汽轮机】 热电偶\B5T0031910\W5002.11-1178.6</t>
  </si>
  <si>
    <t>【上海电气汽轮机】 热电偶\B5T0031960\W5002.11-1204</t>
  </si>
  <si>
    <t>【上海电气汽轮机】 热电偶\B5T0032500\W5002.11-203.2</t>
  </si>
  <si>
    <t>【上海电气汽轮机】 热电偶\B5T0032540\W5002.11-223.5</t>
  </si>
  <si>
    <t>【上海电气汽轮机】 热电偶\B5T0032670\W5002.11-289.6</t>
  </si>
  <si>
    <t>【上海电气汽轮机】 热电偶\B5T0032700\W5002.11-304.8</t>
  </si>
  <si>
    <t>【上海电气汽轮机】 热电偶\B5T0032730\W5002.11-320</t>
  </si>
  <si>
    <t>【上海电气汽轮机】 热电偶\B5T0032770\W5002.11-340.4</t>
  </si>
  <si>
    <t>【上海电气汽轮机】 热电偶\B5T0032800\W5002.11-355.6</t>
  </si>
  <si>
    <t>【上海电气汽轮机】 热电偶\B5T0032810\W5002.11-360.7</t>
  </si>
  <si>
    <t>【上海电气汽轮机】 热电偶\B5T0032820\W5002.11-365.8</t>
  </si>
  <si>
    <t>【上海电气汽轮机】 热电偶\B5T0032830\W5002.11-370.8</t>
  </si>
  <si>
    <t>【上海电气汽轮机】 热电偶\B5T0032860\W5002.11-386.1</t>
  </si>
  <si>
    <t>【上海电气汽轮机】 热电偶\B5T0032880\W5002.11-396.2</t>
  </si>
  <si>
    <t>【上海电气汽轮机】 热电偶\B5T0033430\W5002.11-675.6</t>
  </si>
  <si>
    <t>【上海电气汽轮机】 热电偶\B5T0033440\W5002.11-680.7</t>
  </si>
  <si>
    <t>【上海电气汽轮机】 热电偶\B5T0033670\W5002.11-797.6</t>
  </si>
  <si>
    <t>【上海电气汽轮机】 热电偶\B5T0033960\W5002.11-944.9</t>
  </si>
  <si>
    <t>【上海电气汽轮机】 热电偶\B5T0034670\W5004.14-157.5</t>
  </si>
  <si>
    <t>【上海电气汽轮机】 热电偶\B5T0034800\W5004.14-223.5</t>
  </si>
  <si>
    <t>【上海电气汽轮机】 热电偶\B5T0035050\W5004.14-350.5</t>
  </si>
  <si>
    <t>【上海电气汽轮机】 热电偶\B5T0035100\W5004.14-375.9</t>
  </si>
  <si>
    <t>【上海电气汽轮机】 热电偶\B5T0035200\W5004.14-426.7</t>
  </si>
  <si>
    <t>【上海电气汽轮机】 热电偶\B5T0035250\W5004.14-452.1</t>
  </si>
  <si>
    <t>【上海电气汽轮机】 热电偶\B5T0039680\W5014.11-416.6</t>
  </si>
  <si>
    <t>【上海电气汽轮机】 热电偶\B5T0041980\W5002.12-304.8</t>
  </si>
  <si>
    <t>【上海电气汽轮机】 热电偶\B5T0042040\W5002.12-335.3</t>
  </si>
  <si>
    <t>【上海电气汽轮机】 热电偶\B5T0042950\W5002.12-797.6</t>
  </si>
  <si>
    <t>【上海电气汽轮机】 热电偶\B5T0044500\W5002.14-304.8</t>
  </si>
  <si>
    <t>【上海电气汽轮机】 热电偶\B5T0045020\W5002.14-569</t>
  </si>
  <si>
    <t>【上海电气汽轮机】 热电偶\B5T0047020\W5014.21-416.6</t>
  </si>
  <si>
    <t>【上海电气汽轮机】 热电偶\B5T0054480\W5004.13-411.5</t>
  </si>
  <si>
    <t>【上海电气汽轮机】 热电偶\B5T0055520\W5014.13-188</t>
  </si>
  <si>
    <t>【上海电气汽轮机】 热电偶\B5T0057990\W5002.3-569</t>
  </si>
  <si>
    <t>【上海电气汽轮机】 热电偶\B5T0058010\W5014.15-391.2</t>
  </si>
  <si>
    <t>【上海电气汽轮机】 热电偶\B90291100G010\B902.91.10G01</t>
  </si>
  <si>
    <t>【上海电气汽轮机】 热电偶\C155.91.10G01</t>
  </si>
  <si>
    <t>【上海电气汽轮机】 热电偶与铂电阻\C155.91.10(1)G01</t>
  </si>
  <si>
    <t>【上海电气】热电偶\C157.91.10.03G01\E型\双支\不接地</t>
  </si>
  <si>
    <t>【上海电气】热电偶\C157911000040\E型\双支\不接地</t>
  </si>
  <si>
    <t>【上海电气】热电偶\C157911000050\E型\双支\不接地</t>
  </si>
  <si>
    <t>【上海电气汽轮机】 本体增补零件\85.C159-05-a11G01</t>
  </si>
  <si>
    <t>【上海电气汽轮机】 EH油箱铂电阻\C159.91.10.04</t>
  </si>
  <si>
    <t>【上海电气汽轮机】 热电偶与铂电阻\C159.91.10G01</t>
  </si>
  <si>
    <t>【上海电气汽轮机】 热电偶\C159.91.10(1)G01</t>
  </si>
  <si>
    <t>【上海电气汽轮机】 热电偶与铂电阻\C159.91.10(2)G01</t>
  </si>
  <si>
    <t>【上海电气汽轮机】 热电偶与铂电阻\C159.91.10(4)G01</t>
  </si>
  <si>
    <t>【上海电气汽轮机】 热电偶与铂电阻\C159.91.10(5)G01</t>
  </si>
  <si>
    <t>【上海电气汽轮机】 高压排汽进水检测下半(调阀端) 热电偶\C159.91.10.04(6)+1</t>
  </si>
  <si>
    <t>【上海电气汽轮机】 高压抽汽口金属温度（#1抽）热电偶\C159.91.10.04(6)+2</t>
  </si>
  <si>
    <t>【上海电气汽轮机】 中压抽汽口金属温度（#4抽）热电偶\C159.91.10.04(6)+3</t>
  </si>
  <si>
    <t>【上海电气】热电偶\C159.91.10.05(6)\K型\双支\不接地</t>
  </si>
  <si>
    <t>【上海电气汽轮机】 热电偶与铂电阻\C159.91.10(6)G01</t>
  </si>
  <si>
    <t>【上海电气汽轮机】 铂电阻\C192.91.10.01(1)G01</t>
  </si>
  <si>
    <t>【上海电气汽轮机】 热电偶与铂电阻\C192.91.10(1)G01</t>
  </si>
  <si>
    <t>【上海电气】热电偶\C192.91.10.02(2)\K型\双支\不接地</t>
  </si>
  <si>
    <t>【上海电气】热电偶\C192.91.10.03(2)\K型\双支\不接地</t>
  </si>
  <si>
    <t>【上海电气汽轮机】 铂电阻\C192.91.10.04(2)G01</t>
  </si>
  <si>
    <t>【上海电气汽轮机】 热电偶与铂电阻\C192.91.10(3)G01</t>
  </si>
  <si>
    <t>【上海电气汽轮机】 高压缸温度测量\C193.35.32G01</t>
  </si>
  <si>
    <t>【上海电气汽轮机】 高压缸蒸汽温度测量\C193.35.33G01</t>
  </si>
  <si>
    <t>【上海电气汽轮机】 高压内缸壁温测量\C193.35.34G01</t>
  </si>
  <si>
    <t>【上海电气汽轮机】 高压缸蒸汽温度测量(抽汽处)\C193.35.35G01</t>
  </si>
  <si>
    <t>【上海电气汽轮机】 中压缸温度测量\C193.35.36G01</t>
  </si>
  <si>
    <t>【上海电气汽轮机】 中压缸蒸汽温度测量\C193.35.37G01</t>
  </si>
  <si>
    <t>【上海电气汽轮机】 中压缸缸壁温度测量\C193.35.38G01</t>
  </si>
  <si>
    <t>【上海电气汽轮机】 低压缸蒸汽温度测量\C193.35.40G01</t>
  </si>
  <si>
    <t>【上海电气汽轮机】 低压缸温度测量\C193.35.42G01</t>
  </si>
  <si>
    <t>【上海电气汽轮机】 本体安装增补零件清单\85.C880-01-a10G01</t>
  </si>
  <si>
    <t>【上海电气汽轮机】 主机附件\C880.90.60G01</t>
  </si>
  <si>
    <t>【上海电气汽轮机】 主机附件\C880.90.60(1)G01</t>
  </si>
  <si>
    <t>【上海电气汽轮机】 铂电阻\C880.91.10.03</t>
  </si>
  <si>
    <t>【上海电气汽轮机】 热电偶套管\C880.91.10.01</t>
  </si>
  <si>
    <t>【上海电气汽轮机】 热电偶与轴承铂电阻\C880.91.10G01</t>
  </si>
  <si>
    <t>【上海电气汽轮机】 热电偶与轴承铂电阻\C880.91.10(1)G01</t>
  </si>
  <si>
    <t>【上海电气汽轮机】 热电偶\CMG0.91.10G01</t>
  </si>
  <si>
    <t>【上海电气汽轮机】 热电偶\CMG0.91.10(1)G01</t>
  </si>
  <si>
    <t>【上海电气汽轮机】 热电偶\CMG0.91.10(2)G01</t>
  </si>
  <si>
    <t>【上海电气汽轮机】 热电偶\CMG0.91.10(3)G01</t>
  </si>
  <si>
    <t>【上海电气汽轮机】 热电偶\CMG0.91.10(4)G01</t>
  </si>
  <si>
    <t>【上海电气汽轮机】 热电偶\CMG0.91.10(6)G01</t>
  </si>
  <si>
    <t>【上海电气汽轮机】 热电偶\D152.91.10.03G01</t>
  </si>
  <si>
    <t>【上海电气汽轮机】 热电偶\D152.91.10.05G01</t>
  </si>
  <si>
    <t>【上海电气汽轮机】 铂电阻\D152.91.10.01(1)G01</t>
  </si>
  <si>
    <t>【上海电气汽轮机】 热电偶\D152.91.10.02(1)G01</t>
  </si>
  <si>
    <t>【上海电气汽轮机】 铂电阻\D152.91.10.03(1)G01</t>
  </si>
  <si>
    <t>【上海电气汽轮机】 热电偶与铂电阻\D152.91.10(1)G01</t>
  </si>
  <si>
    <t>【上海电气汽轮机】 热电偶与铂电阻\D159.91.10G01</t>
  </si>
  <si>
    <t>【上海电气汽轮机】 热电偶与铂电阻\D159.91.10(1)G01</t>
  </si>
  <si>
    <t>【上海电气汽轮机】 热电偶\D191.91.10G01</t>
  </si>
  <si>
    <t>【上海电气汽轮机】 #2低压缸蒸汽温度测量\D193.35.41G01</t>
  </si>
  <si>
    <t>【上海电气汽轮机】 #2低压缸温度测量\D193.35.43G01</t>
  </si>
  <si>
    <t>【上海电气汽轮机】 热电偶\D296.91.10G01</t>
  </si>
  <si>
    <t>【上海电气汽轮机】 热电偶\D880.91.10G01</t>
  </si>
  <si>
    <t>【上海电气汽轮机】 轴承测温元件\D880.91.19G01</t>
  </si>
  <si>
    <t>【上海电气汽轮机】 热电偶\E152.91.10G01</t>
  </si>
  <si>
    <t>【上海电气汽轮机】 热电偶\E152.91.10.01(1)G01</t>
  </si>
  <si>
    <t>【上海电气汽轮机】 热电偶\E152.91.10.02(1)G01</t>
  </si>
  <si>
    <t>【上海电气汽轮机】 热电偶\E152.91.10(2)G01</t>
  </si>
  <si>
    <t>【上海电气汽轮机】 热电偶\E152.91.10(3)G01</t>
  </si>
  <si>
    <t>【上海电气汽轮机】 热电偶\E153.91.10G01</t>
  </si>
  <si>
    <t>【上海电气汽轮机】 热电偶与铂电阻\E159.91.10G01</t>
  </si>
  <si>
    <t>【上海电气汽轮机】 热电偶\E268.91.10G01</t>
  </si>
  <si>
    <t>【上海电气汽轮机】 双支热电偶\IL30.224500.03</t>
  </si>
  <si>
    <t>【上海电气汽轮机】 热电偶\F153.91.10(1)G01</t>
  </si>
  <si>
    <t>【上海电气汽轮机】 热电偶与铂电阻\F159.91.10G01</t>
  </si>
  <si>
    <t>【上海电气汽轮机】 热电偶\H156.91.10.01(2)</t>
  </si>
  <si>
    <t>【上海电气汽轮机】 低压汽封蒸汽热电偶\H156.91.10.03(2)</t>
  </si>
  <si>
    <t>【上海电气汽轮机】 EH油箱热电偶\H156.91.10.07(2)</t>
  </si>
  <si>
    <t>【上海电气汽轮机】 #1轴承铂电阻 \H156.91.10.01(3)+1</t>
  </si>
  <si>
    <t>【上海电气汽轮机】 轴承铂电阻\H156.91.10.01(4)+1</t>
  </si>
  <si>
    <t>【上海电气汽轮机】 热电偶与铂电阻\H156.91.10(4)</t>
  </si>
  <si>
    <t>【上海电气汽轮机】 热电偶\H156.91.10(6)G01\E型</t>
  </si>
  <si>
    <t>【上海电气汽轮机】 热电偶\H158.91.10G01</t>
  </si>
  <si>
    <t>【上海电气汽轮机】 轴承测温元件\H159.91.19G01</t>
  </si>
  <si>
    <t>【上海电气汽轮机】 接线盒\H30.124500.03</t>
  </si>
  <si>
    <t>【上海电气汽轮机】 测汽温元件\H30.124530G01</t>
  </si>
  <si>
    <t>【上海电气汽轮机】 热电偶\HA56.91.10G01</t>
  </si>
  <si>
    <t>【上海电气汽轮机】 热电偶\K156.91.10G01</t>
  </si>
  <si>
    <t>【上海电气汽轮机】 热电偶\K156.91.10(1)G01</t>
  </si>
  <si>
    <t>【上海电气汽轮机】 热电偶\K156.91.10(2)G01</t>
  </si>
  <si>
    <t>【上海电气汽轮机】 热电偶\K156.91.10(3)G01</t>
  </si>
  <si>
    <t>【上海电气汽轮机】 热电偶\K156.91.10(4)G01</t>
  </si>
  <si>
    <t>【上海电气】热电偶\K156.91.10.01(5)G01\E型\双支\不接地</t>
  </si>
  <si>
    <t>【上海电气】热电偶\K156.91.10.03(5)G01\E型\双支\不接地</t>
  </si>
  <si>
    <t>【上海电气汽轮机】 热电偶\K156.91.10(5)G01</t>
  </si>
  <si>
    <t>【上海电气汽轮机】 热电偶\K156.91.10(6)G01</t>
  </si>
  <si>
    <t>【上海电气汽轮机】 热电偶\K156.91.10(8)G01</t>
  </si>
  <si>
    <t>【上海电气汽轮机】 热电偶\N152.91.10G01</t>
  </si>
  <si>
    <t>【上海电气汽轮机】 热电偶\N152.91.10(1)G01</t>
  </si>
  <si>
    <t>【上海电气汽轮机】 热电偶\N152.91.10(2)G01</t>
  </si>
  <si>
    <t>【上海电气汽轮机】 热电偶\N156.91.10G01</t>
  </si>
  <si>
    <t>【上海电气汽轮机】 热电偶\N156.91.10(1)G01</t>
  </si>
  <si>
    <t>【上海电气汽轮机】 热电偶\N156.91.10(2)G01</t>
  </si>
  <si>
    <t>【上海电气汽轮机】 热电偶\Q152.91.10G01</t>
  </si>
  <si>
    <t>【上海电气汽轮机】 热电偶\Q152.91.10(1)G01</t>
  </si>
  <si>
    <t>【上海电气汽轮机】 热电偶\Q155.91.10G01</t>
  </si>
  <si>
    <t>【上海电气汽轮机】 热电偶\Q156.91.10G01</t>
  </si>
  <si>
    <t>【上海电气汽轮机】 热电偶\Q156.91.10G02</t>
  </si>
  <si>
    <t>【上海电气汽轮机】 热电偶\Q156.91.10(1)G01</t>
  </si>
  <si>
    <t>【上海电气汽轮机】 热电偶\Q156.91.10(2)G01</t>
  </si>
  <si>
    <t>【上海电气】双支4线热电阻\SH73.41.01.01.02(3)\PT100</t>
  </si>
  <si>
    <t>【上海电气】双支4线热电阻\SH73.60.01.18.01\PT100</t>
  </si>
  <si>
    <t>【上海电气】双支4线热电阻\SH73.60.01.18.02\PT100</t>
  </si>
  <si>
    <t>【上海电气】双支4线热电阻\SH73.60.01.18.03\PT100</t>
  </si>
  <si>
    <t>【上海电气汽轮机】 热电偶\T156.91.10G01</t>
  </si>
  <si>
    <t>【上海电气汽轮机】 热电偶和铂电阻\T156.91.10(1)G01</t>
  </si>
  <si>
    <t>【上海电气汽轮机】 热电偶和铂电阻\T156.91.10(2)G01</t>
  </si>
  <si>
    <t>【上海电气汽轮机】 双支热电阻\SH08L1.15.01.41</t>
  </si>
  <si>
    <t>【上海电气汽轮机】 双支热电阻\SH08L1.15.01.42</t>
  </si>
  <si>
    <t>【上海电气汽轮机】 超高压缸温度测量\DR96.35.28G01</t>
  </si>
  <si>
    <t>【上海电气汽轮机】 超高压缸温度测量\DR96.35.28G02</t>
  </si>
  <si>
    <t>【上海电气汽轮机】 接头\DR96.35.29.02.03</t>
  </si>
  <si>
    <t>【上海电气汽轮机】 双支热电偶\DR96.35.29.01.04</t>
  </si>
  <si>
    <t>【上海电气汽轮机】 双支热电偶\DR96.35.29.01.02</t>
  </si>
  <si>
    <t>【上海电气汽轮机】 双支热电偶\DR96.35.29.01.06</t>
  </si>
  <si>
    <t>【上海电气汽轮机】 双支热电偶\DR96.35.29.01.07</t>
  </si>
  <si>
    <t>【上海电气汽轮机】 双支热电偶\DR96.35.29.01.05</t>
  </si>
  <si>
    <t>【上海电气汽轮机】 双支热电偶\DR96.35.29.01.08</t>
  </si>
  <si>
    <t>【上海电气汽轮机】 超高压缸蒸汽温度测量\DR96.35.29G01</t>
  </si>
  <si>
    <t>【上海电气汽轮机】 超高压内缸壁温测量\DR96.35.30G01</t>
  </si>
  <si>
    <t>【上海电气汽轮机】 超高压内缸壁温测量\DR96.35.30G02</t>
  </si>
  <si>
    <t>【上海电气汽轮机】 高压缸温度测量\DR96.35.32G01</t>
  </si>
  <si>
    <t>【上海电气汽轮机】 高压缸温度测量\DR96.35.32G02</t>
  </si>
  <si>
    <t>【上海电气汽轮机】 高压缸蒸汽温度测量\DR96.35.33G01</t>
  </si>
  <si>
    <t>【上海电气汽轮机】 高压内缸壁温测量\DR96.35.34G01</t>
  </si>
  <si>
    <t>【上海电气汽轮机】 高压内缸壁温测量\DR96.35.34G02</t>
  </si>
  <si>
    <t>【上海电气汽轮机】 中压缸温度测量\DR96.35.36G01</t>
  </si>
  <si>
    <t>【上海电气汽轮机】 中压缸温度测量\DR96.35.36G02</t>
  </si>
  <si>
    <t>【上海电气汽轮机】 中压缸蒸汽温度测量\DR96.35.37G01</t>
  </si>
  <si>
    <t>【上海电气汽轮机】 中压缸缸壁温度测量\DR96.35.38G01</t>
  </si>
  <si>
    <t>【上海电气汽轮机】 中压缸缸壁温度测量\DR96.35.38G02</t>
  </si>
  <si>
    <t>【上海电气汽轮机】 低压缸蒸汽温度测量\DR96.35.40G01</t>
  </si>
  <si>
    <t>【上海电气汽轮机】 低压缸蒸汽温度测量\DR96.35.40G02</t>
  </si>
  <si>
    <t>【上海电气汽轮机】 #1低压缸温度测量\DR96.35.42G01</t>
  </si>
  <si>
    <t>【上海电气汽轮机】 #2低压缸温度测量\DR96.35.43G01</t>
  </si>
  <si>
    <t>【上海电气汽轮机】 中压缸缸壁温度测量热电偶及附件\91.196.35.38G01</t>
  </si>
  <si>
    <t>【上海电气汽轮机】 热电偶\155.91.10</t>
  </si>
  <si>
    <t>【上海电气汽轮机】 热电偶与铂电阻\155.91.10(1)G01</t>
  </si>
  <si>
    <t>【上海电气汽轮机】 热电偶\155.91.10(3)G01</t>
  </si>
  <si>
    <t>【上海电气汽轮机】 热电偶与铂电阻\155.91.10(4)G01</t>
  </si>
  <si>
    <t>【上海电气汽轮机】 热电偶\155.91.10(5)G01</t>
  </si>
  <si>
    <t>【上海电气】热电偶\157.91.10.05\E型\双支\不接地</t>
  </si>
  <si>
    <t>【上海电气】热电偶\157.91.10.06\E型\3支\不接地</t>
  </si>
  <si>
    <t>【上海电气】热电偶\157.91.10.01\E型\双支\不接地</t>
  </si>
  <si>
    <t>【上海电气】热电偶\157.91.10.02\E型\双支\不接地</t>
  </si>
  <si>
    <t>【上海电气】热电偶\157.91.10.03\E型\双支\不接地</t>
  </si>
  <si>
    <t>【上海电气】热电偶\157.91.10.04\E型\双支\不接地</t>
  </si>
  <si>
    <t>【上海电气】热电偶\158.91.10.01G01\E型\双支\不接地</t>
  </si>
  <si>
    <t>【上海电气汽轮机】 热电偶\158.91.10G01</t>
  </si>
  <si>
    <t>【上海电气汽轮机】 热电偶\158.91.10(1)G01</t>
  </si>
  <si>
    <t>【上海电气汽轮机】 热电偶\159.91.10G01</t>
  </si>
  <si>
    <t>【上海电气汽轮机】 热电偶\159.91.10(1)G01</t>
  </si>
  <si>
    <t>【上海电气汽轮机】 热电偶\159.91.10(2)G01\K型</t>
  </si>
  <si>
    <t>【上海电气汽轮机】 热电偶与铂电阻\159.91.10(3)G01</t>
  </si>
  <si>
    <t>【上海电气汽轮机】 铂电阻\165.08.03.03</t>
  </si>
  <si>
    <t>【上海电气汽轮机】 热电偶\165.91.10G01</t>
  </si>
  <si>
    <t>【上海电气汽轮机】 铂电阻\166.08.01.07</t>
  </si>
  <si>
    <t>【上海电气汽轮机】 铂电阻\166.08.02.07</t>
  </si>
  <si>
    <t>【上海电气汽轮机】 铂电阻\167.08.01.09</t>
  </si>
  <si>
    <t>【上海电气汽轮机】 线夹\168.00.15.19</t>
  </si>
  <si>
    <t>【上海电气汽轮机】 穿线接头\168.00.15.22</t>
  </si>
  <si>
    <t>【上海电气汽轮机】 热电偶\168.00.15.39.01</t>
  </si>
  <si>
    <t>【上海电气汽轮机】 热电偶\168.00.15.39.02</t>
  </si>
  <si>
    <t>【上海电气汽轮机】 热电偶\168.00.15.41</t>
  </si>
  <si>
    <t>【上海电气汽轮机】 热电偶\168.00.15.43</t>
  </si>
  <si>
    <t>【上海电气汽轮机】 穿线接头\168.00.15.49</t>
  </si>
  <si>
    <t>【上海电气汽轮机】 测温元件\168.73.41.01.53(1)</t>
  </si>
  <si>
    <t>【上海电气汽轮机】 热电偶\169.91.10.02</t>
  </si>
  <si>
    <t>【上海电气汽轮机】 热电偶\169.91.10.03</t>
  </si>
  <si>
    <t>【上海电气汽轮机】 热电偶\169.91.10.04</t>
  </si>
  <si>
    <t>【上海电气汽轮机】 热电偶套管\169.91.10.08</t>
  </si>
  <si>
    <t>【上海电气汽轮机】 热电偶套管\169.91.10.09</t>
  </si>
  <si>
    <t>【上海电气汽轮机】 热电偶\169.91.10G01</t>
  </si>
  <si>
    <t>【上海电气汽轮机】 热电偶\184.91.10G01</t>
  </si>
  <si>
    <t>【上海电气汽轮机】 EH油箱铂电阻\191.91.10.10</t>
  </si>
  <si>
    <t>【上海电气汽轮机】 EH油箱进出口铂电阻\191.91.10.11</t>
  </si>
  <si>
    <t>【上海电气】热电偶\191.91.10.01G01\E型\双支\不接地</t>
  </si>
  <si>
    <t>【上海电气】热电偶\191.91.10.02G01\E型\双支\不接地</t>
  </si>
  <si>
    <t>【上海电气】热电偶\191.91.10.03G01\E型\三支\不接地</t>
  </si>
  <si>
    <t>【上海电气汽轮机】 热电偶\191.91.10G01</t>
  </si>
  <si>
    <t>【上海电气汽轮机】 热电偶\191.91.10(1)G01</t>
  </si>
  <si>
    <t>【上海电气汽轮机】 热电偶\191.91.10(2)G01</t>
  </si>
  <si>
    <t>【上海电气】热电偶\191.91.10.03(3)G01\K型\双支\不接地</t>
  </si>
  <si>
    <t>【上海电气】热电偶\191.91.10.04(3)G01\K型\双支\不接地</t>
  </si>
  <si>
    <t>【上海电气汽轮机】 热电偶\191.91.10(3)G01</t>
  </si>
  <si>
    <t>【上海电气汽轮机】 热电偶\193.91.10(1)G01</t>
  </si>
  <si>
    <t>【上海电气汽轮机】 热电偶\193.91.10(2)G01</t>
  </si>
  <si>
    <t>【上海电气汽轮机】 高压缸温度测量\196.35.32G01</t>
  </si>
  <si>
    <t>【上海电气汽轮机】 双支热电偶\196.35.33.01</t>
  </si>
  <si>
    <t>【上海电气汽轮机】 高压缸蒸汽温度测量\196.35.33G01</t>
  </si>
  <si>
    <t>【上海电气汽轮机】 双支热电偶\196.35.34.01</t>
  </si>
  <si>
    <t>【上海电气汽轮机】 高压内缸壁温测量\196.35.34G01</t>
  </si>
  <si>
    <t>【上海电气汽轮机】 双支热电偶\196.35.34.01(1)</t>
  </si>
  <si>
    <t>【上海电气汽轮机】 高压内缸壁温测量\196.35.34(1)G01</t>
  </si>
  <si>
    <t>【上海电气汽轮机】 高压缸蒸汽温度测量(进汽处)\196.35.35G01</t>
  </si>
  <si>
    <t>【上海电气汽轮机】 套管\196.35.36.01G01</t>
  </si>
  <si>
    <t>【上海电气汽轮机】 连接头\196.35.36.02</t>
  </si>
  <si>
    <t>【上海电气汽轮机】 套管\196.35.36.01G02</t>
  </si>
  <si>
    <t>【上海电气汽轮机】 双支热电偶\196.35.37.01</t>
  </si>
  <si>
    <t>【上海电气汽轮机】 中压缸蒸汽温度测量\196.35.37G01</t>
  </si>
  <si>
    <t>【上海电气汽轮机】 双支热电偶\196.35.38.01</t>
  </si>
  <si>
    <t>【上海电气汽轮机】 中压缸缸壁温度测量\196.35.38G01</t>
  </si>
  <si>
    <t>【上海电气汽轮机】 双支热电偶\196.35.38.01(1)</t>
  </si>
  <si>
    <t>【上海电气汽轮机】 中压缸缸壁温度测量\196.35.38(1)G01</t>
  </si>
  <si>
    <t>【上海电气汽轮机】 接头\196.35.40.02</t>
  </si>
  <si>
    <t>【上海电气汽轮机】 双支热电偶\196.35.40.08</t>
  </si>
  <si>
    <t>【上海电气汽轮机】 低压缸蒸汽温度测量\196.35.40G03</t>
  </si>
  <si>
    <t>【上海电气汽轮机】 低压缸蒸汽温度测量\196.35.40G04</t>
  </si>
  <si>
    <t>【上海电气汽轮机】 #1低压缸温度测量\196.35.42G01</t>
  </si>
  <si>
    <t>【上海电气汽轮机】 #2低压缸温度测量\196.35.43G01</t>
  </si>
  <si>
    <t>【上海电气】测温元件\196.73.41.01.53(1)\PT100</t>
  </si>
  <si>
    <t>【上海电气汽轮机】 热电偶\296.91.10G01</t>
  </si>
  <si>
    <t>【上海电气汽轮机】 热电偶\298.91.10G02</t>
  </si>
  <si>
    <t>【上海电气汽轮机】 热电偶与热电阻\860.91.10G01</t>
  </si>
  <si>
    <t>【上海电气汽轮机】 热电偶与热电阻\860.91.10(1)G01</t>
  </si>
  <si>
    <t>【上海电气汽轮机】 热电偶与轴承铂电阻\880.91.10G01</t>
  </si>
  <si>
    <t>【上海电气汽轮机】 热电偶\903.91.10G01</t>
  </si>
  <si>
    <t>【上海电气汽轮机】 #1轴承座温度测量\906.35.21G01</t>
  </si>
  <si>
    <t>【上海电气汽轮机】 #2轴承座温度测量\906.35.22G01</t>
  </si>
  <si>
    <t>【上海电气汽轮机】 #3轴承座温度测量\906.35.23G01</t>
  </si>
  <si>
    <t>【上海电气汽轮机】 #4轴承座温度测量\906.35.24G01</t>
  </si>
  <si>
    <t>【上海电气汽轮机】 高压缸温度测量\906.35.32G01</t>
  </si>
  <si>
    <t>【上海电气汽轮机】 套管\906.35.37.01</t>
  </si>
  <si>
    <t>【上海电气汽轮机】 热再热蒸汽热电偶\906.35.37(1)G01</t>
  </si>
  <si>
    <t>【上海电气汽轮机】 双支热电偶\906.35.39.01</t>
  </si>
  <si>
    <t>【上海电气汽轮机】 #1低压缸叶片蒸汽温度测量\906.35.39G01</t>
  </si>
  <si>
    <t>【上海电气汽轮机】 #1低压缸叶片蒸汽温度测量\906.35.39(1)G01</t>
  </si>
  <si>
    <t>【上海电气汽轮机】 1#低压缸蒸汽温度测量\906.35.40G01</t>
  </si>
  <si>
    <t>【上海电气汽轮机】 2#低压缸蒸汽温度测量\906.35.41G01</t>
  </si>
  <si>
    <t>【上海电气汽轮机】 #2低压缸叶片蒸汽温度测量\906.35.42G01</t>
  </si>
  <si>
    <t>【上海电气汽轮机】 2#低压缸叶片蒸汽温度测量\906.35.42(1)G01</t>
  </si>
  <si>
    <t>【上海电气汽轮机】 热电偶\YME0.91.10G01</t>
  </si>
  <si>
    <t>【上海电气汽轮机】 热电偶\YME0.91.10(1)G01</t>
  </si>
  <si>
    <t>【上海电气汽轮机】 热电偶\YME1.91.10G01</t>
  </si>
  <si>
    <t>【上海电气汽轮机】 热电偶\YMG0.91.10(1)G01</t>
  </si>
  <si>
    <t>【上海电气汽轮机】 热电偶\YMG2.91.10G01</t>
  </si>
  <si>
    <t>【上海电气汽轮机】 热电偶与铂电阻\YNC0.91.10G01</t>
  </si>
  <si>
    <t>【上海电气汽轮机】 高压缸蒸汽温度测量\K196.35.33G01</t>
  </si>
  <si>
    <t>【上海电气汽轮机】 高压缸蒸汽温度测量（进汽处）\K196.35.35G01</t>
  </si>
  <si>
    <t>【上海电气汽轮机】 中压缸蒸汽温度测量\K196.35.37G01</t>
  </si>
  <si>
    <t>【上海电气汽轮机】 高压缸温度测量\T195.35.32G01</t>
  </si>
  <si>
    <t>【上海电气汽轮机】 中压缸温度测量\T195.35.36G01</t>
  </si>
  <si>
    <t>【上海电气汽轮机】 扎线带\196.35.40.07</t>
  </si>
  <si>
    <t>【上海电气汽轮机】 低压缸蒸汽温度测量\196.35.40G05</t>
  </si>
  <si>
    <t>【上海电气汽轮机】 #3低压缸温度测量\196.35.44G01</t>
  </si>
  <si>
    <t>【上海电气汽轮机】 液位开关\12017025\AFV-65</t>
  </si>
  <si>
    <t>【上海电气汽轮机】 热电偶\DR96.35.35G02</t>
  </si>
  <si>
    <t>【上海电气】压力表\12011448\Y-100ZT\0-1.6MPa</t>
  </si>
  <si>
    <t>【上海电气汽轮机】 扎线带\DR96.35.29.08</t>
  </si>
  <si>
    <t>【上海电气汽轮机】 双支热电偶\DR96.35.31.01.06(1)</t>
  </si>
  <si>
    <t>【上海电气汽轮机】 双支热电偶\DR96.35.31.01.07(1)</t>
  </si>
  <si>
    <t>【上海电气汽轮机】 双支热电偶\DR96.35.31.01.08(1)</t>
  </si>
  <si>
    <t>【上海电气汽轮机】 双支热电偶\DR96.35.31.01.09(1)</t>
  </si>
  <si>
    <t>【上海电气汽轮机】 三支热电偶\DR96.35.31.02.01(1)</t>
  </si>
  <si>
    <t>【上海电气汽轮机】 三支热电偶\DR96.35.31.02.02(1)</t>
  </si>
  <si>
    <t>【上海电气汽轮机】 三支热电偶\DR96.35.31.02.03(1)</t>
  </si>
  <si>
    <t>【上海电气汽轮机】 热电偶\DR96.35.31.03.01(1)</t>
  </si>
  <si>
    <t>【上海电气汽轮机】 热电偶\DR96.35.31.03.02(1)</t>
  </si>
  <si>
    <t>【上海电气汽轮机】 热电偶\DR96.35.31.03.03(1)</t>
  </si>
  <si>
    <t>【上海电气汽轮机】 热电偶\DR96.35.31.03.04(1)</t>
  </si>
  <si>
    <t>【上海电气汽轮机】 热电偶\DR96.35.31.03.05(1)</t>
  </si>
  <si>
    <t>【上海电气汽轮机】 热电偶\DR96.35.31.03.06(1)</t>
  </si>
  <si>
    <t>【上海电气汽轮机】 热电偶\DR96.35.31.03.07(1)</t>
  </si>
  <si>
    <t>【上海电气汽轮机】 热电偶\DR96.35.31.03.08(1)</t>
  </si>
  <si>
    <t>【上海电气汽轮机】 热电偶\DR96.35.31.03.09(1)</t>
  </si>
  <si>
    <t>【上海电气汽轮机】 热电偶\DR96.35.31.03.10(1)</t>
  </si>
  <si>
    <t>【上海电气汽轮机】 热电偶\DR96.35.31.03.11(1)</t>
  </si>
  <si>
    <t>【上海电气汽轮机】 热电偶\DR96.35.31.03.12(1)</t>
  </si>
  <si>
    <t>【上海电气汽轮机】 热电偶\DR96.35.31.03.13(1)</t>
  </si>
  <si>
    <t>【上海电气汽轮机】 热电偶\DR96.35.31.03.14(1)</t>
  </si>
  <si>
    <t>【上海电气汽轮机】 超高压缸温度测量\DR95.35.28G01</t>
  </si>
  <si>
    <t>【上海电气汽轮机】 超高压缸蒸汽温度测量\DR95.35.29G01</t>
  </si>
  <si>
    <t>【上海电气汽轮机】 超高压内缸壁温测量\DR95.35.30G01</t>
  </si>
  <si>
    <t>【上海电气汽轮机】 高压缸温度测量\DR95.35.32G01</t>
  </si>
  <si>
    <t>【上海电气汽轮机】 高压缸蒸汽温度测量\DR95.35.33G01</t>
  </si>
  <si>
    <t>【上海电气汽轮机】 高压内缸壁温测量\DR95.35.34G01</t>
  </si>
  <si>
    <t>【上海电气汽轮机】 中压缸温度测量\DR95.35.36G01</t>
  </si>
  <si>
    <t>【上海电气汽轮机】 中压缸蒸汽温度测量\DR95.35.37G01</t>
  </si>
  <si>
    <t>【上海电气汽轮机】 中压缸缸壁温度测量 \DR95.35.38G01</t>
  </si>
  <si>
    <t>【上海电气汽轮机】 高压缸温度测量\197.35.32G01</t>
  </si>
  <si>
    <t>【上海电气汽轮机】 高压缸蒸汽温度测量\197.35.33G01</t>
  </si>
  <si>
    <t>【上海电气汽轮机】 高压内缸壁温测量\197.35.34G01</t>
  </si>
  <si>
    <t>【上海电气汽轮机】 高压缸蒸汽温度测量(进汽处)\197.35.35G01</t>
  </si>
  <si>
    <t>【上海电气汽轮机】 中压缸温度测量\197.35.36G01</t>
  </si>
  <si>
    <t>【上海电气汽轮机】 中压缸蒸汽温度测量\197.35.37G01</t>
  </si>
  <si>
    <t>【上海电气汽轮机】 中压缸缸壁温度测量\197.35.38G01</t>
  </si>
  <si>
    <t>【上海电气汽轮机】 低压缸蒸汽温度测量\197.35.40G01</t>
  </si>
  <si>
    <t>【上海电气汽轮机】 低压缸蒸汽温度测量\197.35.40G02</t>
  </si>
  <si>
    <t>【上海电气汽轮机】 低压缸蒸汽温度测量\197.35.40G03</t>
  </si>
  <si>
    <t>【上海电气汽轮机】 #1低压缸温度测量\197.35.42G01</t>
  </si>
  <si>
    <t>【上海电气汽轮机】 #2低压缸温度测量\197.35.43G01</t>
  </si>
  <si>
    <t>【上海电气汽轮机】 #3低压缸温度测量\197.35.44G01</t>
  </si>
  <si>
    <t>【上海电气汽轮机】 智能转速表\12021559\MSC-2B</t>
  </si>
  <si>
    <t>【上海电气汽轮机】 接线器\A152.36.03(1)</t>
  </si>
  <si>
    <t>【上海电气汽轮机】 接线器\A185.36.03</t>
  </si>
  <si>
    <t>【上海电气汽轮机】 接线器\J151.36.03G01</t>
  </si>
  <si>
    <t>【上海电气汽轮机】 接线器\143.36.03</t>
  </si>
  <si>
    <t>【上海电气汽轮机】 接线器\241.36.03G01</t>
  </si>
  <si>
    <t>【上海电气汽轮机】 主汽门及再热主汽门开关盒\A156.35.46</t>
  </si>
  <si>
    <t>【上海电气汽轮机】 再热调节汽阀开关盒\A156.35.56</t>
  </si>
  <si>
    <t>【上海电气汽轮机】 支架\A196.10.33.01</t>
  </si>
  <si>
    <t>【上海电气汽轮机】 油动机盖\H156.33.01.01.01(1)</t>
  </si>
  <si>
    <t>【上海电气汽轮机】 油动机盖\H156.33.01.01.05(1)</t>
  </si>
  <si>
    <t>【上海电气汽轮机】 油动机盖\H156.33.01.01.06(1)</t>
  </si>
  <si>
    <t>【上海电气汽轮机】 油动机盖\H156.33.01.01.07(1)</t>
  </si>
  <si>
    <t>【上海电气汽轮机】 油动机盖\191.33.42.13G01</t>
  </si>
  <si>
    <t>【上海电气汽轮机】 油动机盖\191.33.42.13G02</t>
  </si>
  <si>
    <t>【上海电气汽轮机】 油动机盖\191.33.42.13G03</t>
  </si>
  <si>
    <t>【上海电气汽轮机】 油动机盖\191.33.42.13G05</t>
  </si>
  <si>
    <t>【上海电气汽轮机】 油动机盖\191.33.42.13G06</t>
  </si>
  <si>
    <t>【上海电气汽轮机】 油动机盖\191.33.42.13G11</t>
  </si>
  <si>
    <t>【上海电气汽轮机】 油动机盖\191.33.42.13G12</t>
  </si>
  <si>
    <t>【上海电气汽轮机】 油动机盖\191.33.42.13G13</t>
  </si>
  <si>
    <t>【上海电气汽轮机】 阀门开关盒(右)\191.35.46G01</t>
  </si>
  <si>
    <t>【上海电气汽轮机】 阀门开关盒(左)\191.35.46G02</t>
  </si>
  <si>
    <t>【上海电气】不锈钢压力表\12001879\Y-100BFZ\0-0.25MPa\M20*1.5</t>
  </si>
  <si>
    <t>【上海电气】不锈钢压力表\12001883\Y-150BFZ\0-1MPa</t>
  </si>
  <si>
    <t>【上海电气】电接点压力表\12003112\YX60\0-1MPa</t>
  </si>
  <si>
    <t>【上海电气】耐酸压力表\A156.73.41.04\Y-100BF\0-25MPa</t>
  </si>
  <si>
    <t>【上海电气】压力表\12011429\Y-100BFZ\0-1.6MPa</t>
  </si>
  <si>
    <t>【上海电气】压力表\12011431\Y-100BFZ\0-16MPa</t>
  </si>
  <si>
    <t>【上海电气】压力表\12011432\Y-100BFZ\0-1MPa</t>
  </si>
  <si>
    <t>【上海电气】压力表\12011433\Y-100BFZ\0-2.5MPa</t>
  </si>
  <si>
    <t>【上海电气】压力表\12011435\Y-100BFZ\0-25MPa</t>
  </si>
  <si>
    <t>【上海电气】压力表\12011436\Y-100BFZ\0-4MPa</t>
  </si>
  <si>
    <t>【上海电气】压力表\12011437\Y-100BFZ\0-6MPa</t>
  </si>
  <si>
    <t>【上海电气】压力表\12011458\103BFZT\0-25MPa_KUN672.01</t>
  </si>
  <si>
    <t>【上海电气】压力表\12011505\Y-150BFZ\0-25MPa</t>
  </si>
  <si>
    <t>【上海电气】压力表\12011507\Y-150BFZA\0-0.4MPa-G1/2A</t>
  </si>
  <si>
    <t>【上海电气】真空表\12013284\YPF-100B\-10-0KPa-M20*1.5</t>
  </si>
  <si>
    <t>【上海电气】压力表\12013298\Z-150Z\-10~90mbar_G1/2A</t>
  </si>
  <si>
    <t>【上海电气】压力表\12016789\Y-100BFZ\0-1MPa-G1/2"</t>
  </si>
  <si>
    <t>【上海电气】压力表\12019394\Y-150Z\-0.1-1.5MPAG1/2A</t>
  </si>
  <si>
    <t>【上海电气】不锈钢压力表\12021809\Y-100AZ\0-25MPa</t>
  </si>
  <si>
    <t>【上海电气】压力表\12023921\YN150BFZT\0-25MPa</t>
  </si>
  <si>
    <t>【上海电气】压力表\12029562\Y-103BFZ\0-0.6MPa</t>
  </si>
  <si>
    <t>【上海电气】压力表\12030965\Y-100BFZ\0-10MPa</t>
  </si>
  <si>
    <t>【上海电气】压力表\12032462\YN150ZT\0-1MPa</t>
  </si>
  <si>
    <t>【上海电气】真空压力表\12032466\ZN150ZT\-0.1-0MPa</t>
  </si>
  <si>
    <t>【上海电气】压力表\12032473\YN150ZT\0-25MPa</t>
  </si>
  <si>
    <t>【上海电气】压力表\12032474\YN150ZT\0-10MPa</t>
  </si>
  <si>
    <t>【上海电气】压力表\12032475\YN150ZT\0-0.4MPa</t>
  </si>
  <si>
    <t>【上海电气】压力表\12032476\YN150ZT\0-2.5MPa</t>
  </si>
  <si>
    <t>【上海电气】压力表\12126090\Y-150Z\G1/2A\0-40bar</t>
  </si>
  <si>
    <t>【上海电气】压力表\12168999\Y-100BFZ\0-40MPa</t>
  </si>
  <si>
    <t>【上海电气】压力表\12169000\Y-100BFZ\0-60MPa</t>
  </si>
  <si>
    <t>【上海电气】压力表\12174127\Y-150Z\BF\Z\G1/2A_0-4MPa</t>
  </si>
  <si>
    <t>【上海电气汽轮机】 表及压力变送器\D156.36.74(1)</t>
  </si>
  <si>
    <t>【上海电气汽轮机】 表及压力变送器\155.36.74</t>
  </si>
  <si>
    <t>【上海电气汽轮机】 表及压力变送器\157.36.74</t>
  </si>
  <si>
    <t>【上海电气】压力表\168.73.41.01.50(1)\0-400bar</t>
  </si>
  <si>
    <t>【上海电气】压力表\168.73.41.01.51(1)\0-10bar</t>
  </si>
  <si>
    <t>【上海电气】压力表\168.73.41.01.52(1)\0-250bar</t>
  </si>
  <si>
    <t>【上海电气汽轮机】 压力开关\12011645\44V1-K2</t>
  </si>
  <si>
    <t>【上海电气汽轮机】 压力开关\12011646\44V1-K4</t>
  </si>
  <si>
    <t>【上海电气汽轮机】 压力开关\12011647\44V1-K5</t>
  </si>
  <si>
    <t>【上海电气汽轮机】 压力开关\12011651\4NN-K4</t>
  </si>
  <si>
    <t>【上海电气汽轮机】 压力开关\12011654\4NN-KK4</t>
  </si>
  <si>
    <t>【上海电气汽轮机】 压力开关\12011656\4NN-KK5</t>
  </si>
  <si>
    <t>【上海电气汽轮机】 压力开关\12011671\66V1-K2</t>
  </si>
  <si>
    <t>【上海电气汽轮机】 压力开关\12011680\74V1-K118</t>
  </si>
  <si>
    <t>【上海电气汽轮机】 压力开关\12011691\99V1-K5</t>
  </si>
  <si>
    <t>【上海电气汽轮机】 压力开关\12011692\9NN-K45</t>
  </si>
  <si>
    <t>【上海电气汽轮机】 压力开关\12011694\9NN-KK45</t>
  </si>
  <si>
    <t>【上海电气汽轮机】 压力开关\12028455\6NN-K2</t>
  </si>
  <si>
    <t>【上海电气汽轮机】 压力开关\12032456\54NN-K118</t>
  </si>
  <si>
    <t>【上海电气汽轮机】 压力开关\12033575\56NN-KK316</t>
  </si>
  <si>
    <t>【上海电气汽轮机】 压力开关\12034893\74V1-E118-N4</t>
  </si>
  <si>
    <t>【上海电气汽轮机】 压力开关\12034894\99V1-K45</t>
  </si>
  <si>
    <t>【上海电气汽轮机】 压力开关\12121279\55V1-K45</t>
  </si>
  <si>
    <t>【上海电气汽轮机】 压力开关\12124202\74V1-K117</t>
  </si>
  <si>
    <t>【上海电气汽轮机】 压力开关\12126089\54NN-KK118</t>
  </si>
  <si>
    <t>【上海电气汽轮机】 位移传感器\12192234\BTL5-E17-M0050</t>
  </si>
  <si>
    <t>【上海电气汽轮机】 位移传感器\168.33.42.20.02(1)\BTL7-M0100</t>
  </si>
  <si>
    <t>【上海电气汽轮机】 位移传感器\168.33.42.20.03(1)\BTL7-M0200</t>
  </si>
  <si>
    <t>【上海电气汽轮机】 位移传感器\168.33.42.20.04(1)\BTL7-M0150</t>
  </si>
  <si>
    <t>【上海电气汽轮机】 位移传感器\168.33.42.20.05(1)\BTL7-M0300</t>
  </si>
  <si>
    <t>【上海电气汽轮机】 位移传感器\168.33.42.40.09(1)\GBS0150</t>
  </si>
  <si>
    <t>【上海电气汽轮机】 位移传感器\296.33.01.16.02</t>
  </si>
  <si>
    <t>【上海电气汽轮机】 位移传感器\12128803\BTL5-M0150</t>
  </si>
  <si>
    <t>【上海电气汽轮机】 位移传感器\12182090\BTL5-M0250</t>
  </si>
  <si>
    <t>【上海电气汽轮机】 位移传感器\12186213\BTL5-M0075</t>
  </si>
  <si>
    <t>【上海电气汽轮机】 位移传感器\12208152\BTL7-M0220</t>
  </si>
  <si>
    <t>【上海电气汽轮机】 位移传感器\12208153\BTL7-M0345</t>
  </si>
  <si>
    <t>【上海电气汽轮机】 位移传感器\12208154\BTL7-M0385</t>
  </si>
  <si>
    <t>【上海电气】变压器\12001423\100W_240\220V</t>
  </si>
  <si>
    <t>【上海电气汽轮机】 电磁铁\12002701\MFB1-7YC_AC220V</t>
  </si>
  <si>
    <t>【上海电气汽轮机】 行程开关\12011206\3SE3_120-1BA</t>
  </si>
  <si>
    <t>【上海电气汽轮机】 行程开关\12011209\3SE3_120-1DA</t>
  </si>
  <si>
    <t>【上海电气汽轮机】 行程开关\12011229\GLAB20A1B</t>
  </si>
  <si>
    <t>【上海电气】蓄能器皮囊\12011286\L10</t>
  </si>
  <si>
    <t>【上海电气】蓄能器皮囊\12011287\L25</t>
  </si>
  <si>
    <t>【上海电气】蓄能器皮囊\12011288\L40</t>
  </si>
  <si>
    <t>【上海电气】蓄能器\165.73.08.01-40\L40</t>
  </si>
  <si>
    <t>【上海电气汽轮机】 冲氮工具\12002048\FPU</t>
  </si>
  <si>
    <t>【上海电气汽轮机】 电子温度继电器\12003239\ETS1701</t>
  </si>
  <si>
    <t>【上海电气汽轮机】 二位三通球阀\12003742\KHB3K-G1</t>
  </si>
  <si>
    <t>【上海电气汽轮机】 阀\12003765\WSEV12120</t>
  </si>
  <si>
    <t>【上海电气汽轮机】 节流阀\12006258\DV-08</t>
  </si>
  <si>
    <t>【上海电气汽轮机】 节流阀\12006260\DVE-08</t>
  </si>
  <si>
    <t>【上海电气汽轮机】 节流阀\12006261\DVE-16</t>
  </si>
  <si>
    <t>【上海电气汽轮机】 节流阀\12006262\DVP-06</t>
  </si>
  <si>
    <t>【上海电气汽轮机】 节流阀\12006263\DVP-12</t>
  </si>
  <si>
    <t>【上海电气汽轮机】 节流阀\12006264\DVP-16</t>
  </si>
  <si>
    <t>【上海电气汽轮机】 蓄能器\12011279\SB330-24A1</t>
  </si>
  <si>
    <t>【上海电气汽轮机】 压差发讯器\12011330\VD5B.1\-V</t>
  </si>
  <si>
    <t>【上海电气汽轮机】 蓄能器皮囊及密封圈\12021301\SB330-24A1</t>
  </si>
  <si>
    <t>【上海电气汽轮机】 板式球阀\12027070\KHP-25</t>
  </si>
  <si>
    <t>【上海电气汽轮机】 安全阀\12028077\SAF20M16N</t>
  </si>
  <si>
    <t>【上海电气汽轮机】 活塞泵\12032246\PV016R9K1T1MRC</t>
  </si>
  <si>
    <t>【上海电气汽轮机】 叶片泵\12032247\SDV20</t>
  </si>
  <si>
    <t>【上海电气】蓄能器皮囊\12097877\用于SB330-50A1\L50</t>
  </si>
  <si>
    <t>【上海电气汽轮机】 阀\12113899\WSM12120V</t>
  </si>
  <si>
    <t>【上海电气】蓄能器密封圈组件\12118213\用于SB330-50A1\L50</t>
  </si>
  <si>
    <t>【上海电气汽轮机】 堵塞指示器\12118221\VD5D.0\-V-L24</t>
  </si>
  <si>
    <t>【上海电气】压差发讯器\12128802\VD5BM.1\-V11\10\HYDAC配氟橡胶密封件</t>
  </si>
  <si>
    <t>【上海电气】密封件\12169538\DF060\110\140P-FKM\氟橡胶</t>
  </si>
  <si>
    <t>【上海电气】密封件\12170126\DF160\240\280P-FKM\氟橡胶</t>
  </si>
  <si>
    <t>【上海电气汽轮机】 高压过滤器\12170144\DFBW60QB25</t>
  </si>
  <si>
    <t>【上海电气汽轮机】 高压过滤器\12170145\DFBW240</t>
  </si>
  <si>
    <t>【上海电气汽轮机】 盘车电磁阀1\12175589\WS16Y</t>
  </si>
  <si>
    <t>【上海电气汽轮机】 盘车电磁阀2\12175590\3/2-Wege-Magnetventil3We10</t>
  </si>
  <si>
    <t>【上海电气汽轮机】 主汽门油动机过滤器滤芯\12179699\用于DFPW060QB25BM1.X</t>
  </si>
  <si>
    <t>【上海电气汽轮机】 高调门油动机过滤器滤芯\12179700\用于DFPBH\HC060QB10BM1.X</t>
  </si>
  <si>
    <t>【上海电气汽轮机】 空气呼吸器\12180323\LUBN\HC3GG20W2.X</t>
  </si>
  <si>
    <t>【上海电气汽轮机】 螺塞\14007924\ERMETO_VSTI_G1/2-ED-G1/2A_ST</t>
  </si>
  <si>
    <t>【上海电气汽轮机】 螺塞\14007925\ERMETO_VSTI_G1/4-ED-G1/4A_ST</t>
  </si>
  <si>
    <t>【上海电气汽轮机】 O形密封圈\19000850\68*5\706009_setofgasket-ERFLD400</t>
  </si>
  <si>
    <t>【上海电气汽轮机】 O形密封圈\19000851\370*5\706009_setofgasket-ERFLD40</t>
  </si>
  <si>
    <t>【上海电气汽轮机】 密封环\19000903\ST_ERMETO_DKIG1/2-G1/2</t>
  </si>
  <si>
    <t>【上海电气汽轮机】 O形密封圈\19008872\用于DFBH\HC240QE10D1.0</t>
  </si>
  <si>
    <t>【上海电气汽轮机】 主汽门油动机过滤器O型密封圈\19008874\用于DFPW060QB25BM1.X</t>
  </si>
  <si>
    <t>【上海电气汽轮机】 高调门油动机过滤器O型密封圈\19008875\用于DFPBH\HC060QB10BM1</t>
  </si>
  <si>
    <t>【上海电气汽轮机】 分流阀块\IL30.261750.36</t>
  </si>
  <si>
    <t>【上海电气汽轮机】 滤器\HA56.73.41.01.40\LF240</t>
  </si>
  <si>
    <t>【上海电气汽轮机】 滤芯\HA56.73.41.01.41\LF240</t>
  </si>
  <si>
    <t>【上海电气汽轮机】 回油滤器\SH73.60.01.05.01\330</t>
  </si>
  <si>
    <t>【上海电气汽轮机】 回油滤芯\SH73.60.01.05.02\330</t>
  </si>
  <si>
    <t>【上海电气汽轮机】 球阀\SH73.60.01.07.02\DN20</t>
  </si>
  <si>
    <t>【上海电气汽轮机】 进油滤芯\SH73.60.01.05.05\240</t>
  </si>
  <si>
    <t>【上海电气汽轮机】 滤器\168.33.42.40.10(1)</t>
  </si>
  <si>
    <t>【上海电气】滤器\168.33.42.40.11(1)\10μ</t>
  </si>
  <si>
    <t>【上海电气汽轮机】 滤器\168.33.42.40.19(1)</t>
  </si>
  <si>
    <t>【上海电气】滤芯\168.33.42.40.24(1)\25μ</t>
  </si>
  <si>
    <t>【上海电气】滤芯\168.33.42.40.25(1)\10μ</t>
  </si>
  <si>
    <t>【上海电气】滤芯\168.33.42.40.26(1)\25μ</t>
  </si>
  <si>
    <t>【上海电气】放油球阀\168.73.41.01.01(1)\DN25</t>
  </si>
  <si>
    <t>【上海电气】球阀\168.73.41.01.02(1)\DN20</t>
  </si>
  <si>
    <t>【上海电气】球阀\168.73.41.01.03(1)\DN32</t>
  </si>
  <si>
    <t>【上海电气】球阀\168.73.41.01.04(1)\DN6</t>
  </si>
  <si>
    <t>【上海电气】高压球阀\168.73.41.01.05(1)\DN16</t>
  </si>
  <si>
    <t>【上海电气】球阀\168.73.41.01.07(1)\DN10</t>
  </si>
  <si>
    <t>【上海电气汽轮机】 压力传感器\168.73.41.01.34(1)\HDA4744</t>
  </si>
  <si>
    <t>【上海电气汽轮机】 插头\168.73.41.01.35(1)\ZBE03</t>
  </si>
  <si>
    <t>【上海电气汽轮机】 蓄能器\168.73.41.01.43(1)\SB330-50A1</t>
  </si>
  <si>
    <t>【上海电气汽轮机】 蓄能器垫圈\168.73.41.01.47(1)</t>
  </si>
  <si>
    <t>【上海电气汽轮机】 抱箍\168.73.41.01.48(1)\HYRAC223</t>
  </si>
  <si>
    <t>【上海电气汽轮机】 玻璃板液位计\168.73.41.01.58(1)\FSA-254</t>
  </si>
  <si>
    <t>【上海电气汽轮机】 进油滤芯\168.73.41.03.10(1)</t>
  </si>
  <si>
    <t>【上海电气汽轮机】 进油滤器密封件\168.73.41.03.13(1)</t>
  </si>
  <si>
    <t>【上海电气】板式球阀\196.73.41.01.69(1)\DN32</t>
  </si>
  <si>
    <t>【上海电气】板式球阀\196.73.41.01.70(1)\DN20</t>
  </si>
  <si>
    <t>【上海电气汽轮机】 阀块\906.07.02.24</t>
  </si>
  <si>
    <t>【上海电气汽轮机】 回油滤器\906.73.41.01.28(1)\RFBN\HC950</t>
  </si>
  <si>
    <t>【上海电气汽轮机】 发讯器\906.73.41.01.29(1)\VR2D.1</t>
  </si>
  <si>
    <t>【上海电气汽轮机】 滤器\906.73.41.01.30(1)\RFBN\HC60DC10D1.0</t>
  </si>
  <si>
    <t>【上海电气汽轮机】 变径接头\12001405\FG12-11/4*3/4</t>
  </si>
  <si>
    <t>【上海电气汽轮机】 变径接头\12001406\FG12-1*3/4</t>
  </si>
  <si>
    <t>【上海电气汽轮机】 单向阀\12002465\W-RV-S25GIWD</t>
  </si>
  <si>
    <t>【上海电气汽轮机】 堵头\12003613\FG32-1</t>
  </si>
  <si>
    <t>【上海电气汽轮机】 堵头\12003614\FG32-11/4</t>
  </si>
  <si>
    <t>【上海电气汽轮机】 堵头\12003615\FG32-3/4</t>
  </si>
  <si>
    <t>【上海电气汽轮机】 端直通接头\12003695\W-GE-L08G3/8WD-SS_套焊</t>
  </si>
  <si>
    <t>【上海电气汽轮机】 端直通接头\12003696\W-GE-L08M12*1.5WD-SS</t>
  </si>
  <si>
    <t>【上海电气汽轮机】 90°弯头\12003716\BWW-48.3*3.68-SS</t>
  </si>
  <si>
    <t>【上海电气汽轮机】 90°弯头\12003717\BWW-48.3*5.08-SS</t>
  </si>
  <si>
    <t>【上海电气汽轮机】 三通\12003718\48.3*3.68-SS</t>
  </si>
  <si>
    <t>【上海电气汽轮机】 三通\12003719\48.3*5.08-SS</t>
  </si>
  <si>
    <t>【上海电气汽轮机】 法兰\12003762\WF16DN50_60*2.9-304</t>
  </si>
  <si>
    <t>【上海电气汽轮机】 管接头\12004745\W-GE-L08*1.5M12*1.5WD-SS_1Cr18Ni9Ti</t>
  </si>
  <si>
    <t>【上海电气汽轮机】 管接头\12004783\P250GH_BU15-21.3*2.9-G3/4_KUN675.05</t>
  </si>
  <si>
    <t>【上海电气汽轮机】 管接头\12004793\W-EW-L35G11/4WD-SS_套焊</t>
  </si>
  <si>
    <t>【上海电气汽轮机】 管接头\12004795\W-GE-L18-3/4UNF-SS_套焊</t>
  </si>
  <si>
    <t>【上海电气汽轮机】 管接头\12004797\W-GE-S25-11/16UN-SS_套焊</t>
  </si>
  <si>
    <t>【上海电气汽轮机】 管接头\12004798\W-GE-S25G1WD-SS_套焊</t>
  </si>
  <si>
    <t>【上海电气汽轮机】 过渡接头\12004925\DU-G1"-SS</t>
  </si>
  <si>
    <t>【上海电气汽轮机】 三通\12004949\TAS-MU-AD25-6-25-SS</t>
  </si>
  <si>
    <t>【上海电气】进油法兰\12006817\BSF1.25"-6\48.3*5.08\部件2+3</t>
  </si>
  <si>
    <t>【上海电气】进油法兰\12006818\BSF3/4"-3\26.9*3.6\部件2+3</t>
  </si>
  <si>
    <t>【上海电气汽轮机】 螺塞\12007611\ROV18-PL-ST-ERMETO</t>
  </si>
  <si>
    <t>【上海电气汽轮机】 球阀\12008190\BK3-G11/4</t>
  </si>
  <si>
    <t>【上海电气汽轮机】 球阀\12008191\BK3-G125</t>
  </si>
  <si>
    <t>【上海电气汽轮机】 球阀\12008197\FKH16</t>
  </si>
  <si>
    <t>【上海电气汽轮机】 球阀\12008200\KH-G11/4</t>
  </si>
  <si>
    <t>【上海电气汽轮机】 球阀\12008201\KH-G3/4</t>
  </si>
  <si>
    <t>【上海电气汽轮机】 球阀\12008242\W-RKH35L*4</t>
  </si>
  <si>
    <t>【上海电气汽轮机】 软管接头\12008776\FG71-3/4</t>
  </si>
  <si>
    <t>【上海电气汽轮机】 三通\12008846\48.3*3.68\33.4*3.38\48.3*3.68-SS</t>
  </si>
  <si>
    <t>【上海电气汽轮机】 三通\12008847\48.3*5.08\26.7*3.91\48.3*5.08-SS</t>
  </si>
  <si>
    <t>【上海电气汽轮机】 三通\12008953\GT04-17-5</t>
  </si>
  <si>
    <t>【上海电气汽轮机】 三通\12008954\GT04-17-3_1Cr18Ni9Ti</t>
  </si>
  <si>
    <t>【上海电气汽轮机】 缩节\12010186\42.2*4.85-26.7*3.91A_ASTM-A105_ANSI</t>
  </si>
  <si>
    <t>【上海电气汽轮机】 套焊对接\12010348\AS-MU-AD8-SS_0Cr18Ni9-T4</t>
  </si>
  <si>
    <t>【上海电气汽轮机】 弯通终端接头\12010519\GT04-11-77-1_1Cr18Ni9Ti_2</t>
  </si>
  <si>
    <t>【上海电气汽轮机】 直角接头\12013387\W-WHV-L35G11/4-SS</t>
  </si>
  <si>
    <t>【上海电气汽轮机】 直角组合接头\12013389\W-EW-L08M12*1.5WD-SS</t>
  </si>
  <si>
    <t>【上海电气汽轮机】 直通接头\12013505\AS-MU-AD6-SS</t>
  </si>
  <si>
    <t>【上海电气汽轮机】 直通接头\12013507\GT04-7-77-3_1Cr18Ni9Ti_do10</t>
  </si>
  <si>
    <t>【上海电气汽轮机】 管接头\12013571\GT04-1-7_1Cr18Ni9Ti</t>
  </si>
  <si>
    <t>【上海电气汽轮机】 三通\12014726\TAS-MU-AD35_35</t>
  </si>
  <si>
    <t>【上海电气汽轮机】 弯头\12014854\WAS-MU-AD18_16</t>
  </si>
  <si>
    <t>【上海电气汽轮机】 三通\12015770\GT04-17-2</t>
  </si>
  <si>
    <t>【上海电气汽轮机】 法兰\12023300\ASF1"-3\33.7*3.6-SS</t>
  </si>
  <si>
    <t>【上海电气汽轮机】 测压软管\12024722\RSO-TN-SS\M20*1.5-SS-1000</t>
  </si>
  <si>
    <t>【上海电气汽轮机】 三通\12026001\TVRL35\28\35-SS</t>
  </si>
  <si>
    <t>【上海电气汽轮机】 管接头\12026004\GAI-L28G1-SS</t>
  </si>
  <si>
    <t>【上海电气汽轮机】 管接头\12029834\GT04-1-9</t>
  </si>
  <si>
    <t>【上海电气汽轮机】 管接头\12031072\BU25-33.7*4-G11/4A_P250GH_KUN675.05</t>
  </si>
  <si>
    <t>【上海电气汽轮机】 螺纹保护罩\12035325\HYTBLACK_M36-B-G70_DGSLV-860035A</t>
  </si>
  <si>
    <t>【上海电气汽轮机】 螺纹保护罩\12035326\601849_LD-PEBLACK_M42-B-G79_RADO</t>
  </si>
  <si>
    <t>【上海电气汽轮机】 针阀\12037726\A7-3-A-E</t>
  </si>
  <si>
    <t>【上海电气汽轮机】 管接头\12096423\W-GE-L28*2.5-1NPT</t>
  </si>
  <si>
    <t>【上海电气汽轮机】 外螺纹接头\12096424\GE-L28G1WD-SS</t>
  </si>
  <si>
    <t>【上海电气汽轮机】 聚四氟乙烯PTFE软管\12096427\CLWB-DN20*2100_DKOL-22-DN20</t>
  </si>
  <si>
    <t>【上海电气汽轮机】 聚四氟乙烯PTFE软管\12096428\CLWB-DN20*1200_DKOL-22-DN20</t>
  </si>
  <si>
    <t>【上海电气汽轮机】 聚四氟乙烯PTFE软管\12096429\CLWB-DN25*1200_DKOL90-28-DN</t>
  </si>
  <si>
    <t>【上海电气汽轮机】 聚四氟乙烯PTFE软管\12096430\CLWB-DN20*2500_DKOL-22-DN20</t>
  </si>
  <si>
    <t>【上海电气汽轮机】 聚四氟乙烯PTFE软管\12096432\CLWB-DN25*1000_DKOL90-28</t>
  </si>
  <si>
    <t>【上海电气汽轮机】 聚四氟乙烯PTFE软管\12096433\CLWB-DN20*1800_DKOL-22-DN20</t>
  </si>
  <si>
    <t>【上海电气汽轮机】 外螺纹接头\12096482\GE-L22G3/4WD-SS</t>
  </si>
  <si>
    <t>【上海电气汽轮机】 管夹\12113392\RAPR12-110</t>
  </si>
  <si>
    <t>【上海电气汽轮机】 直通内螺纹接头\12114329\W-GAI-S16*3G1/2-SS</t>
  </si>
  <si>
    <t>【上海电气汽轮机】 接头\12114873\*6CRNIMOTI17-12-2_B15-21.3*2-G3/4A_K</t>
  </si>
  <si>
    <t>【上海电气汽轮机】 接头\12114874\*6CRNIMOTI17-12-2_A15-21.3*2_KUN675@</t>
  </si>
  <si>
    <t>【上海电气汽轮机】 管接头\12121841\W-GE-L22*4G1WD-SS</t>
  </si>
  <si>
    <t>【上海电气汽轮机】 聚四氟乙烯PTFE软管\12123430\CLWB-DN25*1600_DKOL90-28-DN@</t>
  </si>
  <si>
    <t>【上海电气汽轮机】 聚四氟乙烯PTFE软管\12123431\CLWB-DN25*2000_DKOL90-28-DN@</t>
  </si>
  <si>
    <t>【上海电气汽轮机】 聚四氟乙烯PTFE软管\12123432\CLWB-DN40*1000_DKOL90-42-DN@</t>
  </si>
  <si>
    <t>【上海电气汽轮机】 管接头\12124476\W-GE-S16G1WD-SS</t>
  </si>
  <si>
    <t>【上海电气汽轮机】 三通\12126146\33.4*3.38\10*1.6\33.4*3.38-SS</t>
  </si>
  <si>
    <t>【上海电气汽轮机】 管接头\12131023\*6CRNIMOTI17-12-2_B15-21.3*2.9-G3/4@</t>
  </si>
  <si>
    <t>【上海电气汽轮机】 管接头\12131802\BU25-33.4*4.55-G11/4A_X6CrNiMoTi17</t>
  </si>
  <si>
    <t>【上海电气汽轮机】 管接头\12131803\BU20-26.7*3.91-G1A_X6CrNiMoTi17-12</t>
  </si>
  <si>
    <t>【上海电气汽轮机】 不锈钢三通\12167122\BWT-16*3-SS</t>
  </si>
  <si>
    <t>【上海电气汽轮机】 焊接式接头\12169286\316Ti_SKVM-L18*2.0-SS-M26*1.5</t>
  </si>
  <si>
    <t>【上海电气汽轮机】 三通\12171712\BWT-φ26.7*3.91*φ48.3*5.08_SS</t>
  </si>
  <si>
    <t>【上海电气汽轮机】 三通\12171713\BWT-φ33.4*3.38*φ48.3*3.68_SS</t>
  </si>
  <si>
    <t>【上海电气汽轮机】 针阀\12176931\B113AGSZ17SZ17</t>
  </si>
  <si>
    <t>【上海电气汽轮机】 针阀\12178830\N9044S16S-11</t>
  </si>
  <si>
    <t>【上海电气汽轮机】 压力表接头\12182446\W-MV-S12*2.5-M20*1.520-0</t>
  </si>
  <si>
    <t>【上海电气汽轮机】 管接头\12182448\GE-S16*3G1/2WD20-0</t>
  </si>
  <si>
    <t>【上海电气汽轮机】 锥螺纹管接头\12182450\W-GAI-L22*3-3/4NPT20-0</t>
  </si>
  <si>
    <t>【上海电气汽轮机】 三通管接头\12182451\W-TVR-L28*3\15*2\28*320-0</t>
  </si>
  <si>
    <t>【上海电气汽轮机】 三通管接头\12182452\W-TVR-L28*3\12*2.5\28*320-0</t>
  </si>
  <si>
    <t>【上海电气汽轮机】 变径接头\12183711\BWGB-33.7*6.35\16*3-SS</t>
  </si>
  <si>
    <t>【上海电气汽轮机】 管接头\12184488\GE-L18M22*1.5-JC-SS</t>
  </si>
  <si>
    <t>【上海电气汽轮机】 单向阀\12184666\MTR-15\8</t>
  </si>
  <si>
    <t>【上海电气汽轮机】 单向阀\12184667\MTR-7\8</t>
  </si>
  <si>
    <t>【上海电气】管接头\12185932\W-GE-L22*3.5G1/2WD-SS\壁厚为3.5mm</t>
  </si>
  <si>
    <t>【上海电气汽轮机】 锥螺纹管接头\12186445\W-GE-L22*3-3/4NPT_20-0</t>
  </si>
  <si>
    <t>【上海电气汽轮机】 90°弯头\12189772\BWW-26.7*3.91-SS</t>
  </si>
  <si>
    <t>【上海电气汽轮机】 堵头\12190189\VST-M14*1.5-SS</t>
  </si>
  <si>
    <t>【上海电气汽轮机】 堵头\12190190\VST-M33*2-SS</t>
  </si>
  <si>
    <t>【上海电气汽轮机】 垫圈\13001140\FD16DN50316</t>
  </si>
  <si>
    <t>【上海电气汽轮机】 软管\16001440\聚四氟乙烯_CLW8-DN20_3500</t>
  </si>
  <si>
    <t>【上海电气汽轮机】 管接头\B670000310\S2241.1-8-G0.5"</t>
  </si>
  <si>
    <t>【上海电气汽轮机】 管接头\B670000930\S2245.1-25-33.7*4</t>
  </si>
  <si>
    <t>【上海电气汽轮机】 管接头\B670001630\S2246.2-15-21.3*2.9</t>
  </si>
  <si>
    <t>【上海电气汽轮机】 螺母管接\B670002780\S2247.3G-10-17.2*2</t>
  </si>
  <si>
    <t>【上海电气汽轮机】 管接头\B670003020\S2242.2G-8-13.5*2.6</t>
  </si>
  <si>
    <t>【上海电气汽轮机】 对焊式三通接头\B670003150\S2263.4G-17.2*2</t>
  </si>
  <si>
    <t>【上海电气汽轮机】 焊接式接头体\B670003410\S2244.3G-10-17.2*2</t>
  </si>
  <si>
    <t>【上海电气汽轮机】 管接头\B670003570\S2245.5G-25-33.7*2.6</t>
  </si>
  <si>
    <t>【上海电气】带接头软管\B6A0002130\S4001.1-DN16*480\(90°-90°)</t>
  </si>
  <si>
    <t>【上海电气】带接头软管\B6A0002140\S4001.1-DN16*560\(90°-90°)</t>
  </si>
  <si>
    <t>【上海电气】带接头软管\B6A0002180\S4003.1-DN12*600\(45°-90°)</t>
  </si>
  <si>
    <t>【上海电气】带接头软管\B6A0002200\S4004.1-DN16*1200\(45°-0)</t>
  </si>
  <si>
    <t>【上海电气】带接头软管\B6A0002210\S4005.1-DN16*1300\(90°-0)</t>
  </si>
  <si>
    <t>【上海电气】带接头软管\B6A0002220\S4005.1-DN16*1490\(90°-0)</t>
  </si>
  <si>
    <t>【上海电气】带接头软管\B6A0002230\S4005.1-DN16*1700\(90°-0)</t>
  </si>
  <si>
    <t>【上海电气】带接头软管\B6A0002240\S4005.1-DN16*1850\(90°-0)</t>
  </si>
  <si>
    <t>【上海电气】带接头软管\B6A0002250\S4005.1-DN16*2100\(90°-0)</t>
  </si>
  <si>
    <t>【上海电气】带接头软管\B6A0002260\S4005.1-DN16*840\(90°-0)</t>
  </si>
  <si>
    <t>【上海电气汽轮机】 90°接头\B6A0002280\S4011.1-L18*M26*1.5</t>
  </si>
  <si>
    <t>【上海电气汽轮机】 直接头\B6A0006180\S4015.2-L12*M16*1.5</t>
  </si>
  <si>
    <t>【上海电气汽轮机】 金属软管\B6A0006380\0S4020.1-DN12*1400</t>
  </si>
  <si>
    <t>【上海电气汽轮机】 金属软管\B6A0006390\S4020.1-DN12*2500</t>
  </si>
  <si>
    <t>【上海电气】带接头软管\B6A0006400\S4005.1-DN16*3300\(90°-0)</t>
  </si>
  <si>
    <t>【上海电气】带接头软管\B6A0006460\S4005.1-DN12*1500\(90°-0)</t>
  </si>
  <si>
    <t>【上海电气】带接头软管\B6A0006470\S4005.1-DN12*1200\(90°-0)</t>
  </si>
  <si>
    <t>【上海电气】带接头软管\B6A0006480\S4005.1-DN12*2500\(90°-0)</t>
  </si>
  <si>
    <t>【上海电气】带接头软管\B6A0006540\S4001.1-DN16*5500\(90°-90°)</t>
  </si>
  <si>
    <t>【上海电气】带接头软管\B6A0006550\S4001.1-DN16*4000\(90°-90°)</t>
  </si>
  <si>
    <t>【上海电气】带接头软管\B6A0006560\S4005.1-DN16*4800\(90°-0)</t>
  </si>
  <si>
    <t>【上海电气】带接头软管\B6A0006570\S4005.1-DN16*3000\(90°-0)</t>
  </si>
  <si>
    <t>【上海电气汽轮机】 金属软管\B6A0006630\S4001.1-DN16*3500</t>
  </si>
  <si>
    <t>【上海电气】带接头软管\B6A0007630\S4001.1-DN16*2100\(90°-90°)</t>
  </si>
  <si>
    <t>【上海电气】带接头软管\B6A0007640\S4001.1-DN16*1800\(90°-90°)</t>
  </si>
  <si>
    <t>【上海电气】带接头软管\B6A0007950\S4001.1-DN16*2400\(90°-90°)</t>
  </si>
  <si>
    <t>【上海电气汽轮机】 直接头\B6A0008270\S4015.2G-L12*M16*1.5</t>
  </si>
  <si>
    <t>【上海电气】带接头软管\B6A0008300\S4001.1-DN16*2000\(90°-90°)</t>
  </si>
  <si>
    <t>【上海电气】带接头软管\B6A0008410\S4001.1-DN16*1400\(90°-90°)</t>
  </si>
  <si>
    <t>【上海电气】带接头软管\B6A0008440\S4004.1G-DN10*1100\(45°-0)</t>
  </si>
  <si>
    <t>【上海电气汽轮机】 管接头\B6A0008570\S2246.10G-10-17.2*2</t>
  </si>
  <si>
    <t>【上海电气汽轮机】 缩节\B6A0008710\S2282.5G-33.7*2.3-26.9*2</t>
  </si>
  <si>
    <t>【上海电气】带接头软管\B6A0008840\S4001.1-DN16*1200\(90°-90°)</t>
  </si>
  <si>
    <t>【上海电气】带接头软管\B6A0008850\S4001.1-DN16*740\(90°-90°)</t>
  </si>
  <si>
    <t>【上海电气汽轮机】 外螺纹接头\B6A0009060\S2232.2</t>
  </si>
  <si>
    <t>【上海电气汽轮机】 金属软管\B6A0009220\S4020.1-DN12*1600</t>
  </si>
  <si>
    <t>【上海电气汽轮机】 管接头\F195.07.01.03\KTV-26.7*2.87-G1A</t>
  </si>
  <si>
    <t>【上海电气汽轮机】 表用管接\F195.07.03.11</t>
  </si>
  <si>
    <t>【上海电气汽轮机】 接管\F195.28.01.10</t>
  </si>
  <si>
    <t>【上海电气汽轮机】 管接头\A56.73.41.01.08\UN3/4*18</t>
  </si>
  <si>
    <t>【上海电气汽轮机】 管接头\HA56.73.41.01.07\1/2*13.7</t>
  </si>
  <si>
    <t>【上海电气汽轮机】 管接头\HA56.73.41.01.10</t>
  </si>
  <si>
    <t>【上海电气汽轮机】 三通\HA56.73.41.01.49\G1"</t>
  </si>
  <si>
    <t>【上海电气汽轮机】 三通\HA56.73.41.01.50\13.7</t>
  </si>
  <si>
    <t>【上海电气汽轮机】 球阀\HA56.73.41.01.57\G1"</t>
  </si>
  <si>
    <t>【上海电气汽轮机】 弯头\HA56.73.41.01.68\13.7</t>
  </si>
  <si>
    <t>【上海电气汽轮机】 直通\HA56.73.41.01.84\G1"</t>
  </si>
  <si>
    <t>【上海电气汽轮机】 弯头\HA56.73.41.01.86\G1"</t>
  </si>
  <si>
    <t>【上海电气汽轮机】 焊接活接头\HA56.73.41.01.88\G1"</t>
  </si>
  <si>
    <t>【上海电气汽轮机】 弯管接头\SH73.60.01.01.01\G11/4*30</t>
  </si>
  <si>
    <t>【上海电气汽轮机】 弯管接头\SH73.60.01.01.02\G11/2*38</t>
  </si>
  <si>
    <t>【上海电气汽轮机】 接头\SH73.60.01.01.03\S25</t>
  </si>
  <si>
    <t>【上海电气汽轮机】 变径接头\SH73.60.01.01.04\S38\25</t>
  </si>
  <si>
    <t>【上海电气汽轮机】 压力表接头\SH73.60.01.01.05\L08G1/2</t>
  </si>
  <si>
    <t>【上海电气汽轮机】 直角螺母接头体\SH73.60.01.01.06\L08</t>
  </si>
  <si>
    <t>【上海电气汽轮机】 直角接头体\SH73.60.01.01.07\L08</t>
  </si>
  <si>
    <t>【上海电气汽轮机】 三通管接\SH73.60.01.01.08\G1/4L08</t>
  </si>
  <si>
    <t>【上海电气汽轮机】 接头体\SH73.60.01.01.09\G11/2</t>
  </si>
  <si>
    <t>【上海电气汽轮机】 法兰\SH73.60.01.02.01\57</t>
  </si>
  <si>
    <t>【上海电气汽轮机】 法兰\SH73.60.01.02.02\25</t>
  </si>
  <si>
    <t>【上海电气汽轮机】 法兰\SH73.60.01.02.03\35</t>
  </si>
  <si>
    <t>【上海电气汽轮机】 三通\SH73.60.01.01.11\25-30-25</t>
  </si>
  <si>
    <t>【上海电气汽轮机】 三通管接\SH73.60.01.01.12\G1\4L08</t>
  </si>
  <si>
    <t>【上海电气汽轮机】 三通\SH73.60.01.01.14\25-35-25</t>
  </si>
  <si>
    <t>【上海电气汽轮机】 弯头\SH73.60.01.01.15\35</t>
  </si>
  <si>
    <t>【上海电气汽轮机】 管接头\SH73.60.01.01.16\7\16*08</t>
  </si>
  <si>
    <t>【上海电气汽轮机】 SAE法蓝\SH73.60.01.02.08\11/4\30*4</t>
  </si>
  <si>
    <t>【上海电气汽轮机】 焊接管接头\SH73.60.01.01.18\35</t>
  </si>
  <si>
    <t>【上海电气汽轮机】 三通\SH73.60.01.01.20\12</t>
  </si>
  <si>
    <t>【上海电气汽轮机】 管接头\SH73.60.01.01.21\12\NPT1/2</t>
  </si>
  <si>
    <t>【上海电气汽轮机】 管接头\DR96.07.01.05\KTV-26.7*2.87-G1A</t>
  </si>
  <si>
    <t>【上海电气汽轮机】 管接头\DR96.07.02.02\G1A-21.3*3.72</t>
  </si>
  <si>
    <t>【上海电气汽轮机】 SAE法兰\91AS.156.33.01.08.08\2-351*3.5</t>
  </si>
  <si>
    <t>【上海电气汽轮机】 管接头\91AS.156.33.01.08.10\L22*G3/4</t>
  </si>
  <si>
    <t>【上海电气汽轮机】 对焊弯头\159.01.27.10</t>
  </si>
  <si>
    <t>【上海电气汽轮机】 测压接头\168.33.42.40.12(1)</t>
  </si>
  <si>
    <t>【上海电气汽轮机】 弯管接头\168.73.41.02.02(1)\L42</t>
  </si>
  <si>
    <t>【上海电气汽轮机】 弯管接头\168.73.41.02.04(1)\L8</t>
  </si>
  <si>
    <t>【上海电气汽轮机】 弯管接头\168.73.41.02.07(1)\L28*G1</t>
  </si>
  <si>
    <t>【上海电气汽轮机】 管接头\168.73.41.02.09(1)\M14*1.5\8</t>
  </si>
  <si>
    <t>【上海电气汽轮机】 管接头\168.73.41.02.11(1)\M22*1.5\16</t>
  </si>
  <si>
    <t>【上海电气汽轮机】 管接头\168.73.41.02.12(1)\G1/4*8</t>
  </si>
  <si>
    <t>【上海电气汽轮机】 管接头\168.73.41.02.13(1)\G1/2\16</t>
  </si>
  <si>
    <t>【上海电气汽轮机】 管接头\168.73.41.02.14(1)\G3/4*20</t>
  </si>
  <si>
    <t>【上海电气汽轮机】 管节头\168.73.41.02.15(1)\G3/4*25</t>
  </si>
  <si>
    <t>【上海电气汽轮机】 管节头\168.73.41.02.16(1)\G11/4*30</t>
  </si>
  <si>
    <t>【上海电气汽轮机】 管接头\168.73.41.02.17(1)\G11/2*42</t>
  </si>
  <si>
    <t>【上海电气汽轮机】 管接头\168.73.41.02.18(1)\G1*25</t>
  </si>
  <si>
    <t>【上海电气汽轮机】 管接头\168.73.41.02.19(1)\G1/2*16</t>
  </si>
  <si>
    <t>【上海电气汽轮机】 管接头\168.73.41.02.22(1)\L8G1/4</t>
  </si>
  <si>
    <t>【上海电气汽轮机】 管接头\168.73.41.02.23(1)\L18*G1/2</t>
  </si>
  <si>
    <t>【上海电气汽轮机】 管接头\168.73.41.02.24(1)\L22*G3/4</t>
  </si>
  <si>
    <t>【上海电气汽轮机】 管接头\168.73.41.02.26(1)\L35G11/4</t>
  </si>
  <si>
    <t>【上海电气汽轮机】 管接头\168.73.41.02.27(1)\S25*G1</t>
  </si>
  <si>
    <t>【上海电气汽轮机】 螺母焊管\168.73.41.02.28(1)\L8*1.5</t>
  </si>
  <si>
    <t>【上海电气汽轮机】 螺母焊管\168.73.41.02.29(1)\L22*3</t>
  </si>
  <si>
    <t>【上海电气汽轮机】 接头体\168.73.41.02.34(1)\G1</t>
  </si>
  <si>
    <t>【上海电气汽轮机】 弯接头体\168.73.41.02.35(1)\G11/4</t>
  </si>
  <si>
    <t>【上海电气汽轮机】 弯接头体\168.73.41.02.36(1)\G1/4</t>
  </si>
  <si>
    <t>【上海电气汽轮机】 变径接头\168.73.41.02.40(1)\S30\S25</t>
  </si>
  <si>
    <t>【上海电气汽轮机】 接头\168.73.41.02.41(1)\S14</t>
  </si>
  <si>
    <t>【上海电气汽轮机】 接头\168.73.41.02.42(1)\L8</t>
  </si>
  <si>
    <t>【上海电气汽轮机】 接头\168.73.41.02.43(1)\L28</t>
  </si>
  <si>
    <t>【上海电气汽轮机】 L三通\168.73.41.02.45(1)\G1</t>
  </si>
  <si>
    <t>【上海电气汽轮机】 T三通\168.73.41.02.46(1)\25</t>
  </si>
  <si>
    <t>【上海电气汽轮机】 T 三通接头\168.73.41.02.47(1)\L08</t>
  </si>
  <si>
    <t>【上海电气汽轮机】 软管\168.73.41.02.50(1)\DN20L3000PT2W</t>
  </si>
  <si>
    <t>【上海电气汽轮机】 软管\168.73.41.02.51(1)\DN20L1800PT2W</t>
  </si>
  <si>
    <t>【上海电气汽轮机】 软管\168.73.41.02.52(1)\DN20L1500PT2W</t>
  </si>
  <si>
    <t>【上海电气汽轮机】 软管\168.73.41.02.53(1)\DN10L400PT1W</t>
  </si>
  <si>
    <t>【上海电气汽轮机】 堵头\168.73.41.02.65(1)\L35</t>
  </si>
  <si>
    <t>【上海电气汽轮机】 螺母堵头\168.73.41.02.66(1)\L8</t>
  </si>
  <si>
    <t>【上海电气汽轮机】 堵头\168.73.41.02.67(1)\L18</t>
  </si>
  <si>
    <t>【上海电气汽轮机】 堵头\168.73.41.02.68(1)\L28</t>
  </si>
  <si>
    <t>【上海电气汽轮机】 堵头\168.73.41.02.70(1)\G1/8</t>
  </si>
  <si>
    <t>【上海电气汽轮机】 堵头\168.73.41.02.71(1)\G1/4</t>
  </si>
  <si>
    <t>【上海电气汽轮机】 堵头\168.73.41.02.72(1)\G3/8</t>
  </si>
  <si>
    <t>【上海电气汽轮机】 堵头\168.73.41.02.73(1)\G1/2</t>
  </si>
  <si>
    <t>【上海电气汽轮机】 堵头\168.73.41.02.74(1)\G3/4</t>
  </si>
  <si>
    <t>【上海电气汽轮机】 堵头\168.73.41.02.75(1)\G1</t>
  </si>
  <si>
    <t>【上海电气汽轮机】 堵头\168.73.41.02.76(1)\G11/4</t>
  </si>
  <si>
    <t>【上海电气汽轮机】 堵头\168.73.41.02.77(1)\G11/2</t>
  </si>
  <si>
    <t>【上海电气汽轮机】 SAE法兰\168.73.41.02.78(1)\3/4“\25*3</t>
  </si>
  <si>
    <t>【上海电气汽轮机】 SAE法兰\168.73.41.02.80(1)\11/4\42*3</t>
  </si>
  <si>
    <t>【上海电气汽轮机】 SAE法兰\168.73.41.02.82(1)\11/2\38*5</t>
  </si>
  <si>
    <t>【上海电气汽轮机】 SAE法兰\168.73.41.02.84(1)\1/30*4</t>
  </si>
  <si>
    <t>【上海电气汽轮机】 SAE法兰\168.73.41.02.85(1)\2/35*4</t>
  </si>
  <si>
    <t>【上海电气汽轮机】 法兰\168.73.41.02.86(1)\SAE3/4</t>
  </si>
  <si>
    <t>【上海电气汽轮机】 法兰\168.73.41.02.87(1)\SAE11/4</t>
  </si>
  <si>
    <t>【上海电气汽轮机】 SAE法兰\168.73.41.02.89(1)\11/2\48.3*3.2</t>
  </si>
  <si>
    <t>【上海电气汽轮机】 变径接头\168.73.41.02.92(1)\S25\14</t>
  </si>
  <si>
    <t>【上海电气汽轮机】 变径三通\168.73.41.03.08(1)\25*25*20</t>
  </si>
  <si>
    <t>【上海电气汽轮机】 过渡接头\168.73.41.03.65(1)\G1</t>
  </si>
  <si>
    <t>【上海电气汽轮机】 过渡接头\168.73.41.03.66(1)\G1/4</t>
  </si>
  <si>
    <t>【上海电气汽轮机】 过渡接头\168.73.41.03.67(1)\G3/4</t>
  </si>
  <si>
    <t>【上海电气汽轮机】 过渡接头\168.73.41.03.69(1)\G11/2</t>
  </si>
  <si>
    <t>【上海电气汽轮机】 变径节头\168.73.41.03.71(1)\G11/2\G3/4</t>
  </si>
  <si>
    <t>【上海电气汽轮机】 变径节头\168.73.41.03.72(1)\G11/4\G3/4</t>
  </si>
  <si>
    <t>【上海电气汽轮机】 变径接头\168.73.41.03.74(1)\G1/2\G1/4</t>
  </si>
  <si>
    <t>【上海电气汽轮机】 变径接头\168.73.41.03.75(1)\G3/4\G1/4</t>
  </si>
  <si>
    <t>【上海电气汽轮机】 变径接头\168.73.41.03.76(1)\G11/4\G1</t>
  </si>
  <si>
    <t>【上海电气汽轮机】 压力表接头\168.73.41.03.80(1)\G1/2</t>
  </si>
  <si>
    <t>【上海电气汽轮机】 SAE法兰\168.73.41.02.90(1)\ASF3/4"</t>
  </si>
  <si>
    <t>【上海电气汽轮机】 堵头\168.73.41.02.59(1)\G13/4</t>
  </si>
  <si>
    <t>【上海电气汽轮机】 堵头\168.73.41.02.60(1)\G23/4</t>
  </si>
  <si>
    <t>【上海电气汽轮机】 表用管接\196.07.03.11</t>
  </si>
  <si>
    <t>【上海电气汽轮机】 管接头\196.73.41.01.73(1)\G1/2\18</t>
  </si>
  <si>
    <t>【上海电气汽轮机】 管接头\196.73.41.01.75(1)\G1/4\12</t>
  </si>
  <si>
    <t>【上海电气汽轮机】 管接头\196.73.41.01.76(1)\G11/2*38</t>
  </si>
  <si>
    <t>【上海电气汽轮机】 SAE法兰\196.73.41.01.82(1)\2/60*4</t>
  </si>
  <si>
    <t>【上海电气汽轮机】 三通\196.73.41.01.86(1)\BWT-42*3-SS</t>
  </si>
  <si>
    <t>【上海电气汽轮机】 直角接头\196.73.41.01.02(1)\L42</t>
  </si>
  <si>
    <t>【上海电气汽轮机】 管接头\906.07.02.55</t>
  </si>
  <si>
    <t>【上海电气汽轮机】 法兰盖\906.73.41.01.01(1)\AFH31/2</t>
  </si>
  <si>
    <t>【上海电气汽轮机】 法兰盖\906.73.41.01.04(1)\SAE11/4</t>
  </si>
  <si>
    <t>【上海电气汽轮机】 超速保护控制阀\12002004\AST_AC110V</t>
  </si>
  <si>
    <t>【上海电气汽轮机】 超速保护控制阀\12002005\AST_AC220V</t>
  </si>
  <si>
    <t>【上海电气汽轮机】 超速保护控制阀\12002006\OPC_DC110V</t>
  </si>
  <si>
    <t>【上海电气汽轮机】 超速保护控制阀\12002007\OPC_DC220V</t>
  </si>
  <si>
    <t>【上海电气汽轮机】 针阀\12030644\MVI600S-V_3/8"</t>
  </si>
  <si>
    <t>【上海电气汽轮机】 油动机卸荷阀\191.33.42.22G02\S_右</t>
  </si>
  <si>
    <t>【上海电气汽轮机】 流量计\H156.73.41.09(1)</t>
  </si>
  <si>
    <t>【上海电气汽轮机】 电液转换器\SH32.15.01G06</t>
  </si>
  <si>
    <t>【上海电气汽轮机】 力矩马达\SH73.60.01.28.06</t>
  </si>
  <si>
    <t>【上海电气汽轮机】 插装阀\168.33.42.40.28(1)\S_LC16A05E7X\V</t>
  </si>
  <si>
    <t>【上海电气汽轮机】 插装阀\168.33.42.40.29(1)\S_LC25A05E7X\V</t>
  </si>
  <si>
    <t>【上海电气汽轮机】 插装阀\168.33.42.40.30(1)\S_LC32A40E7X\V</t>
  </si>
  <si>
    <t>【上海电气汽轮机】 插装阀\168.33.42.40.31(1)\S_LC40A40E7X\V</t>
  </si>
  <si>
    <t>【上海电气汽轮机】 插装阀\168.33.42.40.32(1)\S_LC50A40E7X\V</t>
  </si>
  <si>
    <t>【上海电气汽轮机】 插装阀盖板\168.33.42.40.33(1)\S_LFA16D-7X\FV</t>
  </si>
  <si>
    <t>【上海电气汽轮机】 插装阀盖板\168.33.42.40.34(1)\S_LFA25D-7X\FV</t>
  </si>
  <si>
    <t>【上海电气汽轮机】 插装阀盖板\168.33.42.40.35(1)\S_LFA32AWEA27-7X\V</t>
  </si>
  <si>
    <t>【上海电气汽轮机】 插装阀\296.33.42.06.06\LC25A40E7X\V</t>
  </si>
  <si>
    <t>【上海电气汽轮机】 插装阀盖板\296.33.42.06.07\LFA25WEA27-7X\V</t>
  </si>
  <si>
    <t>【上海电气汽轮机】 单联叶片泵\12002420\F3-20V(M)</t>
  </si>
  <si>
    <t>【上海电气汽轮机】 电液伺服阀\12003216\SM420</t>
  </si>
  <si>
    <t>【上海电气汽轮机】 柱塞泵\12014056\PVH74</t>
  </si>
  <si>
    <t>【上海电气】压力补偿器\12175618\02-125160\140～280bar</t>
  </si>
  <si>
    <t>【上海电气】柱塞泵\HA56.73.41.01.01\57</t>
  </si>
  <si>
    <t>【上海电气】叶片泵\SH73.60.01.04.02\20</t>
  </si>
  <si>
    <t>【上海电气汽轮机】 密封圈\12178021\C42-150-25-GB4622.2</t>
  </si>
  <si>
    <t>【上海电气汽轮机】 缠绕垫片(基本型)\14000333\A42-100-25_GB4622.2</t>
  </si>
  <si>
    <t>【上海电气汽轮机】 缠绕垫片(基本型)\14000395\A42-250-25_GB4622.2</t>
  </si>
  <si>
    <t>【上海电气汽轮机】 缠绕垫片(基本型)\14000485\A42-50-50_GB4622.2</t>
  </si>
  <si>
    <t>【上海电气汽轮机】 缠绕垫片(基本型)\14000498\A42-65-40_GB4622.2</t>
  </si>
  <si>
    <t>【上海电气汽轮机】 缠绕垫片(基本型)\14000508\A42-80-150_GB4622.2</t>
  </si>
  <si>
    <t>【上海电气汽轮机】 缠绕垫圈(带内环)\14000519\B42-100-25_JB90</t>
  </si>
  <si>
    <t>【上海电气汽轮机】 缠绕垫圈(带内环)\14000544\B42-200-25_JB90</t>
  </si>
  <si>
    <t>【上海电气汽轮机】 缠绕垫圈(带内环)\14000631\C42-150-25_GB4622.2</t>
  </si>
  <si>
    <t>【上海电气汽轮机】 缠绕垫圈(带外环)\14001090\C42-150-25_JB90</t>
  </si>
  <si>
    <t>【上海电气汽轮机】 缠绕垫圈(带外环)\14001101\C42-200-25_JB90</t>
  </si>
  <si>
    <t>【上海电气汽轮机】 缠绕垫圈(带外环)\14001137\C42-400-25_JB90</t>
  </si>
  <si>
    <t>【上海电气汽轮机】 缠绕垫圈(带外环)\14001147\C42-450-25_JB90</t>
  </si>
  <si>
    <t>【上海电气汽轮机】 缠绕垫片\14001180\D100*50*3.2</t>
  </si>
  <si>
    <t>【上海电气汽轮机】 缠绕垫片\14001203\D1342*1232*5</t>
  </si>
  <si>
    <t>【上海电气汽轮机】 缠绕垫片\14001214\D156*98*3.2</t>
  </si>
  <si>
    <t>【上海电气汽轮机】 缠绕垫片\14001241\D209*190*4.5</t>
  </si>
  <si>
    <t>【上海电气汽轮机】 缠绕垫片\14001268\D296.8*264.8*4.5</t>
  </si>
  <si>
    <t>【上海电气汽轮机】 缠绕垫片\14001303\D508*470*4.5</t>
  </si>
  <si>
    <t>【上海电气汽轮机】 缠绕垫片\14001330\D675*656*4.5</t>
  </si>
  <si>
    <t>【上海电气汽轮机】 缠绕垫片\14001335\D73*59*4.5</t>
  </si>
  <si>
    <t>【上海电气汽轮机】 缠绕垫片\14001357\D93*72*4.5</t>
  </si>
  <si>
    <t>【上海电气汽轮机】 垫圈\14006788\GRAPHIT+CRNI-STAHL_D102*φ127*2_KUN56</t>
  </si>
  <si>
    <t>【上海电气汽轮机】 石墨增强垫片\14006789\D110*143*2</t>
  </si>
  <si>
    <t>【上海电气汽轮机】 垫圈\14006795\GRAPHIT+CRNI-STAHL_D192*φ160*2_KUN56</t>
  </si>
  <si>
    <t>【上海电气汽轮机】 石墨增强垫片\14006796\D20*43*2</t>
  </si>
  <si>
    <t>【上海电气汽轮机】 垫圈\14006802\GRAPHIT+CRNI-STAHL_D57*φ82*2_KUN563</t>
  </si>
  <si>
    <t>【上海电气汽轮机】 垫圈\14006803\GRAPHIT+CRNI-STAHL_D71*φ34*2*PN40</t>
  </si>
  <si>
    <t>【上海电气汽轮机】 垫圈\14006804\GRAPHIT+CRNI-STAHL_D82*φ43*2*PN40_EN</t>
  </si>
  <si>
    <t>【上海电气汽轮机】 缠绕垫片\14007906\259*219*4.5</t>
  </si>
  <si>
    <t>【上海电气汽轮机】 垫圈\14008189\ARAMID-NBR_IBC125PN16*2_EN1514-1</t>
  </si>
  <si>
    <t>【上海电气汽轮机】 垫圈\14008190\ARAMID-NBR_φ49\φ24*2</t>
  </si>
  <si>
    <t>【上海电气汽轮机】 石墨增强垫片\14008799\D162*130*2</t>
  </si>
  <si>
    <t>【上海电气汽轮机】 石墨增强垫片\14010915\φ329*φ273*2*PN16</t>
  </si>
  <si>
    <t>【上海电气汽轮机】 缠绕垫片(基本型)\14011292\233*213*4.5</t>
  </si>
  <si>
    <t>【上海电气汽轮机】 缠绕垫圈(带内外环)\14011293\385*410*430*470-3*4.5*3</t>
  </si>
  <si>
    <t>【上海电气汽轮机】 垫圈\14013741\GRAPHIT+CRNI-STAHL_D110*142*2_KUN563</t>
  </si>
  <si>
    <t>【上海电气汽轮机】 缠绕垫圈(带内外环)\14014795\1072*1100*1150*1181</t>
  </si>
  <si>
    <t>【上海电气汽轮机】 垫圈\14016560\GRAPHIT+CRNI-STAHL_W1A\DN50\PN100_KUN</t>
  </si>
  <si>
    <t>【上海电气汽轮机】 垫圈\14016770\ST+GRAPHIT_W1A+GRAPHIT4*610*750_KUN5</t>
  </si>
  <si>
    <t>【上海电气汽轮机】 金属缠绕垫片\14017034\0Cr18Ni9_φ1128*φ1098*4.5</t>
  </si>
  <si>
    <t>【上海电气汽轮机】 缠绕垫圈(带内环)\14017189\1467*1415*1389*4.5</t>
  </si>
  <si>
    <t>【上海电气汽轮机】 缠绕垫圈(带内外环)\14017190\1500*1474*1422*1396*4.5</t>
  </si>
  <si>
    <t>【上海电气汽轮机】 垫圈\14017350\GRAPHIT+CRNI-STAHL_IBC250PN16*2@</t>
  </si>
  <si>
    <t>【上海电气汽轮机】 垫圈\14018113\GRAPHIT+CRNI-STAHL_IBC400PN10*2_EN15</t>
  </si>
  <si>
    <t>【上海电气汽轮机】 垫圈\14018180\TS-CARBO_φ65\Φ32*1</t>
  </si>
  <si>
    <t>【上海电气汽轮机】 垫片\14019238\TS-CARBO_φ40\φ30*2</t>
  </si>
  <si>
    <t>【上海电气汽轮机】 垫片\14019239\TS-CARBO_φ40\φ35*2</t>
  </si>
  <si>
    <t>【上海电气汽轮机】 垫片\14188824\TS-CARBO_φ18\φ9*1</t>
  </si>
  <si>
    <t>【上海电气汽轮机】 垫圈\14191321\TS-CARBO_φ50\φ27*2</t>
  </si>
  <si>
    <t>【上海电气汽轮机】 垫圈\14191322\TS-CARBO_φ120\φ70*2</t>
  </si>
  <si>
    <t>【上海电气汽轮机】 垫片\14193493\TS-CARBO_φ65\φ25*2</t>
  </si>
  <si>
    <t>【上海电气汽轮机】 垫片\14193853\TS-CARBO_φ265\φ200*2</t>
  </si>
  <si>
    <t>【上海电气汽轮机】 垫片\14193893\TS-CARBO_φ218\φ146*1</t>
  </si>
  <si>
    <t>【上海电气汽轮机】 垫片\14194306\TS-CARBO_φ135\φ78*1</t>
  </si>
  <si>
    <t>【上海电气汽轮机】 垫圈\14194892\TS-CARBO_φ18\φ7*1</t>
  </si>
  <si>
    <t>【上海电气汽轮机】 垫圈\14195040\ARAMID-NBR_φ280*φ323*2*PN16</t>
  </si>
  <si>
    <t>【上海电气汽轮机】 垫片\14195387\TS-CARBO_φ319\φ260*2</t>
  </si>
  <si>
    <t>【上海电气汽轮机】 垫片\14195389\TS-CARBO_φ375\φ303*2</t>
  </si>
  <si>
    <t>【上海电气汽轮机】 缠绕垫片\14197173\φ1337*φ1233*4.5</t>
  </si>
  <si>
    <t>【上海电气汽轮机】 缠绕垫片\14197174\φ610*φ512*4.5</t>
  </si>
  <si>
    <t>【上海电气汽轮机】 缠绕垫片\14197175\φ718*φ620*4.5</t>
  </si>
  <si>
    <t>【上海电气汽轮机】 基本型缠绕垫片\14200232\D26*37*5</t>
  </si>
  <si>
    <t>【上海电气汽轮机】 垫圈\14200239\TS-CARBO_φ265\φ202*2</t>
  </si>
  <si>
    <t>【上海电气汽轮机】 石墨垫片\14200280\D26*37*5</t>
  </si>
  <si>
    <t>【上海电气汽轮机】 耐油无石棉纸垫\14200684\DN250_φ335\φ273*3_ASMEB16.5</t>
  </si>
  <si>
    <t>【上海电气汽轮机】 耐油无石棉纸垫\14200685\DN25_φ65\φ35*3_ASMEB16.5</t>
  </si>
  <si>
    <t>【上海电气汽轮机】 缠绕垫片\14200999\C1220-DN100-PN16_GB4622_EA_带外环</t>
  </si>
  <si>
    <t>【上海电气汽轮机】 垫片\14201194\TS-CARBO_φ135\φ79*2</t>
  </si>
  <si>
    <t>【上海电气汽轮机】 垫片\14201266\TS-CARBO_φ105\φ67*1</t>
  </si>
  <si>
    <t>【上海电气汽轮机】 石墨增强垫片\14201570\D129*158*2</t>
  </si>
  <si>
    <t>【上海电气汽轮机】 垫片\14202537\φ265\φ202*3_TS-CARB0</t>
  </si>
  <si>
    <t>【上海电气汽轮机】 缠绕垫片\14202583\C42-150-25_GB4622.2</t>
  </si>
  <si>
    <t>【上海电气汽轮机】 垫片\14202891\TS-CARBO_φ265\φ202*2</t>
  </si>
  <si>
    <t>【上海电气汽轮机】 垫片\14202892\TS-CARBO_φ87\φ48*2</t>
  </si>
  <si>
    <t>【上海电气汽轮机】 垫片\14202893\TS-CARBO_φ255\φ210*2</t>
  </si>
  <si>
    <t>【上海电气汽轮机】 垫片\14202894\TS-CARBO_φ211\φ159*2</t>
  </si>
  <si>
    <t>【上海电气汽轮机】 垫片\14202896\TS-CARBO_φ435*φ351*2</t>
  </si>
  <si>
    <t>【上海电气汽轮机】 垫片\14202897\TS-CARBO_φ254*φ222*2</t>
  </si>
  <si>
    <t>【上海电气汽轮机】 垫片\14202898\TS-CARBO_φ156\φ107*2</t>
  </si>
  <si>
    <t>【上海电气汽轮机】 垫片\14202899\TS-CARBO_φ58\φ25*2</t>
  </si>
  <si>
    <t>【上海电气汽轮机】 垫片\14202900\TS-CARBO_φ30*φ22*2</t>
  </si>
  <si>
    <t>【上海电气汽轮机】 垫片\14202901\TS-CARBO_φ320\φ254*2</t>
  </si>
  <si>
    <t>【上海电气汽轮机】 缠绕垫片(带外环)\14203170\C1220-DN125-PN16_JB90</t>
  </si>
  <si>
    <t>【上海电气汽轮机】 垫片\14203187\TS-CARBO_φ335\φ273*3</t>
  </si>
  <si>
    <t>【上海电气汽轮机】 垫片\14203188\TS-CARBO_φ65\φ35*3</t>
  </si>
  <si>
    <t>【上海电气汽轮机】 金属缠绕垫圈\14203625\φ1500*φ1380*6.5</t>
  </si>
  <si>
    <t>【上海电气汽轮机】 缠绕垫圈(带内环)\14204325\C42-150-10_GB4622.2</t>
  </si>
  <si>
    <t>【上海电气汽轮机】 挡圈\19000956\A35*30*1.5_GB1235</t>
  </si>
  <si>
    <t>【上海电气汽轮机】 挡圈\19000958\A40*35*1.5_GB1235</t>
  </si>
  <si>
    <t>【上海电气汽轮机】 挡圈\19000968\B18*14*1.25_GB1235</t>
  </si>
  <si>
    <t>【上海电气汽轮机】 挡圈\19000971\B35*30*1.5_GB1235</t>
  </si>
  <si>
    <t>【上海电气汽轮机】 挡圈\19000972\B45*40*1.5_GB1235</t>
  </si>
  <si>
    <t>【上海电气汽轮机】 挡圈\19000973\B50*45*1.5_GB1235</t>
  </si>
  <si>
    <t>【上海电气汽轮机】 挡圈\19000974\B55*49*1.5_GB1235</t>
  </si>
  <si>
    <t>【上海电气汽轮机】 挡圈\19000975\B63*58*1.5_GB1235</t>
  </si>
  <si>
    <t>【上海电气汽轮机】 挡圈\19000976\B65*60*1.5_GB1235</t>
  </si>
  <si>
    <t>【上海电气汽轮机】 挡圈\19000978\B100*95*1.5_GB1235</t>
  </si>
  <si>
    <t>【上海电气汽轮机】 挡圈\19000981\B35*29*1.5_GB1235</t>
  </si>
  <si>
    <t>【上海电气汽轮机】 挡圈\19000982\B90*85*1.5_GB1235</t>
  </si>
  <si>
    <t>【上海电气汽轮机】 挡圈\19000983\B85*80*1.5_GB1235</t>
  </si>
  <si>
    <t>【上海电气汽轮机】 垫圈\19001173\ARAMID-NBR_Φ35*Φ75*2_KUN563.01</t>
  </si>
  <si>
    <t>【上海电气汽轮机】 垫圈\19001174\ARAMID-NBR_Φ49*Φ92*2*PN16_EN1514</t>
  </si>
  <si>
    <t>【上海电气汽轮机】 垫圈\19001175\ARAMID-NBR_Φ77*Φ127*2*PN16_EN1514-1</t>
  </si>
  <si>
    <t>【上海电气汽轮机】 垫圈\19001176\ARAMID-NBR_Φ86*Φ43*2_KUN563.01</t>
  </si>
  <si>
    <t>【上海电气汽轮机】 垫圈\19001177\ARAMID-NBR_Φ115*Φ162*2*PN16_EN1514-1</t>
  </si>
  <si>
    <t>【上海电气汽轮机】 垫圈\19001178\ARAMID-NBR_Φ136*Φ78*2_KUN563.01</t>
  </si>
  <si>
    <t>【上海电气汽轮机】 垫圈\19001179\ARAMID-NBR_Φ169*Φ218*2*PN16</t>
  </si>
  <si>
    <t>【上海电气汽轮机】 垫圈\19001180\ARAMID-NBR_Φ220*Φ273*2*PN16</t>
  </si>
  <si>
    <t>【上海电气汽轮机】 垫圈\19001181\ARAMID-NBR_Φ797*Φ920*2</t>
  </si>
  <si>
    <t>【上海电气汽轮机】 密封衬垫\19004458\IBC40PN40*2_SELECTA-BLAU_DINEN1514</t>
  </si>
  <si>
    <t>【上海电气汽轮机】 密封衬垫\19004459\IBC65PN40*2_SELECTA-BLAU_DINEN1514</t>
  </si>
  <si>
    <t>【上海电气汽轮机】 垫圈\19008851\ARAMID-NBR_φ106*φ127*2*PN16_EN1514-1</t>
  </si>
  <si>
    <t>【上海电气汽轮机】 垫圈\19008910\ARAMID-NBR_φ132*φ78*2_SQZ20.14</t>
  </si>
  <si>
    <t>【上海电气汽轮机】 垫圈\19008911\ARAMID-NBR_φ136*φ94*2_SQZ20.14</t>
  </si>
  <si>
    <t>【上海电气汽轮机】 缠绕型垫圈\K156.60.01.06\φ241*φ210*4.45</t>
  </si>
  <si>
    <t>【上海电气汽轮机】 缠绕垫片\N152.03.51.12</t>
  </si>
  <si>
    <t>【上海电气汽轮机】 缠绕式垫圈\159.91.91.17</t>
  </si>
  <si>
    <t>【上海电气汽轮机】 柔性石墨垫圈\159.91.91.18</t>
  </si>
  <si>
    <t>【上海电气汽轮机】 缠绕式垫圈\159.91.91.20</t>
  </si>
  <si>
    <t>【上海电气汽轮机】 缠绕式垫圈\159.91.92.21</t>
  </si>
  <si>
    <t>【上海电气汽轮机】 柔性石墨垫圈\159.91.92.23</t>
  </si>
  <si>
    <t>【上海电气汽轮机】 柔性石墨垫圈\159.91.92.24</t>
  </si>
  <si>
    <t>【上海电气汽轮机】 缠绕式垫圈\159.91.92.26</t>
  </si>
  <si>
    <t>【上海电气汽轮机】 缠绕垫片\166.30.41.18(1)</t>
  </si>
  <si>
    <t>【上海电气汽轮机】 垫片\168.00.02.25</t>
  </si>
  <si>
    <t>【上海电气汽轮机】 垫片\168.07.12.06</t>
  </si>
  <si>
    <t>【上海电气汽轮机】 挡圈\168.33.42.25.01(1)\166</t>
  </si>
  <si>
    <t>【上海电气汽轮机】 挡圈\168.33.42.25.02(1)\140</t>
  </si>
  <si>
    <t>【上海电气汽轮机】 挡圈\168.33.42.25.03(1)\125</t>
  </si>
  <si>
    <t>【上海电气汽轮机】 挡圈\168.33.42.25.04(1)\246</t>
  </si>
  <si>
    <t>【上海电气汽轮机】 挡圈\168.33.42.25.05(1)\210</t>
  </si>
  <si>
    <t>【上海电气汽轮机】 挡圈\168.33.42.25.06(1)\240</t>
  </si>
  <si>
    <t>【上海电气汽轮机】 挡圈\168.33.42.25.07(1)\160</t>
  </si>
  <si>
    <t>【上海电气汽轮机】 挡圈\168.33.42.25.08(1)\200</t>
  </si>
  <si>
    <t>【上海电气汽轮机】 挡圈\168.33.42.25.09(1)</t>
  </si>
  <si>
    <t>【上海电气汽轮机】 挡圈\168.33.42.25.10(1)\110</t>
  </si>
  <si>
    <t>【上海电气汽轮机】 挡圈\168.33.42.25.11(1)\100</t>
  </si>
  <si>
    <t>【上海电气汽轮机】 缠绕式垫片\191.30.62.15</t>
  </si>
  <si>
    <t>【上海电气汽轮机】 缠绕式垫圈\191.34.20.14</t>
  </si>
  <si>
    <t>【上海电气汽轮机】 挠性石墨垫圈\191.91.91.24</t>
  </si>
  <si>
    <t>【上海电气汽轮机】 垫片\196.01.25.27</t>
  </si>
  <si>
    <t>【上海电气汽轮机】 垫圈\196.01.75.16</t>
  </si>
  <si>
    <t>【上海电气汽轮机】 垫圈\196.01.75.17</t>
  </si>
  <si>
    <t>【上海电气汽轮机】 垫圈\196.01.75.18</t>
  </si>
  <si>
    <t>【上海电气汽轮机】 垫圈\196.01.75.16(1)</t>
  </si>
  <si>
    <t>【上海电气汽轮机】 垫圈\196.01.75.17(1)</t>
  </si>
  <si>
    <t>【上海电气汽轮机】 垫圈\196.01.75.18(1)</t>
  </si>
  <si>
    <t>【上海电气汽轮机】 垫片\196.07.02.11</t>
  </si>
  <si>
    <t>【上海电气汽轮机】 垫片\196.07.03.50</t>
  </si>
  <si>
    <t>【上海电气汽轮机】 垫片\906.83.31.31</t>
  </si>
  <si>
    <t>【上海电气汽轮机】 垫片\906.83.32.21</t>
  </si>
  <si>
    <t>【上海电气汽轮机】 垫片\906.83.33.18</t>
  </si>
  <si>
    <t>【上海电气汽轮机】 导向环\12025571\LuytexC380_GP6500480</t>
  </si>
  <si>
    <t>【上海电气汽轮机】 双层密封环\12025572\TurconGlydRingViton_PG4400480-T2</t>
  </si>
  <si>
    <t>【上海电气汽轮机】 双层密封环\12025573\TurconGlydRingViton_PG4400900-T2</t>
  </si>
  <si>
    <t>【上海电气汽轮机】 导向环\12025574\LuytexC380_GP6500900</t>
  </si>
  <si>
    <t>【上海电气汽轮机】 O型圈\12025575\氟橡胶_ORAR00239-V70GA</t>
  </si>
  <si>
    <t>【上海电气汽轮机】 推力环\12025576\PTFE-glasgefuellt_BV2701000-PTGB</t>
  </si>
  <si>
    <t>【上海电气汽轮机】 导向环\12025577\LuytexC380_GR6500700</t>
  </si>
  <si>
    <t>【上海电气汽轮机】 双层密封环\12114563\TurconGlydRing，Viton_PGYD022677</t>
  </si>
  <si>
    <t>【上海电气汽轮机】 O型圈\12122162\88,27*5,33-N-FKM80_R900011221</t>
  </si>
  <si>
    <t>【上海电气汽轮机】 O型圈\12122163\234,54*3,53-N-FKM80_R900057778</t>
  </si>
  <si>
    <t>【上海电气汽轮机】 O型圈\12122165\91,44*5,33-N-FKM80_R900032393</t>
  </si>
  <si>
    <t>【上海电气汽轮机】 O型圈\12122166\247,24*3,53-N-FKM80_R900024924</t>
  </si>
  <si>
    <t>【上海电气汽轮机】 O型圈\12122167\37,69*3,53-N-FKM80RN181.20</t>
  </si>
  <si>
    <t>【上海电气汽轮机】 O型圈\12122174\221,84*3,53FKM80+-5SH_R900009545</t>
  </si>
  <si>
    <t>【上海电气汽轮机】 5型特康埃落特\12128792\WE5000360-T46V_36*43.6*37.5*4.2</t>
  </si>
  <si>
    <t>【上海电气汽轮机】 2K型特康斯特封\12128793\RSK200360-T46V_36*46.7*4.2_特瑞堡</t>
  </si>
  <si>
    <t>【上海电气汽轮机】 活塞特康格来圈\12128794\PG4400800-T46V_φ80*64.5*6.3_特瑞堡</t>
  </si>
  <si>
    <t>【上海电气汽轮机】 防尘圈\12171537\WE3100360-T46VK_36</t>
  </si>
  <si>
    <t>【上海电气汽轮机】 耐磨环杆\12171538\GR6500360_36</t>
  </si>
  <si>
    <t>【上海电气汽轮机】 杆密封\12171539\RSK200360-T46VK_36</t>
  </si>
  <si>
    <t>【上海电气汽轮机】 耐磨环活塞\12171540\GP6500800_80</t>
  </si>
  <si>
    <t>【上海电气汽轮机】 活塞密封\12171541\PT0200800-T46VK_80</t>
  </si>
  <si>
    <t>【上海电气汽轮机】 耐磨环活塞\12173166\GP6500700-C380_70</t>
  </si>
  <si>
    <t>【上海电气汽轮机】 活塞密封\12173167\PT0200700-T46VK_70</t>
  </si>
  <si>
    <t>【上海电气汽轮机】 O型圈\12176514\177,39*3,53-FKM80</t>
  </si>
  <si>
    <t>【上海电气汽轮机】 杆密封\12176515\90RR1300900-Z52V</t>
  </si>
  <si>
    <t>【上海电气汽轮机】 活塞密封\12176520\160-PT0401600-T46V</t>
  </si>
  <si>
    <t>【上海电气汽轮机】 活塞杆密封\12176522\90-RS1300900-T46V</t>
  </si>
  <si>
    <t>【上海电气汽轮机】 导向带\19008205\GR6500360-T47_5.8*2.5</t>
  </si>
  <si>
    <t>【上海电气汽轮机】 活塞密封\168.33.42.23.01(1)\210</t>
  </si>
  <si>
    <t>【上海电气汽轮机】 活塞密封\168.33.42.23.02(1)\240</t>
  </si>
  <si>
    <t>【上海电气汽轮机】 活塞密封\168.33.42.23.03(1)\160</t>
  </si>
  <si>
    <t>【上海电气汽轮机】 活塞密封\168.33.42.23.04(1)\200</t>
  </si>
  <si>
    <t>【上海电气汽轮机】 活塞密封\168.33.42.23.05(1)\140</t>
  </si>
  <si>
    <t>【上海电气汽轮机】 活塞密封\168.33.42.23.06(1)\125</t>
  </si>
  <si>
    <t>【上海电气汽轮机】 杆密封\168.33.42.23.11(1)\90</t>
  </si>
  <si>
    <t>【上海电气汽轮机】 杆密封\168.33.42.23.12(1)\60</t>
  </si>
  <si>
    <t>【上海电气汽轮机】 引导环\168.33.42.23.15(1)\GR6900900</t>
  </si>
  <si>
    <t>【上海电气汽轮机】 引导圈\168.33.42.23.16(1)\GR6900600</t>
  </si>
  <si>
    <t>【上海电气汽轮机】 引导环\168.33.42.23.17(1)\GP73A4400</t>
  </si>
  <si>
    <t>【上海电气汽轮机】 引导环\168.33.42.23.18(1)\GP73A5200</t>
  </si>
  <si>
    <t>【上海电气汽轮机】 引导环\168.33.42.23.19(1)\GP73A3500</t>
  </si>
  <si>
    <t>【上海电气汽轮机】  防尘圈\168.33.42.23.25(1)\90</t>
  </si>
  <si>
    <t>【上海电气汽轮机】  防尘圈\168.33.42.23.26(1)\60</t>
  </si>
  <si>
    <t>【上海电气汽轮机】 活塞密封\168.33.42.23.07(1)\190</t>
  </si>
  <si>
    <t>【上海电气汽轮机】 引导圈\168.33.42.23.20(1)\GP6900900</t>
  </si>
  <si>
    <t>【上海电气汽轮机】 活塞密封\168.33.42.23.08(1)\90</t>
  </si>
  <si>
    <t>【上海电气汽轮机】 引导圈\296.33.42.06.10\GP6901800</t>
  </si>
  <si>
    <t>【上海电气汽轮机】 电液伺服阀\12003213\760A185A-J761-003</t>
  </si>
  <si>
    <t>【上海电气汽轮机】 电液伺服阀\12003214\760A185A-J761-004</t>
  </si>
  <si>
    <t>【上海电气汽轮机】 EH 冲洗材料\H156.73.44G01</t>
  </si>
  <si>
    <t>【上海电气汽轮机】 电磁阀\12002587\322H75\DC220V</t>
  </si>
  <si>
    <t>【上海电气汽轮机】 电磁阀\12002591\390A924003-AC220V</t>
  </si>
  <si>
    <t>【上海电气汽轮机】 电磁阀\12002613\7221GBN51NOON-OD100Q3</t>
  </si>
  <si>
    <t>【上海电气汽轮机】 电磁阀\12002618\8340G01_AC220V</t>
  </si>
  <si>
    <t>【上海电气汽轮机】 电磁阀\12002624\8316G64-120VDC</t>
  </si>
  <si>
    <t>【上海电气汽轮机】 电磁阀\12002631\D3DW20</t>
  </si>
  <si>
    <t>【上海电气汽轮机】 电磁阀\12002640\E121F43-AC110V</t>
  </si>
  <si>
    <t>【上海电气汽轮机】 电磁阀\12002644\E321F3202-DC110V</t>
  </si>
  <si>
    <t>【上海电气汽轮机】 电磁阀\12002649\E321H25--3D</t>
  </si>
  <si>
    <t>【上海电气汽轮机】 电磁阀\12002651\E332B21-AC220V</t>
  </si>
  <si>
    <t>【上海电气汽轮机】 电磁阀线圈\12002697\4270481000C5_DC110V</t>
  </si>
  <si>
    <t>【上海电气汽轮机】 溢流阀\12012665\DBDS_10G1X\200</t>
  </si>
  <si>
    <t>【上海电气汽轮机】 电磁阀\12014588\331B212995AC220V</t>
  </si>
  <si>
    <t>【上海电气汽轮机】 电磁阀\12040616\EF8320G176\230VAC</t>
  </si>
  <si>
    <t>【上海电气汽轮机】 4/2电磁阀\12096435\8344G056_220VAC</t>
  </si>
  <si>
    <t>【上海电气汽轮机】 电磁阀\12106627\NF8327B002</t>
  </si>
  <si>
    <t>【上海电气汽轮机】 电磁阀\12111694\8316G64-110VDC_非标</t>
  </si>
  <si>
    <t>【上海电气汽轮机】 电磁阀\12118894\8344P070_24VDC</t>
  </si>
  <si>
    <t>【上海电气汽轮机】 电磁阀\12118895\8320P182MS_24VDC</t>
  </si>
  <si>
    <t>【上海电气汽轮机】 电磁阀\12118903\8316G064110VDC</t>
  </si>
  <si>
    <t>【上海电气汽轮机】 电磁阀\12123536\EF8316G64_110VDC</t>
  </si>
  <si>
    <t>【上海电气汽轮机】 电磁阀\12123540\8320P182MS_24VDC</t>
  </si>
  <si>
    <t>【上海电气汽轮机】 二位三通电磁阀\12123542\240VAC\60Hz（8316G024MO）</t>
  </si>
  <si>
    <t>【上海电气汽轮机】 电磁阀\12128681\EF8316G64_220VAC</t>
  </si>
  <si>
    <t>【上海电气汽轮机】 调节阀定位器\12128786\V18345-1010521001</t>
  </si>
  <si>
    <t>【上海电气汽轮机】 电磁阀\12130155\SCG551A001MS_220VAC</t>
  </si>
  <si>
    <t>【上海电气汽轮机】 电磁阀\12131039\EF8316G64-24VDC</t>
  </si>
  <si>
    <t>【上海电气汽轮机】 电磁阀\12173453\8344G072</t>
  </si>
  <si>
    <t>【上海电气汽轮机】 电磁阀\12179729\8344G072_240VAC</t>
  </si>
  <si>
    <t>【上海电气汽轮机】 电磁阀\HA56.73.41.01.59\A14LX3</t>
  </si>
  <si>
    <t>【上海电气汽轮机】 伺服阀\12180632\RT7626M-SQ</t>
  </si>
  <si>
    <t>【上海电气汽轮机】 伺服阀\SH73.60.01.07.09\STN-07-01</t>
  </si>
  <si>
    <t>【上海电气汽轮机】 伺服阀\SH73600101320\STN-07-02</t>
  </si>
  <si>
    <t>【上海电气汽轮机】 电磁阀\91AS.156.33.01.08.06\110VAC</t>
  </si>
  <si>
    <t>【上海电气汽轮机】 冷却器\C156.73.41.30\GLC2-2.1\1.6</t>
  </si>
  <si>
    <t>【上海电气汽轮机】 抗燃油冷油器垫片\12037040\用于191.73.41.03.02型冷油器</t>
  </si>
  <si>
    <t>【上海电气汽轮机】 冷油器\HA56.73.41.06\8M2</t>
  </si>
  <si>
    <t>【上海电气汽轮机】 油冷却器\K151.73.41.42\KFGLV</t>
  </si>
  <si>
    <t>【上海电气汽轮机】 冷油器\N151.73.41.03\PR3</t>
  </si>
  <si>
    <t>【上海电气汽轮机】 冷油器\SH73.60.01.22.01\8M2</t>
  </si>
  <si>
    <t>【上海电气汽轮机】 冷油器\SH73.60.01.22</t>
  </si>
  <si>
    <t>【上海电气汽轮机】 冷油器\SH73.60.01.22.04\5.1</t>
  </si>
  <si>
    <t>【上海电气汽轮机】 冷油器\191.73.41.03</t>
  </si>
  <si>
    <t>【上海电气汽轮机】 冷油器\191.73.41.03.02\4.5</t>
  </si>
  <si>
    <t>【上海电气汽轮机】 蓄压器\A157334200470</t>
  </si>
  <si>
    <t>【上海电气汽轮机】 充氮工具\91AS.156.73.50.01.03</t>
  </si>
  <si>
    <t>【上海电气】蓄能器\91AS.156.73.50.02\10L</t>
  </si>
  <si>
    <t>【上海电气汽轮机】 低压蓄压器\157.73.50.01\MXQ-L10</t>
  </si>
  <si>
    <t>【上海电气】蓄能器\165.73.08.01-25\L25</t>
  </si>
  <si>
    <t>【上海电气汽轮机】 蓄能器\181.73.50.02\NXQ-L10</t>
  </si>
  <si>
    <t>【上海电气汽轮机】 蓄能器\258.73.08.24\NXQ-L25</t>
  </si>
  <si>
    <t>【上海电气汽轮机】 单向阀\12002452\A-Ha32L</t>
  </si>
  <si>
    <t>【上海电气汽轮机】 单向阀\12002453\AJ-Hb20B</t>
  </si>
  <si>
    <t>【上海电气汽轮机】 单向阀\12002457\DIF-L32H</t>
  </si>
  <si>
    <t>【上海电气汽轮机】 单向节流阀\12002470\DRV-12-3-V</t>
  </si>
  <si>
    <t>【上海电气汽轮机】 行程滑阀\12011203\22C-63BH</t>
  </si>
  <si>
    <t>【上海电气汽轮机】 溢流阀\12012664\DB20-2-30\31.5UV</t>
  </si>
  <si>
    <t>【上海电气汽轮机】 溢流阀\12012673\YF-F50H1-S_DN50</t>
  </si>
  <si>
    <t>【上海电气汽轮机】 溢流阀\12012675\YF-F50H1-S_DN50</t>
  </si>
  <si>
    <t>【上海电气汽轮机】 溢流阀组件\12020735\DBDS15G10\20\2_φ22*3.5（配连接件)</t>
  </si>
  <si>
    <t>【上海电气汽轮机】 单向阀\168.73.41.01.17(1)\S15A5</t>
  </si>
  <si>
    <t>【上海电气汽轮机】 溢流阀\12032224\DB30-2-5X\20XUV</t>
  </si>
  <si>
    <t>【上海电气汽轮机】 直动式溢流阀\12182445\DBDS10G10\10</t>
  </si>
  <si>
    <t>【上海电气汽轮机】 精细加油车\C156.73.41.45</t>
  </si>
  <si>
    <t>【上海电气汽轮机】 单向阀\SH73.60.01.07.04\G1\4</t>
  </si>
  <si>
    <t>【上海电气汽轮机】 单向阀\168.73.41.01.13(1)</t>
  </si>
  <si>
    <t>【上海电气汽轮机】 溢流阀\168.73.41.01.68(1)</t>
  </si>
  <si>
    <t>【上海电气汽轮机】 温度调节阀\SH73.60.01.07.03</t>
  </si>
  <si>
    <t>【上海电气汽轮机】 引导环\12122158\435,0\440,0*15,0GP73-C324_R9007339</t>
  </si>
  <si>
    <t>【上海电气汽轮机】 R型圈\12122175\13*2,3*2,62FKM80_R900017617RE*ROTH</t>
  </si>
  <si>
    <t>【上海电气汽轮机】 R型圈\12122176\34,52*3,53*3,53FKM80_R900017633RE*</t>
  </si>
  <si>
    <t>【上海电气汽轮机】 活塞密封\12130189\P08-D90*74.5*6.3_PTFE3+FKM</t>
  </si>
  <si>
    <t>【上海电气汽轮机】 驱动杆密封\12169453\ADAMS_12030445_件815_VITON_CSC8570</t>
  </si>
  <si>
    <t>【上海电气汽轮机】 活塞滑座\12169454\ADAMS_12030445_件816_CARBOGRAPHITE</t>
  </si>
  <si>
    <t>【上海电气汽轮机】 活塞密封\12169455\ADAMS_12030445_件817_VITON_E\GR2400</t>
  </si>
  <si>
    <t>【上海电气汽轮机】 防尘环\12169456\ADAMS_12030445_件821_VITON_ASD70-80</t>
  </si>
  <si>
    <t>【上海电气汽轮机】 R型圈\12176516\37,69*3,53*3-53FKM80</t>
  </si>
  <si>
    <t>【上海电气汽轮机】 挡圈\12189098\B08_碳氟橡胶_16*12.6*2</t>
  </si>
  <si>
    <t>【上海电气汽轮机】 挡圈\12189099\B08_碳氟橡胶_16*12.6*1.8</t>
  </si>
  <si>
    <t>【上海电气汽轮机】 挡圈\12189100\B08_碳氟橡胶_10*7*1.4</t>
  </si>
  <si>
    <t>【上海电气汽轮机】 挡圈\12189101\B08_碳氟橡胶_51*45*2</t>
  </si>
  <si>
    <t>【上海电气汽轮机】 挡圈\12189102\B08_碳氟橡胶_46*40*2</t>
  </si>
  <si>
    <t>【上海电气汽轮机】 挡圈\12189103\B08_碳氟橡胶_36*30*2</t>
  </si>
  <si>
    <t>【上海电气汽轮机】 挡圈\12189104\B08_碳氟橡胶_24*19*1.5</t>
  </si>
  <si>
    <t>【上海电气汽轮机】 挡圈\12189105\B08_碳氟橡胶_15.5*10.5*1.5</t>
  </si>
  <si>
    <t>【上海电气汽轮机】 挡圈\12189106\B08_碳氟橡胶_12*9*1</t>
  </si>
  <si>
    <t>【上海电气汽轮机】 弹簧引导环\12189107\G01_PA_110*104*12.5</t>
  </si>
  <si>
    <t>【上海电气汽轮机】 弹簧引导环\12189108\G01_UTECTE*_15*2.5(1米)</t>
  </si>
  <si>
    <t>【上海电气汽轮机】 组合孔密封\12189109\P08-D_PTFE3+FKM7_125*109.8*6.3</t>
  </si>
  <si>
    <t>【上海电气汽轮机】 组合孔密封\12189110\P08-D_PTFE3+FKM7_140*119.2*8.1</t>
  </si>
  <si>
    <t>【上海电气汽轮机】 组合孔密封\12189111\P08-S_FKM7+PTFE3_110*95.2*6.3</t>
  </si>
  <si>
    <t>【上海电气汽轮机】 杆密封\12189113\R08-AB_碳氟橡胶_85.9*68.9*11.1</t>
  </si>
  <si>
    <t>【上海电气汽轮机】 组合孔密封\12189114\R09-S_*PU+FKM7_60*75.1*6.3</t>
  </si>
  <si>
    <t>【上海电气汽轮机】 组合孔密封\12189115\R09-S_PTFE3+FKM7_60*75.1*6.3</t>
  </si>
  <si>
    <t>【上海电气汽轮机】 O型圈\12189116\RT13_碳氟橡胶_内径59.34*5.33</t>
  </si>
  <si>
    <t>【上海电气汽轮机】 防尘圈\12189117\W27-E2_PTFE3+FKM7_60*66.8*5</t>
  </si>
  <si>
    <t>【上海电气汽轮机】 挡圈\14204254\B08_碳氟橡胶_39*45*1</t>
  </si>
  <si>
    <t>【上海电气汽轮机】 挡圈\14204255\B08_碳氟橡胶_30*34*1.5</t>
  </si>
  <si>
    <t>【上海电气汽轮机】 挡圈\14204256\B08_碳氟橡胶_33*37*1</t>
  </si>
  <si>
    <t>【上海电气汽轮机】 挡圈\14204257\B08_碳氟橡胶_60*54*1</t>
  </si>
  <si>
    <t>【上海电气汽轮机】 挡圈\14204258\B08_碳氟橡胶_44*50*1</t>
  </si>
  <si>
    <t>【上海电气汽轮机】 挡圈\14204259\B08_碳氟橡胶_41*45*1</t>
  </si>
  <si>
    <t>【上海电气汽轮机】 挡圈\14204260\B08_PTFE1_65*60*1.3</t>
  </si>
  <si>
    <t>【上海电气汽轮机】 挡圈\14204261\B08_PTFE1_165.8*159.8*1.4</t>
  </si>
  <si>
    <t>【上海电气汽轮机】 挡圈\14204262\B08_PTFE1_140.2*134.2*1.5</t>
  </si>
  <si>
    <t>【上海电气汽轮机】 挡圈\14204263\B08_PTFE1_125*119*1.4</t>
  </si>
  <si>
    <t>【上海电气汽轮机】 弹簧引导环\14204264\G01_UTECTE*_60*65*9.7</t>
  </si>
  <si>
    <t>【上海电气汽轮机】 氟橡胶O形密封圈\19000160\20.3*2.4_DIN3771</t>
  </si>
  <si>
    <t>【上海电气汽轮机】 O型圈\19008563\ADAMS_12030445_件801_VITON_OR41500</t>
  </si>
  <si>
    <t>【上海电气汽轮机】 O型圈\19008564\ADAMS_12030445_件802_VITON_OR4081</t>
  </si>
  <si>
    <t>【上海电气汽轮机】 O型圈\19008565\ADAMS_12030445_件803_VITON_OR4900+B</t>
  </si>
  <si>
    <t>【上海电气汽轮机】 O型圈\19008566\ADAMS_12030445_件804_VITON_WIREDIA</t>
  </si>
  <si>
    <t>【上海电气汽轮机】 O型圈\19008567\ADAMS_12030445_件805_VITON_OR4300</t>
  </si>
  <si>
    <t>【上海电气汽轮机】 O型圈\19008568\ADAMS_12030445_件806_VITON_OR4925</t>
  </si>
  <si>
    <t>【上海电气汽轮机】 O型圈\19008569\ADAMS_12030445_件809_VITON_OR155</t>
  </si>
  <si>
    <t>【上海电气汽轮机】 O型圈\19008570\ADAMS_12030445_件810_VITON_OR174</t>
  </si>
  <si>
    <t>【上海电气汽轮机】 O型圈\19008571\ADAMS_12030445_件811_VITON_OR3118</t>
  </si>
  <si>
    <t>【上海电气汽轮机】 O型圈\19008572\ADAMS_12030445_件812_VITON_OR3150</t>
  </si>
  <si>
    <t>【上海电气汽轮机】 O型圈\19008573\ADAMS_12030445_件813_VITON_WIREDIA</t>
  </si>
  <si>
    <t>【上海电气汽轮机】 O型圈\19008574\ADAMS_12030445_件814_VITON_WIREDIA</t>
  </si>
  <si>
    <t>【上海电气汽轮机】 O型圈\19008575\ADAMS_12030445_件818_VITON_OR3300</t>
  </si>
  <si>
    <t>【上海电气汽轮机】 O型圈\19008576\ADAMS_12030445_件822_VITON_OR149</t>
  </si>
  <si>
    <t>【上海电气汽轮机】 O型圈\19008577\ADAMS_12030445_件823_VITON_OR4143</t>
  </si>
  <si>
    <t>【上海电气汽轮机】 O型圈\19008578\ADAMS_12030445_件824_VITON_OR3100</t>
  </si>
  <si>
    <t>【上海电气汽轮机】 O型圈\19008579\ADAMS_12030445_件825_VITON_OR108</t>
  </si>
  <si>
    <t>【上海电气汽轮机】 O型圈\19008580\ADAMS_12030445_件1023_VITON_OR153</t>
  </si>
  <si>
    <t>【上海电气汽轮机】 O型圈\19008595\633,48*7-N-FKM80_氟橡胶</t>
  </si>
  <si>
    <t>【上海电气汽轮机】 O型圈\19008970\A156.33.01.10-68*3.5_碳氟橡胶</t>
  </si>
  <si>
    <t>【上海电气汽轮机】 O型圈\19008971\A156.33.01.10-85*5.7_碳氟橡胶</t>
  </si>
  <si>
    <t>【上海电气汽轮机】 O型圈\19008972\A156.33.01.10-90*5.7_碳氟橡胶</t>
  </si>
  <si>
    <t>【上海电气汽轮机】 O型圈\19009072\氟橡胶_D75*3.5-FPM_GB1235</t>
  </si>
  <si>
    <t>【上海电气汽轮机】 O型圈\19009088\氟橡胶_8.75*1.8_GB3452.1</t>
  </si>
  <si>
    <t>【上海电气汽轮机】 O型圈\19009125\丁腈橡胶_31.5*1.8_GB3452.1</t>
  </si>
  <si>
    <t>【上海电气汽轮机】 O型圈\19009192\4WE6D6X\EG110N9K4\V_φ9.25*1.78</t>
  </si>
  <si>
    <t>【上海电气汽轮机】 O形密封圈\19009194\氟橡胶_内径26.5*3.1-F75</t>
  </si>
  <si>
    <t>【上海电气汽轮机】 O形密封圈\19009195\氟橡胶_内径19.6*2.4-F85</t>
  </si>
  <si>
    <t>【上海电气汽轮机】 O形密封圈\19009196\氟橡胶_内径37.77*2.62-F75</t>
  </si>
  <si>
    <t>【上海电气汽轮机】 O形密封圈\19009197\氟橡胶_内径39.4*3.1-F75</t>
  </si>
  <si>
    <t>【上海电气汽轮机】 O形密封圈\19009198\氟橡胶_内径6.07*1.78-F75</t>
  </si>
  <si>
    <t>【上海电气汽轮机】 O形密封圈\19009199\氟橡胶_内径25.5*2.0-F75</t>
  </si>
  <si>
    <t>【上海电气汽轮机】 O形密封圈\19009200\氟橡胶_内径31.42*2.62-F70</t>
  </si>
  <si>
    <t>【上海电气汽轮机】 O形密封圈\19009201\氟橡胶_内径20.8*2.4-F75</t>
  </si>
  <si>
    <t>【上海电气汽轮机】 O形密封圈\19009202\氟橡胶_内径31*3.1-F75</t>
  </si>
  <si>
    <t>【上海电气汽轮机】 O形密封圈\19009203\氟橡胶_内径36*2.4-F75</t>
  </si>
  <si>
    <t>【上海电气汽轮机】 O形密封圈\19009204\氟橡胶_内径29.82*2.62-F75</t>
  </si>
  <si>
    <t>【上海电气汽轮机】 挡圈\19009232\碳氟橡胶_14.2*10.8*1.7</t>
  </si>
  <si>
    <t>【上海电气汽轮机】 O型圈\19009234\碳氟橡胶_内径247.94*3.53</t>
  </si>
  <si>
    <t>【上海电气汽轮机】 O型圈\19009235\碳氟橡胶_内径23.76*2.62</t>
  </si>
  <si>
    <t>【上海电气汽轮机】 O型圈\19009236\碳氟橡胶_内径102.24*3.53</t>
  </si>
  <si>
    <t>【上海电气汽轮机】 O型圈\19009237\碳氟橡胶_内径108.34*3.53</t>
  </si>
  <si>
    <t>【上海电气汽轮机】 O型圈\19009238\碳氟橡胶_内径30.06*2.62</t>
  </si>
  <si>
    <t>【上海电气汽轮机】 O型圈\19009239\碳氟橡胶_内径50.16*2.62</t>
  </si>
  <si>
    <t>【上海电气汽轮机】 O型圈\19009240\碳氟橡胶_内径29.76*2.62</t>
  </si>
  <si>
    <t>【上海电气汽轮机】 O型圈\19009241\碳氟橡胶_内径8.94*1.78</t>
  </si>
  <si>
    <t>【上海电气汽轮机】 O型圈\19009242\碳氟橡胶_内径20.36*2.62</t>
  </si>
  <si>
    <t>【上海电气汽轮机】 O型圈\19009243\碳氟橡胶_内径38.14*3.53</t>
  </si>
  <si>
    <t>【上海电气汽轮机】 O型圈\19009244\碳氟橡胶_内径19.86*2.62</t>
  </si>
  <si>
    <t>【上海电气汽轮机】 O型圈\19009245\碳氟橡胶_内径32.5*3</t>
  </si>
  <si>
    <t>【上海电气汽轮机】 O型圈\19009246\碳氟橡胶_内径59.6*3</t>
  </si>
  <si>
    <t>【上海电气汽轮机】 O型圈\19009247\碳氟橡胶_内径12.74*1.78</t>
  </si>
  <si>
    <t>【上海电气汽轮机】 O型圈\19009248\碳氟橡胶_内径23.5*3</t>
  </si>
  <si>
    <t>【上海电气汽轮机】 O型圈\19009249\碳氟橡胶_内径8.44*1.78</t>
  </si>
  <si>
    <t>【上海电气汽轮机】 O型圈\19009250\碳氟橡胶_内径37.44*3.53</t>
  </si>
  <si>
    <t>【上海电气汽轮机】 O型圈\19009251\碳氟橡胶_内径44.64*3.53</t>
  </si>
  <si>
    <t>【上海电气汽轮机】 O型圈\19009252\碳氟橡胶_内径54.24*3.53</t>
  </si>
  <si>
    <t>【上海电气汽轮机】 O型圈\19009253\碳氟橡胶_内径39.76*2.62</t>
  </si>
  <si>
    <t>【上海电气汽轮机】 O型圈\19009254\碳氟橡胶_内径19.96*2.62</t>
  </si>
  <si>
    <t>【上海电气汽轮机】 O型圈\19009255\碳氟橡胶_内径20.26*2.62</t>
  </si>
  <si>
    <t>【上海电气汽轮机】 O型圈\19009256\碳氟橡胶_内径59.4*3.1</t>
  </si>
  <si>
    <t>【上海电气汽轮机】 O型圈\19009257\碳氟橡胶_内径159.54*3.53</t>
  </si>
  <si>
    <t>【上海电气汽轮机】 O型圈\19009258\碳氟橡胶_内径167.16*2.62</t>
  </si>
  <si>
    <t>【上海电气汽轮机】 O型圈\19009259\碳氟橡胶_内径133.44*3.53</t>
  </si>
  <si>
    <t>【上海电气汽轮机】 O型圈\19009260\碳氟橡胶_内径118.44*3.53</t>
  </si>
  <si>
    <t>【上海电气汽轮机】 O型圈\19009261\RT13_PU_内径58.5*5.3</t>
  </si>
  <si>
    <t>【上海电气汽轮机】 O型圈\19009310\内径12*1.9_碳氟橡胶</t>
  </si>
  <si>
    <t>【上海电气汽轮机】 O型圈\19009311\内径12*1.9_碳氟橡胶</t>
  </si>
  <si>
    <t>【上海电气汽轮机】 O型圈\19009312\内径29.2*2.65_碳氟橡胶</t>
  </si>
  <si>
    <t>【上海电气汽轮机】 O型圈\19009313\内径24.2*2.65_碳氟橡胶</t>
  </si>
  <si>
    <t>【上海电气汽轮机】 O型圈\19009315\内径8.8*1.6_碳氟橡胶</t>
  </si>
  <si>
    <t>【上海电气汽轮机】 导向带\19009359\GP6901240-C380</t>
  </si>
  <si>
    <t>【上海电气汽轮机】 O型圈\A156.33.01.10-50*3.5</t>
  </si>
  <si>
    <t>【上海电气汽轮机】 O型圈\B156.33.01.07-136*3.55</t>
  </si>
  <si>
    <t>【上海电气汽轮机】 O型圈\B156.33.01.07-45*3.55</t>
  </si>
  <si>
    <t>【上海电气汽轮机】 O型圈\B156.33.01.07-26.5*2.65</t>
  </si>
  <si>
    <t>【上海电气汽轮机】 O型圈\B156.33.01.07-46.2*5.3</t>
  </si>
  <si>
    <t>【上海电气汽轮机】 O型圈\B156.33.01.07-48.7*5.3</t>
  </si>
  <si>
    <t>【上海电气汽轮机】 O型圈\B156.33.01.07-75*5.3</t>
  </si>
  <si>
    <t>【上海电气汽轮机】 O型圈\B156.33.01.07-77.5*5.3</t>
  </si>
  <si>
    <t>【上海电气汽轮机】 O型圈\B156.33.01.07-8.75*1.8</t>
  </si>
  <si>
    <t>【上海电气汽轮机】 引导环\903.33.01.11.01</t>
  </si>
  <si>
    <t>【上海电气汽轮机】 引导环\903.33.01.11.02</t>
  </si>
  <si>
    <t>【上海电气汽轮机】 O型圈\12025578\氟橡胶_10.1*1.6</t>
  </si>
  <si>
    <t>【上海电气汽轮机】 O型圈\12025585\氟橡胶_11*2.5_KUN678.02</t>
  </si>
  <si>
    <t>【上海电气汽轮机】 挡圈\14203018\A13*10.3*1_聚四氟乙烯_GB1235</t>
  </si>
  <si>
    <t>【上海电气汽轮机】 挡圈\14203019\A24.8*22.2*1.5_聚四氟乙烯_GB1235</t>
  </si>
  <si>
    <t>【上海电气汽轮机】 挡圈\14203020\A31.8*28*1.2_聚四氟乙烯_GB1235</t>
  </si>
  <si>
    <t>【上海电气汽轮机】 挡圈\14203021\A34*30*1.2_聚四氟乙烯_GB1235</t>
  </si>
  <si>
    <t>【上海电气汽轮机】 挡圈\14203022\A45*39.3*1.2_聚四氟乙烯_GB1235</t>
  </si>
  <si>
    <t>【上海电气汽轮机】 挡圈\14203023\A54.8*49.2*1.2_聚四氟乙烯_GB1235</t>
  </si>
  <si>
    <t>【上海电气汽轮机】 挡圈\14203024\A67.8*62.3*1.2_聚四氟乙烯_GB1235</t>
  </si>
  <si>
    <t>【上海电气汽轮机】 挡圈\14203025\A74.8*69.2*1.5_聚四氟乙烯_GB1235</t>
  </si>
  <si>
    <t>【上海电气汽轮机】 挡圈\14203026\A89.8*81*1.5_聚四氟乙烯_GB1235</t>
  </si>
  <si>
    <t>【上海电气汽轮机】 D形圈\14204265\PTFE1_110*104*3.6</t>
  </si>
  <si>
    <t>【上海电气汽轮机】 挡圈\14205863\A45*41*1.2_聚四氟乙烯_GB1235</t>
  </si>
  <si>
    <t>【上海电气汽轮机】 挡圈\14205864\A50*44*1_聚四氟乙烯_GB1235</t>
  </si>
  <si>
    <t>【上海电气汽轮机】 挡圈\14205865\A60*54*1.2_聚四氟乙烯_GB1235</t>
  </si>
  <si>
    <t>【上海电气汽轮机】 O型圈\19004092\氟橡胶_54.5*3.55-N_DIN3771</t>
  </si>
  <si>
    <t>【上海电气汽轮机】 O型圈\19004203\碳氟橡胶_37.69*3.53_GB3452.1</t>
  </si>
  <si>
    <t>【上海电气汽轮机】 螺纹端T型圈\19004342\WD10*1-1/8"-FPM_氟橡胶</t>
  </si>
  <si>
    <t>【上海电气汽轮机】 螺纹端T型圈\19004343\WD14*1.5-1/4"-FPM_氟橡胶</t>
  </si>
  <si>
    <t>【上海电气汽轮机】 O型圈\19004358\内径25.0*3.53-F75_氟橡胶</t>
  </si>
  <si>
    <t>【上海电气汽轮机】 O型圈\19007563\氟橡胶_73*3.55_DIN3771</t>
  </si>
  <si>
    <t>【上海电气汽轮机】 O型圈\19007589\碳氟橡胶_53.57*3.53_GB3452.1</t>
  </si>
  <si>
    <t>【上海电气汽轮机】 O型圈\19008197\FLUOR-KAUTSCHUK_367*3.5_KUN678.02</t>
  </si>
  <si>
    <t>【上海电气汽轮机】 O型圈\19008960\内径10.82*2-F80_碳氟橡胶</t>
  </si>
  <si>
    <t>【上海电气汽轮机】 O型圈\19008962\内径12*2-F80_碳氟橡胶</t>
  </si>
  <si>
    <t>【上海电气汽轮机】 O型圈\19008963\内径19.9*2.55-F80_碳氟橡胶</t>
  </si>
  <si>
    <t>【上海电气汽轮机】 O型圈\19008965\内径26.9*2.55-F80_碳氟橡胶</t>
  </si>
  <si>
    <t>【上海电气汽轮机】 O型圈\19008966\内径28.7*2.65-F80_碳氟橡胶</t>
  </si>
  <si>
    <t>【上海电气汽轮机】 O型圈\19008975\B156.33.01.07-21.4*1.8_碳氟橡胶</t>
  </si>
  <si>
    <t>【上海电气汽轮机】 O型圈\19008977\B156.33.01.07-28*2.65_碳氟橡胶</t>
  </si>
  <si>
    <t>【上海电气汽轮机】 矩形圈\19008980\12.5*9.5*1.8-F80_碳氟橡胶</t>
  </si>
  <si>
    <t>【上海电气汽轮机】 O型圈\19009094\氟橡胶_12*1.9_GB3452.1</t>
  </si>
  <si>
    <t>【上海电气汽轮机】 O型圈\19009233\碳氟橡胶_内径242.44*3.53</t>
  </si>
  <si>
    <t>【上海电气汽轮机】 O型圈\19009314\内径12.2*1.9_碳氟橡胶</t>
  </si>
  <si>
    <t>【上海电气汽轮机】 O型圈\19009401\碳氟橡胶_φ57*3.53_GB3452.1</t>
  </si>
  <si>
    <t>【上海电气汽轮机】 O型圈\19009402\碳氟橡胶_φ25*2_GB3452.1</t>
  </si>
  <si>
    <t>【上海电气汽轮机】 O型圈\19009403\碳氟橡胶_φ15.2*2.4_GB3452.1</t>
  </si>
  <si>
    <t>【上海电气汽轮机】 O型圈\19009404\碳氟橡胶_φφ59.9*3.53_GB3452.1</t>
  </si>
  <si>
    <t>【上海电气汽轮机】 O型圈\19009405\碳氟橡胶_φ21.6*3.1_GB3452.1</t>
  </si>
  <si>
    <t>【上海电气汽轮机】 O型圈\19009520\内径23.6*2.65_GB3452.1</t>
  </si>
  <si>
    <t>【上海电气汽轮机】 O型圈\19009644\氟橡胶_9*1.5_GB3452.1</t>
  </si>
  <si>
    <t>【上海电气汽轮机】 O型圈\19009647\碳氟橡胶_内径167*2.5_KUN678.02</t>
  </si>
  <si>
    <t>【上海电气汽轮机】 O型圈\A156.31.20.42-17X2.4</t>
  </si>
  <si>
    <t>【上海电气汽轮机】 O型圈\A156.31.56.02-40X3.1</t>
  </si>
  <si>
    <t>【上海电气汽轮机】 O型圈\A156.31.56.36-10X1.9</t>
  </si>
  <si>
    <t>【上海电气汽轮机】 O型圈\A156.31.56.36-19X2.4</t>
  </si>
  <si>
    <t>【上海电气汽轮机】 O型圈\A156.33.01.10-20X2.4</t>
  </si>
  <si>
    <t>【上海电气汽轮机】 O型圈\A156.33.01.10-55X3.1</t>
  </si>
  <si>
    <t>【上海电气汽轮机】 O型圈\A156.33.01.10-85X3.1</t>
  </si>
  <si>
    <t>【上海电气汽轮机】 密封圈\A156330100860</t>
  </si>
  <si>
    <t>【上海电气汽轮机】 O型圈\A156.33.01.10-100X3.1</t>
  </si>
  <si>
    <t>【上海电气汽轮机】 O型圈\A156.33.01.10-105X3.1</t>
  </si>
  <si>
    <t>【上海电气汽轮机】 O型圈\A156.33.01.10-110X3.1</t>
  </si>
  <si>
    <t>【上海电气汽轮机】 O型圈\A156.33.01.10-11X1.9</t>
  </si>
  <si>
    <t>【上海电气汽轮机】 O型圈\A156.33.01.10-12X1.9</t>
  </si>
  <si>
    <t>【上海电气汽轮机】 O型圈\A156.33.01.10-13X1.9</t>
  </si>
  <si>
    <t>【上海电气汽轮机】 O型圈\A156.33.01.10-16X2.4</t>
  </si>
  <si>
    <t>【上海电气汽轮机】 O型圈\A156.33.01.10-18X2.4</t>
  </si>
  <si>
    <t>【上海电气汽轮机】 O型圈\A156.33.01.10-19X2.4</t>
  </si>
  <si>
    <t>【上海电气汽轮机】 O型圈\A156.33.01.10-230X5.7</t>
  </si>
  <si>
    <t>【上海电气汽轮机】 O型圈\A156.33.01.10-28X3.1</t>
  </si>
  <si>
    <t>【上海电气汽轮机】 O型圈\A156.33.01.10-30X3.1</t>
  </si>
  <si>
    <t>【上海电气汽轮机】 O型圈\A156.33.01.10-35X3.5</t>
  </si>
  <si>
    <t>【上海电气汽轮机】 O型圈\A156.33.01.10-38X3.1</t>
  </si>
  <si>
    <t>【上海电气汽轮机】 O型圈\A156.33.01.10-38X3.5</t>
  </si>
  <si>
    <t>【上海电气汽轮机】 O型圈\A156.33.01.10-40X3.1</t>
  </si>
  <si>
    <t>【上海电气汽轮机】 O型圈\A156.33.01.10-45X3.5</t>
  </si>
  <si>
    <t>【上海电气汽轮机】 O型圈\A156.33.01.10-50X3.1</t>
  </si>
  <si>
    <t>【上海电气汽轮机】 O型圈\A156.33.01.10-60X3.1</t>
  </si>
  <si>
    <t>【上海电气汽轮机】 O型圈\A156.33.01.10-63X3.1</t>
  </si>
  <si>
    <t>【上海电气汽轮机】 O型圈\A156.33.01.10-65X3.1</t>
  </si>
  <si>
    <t>【上海电气汽轮机】 O型圈\A156.33.01.10-70X3.1</t>
  </si>
  <si>
    <t>【上海电气汽轮机】 O型圈\A156.33.01.10-75X3.1</t>
  </si>
  <si>
    <t>【上海电气汽轮机】 O型圈\A156.33.01.10-80X3.1</t>
  </si>
  <si>
    <t>【上海电气汽轮机】 O型圈\A156.33.01.10-8X1.9</t>
  </si>
  <si>
    <t>【上海电气汽轮机】 O型圈\A156.33.01.10-90X3.1</t>
  </si>
  <si>
    <t>【上海电气汽轮机】 O型圈\A156.33.01.10-120X5.7</t>
  </si>
  <si>
    <t>【上海电气汽轮机】 O型圈\A156.33.01.10-22X2.4</t>
  </si>
  <si>
    <t>【上海电气汽轮机】 O型圈\A156.33.01.10-32X3.1</t>
  </si>
  <si>
    <t>【上海电气汽轮机】 O型圈\A156.33.01.10-14X1.9</t>
  </si>
  <si>
    <t>【上海电气汽轮机】 O型圈\A156.33.01.10-61.7X3.1</t>
  </si>
  <si>
    <t>【上海电气汽轮机】 O型圈\A156.33.01.10-68X3.5</t>
  </si>
  <si>
    <t>【上海电气汽轮机】 O型圈\A156.33.01.10-85X5.7</t>
  </si>
  <si>
    <t>【上海电气汽轮机】 O型圈\A156.33.01.10-90X5.7</t>
  </si>
  <si>
    <t>【上海电气】O型圈\A156.33.01.10-75X3.5\D70*3.5-FPM_氟橡胶</t>
  </si>
  <si>
    <t>【上海电气】O型圈\A156.33.01.10-70X3.5\D70*3.5-FPM_氟橡胶</t>
  </si>
  <si>
    <t>【上海电气汽轮机】 O型圈\A156.33.01.10-48X3.5</t>
  </si>
  <si>
    <t>【上海电气汽轮机】 O型圈\B156.33.01.07-100X3.55</t>
  </si>
  <si>
    <t>【上海电气汽轮机】 O型圈\B156.33.01.07-150X3.55</t>
  </si>
  <si>
    <t>【上海电气汽轮机】 O型圈\B156.33.01.07-33.5X3.55</t>
  </si>
  <si>
    <t>【上海电气汽轮机】 O型圈\B156.33.01.07-58X3.55</t>
  </si>
  <si>
    <t>【上海电气汽轮机】 O型圈\B156.33.01.07-75X3.55</t>
  </si>
  <si>
    <t>【上海电气汽轮机】 O型圈\B156.33.01.07-82.5X3.55</t>
  </si>
  <si>
    <t>【上海电气汽轮机】 O型圈\B156.33.01.07-155X3.55</t>
  </si>
  <si>
    <t>【上海电气汽轮机】 O型圈\B156.33.01.07-180X3.55</t>
  </si>
  <si>
    <t>【上海电气汽轮机】 O型圈\B156.33.01.07-185X5.3</t>
  </si>
  <si>
    <t>【上海电气汽轮机】 O型圈\B156.33.01.07-80X3.55</t>
  </si>
  <si>
    <t>【上海电气汽轮机】 O型圈\B156.33.01.07-387X7</t>
  </si>
  <si>
    <t>【上海电气汽轮机】 O型圈\B156.33.01.07-69X3.55</t>
  </si>
  <si>
    <t>【上海电气汽轮机】 O型圈\B156.33.01.07-95X3.55</t>
  </si>
  <si>
    <t>【上海电气汽轮机】 O型圈\B156.33.01.07-40X3.55</t>
  </si>
  <si>
    <t>【上海电气汽轮机】 O型圈\B156.33.01.07-7.1X2.65</t>
  </si>
  <si>
    <t>【上海电气汽轮机】 O型圈\B156.33.01.07-200X3.55</t>
  </si>
  <si>
    <t>【上海电气汽轮机】 O型圈\B156.33.01.07-10.6X2.65</t>
  </si>
  <si>
    <t>【上海电气汽轮机】 O型圈\B156.33.01.07-13.2X1.8</t>
  </si>
  <si>
    <t>【上海电气汽轮机】 O型圈\B156.33.01.07-13.2X2.65</t>
  </si>
  <si>
    <t>【上海电气汽轮机】 O型圈\B156.33.01.07-195X3.55</t>
  </si>
  <si>
    <t>【上海电气汽轮机】 O型圈\B156.33.01.07-206X3.55</t>
  </si>
  <si>
    <t>【上海电气汽轮机】 O型圈\B156.33.01.07-20X2.65</t>
  </si>
  <si>
    <t>【上海电气汽轮机】 O型圈\B156.33.01.07-22.4X2.65</t>
  </si>
  <si>
    <t>【上海电气汽轮机】 O型圈\B156.33.01.07-236X3.55</t>
  </si>
  <si>
    <t>【上海电气汽轮机】 O型圈\B156.33.01.07-250X3.55</t>
  </si>
  <si>
    <t>【上海电气汽轮机】 O型圈\B156.33.01.07-28X3.55</t>
  </si>
  <si>
    <t>【上海电气汽轮机】 O型圈\B156.33.01.07-36.5X2.65</t>
  </si>
  <si>
    <t>【上海电气汽轮机】 O型圈\B156.33.01.07-53.5X3.55</t>
  </si>
  <si>
    <t>【上海电气汽轮机】 O型圈\B156.33.01.07-60X5.3</t>
  </si>
  <si>
    <t>【上海电气汽轮机】 O型圈\B156.33.01.07-90X3.55</t>
  </si>
  <si>
    <t>【上海电气汽轮机】 O型圈\B156.33.01.07-40X2.65</t>
  </si>
  <si>
    <t>【上海电气汽轮机】 O型圈\B156.33.01.07-118X3.55</t>
  </si>
  <si>
    <t>【上海电气汽轮机】 O型圈\B156.33.01.07-132X3.55</t>
  </si>
  <si>
    <t>【上海电气汽轮机】 O型圈\B156.33.01.07-160X3.55</t>
  </si>
  <si>
    <t>【上海电气汽轮机】 O型圈\B156.33.01.07-60X3.55</t>
  </si>
  <si>
    <t>【上海电气汽轮机】 O型圈\B156.33.01.07-25X3.55</t>
  </si>
  <si>
    <t>【上海电气汽轮机】 O型圈\B156.33.01.07-50X2.65</t>
  </si>
  <si>
    <t>【上海电气汽轮机】 O型圈\B156.33.01.07-26.5X3.55</t>
  </si>
  <si>
    <t>【上海电气汽轮机】 O型圈\B156.33.01.07-87.5X3.55</t>
  </si>
  <si>
    <t>【上海电气汽轮机】 O型圈\B156.33.01.07-18X3.55</t>
  </si>
  <si>
    <t>【上海电气汽轮机】 O型圈\B156.33.01.07-53X3.55</t>
  </si>
  <si>
    <t>【上海电气汽轮机】 O型圈\B156.33.01.07-170X3.55</t>
  </si>
  <si>
    <t>【上海电气汽轮机】 O型圈\B156.33.01.07-103X3.55</t>
  </si>
  <si>
    <t>【上海电气汽轮机】 O型圈\B156.33.01.07-43.7X3.55</t>
  </si>
  <si>
    <t>【上海电气汽轮机】 O型圈\B156.33.01.07-12X1.8</t>
  </si>
  <si>
    <t>【上海电气汽轮机】 O型圈\B156.33.01.07-22.4X1.8</t>
  </si>
  <si>
    <t>【上海电气汽轮机】 O型圈\B156.33.01.07-30X2.65</t>
  </si>
  <si>
    <t>【上海电气汽轮机】 O型圈\B156.33.01.07-9.5X1.8</t>
  </si>
  <si>
    <t>【上海电气汽轮机】 O型圈\B156.33.01.07-21.4X1.8</t>
  </si>
  <si>
    <t>【上海电气汽轮机】 O型圈\B156.33.01.07-51.5X3.55</t>
  </si>
  <si>
    <t>【上海电气汽轮机】 O型圈\B156.33.01.07-30X1.8</t>
  </si>
  <si>
    <t>【上海电气汽轮机】 O型圈\B156.33.01.07-247X3.55</t>
  </si>
  <si>
    <t>【上海电气汽轮机】 O型圈\B156.33.01.07-16X2.65</t>
  </si>
  <si>
    <t>【上海电气汽轮机】 O型圈\B156.33.01.07-109X3.55</t>
  </si>
  <si>
    <t>【上海电气汽轮机】 O型圈\B156.33.01.07-12.8X1.8</t>
  </si>
  <si>
    <t>【上海电气汽轮机】 O型圈\B156.33.01.07-23.6X2.65</t>
  </si>
  <si>
    <t>【上海电气汽轮机】 O型圈\B156.33.01.07-8.5X1.8</t>
  </si>
  <si>
    <t>【上海电气汽轮机】 O型圈\B156.33.01.07-9X1.8</t>
  </si>
  <si>
    <t>【上海电气汽轮机】 O型圈\156.31.20.03-11.89X1.98</t>
  </si>
  <si>
    <t>【上海电气汽轮机】 O型圈\156.31.20.03-23.47X2.95</t>
  </si>
  <si>
    <t>【上海电气汽轮机】 O型圈\156.31.20.03-26.62X2.95</t>
  </si>
  <si>
    <t>【上海电气汽轮机】 O型圈\156.31.20.03-29.74X2.95</t>
  </si>
  <si>
    <t>【上海电气汽轮机】 O型圈\156.31.20.03-10.52X1.83</t>
  </si>
  <si>
    <t>【上海电气汽轮机】 O型圈\156.31.20.03-d26.62X2.95</t>
  </si>
  <si>
    <t>【上海电气汽轮机】 O型圈\156.70.01.16(1)</t>
  </si>
  <si>
    <t>【上海电气汽轮机】 挡圈\296.33.42.08\86</t>
  </si>
  <si>
    <t>【上海电气汽轮机】 挡圈\296.33.42.10\76</t>
  </si>
  <si>
    <t>【上海电气汽轮机】 O型圈\19008961\内径10*2-F80_碳氟橡胶</t>
  </si>
  <si>
    <t>【上海电气汽轮机】 O型圈\19008964\内径22*2.5-F80_碳氟橡胶</t>
  </si>
  <si>
    <t>【上海电气汽轮机】 O型圈\19008967\内径78.8*4.3-F80_碳氟橡胶</t>
  </si>
  <si>
    <t>【上海电气汽轮机】 O型圈\19008969\A156.33.01.10-61.7*3.1_碳氟橡胶</t>
  </si>
  <si>
    <t>【上海电气汽轮机】 O型圈\19008973\B156.33.01.07-12*1.8_碳氟橡胶</t>
  </si>
  <si>
    <t>【上海电气汽轮机】 O型圈\19008974\B156.33.01.07-19.7*2.65_碳氟橡胶</t>
  </si>
  <si>
    <t>【上海电气汽轮机】 O型圈\19008976\B156.33.01.07-22.4*1.8_碳氟橡胶</t>
  </si>
  <si>
    <t>【上海电气汽轮机】 O型圈\19008979\B156.33.01.07-9.5*1.8_碳氟橡胶</t>
  </si>
  <si>
    <t>【上海电气汽轮机】 O型圈\A156.33.01.10-30X3.5</t>
  </si>
  <si>
    <t>【上海电气汽轮机】 O型圈\A156.33.01.10-68X3.1</t>
  </si>
  <si>
    <t>【上海电气汽轮机】 O型圈\B156.33.01.07-11.2X1.8</t>
  </si>
  <si>
    <t>【上海电气汽轮机】 O型圈\B156.33.01.07-63.5X3.55</t>
  </si>
  <si>
    <t>【上海电气汽轮机】 O型圈\B156.33.01.07-230X3.55</t>
  </si>
  <si>
    <t>【上海电气汽轮机】 O型圈\B156.33.01.07-106X3.55</t>
  </si>
  <si>
    <t>【上海电气汽轮机】 O型圈\B156.33.01.07-19.7X2.65</t>
  </si>
  <si>
    <t>【上海电气汽轮机】 O型圈\B156.33.01.07-35.5X2.65</t>
  </si>
  <si>
    <t>【上海电气汽轮机】 O型圈\156.31.20.03-19.18X2.46</t>
  </si>
  <si>
    <t>【上海电气汽轮机】 O型圈\156.74.44.03</t>
  </si>
  <si>
    <t>【上海电气汽轮机】 密封件\196.33.01.02(1)</t>
  </si>
  <si>
    <t>【上海电气汽轮机】 密封件\196.33.05.02(1)</t>
  </si>
  <si>
    <t>【上海电气汽轮机】 密封件\196.33.30.02(1)</t>
  </si>
  <si>
    <t>【上海电气汽轮机】 密封件\196.33.31.02(1)</t>
  </si>
  <si>
    <t>【上海电气汽轮机】 密封件\196.33.42.17(1)</t>
  </si>
  <si>
    <t>【上海电气汽轮机】 氟橡胶O形密封圈\19000159\180*4_KUN678.02</t>
  </si>
  <si>
    <t>【上海电气汽轮机】 氟橡胶O形密封圈\19000164\180*4_KUN678.02</t>
  </si>
  <si>
    <t>【上海电气汽轮机】 氟橡胶条\19000198\180*4_KUN678.02</t>
  </si>
  <si>
    <t>【上海电气汽轮机】 O形密封圈\19000797\氟橡胶_内径11*2.5</t>
  </si>
  <si>
    <t>【上海电气汽轮机】 O形密封圈\19000798\氟橡胶_内径74*3</t>
  </si>
  <si>
    <t>【上海电气汽轮机】 O形密封圈\19000809\VITON_32.9*3.55</t>
  </si>
  <si>
    <t>【上海电气汽轮机】 O形密封圈\19002899\氟橡胶_内径130*6</t>
  </si>
  <si>
    <t>【上海电气汽轮机】 O形密封圈\19002900\氟橡胶_内径39*3_KUN678.02</t>
  </si>
  <si>
    <t>【上海电气汽轮机】 O形密封圈\19002922\氟橡胶_内径53*3.55-N_DIN3771-1</t>
  </si>
  <si>
    <t>【上海电气汽轮机】 O形密封圈\19003279\氟橡胶_内径53*3.55-N_DIN3771-1</t>
  </si>
  <si>
    <t>【上海电气汽轮机】 O形密封圈\19003280\氟橡胶_内径53*3.55-N_DIN3771-1</t>
  </si>
  <si>
    <t>【上海电气汽轮机】 O形密封圈\19003281\氟橡胶_内径89*5_KUN678.02</t>
  </si>
  <si>
    <t>【上海电气汽轮机】 O形密封圈\19003282\氟橡胶_内径46*3_KUN678.02</t>
  </si>
  <si>
    <t>【上海电气汽轮机】 O形密封圈\19003758\氟橡胶_40*3.55-N_DIN3771</t>
  </si>
  <si>
    <t>【上海电气汽轮机】 O形密封圈\19003775\氟橡胶_内径39*3_KUN678.02_DGTLV8007010@</t>
  </si>
  <si>
    <t>【上海电气汽轮机】 O形密封圈\19003776\氟橡胶_内径46*3_KUN678.02_DGTLV8007010@</t>
  </si>
  <si>
    <t>【上海电气汽轮机】 O形密封圈\19003777\氟橡胶_内径51*4.5_KUN678.02_DGTLV80070@</t>
  </si>
  <si>
    <t>【上海电气汽轮机】 O形密封圈\19003778\氟橡胶_内径89*5_KUN678.02_DGTLV8007010@</t>
  </si>
  <si>
    <t>【上海电气汽轮机】 O形密封圈\19003779\氟橡胶_内径99*4.5_KUN678.02_DGTLV80070@</t>
  </si>
  <si>
    <t>【上海电气汽轮机】 O形密封圈\19004126\氟橡胶_80*3.55_DIN3771</t>
  </si>
  <si>
    <t>【上海电气汽轮机】 O形密封圈\19004175\氟橡胶_594.51*7.14_KUN678.02</t>
  </si>
  <si>
    <t>【上海电气汽轮机】 O形密封圈\19004243\氟橡胶_130*6_KUN678.02；DGTLV-8007010@</t>
  </si>
  <si>
    <t>【上海电气汽轮机】 O形密封圈\19004317\氟橡胶_82*4_DGTLV-800774001D</t>
  </si>
  <si>
    <t>【上海电气汽轮机】 螺纹端T型圈\19004341\WD1/2"-FPM_氟橡胶</t>
  </si>
  <si>
    <t>【上海电气汽轮机】 螺纹端T型圈\19004344\WD26*1.5-3/4"-FPM_氟橡胶</t>
  </si>
  <si>
    <t>【上海电气汽轮机】 螺纹端T型圈\19004345\WD3/8"-FPM_氟橡胶</t>
  </si>
  <si>
    <t>【上海电气汽轮机】 螺纹端T型圈\19004351\WD33*2-1"-FPM_氟橡胶</t>
  </si>
  <si>
    <t>【上海电气汽轮机】 螺纹端T型圈\19004352\WD42*2-11/4"-FPM_氟橡胶</t>
  </si>
  <si>
    <t>【上海电气汽轮机】 螺纹端T型圈\19004353\WD48*2-11/2"-FPM_氟橡胶</t>
  </si>
  <si>
    <t>【上海电气汽轮机】 O形密封圈\19004354\内径10*2-F75_氟橡胶</t>
  </si>
  <si>
    <t>【上海电气汽轮机】 O形密封圈\19004355\内径16.3*2.4-F75_氟橡胶</t>
  </si>
  <si>
    <t>【上海电气汽轮机】 O形密封圈\19004356\内径20.3*2.4-F75_氟橡胶</t>
  </si>
  <si>
    <t>【上海电气汽轮机】 O形密封圈\19004357\内径25.3*2.4-F75_氟橡胶</t>
  </si>
  <si>
    <t>【上海电气汽轮机】 O形密封圈\19004359\内径37.7*3.53-F75_氟橡胶</t>
  </si>
  <si>
    <t>【上海电气汽轮机】 O形密封圈\19004363\氟橡胶_67*2.5_KUN678.02</t>
  </si>
  <si>
    <t>【上海电气汽轮机】 O形密封圈\19004364\氟橡胶_55*3_KUN678.02</t>
  </si>
  <si>
    <t>【上海电气汽轮机】 O形密封圈\19004403\氟橡胶_内径12*2-F75</t>
  </si>
  <si>
    <t>【上海电气汽轮机】 O形密封圈\19004404\氟橡胶_内径15*2-F75</t>
  </si>
  <si>
    <t>【上海电气汽轮机】 O形密封圈\19004405\氟橡胶_内径26*2-F75</t>
  </si>
  <si>
    <t>【上海电气汽轮机】 O形密封圈\19004406\氟橡胶_内径32*2.5-F75</t>
  </si>
  <si>
    <t>【上海电气汽轮机】 O形密封圈\19004407\氟橡胶_内径32.9*3.53-F75</t>
  </si>
  <si>
    <t>【上海电气汽轮机】 O形密封圈\19004408\氟橡胶_内径33.3*2.4-F75</t>
  </si>
  <si>
    <t>【上海电气汽轮机】 O形密封圈\19004409\橡胶_内径38*2.5-F75</t>
  </si>
  <si>
    <t>【上海电气汽轮机】 O形密封圈\19004410\氟橡胶_内径47.2*3.53-F75</t>
  </si>
  <si>
    <t>【上海电气汽轮机】 O形密封圈\19004411\氟橡胶_内径56.7*3.53-F75</t>
  </si>
  <si>
    <t>【上海电气汽轮机】 O形密封圈\19004412\氟橡胶_内径6*1.5-F75</t>
  </si>
  <si>
    <t>【上海电气汽轮机】 螺纹端T型圈\19004428\WD22*1.5-FPM</t>
  </si>
  <si>
    <t>【上海电气汽轮机】 O形密封圈\19004443\氟橡胶_53*3.55-N_DIN3771</t>
  </si>
  <si>
    <t>【上海电气汽轮机】 O形密封圈\19004447\115*3.55-N_氟橡胶_DIN3771-1</t>
  </si>
  <si>
    <t>【上海电气汽轮机】 O形密封圈\19004453\氟橡胶_63*3.55-N_DIN3771</t>
  </si>
  <si>
    <t>【上海电气汽轮机】 O形密封圈\19004541\氟橡胶_44*3_KUN678.02</t>
  </si>
  <si>
    <t>【上海电气汽轮机】 O形密封圈\19004612\氟橡胶_31.5*2.65-N_DIN3771</t>
  </si>
  <si>
    <t>【上海电气汽轮机】 O形密封圈\19004613\氟橡胶_28*2.65-N_DIN3771</t>
  </si>
  <si>
    <t>【上海电气汽轮机】 O形密封圈\19004729\氟橡胶_145*3.55-N_DIN3771</t>
  </si>
  <si>
    <t>【上海电气汽轮机】 丁腈橡胶条\19004884\PERNUBAN-N_φ12_KUN565.02</t>
  </si>
  <si>
    <t>【上海电气汽轮机】 丁腈橡胶条\19004885\PERNUBAN-N_φ12_KUN565.02</t>
  </si>
  <si>
    <t>【上海电气汽轮机】 O形密封圈\19004886\FLUOR-KAUTSCHUK_53*3.55-N_DIN3771@</t>
  </si>
  <si>
    <t>【上海电气汽轮机】 O形密封圈\19004887\FLUOR-KAUTSCHUK_53*3.55-N_DIN3771@</t>
  </si>
  <si>
    <t>【上海电气汽轮机】 O形密封圈\19004888\DGTLV-800701001_FLUOR-KAUTSCHUK_25X@</t>
  </si>
  <si>
    <t>【上海电气汽轮机】 O形密封圈\19004889\DGTLV-800701001_FLUOR-KAUTSCHUK_30X@</t>
  </si>
  <si>
    <t>【上海电气汽轮机】 O形密封圈\19008175\氟橡胶_32.5*3.55-N_DIN3771</t>
  </si>
  <si>
    <t>【上海电气汽轮机】 O形密封圈\19008176\氟橡胶_51.5*3.55-N_DIN3771</t>
  </si>
  <si>
    <t>【上海电气汽轮机】 O形密封圈\19008201\氟橡胶_内径25.6*3.2_KUN678.02</t>
  </si>
  <si>
    <t>【上海电气汽轮机】 O形密封圈\19008263\氟橡胶_内径28*2.65_KUN678.02</t>
  </si>
  <si>
    <t>【上海电气汽轮机】 O形密封圈\19008264\氟橡胶_内径77.5*3.55_KUN678.02</t>
  </si>
  <si>
    <t>【上海电气汽轮机】 O形密封圈\19008265\氟橡胶_内径31.5*3.55_KUN678.02</t>
  </si>
  <si>
    <t>【上海电气汽轮机】 O形密封圈\19008968\A156.33.01.10-14*1.9_碳氟橡胶</t>
  </si>
  <si>
    <t>【上海电气汽轮机】 O形密封圈\19009160\内径20*2-F80_碳氟橡胶</t>
  </si>
  <si>
    <t>【上海电气汽轮机】 密封塞头\A152.36.03.02(1)\00型</t>
  </si>
  <si>
    <t>【上海电气汽轮机】 O形密封圈\A156.31.20.02-7X1.9</t>
  </si>
  <si>
    <t>【上海电气汽轮机】 O型圈\A156.31.56.36-23X2.4</t>
  </si>
  <si>
    <t>【上海电气汽轮机】 O型圈\A156.33.01.10-185X5.7</t>
  </si>
  <si>
    <t>【上海电气汽轮机】 O型圈\A156.33.01.10-26*2.4</t>
  </si>
  <si>
    <t>【上海电气汽轮机】 圈\A156.33.01.45</t>
  </si>
  <si>
    <t>【上海电气汽轮机】 O型圈\A156.33.01.10-14X2.4</t>
  </si>
  <si>
    <t>【上海电气汽轮机】 O型圈\A156.33.01.10-24X2.4</t>
  </si>
  <si>
    <t>【上海电气汽轮机】 O型圈\A156.33.01.10-32X3.5</t>
  </si>
  <si>
    <t>【上海电气汽轮机】 O型圈\A156.33.01.10-35X3.1</t>
  </si>
  <si>
    <t>【上海电气汽轮机】 O型圈\A156.33.01.10-45X3.1</t>
  </si>
  <si>
    <t>【上海电气汽轮机】 O型圈\A156.33.01.10-55X3.5</t>
  </si>
  <si>
    <t>【上海电气汽轮机】 O型圈\A156.33.01.10-56X3.5</t>
  </si>
  <si>
    <t>【上海电气汽轮机】 O型圈\A156.33.01.10-9X1.9</t>
  </si>
  <si>
    <t>【上海电气汽轮机】 O型圈\A156.33.01.10-125X3.1</t>
  </si>
  <si>
    <t>【上海电气汽轮机】 O型圈\A156.33.01.10-25X2.4</t>
  </si>
  <si>
    <t>【上海电气汽轮机】 O型圈\A156.74.02.28-30X2.4</t>
  </si>
  <si>
    <t>【上海电气汽轮机】 O型圈\B156.33.01.07-128X3.55</t>
  </si>
  <si>
    <t>【上海电气汽轮机】 O型圈\B156.33.01.07-132X2.65</t>
  </si>
  <si>
    <t>【上海电气汽轮机】 O型圈\B156.33.01.07-90X2.65</t>
  </si>
  <si>
    <t>【上海电气汽轮机】 O型圈\B156.33.01.07-30X3.55</t>
  </si>
  <si>
    <t>【上海电气汽轮机】 O型圈\B156.33.01.07-145X3.55</t>
  </si>
  <si>
    <t>【上海电气汽轮机】 O型圈\B156.33.01.07-37.5X3.55</t>
  </si>
  <si>
    <t>【上海电气汽轮机】 O型圈\B156.33.01.07-412X7</t>
  </si>
  <si>
    <t>【上海电气汽轮机】 O型圈\B156.33.01.07-63X3.55</t>
  </si>
  <si>
    <t>【上海电气汽轮机】 O型圈\B156.33.01.07-175X3.55</t>
  </si>
  <si>
    <t>【上海电气汽轮机】 O型圈\B156.33.01.07-51.5X2.65</t>
  </si>
  <si>
    <t>【上海电气汽轮机】 O型圈\B156.33.01.07-47.5X2.65</t>
  </si>
  <si>
    <t>【上海电气汽轮机】 O型圈\B156.33.01.07-25X3.53</t>
  </si>
  <si>
    <t>【上海电气汽轮机】 O型圈\B156.33.01.07-32.9X3.53</t>
  </si>
  <si>
    <t>【上海电气汽轮机】 O型圈\B156.33.01.07-67X3.55</t>
  </si>
  <si>
    <t>【上海电气汽轮机】 O型圈\B156.33.01.07-12.5X2.65</t>
  </si>
  <si>
    <t>【上海电气汽轮机】 O型圈\B156.33.01.07-34.5X3.55</t>
  </si>
  <si>
    <t>【上海电气汽轮机】 O型圈\B156.33.01.07-630X7</t>
  </si>
  <si>
    <t>【上海电气汽轮机】 O型圈\B156.33.01.07-218X3.55</t>
  </si>
  <si>
    <t>【上海电气汽轮机】 O型圈\B156.33.01.07-73X3.55</t>
  </si>
  <si>
    <t>【上海电气汽轮机】 O型圈\B156.33.01.07-500X7</t>
  </si>
  <si>
    <t>【上海电气汽轮机】 O型圈\B156.33.01.07-11.8X2.65</t>
  </si>
  <si>
    <t>【上海电气汽轮机】 O型圈\B156.33.01.07-115X3.55</t>
  </si>
  <si>
    <t>【上海电气汽轮机】 O型圈\B156.33.01.07-122X3.55</t>
  </si>
  <si>
    <t>【上海电气汽轮机】 O型圈\156.31.20.03-16.36X2.21</t>
  </si>
  <si>
    <t>【上海电气汽轮机】 O型圈\156.31.20.03-10.82X1.78</t>
  </si>
  <si>
    <t>【上海电气汽轮机】 O型圈\156.31.20.03-37.47X3</t>
  </si>
  <si>
    <t>【上海电气汽轮机】 管夹衬垫\906.07.01.08(1)</t>
  </si>
  <si>
    <t>【上海电气汽轮机】 橡皮圈\GA151.28.01.14</t>
  </si>
  <si>
    <t>【上海电气汽轮机】 O形密封圈\19000011\220*5.7_GB3452.1</t>
  </si>
  <si>
    <t>【上海电气汽轮机】 O形密封圈\19000896\5.3*1.8_GB3452.1</t>
  </si>
  <si>
    <t>【上海电气汽轮机】 O形密封圈\19000897\6*1.8_GB3452.1</t>
  </si>
  <si>
    <t>【上海电气汽轮机】 O形密封圈\19000989\12*1.9_GB1235</t>
  </si>
  <si>
    <t>【上海电气汽轮机】 O形密封圈\19000991\14*2.4_GB1235</t>
  </si>
  <si>
    <t>【上海电气汽轮机】 O形密封圈\19000992\15*2.4_GB1235</t>
  </si>
  <si>
    <t>【上海电气汽轮机】 O形密封圈\19000993\16*2.4_GB1235</t>
  </si>
  <si>
    <t>【上海电气汽轮机】 O形密封圈\19000994\18*2.4_GB1235</t>
  </si>
  <si>
    <t>【上海电气汽轮机】 O形密封圈\19000995\18*2.4_GB1235</t>
  </si>
  <si>
    <t>【上海电气汽轮机】 O形密封圈\19000996\22*2.4_GB1235</t>
  </si>
  <si>
    <t>【上海电气汽轮机】 O形密封圈\19001001\30*3.1_GB1235</t>
  </si>
  <si>
    <t>【上海电气汽轮机】 O形密封圈\19001003\32*3.1_GB1235</t>
  </si>
  <si>
    <t>【上海电气汽轮机】 O形密封圈\19001004\32*3.5_GB1235</t>
  </si>
  <si>
    <t>【上海电气汽轮机】 O形密封圈\19001007\36*3.5_GB1235</t>
  </si>
  <si>
    <t>【上海电气汽轮机】 O形密封圈\19001008\36*3.5_GB1235</t>
  </si>
  <si>
    <t>【上海电气汽轮机】 O形密封圈\19001011\40*3.1_GB1235</t>
  </si>
  <si>
    <t>【上海电气汽轮机】 O形密封圈\19001012\44*3.5_GB1235</t>
  </si>
  <si>
    <t>【上海电气汽轮机】 O形密封圈\19001014\46*3.5_GB1235</t>
  </si>
  <si>
    <t>【上海电气汽轮机】 O形密封圈\19001015\48*3.5_GB1235</t>
  </si>
  <si>
    <t>【上海电气汽轮机】 O形密封圈\19001020\55*3.5_GB1235</t>
  </si>
  <si>
    <t>【上海电气汽轮机】 O形密封圈\19001021\56*3.5_GB1235</t>
  </si>
  <si>
    <t>【上海电气汽轮机】 O形密封圈\19001022\60*3.1_GB1235</t>
  </si>
  <si>
    <t>【上海电气汽轮机】 O形密封圈\19001023\60*5.7_GB1235</t>
  </si>
  <si>
    <t>【上海电气汽轮机】 O形密封圈\19001026\65*3.1_GB1235</t>
  </si>
  <si>
    <t>【上海电气汽轮机】 O形密封圈\19001027\65*5.7_GB1235</t>
  </si>
  <si>
    <t>【上海电气汽轮机】 O形密封圈\19001031\65*5.7_GB1235</t>
  </si>
  <si>
    <t>【上海电气汽轮机】 O形密封圈\19001033\80*5.7_GB1235</t>
  </si>
  <si>
    <t>【上海电气汽轮机】 O形密封圈\19001036\90*5.7_GB1235</t>
  </si>
  <si>
    <t>【上海电气汽轮机】 O形密封圈\19001039\105*5.7_GB1235</t>
  </si>
  <si>
    <t>【上海电气汽轮机】 O形密封圈\19001042\125*5.7_GB1235</t>
  </si>
  <si>
    <t>【上海电气汽轮机】 O形密封圈\19001043\140*3.1_GB1235</t>
  </si>
  <si>
    <t>【上海电气汽轮机】 O形密封圈\19001044\150*5.7_GB1235</t>
  </si>
  <si>
    <t>【上海电气汽轮机】 O形密封圈\19001045\160*5.7_GB1235</t>
  </si>
  <si>
    <t>【上海电气汽轮机】 O形密封圈\19001049\200*8.6_GB1235</t>
  </si>
  <si>
    <t>【上海电气汽轮机】 O形密封圈\19001052\250*5.7_GB1235</t>
  </si>
  <si>
    <t>【上海电气汽轮机】 O形密封圈\19001053\250*8.6_GB1235</t>
  </si>
  <si>
    <t>【上海电气汽轮机】 O形密封圈\19001056\370*8.6_GB1235</t>
  </si>
  <si>
    <t>【上海电气汽轮机】 O形密封圈\19001057\450*8.6_GB1235</t>
  </si>
  <si>
    <t>【上海电气汽轮机】 O形密封圈\19001058\140*5.7_GB1235</t>
  </si>
  <si>
    <t>【上海电气汽轮机】 O形密封圈\19001063\4.87*1.8_GB3452.1</t>
  </si>
  <si>
    <t>【上海电气汽轮机】 O形密封圈\19001064\10.6*1.8_GB3452.1</t>
  </si>
  <si>
    <t>【上海电气汽轮机】 O形密封圈\19001066\11.2*2.65_GB3452.1</t>
  </si>
  <si>
    <t>【上海电气汽轮机】 O形密封圈\19001067\11.8*1.8_GB3452.1</t>
  </si>
  <si>
    <t>【上海电气汽轮机】 O形密封圈\19001068\15*2.65_GB3452.1</t>
  </si>
  <si>
    <t>【上海电气汽轮机】 O形密封圈\19001070\16*2.65_GB3452.1</t>
  </si>
  <si>
    <t>【上海电气汽轮机】 O形密封圈\19001071\18*2.65_GB3452.1</t>
  </si>
  <si>
    <t>【上海电气汽轮机】 O形密封圈\19001072\18*3.55_GB3452.1</t>
  </si>
  <si>
    <t>【上海电气汽轮机】 O形密封圈\19001075\20*2.65_GB3452.1</t>
  </si>
  <si>
    <t>【上海电气汽轮机】 O形密封圈\19001078\22.4*3.55_GB3452.1</t>
  </si>
  <si>
    <t>【上海电气汽轮机】 O形密封圈\19001079\25*3.55_GB3452.1</t>
  </si>
  <si>
    <t>【上海电气汽轮机】 O形密封圈\19001083\30*2.65_GB3452.1</t>
  </si>
  <si>
    <t>【上海电气汽轮机】 O形密封圈\19001086\47.5*2.65_GB3452.1</t>
  </si>
  <si>
    <t>【上海电气汽轮机】 O形密封圈\19001092\73*3.55_GB3452.1</t>
  </si>
  <si>
    <t>【上海电气汽轮机】 O形密封圈\19001095\99.1*5.7_GB3452.1</t>
  </si>
  <si>
    <t>【上海电气汽轮机】 O形密封圈\19001096\118*2.65_GB3452.1</t>
  </si>
  <si>
    <t>【上海电气汽轮机】 O形密封圈\19001097\122*3.55_GB3452.1</t>
  </si>
  <si>
    <t>【上海电气汽轮机】 O形密封圈\19001098\125*2.65_GB3452.1</t>
  </si>
  <si>
    <t>【上海电气汽轮机】 O形密封圈\19001099\125*3.55_GB3452.1</t>
  </si>
  <si>
    <t>【上海电气汽轮机】 O形密封圈\19001100\180*5.3_GB3452.1</t>
  </si>
  <si>
    <t>【上海电气汽轮机】 O形密封圈\19001101\180*5.3_GB3452.1</t>
  </si>
  <si>
    <t>【上海电气汽轮机】 O形密封圈\19001103\265*7_GB3452.1</t>
  </si>
  <si>
    <t>【上海电气汽轮机】 O形密封圈\19001114\67*2.65_GB3452.1</t>
  </si>
  <si>
    <t>【上海电气汽轮机】 O形密封圈\19001116\65*3.55_GB3452.1</t>
  </si>
  <si>
    <t>【上海电气汽轮机】 O形密封圈\19001117\12.5*2.65_GB3452.1</t>
  </si>
  <si>
    <t>【上海电气汽轮机】 O形密封圈\19001118\12.5*2.65_GB3452.1</t>
  </si>
  <si>
    <t>【上海电气汽轮机】 O形密封圈\19001120\63*3.55_GB3452.1</t>
  </si>
  <si>
    <t>【上海电气汽轮机】 O形密封圈\19001121\115*3.55_GB3452.1</t>
  </si>
  <si>
    <t>【上海电气汽轮机】 O形密封圈\19001128\5*1.8_GB3452.1</t>
  </si>
  <si>
    <t>【上海电气汽轮机】 O形密封圈\19001129\10*1.8_GB3452.1</t>
  </si>
  <si>
    <t>【上海电气汽轮机】 骨架油封\19001151\PD_90*65*12</t>
  </si>
  <si>
    <t>【上海电气汽轮机】 骨架油封\19001157\HG4-692-67_55*80*12</t>
  </si>
  <si>
    <t>【上海电气汽轮机】 O形密封圈\19002307\HG4-692-67_55*80*12</t>
  </si>
  <si>
    <t>【上海电气汽轮机】 O形密封圈\19003940\82.5*5.3_GB3452.1</t>
  </si>
  <si>
    <t>【上海电气汽轮机】 O形密封圈\19003951\109*7_GB3452.1</t>
  </si>
  <si>
    <t>【上海电气汽轮机】 O形密封圈\19004202\40*5.3_GB3452.1</t>
  </si>
  <si>
    <t>【上海电气汽轮机】 O形密封圈\19004261\氟橡胶_内径130*7</t>
  </si>
  <si>
    <t>【上海电气汽轮机】 O形密封圈\19004435\碳氟橡胶_32.5*3.55_GB3452.1</t>
  </si>
  <si>
    <t>【上海电气汽轮机】 O形密封圈\19004449\816*7_GB3452.1</t>
  </si>
  <si>
    <t>【上海电气汽轮机】 O形密封圈\19007946\50*5.7_GB3452.1</t>
  </si>
  <si>
    <t>【上海电气汽轮机】 V形密封圈\19008950\GB10708.1-89_V95*80*25</t>
  </si>
  <si>
    <t>【上海电气汽轮机】 骨架油封\19009521\PD_180*160*16</t>
  </si>
  <si>
    <t>【上海电气汽轮机】 骨架油封\19009522\PD_185*160*10</t>
  </si>
  <si>
    <t>【上海电气汽轮机】 O型圈\B3A0001120\GB3452.1-82-180*5.3</t>
  </si>
  <si>
    <t>【上海电气汽轮机】 O型圈\B3A0001160\GB3452.1-82-235*5.3</t>
  </si>
  <si>
    <t>【上海电气汽轮机】 O型圈\B3A0003640\GB3452.1-82-9.5*1.8</t>
  </si>
  <si>
    <t>【上海电气汽轮机】 O型圈\193.08.02.17</t>
  </si>
  <si>
    <t>【上海电气汽轮机】 O型圈\193.08.03.14</t>
  </si>
  <si>
    <t>【上海电气汽轮机】 油动机阀杆\168.33.42.30.06(1)</t>
  </si>
  <si>
    <t>【上海电气汽轮机】 止转块\195.30.41.56</t>
  </si>
  <si>
    <t>【上海电气汽轮机】 活塞杆\258.33.01.08</t>
  </si>
  <si>
    <t>【上海电气汽轮机】 活塞\258.33.42.09</t>
  </si>
  <si>
    <t>【上海电气汽轮机】 方向阀\C156.73.41.53</t>
  </si>
  <si>
    <t>【上海电气汽轮机】 上端盖\196.33.42.07.01(1)</t>
  </si>
  <si>
    <t>【上海电气汽轮机】 上端盖\196.33.42.07.03(1)</t>
  </si>
  <si>
    <t>【上海电气汽轮机】 下端盖\196.33.42.10.01(1)</t>
  </si>
  <si>
    <t>【上海电气汽轮机】 下端盖\196.33.42.10.03(1)</t>
  </si>
  <si>
    <t>【上海电气汽轮机】 下端盖\196.33.42.10.04(1)</t>
  </si>
  <si>
    <t>【上海电气汽轮机】 下端盖\196.33.42.10.05(1)</t>
  </si>
  <si>
    <t>【上海电气】活塞\168.33.42.32.03(1)\φ210</t>
  </si>
  <si>
    <t>【上海电气】活塞\168.33.42.32.04(1)\φ240</t>
  </si>
  <si>
    <t>【上海电气汽轮机】 控制块\A157.33.01.26</t>
  </si>
  <si>
    <t>【上海电气汽轮机】 油动机卸荷阀（左）\191.33.42.22G01</t>
  </si>
  <si>
    <t>【上海电气汽轮机】 注油器扩散管\A157.70.03.01(1)</t>
  </si>
  <si>
    <t>【上海电气汽轮机】 EH油泵出口滤油器帽\C156.73.52.02</t>
  </si>
  <si>
    <t>【上海电气汽轮机】 EH油伺服阀冲洗板\A156.33.31.03</t>
  </si>
  <si>
    <t>【上海电气汽轮机】 节流孔塞调节阀油动机节流孔塞\A156.33.01.72</t>
  </si>
  <si>
    <t>【上海电气汽轮机】 油缸头\B152.33.01.07</t>
  </si>
  <si>
    <t>【上海电气汽轮机】 缸筒\B152.33.01.08</t>
  </si>
  <si>
    <t>【上海电气汽轮机】 活塞\B152.33.01.09</t>
  </si>
  <si>
    <t>【上海电气汽轮机】 溢流阀溢流阀\B152.33.32.02(1)</t>
  </si>
  <si>
    <t>【上海电气汽轮机】 套筒\B156.33.01.08</t>
  </si>
  <si>
    <t>【上海电气汽轮机】 活塞杆\H177.33.31.02</t>
  </si>
  <si>
    <t>【上海电气汽轮机】 板\SH73.41.01.02(1)G03\4PT3+1PT2</t>
  </si>
  <si>
    <t>【上海电气汽轮机】 活塞杆\168.33.42.29(1)G07</t>
  </si>
  <si>
    <t>【上海电气汽轮机】 活塞杆\168.33.42.29(1)G08</t>
  </si>
  <si>
    <t>【上海电气汽轮机】 活塞杆\168.33.42.29(1)G09</t>
  </si>
  <si>
    <t>【上海电气汽轮机】 油泵试验块\191.31.20.10</t>
  </si>
  <si>
    <t>【上海电气汽轮机】 调整垫片\X196070100480\202</t>
  </si>
  <si>
    <t>【上海电气汽轮机】 垫片\X196070100500\208</t>
  </si>
  <si>
    <t>【上海电气汽轮机】 调整块\X196070100570\213K</t>
  </si>
  <si>
    <t>【上海电气汽轮机】 安全块\(196.73.41.01.44(1)</t>
  </si>
  <si>
    <t>【上海电气汽轮机】 套筒\268.33.01.12</t>
  </si>
  <si>
    <t>【上海电气汽轮机】 皮带轮\296.28.01.01\材质：HT250-S1</t>
  </si>
  <si>
    <t>【上海电气汽轮机】 小齿轮轴\296.28.01.18\材质：35CrMoA-5</t>
  </si>
  <si>
    <t>【上海电气汽轮机】 皮带轮\296.28.02.01\材质：HT250-S1</t>
  </si>
  <si>
    <t>【上海电气汽轮机】 套筒\191.33.42.04</t>
  </si>
  <si>
    <t>【上海电气汽轮机】 套筒\191.33.01.08</t>
  </si>
  <si>
    <t>【上海电气汽轮机】 圈\191.33.01.04</t>
  </si>
  <si>
    <t>【上海电气汽轮机】 衬套\C156.33.01.04</t>
  </si>
  <si>
    <t>【上海电气汽轮机】 套筒\191.33.31.06</t>
  </si>
  <si>
    <t>【上海电气汽轮机】 螺套\191.33.31.09</t>
  </si>
  <si>
    <t>【上海电气汽轮机】 中压调门试验电磁阀闷板\A156.33.31.27</t>
  </si>
  <si>
    <t>【上海电气汽轮机】 密封圈\19000387\E4207A90_12500312</t>
  </si>
  <si>
    <t>【上海电气汽轮机】 密封圈\19000388\E4207A90_18702875</t>
  </si>
  <si>
    <t>【上海电气汽轮机】 密封圈\19000389\E4207A90_25002000</t>
  </si>
  <si>
    <t>【上海电气汽轮机】 密封圈\19000391\E4207A90_25002875</t>
  </si>
  <si>
    <t>【上海电气汽轮机】 密封圈\19000392\E4207A90_31202750</t>
  </si>
  <si>
    <t>【上海电气汽轮机】 密封圈\19000395\V420818701375</t>
  </si>
  <si>
    <t>【上海电气汽轮机】 密封圈\19000397\V4208_25001500</t>
  </si>
  <si>
    <t>【上海电气汽轮机】 密封圈\19000398\V4208_25002000</t>
  </si>
  <si>
    <t>【上海电气汽轮机】 密封圈\19000404\Z4653D58_18701375</t>
  </si>
  <si>
    <t>【上海电气汽轮机】 密封圈\19000405\Z4653D58_25002000</t>
  </si>
  <si>
    <t>【上海电气汽轮机】 密封圈\19000828\MSI-006345-13-06-1-NPN</t>
  </si>
  <si>
    <t>【上海电气汽轮机】 密封环\19000829\MSI-007050-11-06-1-NPN</t>
  </si>
  <si>
    <t>【上海电气汽轮机】 密封环\19000830\MSI-006345-13-06-1-NPN</t>
  </si>
  <si>
    <t>【上海电气汽轮机】 密封环\19000831\MSI-005324-09-03-1-SPJ</t>
  </si>
  <si>
    <t>【上海电气汽轮机】 密封环\19001194\O-MSI-006345-13-06-1-NPN</t>
  </si>
  <si>
    <t>【上海电气汽轮机】 密封环\19002309\MCI-041933-11-14-6-SPJ</t>
  </si>
  <si>
    <t>【上海电气汽轮机】 密封圈\19003857\P/N4207_18702000</t>
  </si>
  <si>
    <t>【上海电气汽轮机】 2位3通电磁阀\SH73.60.01.08.02\3WE6A6X</t>
  </si>
  <si>
    <t>【上海电气汽轮机】 插装阀\SH73.60.01.07.26\63</t>
  </si>
  <si>
    <t>【上海电气汽轮机】 溢流阀\168.73.41.01.10(1)\DBDS10G1X</t>
  </si>
  <si>
    <t>【上海电气汽轮机】 单向阀\196.73.41.01.11(1)\G3/4</t>
  </si>
  <si>
    <t>【上海电气汽轮机】 单向阀\196.73.41.01.12(1)\G11/4</t>
  </si>
  <si>
    <t>【上海电气汽轮机】 单向阀\196.73.41.01.13(1)\G1/4</t>
  </si>
  <si>
    <t>【上海电气汽轮机】 单向阀\196.73.41.01.14(1)\G11/2</t>
  </si>
  <si>
    <t>【上海电气汽轮机】 单向阀\168.73.41.01.11(1)\G3/4</t>
  </si>
  <si>
    <t>【上海电气汽轮机】 插装阀盖板\SH73.60.01.07.16\16D</t>
  </si>
  <si>
    <t>【上海电气汽轮机】 插装阀\SH73.60.01.07.20\16</t>
  </si>
  <si>
    <t>【上海电气汽轮机】 精密节流阀\SH73.60.01.07.01\F型</t>
  </si>
  <si>
    <t>【上海电气汽轮机】 电磁阀\3WE6A6X\EG110N9K4</t>
  </si>
  <si>
    <t>【上海电气汽轮机】  电磁球阀防爆\SH73.41.01.01.13(3)\G1-M3SEW6C</t>
  </si>
  <si>
    <t>【上海电气汽轮机】 电磁球阀及插头\SH73.41.01.01.14(3)\M-3SEW6U-L3X</t>
  </si>
  <si>
    <t>【上海电气汽轮机】 电磁阀\12002599\3WE6A6X\EG220N9K4</t>
  </si>
  <si>
    <t>【上海电气汽轮机】 单向阀\12002454\DIF-L10H1</t>
  </si>
  <si>
    <t>【上海电气汽轮机】 单向阀\12002455\DIF-L20H1</t>
  </si>
  <si>
    <t>【上海电气汽轮机】 单向阀\12002462\S10A1_0\2</t>
  </si>
  <si>
    <t>【上海电气汽轮机】 电磁阀\12002595\3WE6A-50\AW220-50NZ4V</t>
  </si>
  <si>
    <t>【上海电气汽轮机】 交流电磁阀\12005919\22D2-25B</t>
  </si>
  <si>
    <t>【上海电气汽轮机】 交流电磁阀\12005925\24D2-10B</t>
  </si>
  <si>
    <t>【上海电气汽轮机】 交流电磁阀\12005926\24D2-63B</t>
  </si>
  <si>
    <t>【上海电气汽轮机】 压力表开关\12011591\KF-L8</t>
  </si>
  <si>
    <t>【上海电气汽轮机】 溢流阀\12012674\YF-L20H1-S</t>
  </si>
  <si>
    <t>【上海电气汽轮机】 直流电磁铁\12013453\MFZ1-7YC_DC110V</t>
  </si>
  <si>
    <t>【上海电气汽轮机】 溢流阀\12032908\DBW20A1-5X</t>
  </si>
  <si>
    <t>【上海电气汽轮机】 电磁阀\12190188\DBW20A1-5X</t>
  </si>
  <si>
    <t>【上海电气汽轮机】 电磁阀\12196118\DBW20A1-5X</t>
  </si>
  <si>
    <t>【上海电气汽轮机】 插装式单向阀组件\12198671\M-SR8KE30L1X\V</t>
  </si>
  <si>
    <t>【上海电气汽轮机】 插装阀盖板\SH73.60.01.07.17\25D</t>
  </si>
  <si>
    <t>【上海电气汽轮机】 插装阀盖板\SH73.60.01.07.19\32W</t>
  </si>
  <si>
    <t>【上海电气汽轮机】 插装阀\SH73.60.01.07.21\25</t>
  </si>
  <si>
    <t>【上海电气汽轮机】 插装阀\SH73.60.01.07.22\32</t>
  </si>
  <si>
    <t>【上海电气汽轮机】 插装阀\SH73.60.01.07.23\40</t>
  </si>
  <si>
    <t>【上海电气汽轮机】 插装阀\SH73.60.01.07.24\50</t>
  </si>
  <si>
    <t>【上海电气汽轮机】 单向阀\168.73.41.01.12(1)\G11/4</t>
  </si>
  <si>
    <t>【上海电气汽轮机】 单向阀\168.73.41.01.14(1)\G11/2</t>
  </si>
  <si>
    <t>【上海电气汽轮机】 单向阀\168.73.41.01.65(1)\G1</t>
  </si>
  <si>
    <t>【上海电气汽轮机】 水过滤器\HA56.73.41.01.85\G1</t>
  </si>
  <si>
    <t>【上海电气汽轮机】 三相马达\12208509\M2JAX132S4A5.5KW-4PB35</t>
  </si>
  <si>
    <t>【上海电气】三相马达\SH73.60.01.09.07\2.2KW</t>
  </si>
  <si>
    <t>【上海电气】三相马达\SH73.60.01.09.08\22KW</t>
  </si>
  <si>
    <t>【上海电气汽轮机】 三相马达\SH73.60.01.09.01\380V50HZ30KW</t>
  </si>
  <si>
    <t>【上海电气汽轮机】 三相马达\380V50HZ2.2KW\380V50HZ2.2KW</t>
  </si>
  <si>
    <t>【上海电气】三相隔爆马达\SH73.60.01.09.11\2.2KW</t>
  </si>
  <si>
    <t>【上海电气】三相隔爆马达\SH73.60.01.09.10\30KW</t>
  </si>
  <si>
    <t>【上海电气汽轮机】 交流电动机\12005932\M2GP-200L4A\30KW\380V_EX\nA-II  </t>
  </si>
  <si>
    <t>【上海电气汽轮机】 交流电动机\12005931\M2GP-200L4A\30KW\380V_EX\nA-II</t>
  </si>
  <si>
    <t>【上海电气汽轮机】 交流电动机\12005935\M2GP-100L4A\2.2KW\380V\B35\nAⅡT3</t>
  </si>
  <si>
    <t>【上海电气汽轮机】 抗燃油处理装置\12006990\HNP021R3ZCPX109</t>
  </si>
  <si>
    <t>【上海电气汽轮机】 油净化装置\12127048\HCP-150A-380-50-KS</t>
  </si>
  <si>
    <t>【上海电气汽轮机】 油净化装置\12194398\HRM02XR3ZCPCN_带HRP020H连接软管</t>
  </si>
  <si>
    <t>【上海电气汽轮机】 截止阀\12006695\M16W-U16LB-G-SS-HT</t>
  </si>
  <si>
    <t>【上海电气汽轮机】 截止阀\12006728\W313M16-MPNLB-G-SS-OC附200焊接短管</t>
  </si>
  <si>
    <t>【上海电气汽轮机】 针阀\12027567\M10W-U16LR</t>
  </si>
  <si>
    <t>【上海电气汽轮机】 仪表阀\12197341\M18W-U12LB</t>
  </si>
  <si>
    <t>【上海电气汽轮机】 仪表阀\12197342\M14W-U12LB</t>
  </si>
  <si>
    <t>【上海电气汽轮机】 仪表阀\12199431\HNVS8RFF</t>
  </si>
  <si>
    <t>【上海电气汽轮机】 截止阀\12202909\M13.7*3.1-MPNLB</t>
  </si>
  <si>
    <t>【上海电气汽轮机】 截止阀\12202910\M33.4*4.7-MPNLB</t>
  </si>
  <si>
    <t>【上海电气汽轮机】 截止阀\12202911\M32*5-MPNLB</t>
  </si>
  <si>
    <t>【上海电气汽轮机】 截止阀\12202912\M20*5-U16LB</t>
  </si>
  <si>
    <t>【上海电气汽轮机】 止回阀\SGC0000011110\AISI316L</t>
  </si>
  <si>
    <t>【上海电气汽轮机】 吸湿器\SH73.60.01.05.03\PFD12</t>
  </si>
  <si>
    <t>【上海电气汽轮机】 吸湿空气滤清器\SH73.60.01.05.13</t>
  </si>
  <si>
    <t>【上海电气汽轮机】 单向阀\168.33.42.40.16(1)\M-SR8</t>
  </si>
  <si>
    <t>【上海电气汽轮机】 WOERNER齿轮泵\168.73.41.01.24(1)\Z01\25</t>
  </si>
  <si>
    <t>【上海电气汽轮机】 联轴器\196.73.41.01.23(1)\65</t>
  </si>
  <si>
    <t>【上海电气汽轮机】 法兰\12190826\ASF2"</t>
  </si>
  <si>
    <t>【上海电气汽轮机】 活塞密封\12190825\PT0401800</t>
  </si>
  <si>
    <t>【上海电气汽轮机】 联轴器-钟形罩\9C20.73.42.04</t>
  </si>
  <si>
    <t>【上海电气汽轮机】 开关电磁阀\906.33.42.17(1)\M3SEW6U37</t>
  </si>
  <si>
    <t>【上海电气汽轮机】 联轴器\168.73.41.01.25(1)\M-0.28</t>
  </si>
  <si>
    <t>【上海电气汽轮机】 管路附件\SH62.90.67.07</t>
  </si>
  <si>
    <t>【上海电气汽轮机】 联轴器-钟形罩\9C20.73.42.07</t>
  </si>
  <si>
    <t>【上海电气汽轮机】 空气引导阀\186.31.67</t>
  </si>
  <si>
    <t>【上海电气汽轮机】 钟罩\SH73.60.01.21.02\250</t>
  </si>
  <si>
    <t>【上海电气汽轮机】 联轴器\SH73.60.01.20.02\24</t>
  </si>
  <si>
    <t>【上海电气汽轮机】 钟罩\SH73.60.01.21.01\400</t>
  </si>
  <si>
    <t>【上海电气汽轮机】 钟罩\168.73.41.01.26(1)\250</t>
  </si>
  <si>
    <t>【上海电气汽轮机】 钟罩\168.73.41.01.64(1)\350</t>
  </si>
  <si>
    <t>【上海电气汽轮机】 联轴器\168.73.41.01.63(1)\48</t>
  </si>
  <si>
    <t>【上海电气汽轮机】 活塞杆\159.33.31.02</t>
  </si>
  <si>
    <t>【上海电气】 溢流阀\\DB20转接\N400.007.0</t>
  </si>
  <si>
    <t>【上海电气汽轮机】 底座\191.73.41.12</t>
  </si>
  <si>
    <t>【上海电气汽轮机】 青铜消音器\12185935\G1/2″_2219012034</t>
  </si>
  <si>
    <t>【上海电气汽轮机】 主油泵联轴器缓冲块\12207457\[CQM-48]REF:2220019601</t>
  </si>
  <si>
    <t>【上海电气汽轮机】 联轴器\12007484\ML6_155.73.42.02</t>
  </si>
  <si>
    <t>【上海电气汽轮机】 温度调节器\12010708\WTZK-50-C_10-40℃-8000</t>
  </si>
  <si>
    <t>【上海电气汽轮机】 溢流阀\12015648\DB20转接\N400.006B.0</t>
  </si>
  <si>
    <t>【上海电气汽轮机】 电磁阀\12040809\4WE6C6X用于主汽门油动机90.K151</t>
  </si>
  <si>
    <t>【上海电气汽轮机】 液位开关\12120844\YKJDQ24_M36X2</t>
  </si>
  <si>
    <t>【上海电气汽轮机】 超速保护控制电磁阀线圈\12175563\CCP230M-OPC线圈</t>
  </si>
  <si>
    <t>【上海电气汽轮机】 超速保护控制电磁阀线圈\12175564\CCP115D-AST线圈</t>
  </si>
  <si>
    <t>【上海电气汽轮机】 溢流阀\12180166\DB20_S</t>
  </si>
  <si>
    <t>【上海电气汽轮机】 管接头组件\12191477\JT10.01.0</t>
  </si>
  <si>
    <t>【上海电气汽轮机】 电磁阀\12199159\SDF25_220VAC</t>
  </si>
  <si>
    <t>【上海电气汽轮机】 电磁阀\12199160\24BI3-H6B-T</t>
  </si>
  <si>
    <t>【上海电气汽轮机】 温度表\12199163\904MFJ1J10I20</t>
  </si>
  <si>
    <t>【上海电气汽轮机】 地脚螺栓\0.1080-90-M20X220</t>
  </si>
  <si>
    <t>【上海电气汽轮机】 手动打闸装置\B278.31.45G01</t>
  </si>
  <si>
    <t>【上海电气汽轮机】  联轴器、钟罩\\M65、PK450\2</t>
  </si>
  <si>
    <t>【上海电气汽轮机】 联轴器\SH73.60.01.20.01\42</t>
  </si>
  <si>
    <t>【上海电气汽轮机】 钟罩\168.73.41.01.21(1)\350</t>
  </si>
  <si>
    <t>【上海电气汽轮机】 联轴器\191.73.42.02\ML3</t>
  </si>
  <si>
    <t>【上海电气汽轮机】 下端盖\196.33.42.10.02(1)</t>
  </si>
  <si>
    <t>【上海电气汽轮机】 电磁阀插头\168.33.42.40.02(1)</t>
  </si>
  <si>
    <t>【上海电气汽轮机】 插装阀\168.33.42.40.06(1)\LC32</t>
  </si>
  <si>
    <t>【上海电气汽轮机】 插装阀\168.33.42.40.15(1)\LC16</t>
  </si>
  <si>
    <t>【上海电气汽轮机】 插装阀\168.33.42.40.17(1)\LC40</t>
  </si>
  <si>
    <t>【上海电气汽轮机】 插装阀\168.33.42.40.22(1)\LC25</t>
  </si>
  <si>
    <t>【上海电气汽轮机】 插装阀\168.33.42.40.23(1)\LC50</t>
  </si>
  <si>
    <t>【上海电气汽轮机】 伺服阀插头\168.33.42.40.04(1)\7P</t>
  </si>
  <si>
    <t>【上海电气汽轮机】 插装阀\168.33.42.40.37(1)\LC63</t>
  </si>
  <si>
    <t>【上海电气汽轮机】 溢流阀\168.73.41.01.08(1)\10</t>
  </si>
  <si>
    <t>【上海电气汽轮机】 溢流阀\168.73.41.01.09(1)\6</t>
  </si>
  <si>
    <t>【上海电气汽轮机】 单向阀\168.73.41.01.15(1)\M-SR15</t>
  </si>
  <si>
    <t>【上海电气汽轮机】 泵\168.73.41.01.23(1)\PGF3</t>
  </si>
  <si>
    <t>【上海电气汽轮机】 泵\168.73.41.01.19\AEA10VSO28DRG</t>
  </si>
  <si>
    <t>【上海电气汽轮机】 伺服阀插头\12128799\R901043330_REXROTH</t>
  </si>
  <si>
    <t>【上海电气汽轮机】 插装式单向阀组件\12128918\M-SR10KE051X\V_配氟橡胶密封件_配氟橡胶密封件@</t>
  </si>
  <si>
    <t>【上海电气汽轮机】 Rexroth电磁阀\12179667\R9009445944WE6_D62\EG110N9@</t>
  </si>
  <si>
    <t>【上海电气汽轮机】 加热带\12181664\AC_230V_55W</t>
  </si>
  <si>
    <t>【上海电气汽轮机】 停机电磁阀\12185984\4WE6D6X\EG110N9K4\V_110VDC</t>
  </si>
  <si>
    <t>【上海电气汽轮机】 插装阀盖板\168.33.42.40.07(1)\LFA32</t>
  </si>
  <si>
    <t>【上海电气汽轮机】 插装阀盖板\168.33.42.40.14(1)\LFA16</t>
  </si>
  <si>
    <t>【上海电气汽轮机】 插装阀盖板\168.33.42.40.21(1)\LFA25</t>
  </si>
  <si>
    <t>【上海电气汽轮机】 柱塞泵\12033600\A10VSO71DFG1/32R</t>
  </si>
  <si>
    <t>【上海电气汽轮机】 伺服阀\12128798\4WS2EM6</t>
  </si>
  <si>
    <t>【上海电气汽轮机】 磁阻发送器\143.35.19</t>
  </si>
  <si>
    <t>【上海电气汽轮机】 磁阻发送器\C152.35.19G01</t>
  </si>
  <si>
    <t>【上海电气汽轮机】 磁阻发送器\C152.35.19G02</t>
  </si>
  <si>
    <t>【上海电气汽轮机】 磁阻发送器\C152.35.19G03</t>
  </si>
  <si>
    <t>【上海电气汽轮机】 磁阻发送器组件\E296.35.19G01</t>
  </si>
  <si>
    <t>【上海电气汽轮机】 磁阻发送器组件\E296.35.19G02</t>
  </si>
  <si>
    <t>【上海电气汽轮机】 磁阻发送器组件\E298.35.19G01</t>
  </si>
  <si>
    <t>【上海电气汽轮机】 磁阻发送器\J151.35.19G01</t>
  </si>
  <si>
    <t>【上海电气汽轮机】 外轴瓦\196.28.01.10+1</t>
  </si>
  <si>
    <t>【上海电气汽轮机】 锁紧环\14007941\FEDERSTAHL</t>
  </si>
  <si>
    <t>【上海电气汽轮机】 弹簧圈\14002524\A10</t>
  </si>
  <si>
    <t>【上海电气汽轮机】 粘合剂\15001821</t>
  </si>
  <si>
    <t>【上海电气汽轮机】 管道\B196.28.01+36\φ17.2*2*400</t>
  </si>
  <si>
    <t>【上海电气汽轮机】 接管\196.28.01.15</t>
  </si>
  <si>
    <t>【上海电气汽轮机】 油马达\12029193\MRE5400</t>
  </si>
  <si>
    <t>【上海电气汽轮机】 进油管\906.28.01.01(1)G01</t>
  </si>
  <si>
    <t>【上海电气汽轮机】 管子\906.28.01.02(1)</t>
  </si>
  <si>
    <t>【上海电气汽轮机】 弯头\906.28.01.19</t>
  </si>
  <si>
    <t>【上海电气汽轮机】 管子\906.28.01.20</t>
  </si>
  <si>
    <t>【上海电气汽轮机】 管子\906.28.01.21</t>
  </si>
  <si>
    <t>【上海电气汽轮机】  轴承装配图\906.28.01.01G01</t>
  </si>
  <si>
    <t>【上海电气汽轮机】 径向轴向联合轴承\906.28.01.02G01</t>
  </si>
  <si>
    <t>【上海电气汽轮机】 径向轴向联合轴承\906.28.01.22G01</t>
  </si>
  <si>
    <t>【上海电气汽轮机】 承体\906.28.01.22+1</t>
  </si>
  <si>
    <t>【上海电气汽轮机】 螺塞\S1055.3-M12X1.5</t>
  </si>
  <si>
    <t>【上海电气汽轮机】 密封垫片\S1304.1-12X16</t>
  </si>
  <si>
    <t>【上海电气汽轮机】 孔板\906.28.01.15</t>
  </si>
  <si>
    <t>【上海电气汽轮机】 孔板\906.28.01.16</t>
  </si>
  <si>
    <t>【上海电气汽轮机】 平端紧定螺钉\S1063.7-M10X10</t>
  </si>
  <si>
    <t>【上海电气汽轮机】 螺纹锁紧胶\15002877\LOCTITE</t>
  </si>
  <si>
    <t>【上海电气汽轮机】 轴承支撑环\906.28.01.03G01</t>
  </si>
  <si>
    <t>【上海电气汽轮机】 支撑环前半\906.28.01.03+1</t>
  </si>
  <si>
    <t>【上海电气汽轮机】 支撑环后半\906.28.01.03+2</t>
  </si>
  <si>
    <t>【上海电气汽轮机】 圆柱销\S1506.8-10X40</t>
  </si>
  <si>
    <t>【上海电气汽轮机】 锁紧垫圈\14016827\DC01-A_13</t>
  </si>
  <si>
    <t>【上海电气汽轮机】 六角头螺栓\S1030.3-M12X70</t>
  </si>
  <si>
    <t>【上海电气汽轮机】 平端紧定螺钉\S1063.1-M12X30</t>
  </si>
  <si>
    <t>【上海电气汽轮机】 平键\906.28.01.04</t>
  </si>
  <si>
    <t>【上海电气汽轮机】 进口连接块\906.28.01.05\DN25\DN50</t>
  </si>
  <si>
    <t>【上海电气汽轮机】 法兰壳体\906.28.01.06</t>
  </si>
  <si>
    <t>【上海电气汽轮机】 支撑环\906.28.01.07</t>
  </si>
  <si>
    <t>【上海电气汽轮机】 传动法兰\906.28.01.08</t>
  </si>
  <si>
    <t>【上海电气汽轮机】 支撑环\906.28.01.09</t>
  </si>
  <si>
    <t>【上海电气汽轮机】 轴\906.28.01.10</t>
  </si>
  <si>
    <t>【上海电气汽轮机】 环\906.28.01.11</t>
  </si>
  <si>
    <t>【上海电气汽轮机】 环\906.28.01.12</t>
  </si>
  <si>
    <t>【上海电气汽轮机】 环\906.28.01.13</t>
  </si>
  <si>
    <t>【上海电气汽轮机】 锁紧环\14016620\100*3_DIN471</t>
  </si>
  <si>
    <t>【上海电气汽轮机】 键\S1411.1-32X18X90</t>
  </si>
  <si>
    <t>【上海电气汽轮机】 离合器\FXM200FXBOHRG.130H7</t>
  </si>
  <si>
    <t>【上海电气汽轮机】 内六角螺钉\S1052.8-M16X120</t>
  </si>
  <si>
    <t>【上海电气汽轮机】 弹簧垫圈\14016826\FEDERSTAHL_A16_DIN128</t>
  </si>
  <si>
    <t>【上海电气汽轮机】 圆柱销\S1506.3-16X90</t>
  </si>
  <si>
    <t>【上海电气汽轮机】 法兰\906.28.01.23</t>
  </si>
  <si>
    <t>【上海电气汽轮机】 法兰\906.28.01.24</t>
  </si>
  <si>
    <t>【上海电气汽轮机】 内六角螺钉\S1052.8-M20X180</t>
  </si>
  <si>
    <t>【上海电气汽轮机】 内六角螺钉\S1052.8-M16X70</t>
  </si>
  <si>
    <t>【上海电气汽轮机】 圆螺母\S1216.1-M125X2</t>
  </si>
  <si>
    <t>【上海电气汽轮机】 锁紧垫圈\14016681\MB25_DIN5406</t>
  </si>
  <si>
    <t>【上海电气汽轮机】 六角头螺栓\S1030.3-M12X120</t>
  </si>
  <si>
    <t>【上海电气汽轮机】 内六角螺钉\S1052.8-M10X40</t>
  </si>
  <si>
    <t>【上海电气汽轮机】 进油管\906.28.01.14G01</t>
  </si>
  <si>
    <t>【上海电气汽轮机】 弯头\906.28.01.17</t>
  </si>
  <si>
    <t>【上海电气汽轮机】 管子\906.28.01.18</t>
  </si>
  <si>
    <t>【上海电气汽轮机】 锁紧垫片\S1316.1-13</t>
  </si>
  <si>
    <t>【上海电气汽轮机】 位移传感器\12031396\GBF0100</t>
  </si>
  <si>
    <t>【上海电气汽轮机】 位移传感器\12031397\GBF0150</t>
  </si>
  <si>
    <t>【上海电气汽轮机】 位移传感器\12031398\GBF0200</t>
  </si>
  <si>
    <t>【上海电气汽轮机】 位移传感器\12031399\GBF0300</t>
  </si>
  <si>
    <t>【上海电气汽轮机】 磁环\12031400\OD33</t>
  </si>
  <si>
    <t>【上海电气汽轮机】 磁环\12205505\400-533</t>
  </si>
  <si>
    <t>【上海电气汽轮机】 位移传感器\12205520\RH-M-0075M</t>
  </si>
  <si>
    <t>【上海电气汽轮机】 磁环\12205522\401032</t>
  </si>
  <si>
    <t>【上海电气汽轮机】 冗余行程发送器\SH73.60.01.13.01\GT2M0150</t>
  </si>
  <si>
    <t>【上海电气汽轮机】 冗余行程发送器\SH73.60.01.13.02\GT2M0200</t>
  </si>
  <si>
    <t>【上海电气汽轮机】 冗余行程发送器\SH73.60.01.13.03\GT2M0300</t>
  </si>
  <si>
    <t>【上海电气汽轮机】 冗余行程发送器\SH73.60.01.13.06\GT2M0200</t>
  </si>
  <si>
    <t>【上海电气汽轮机】 位移传感器\168.33.42.20.07(1)\CP16009GBS0100</t>
  </si>
  <si>
    <t>【上海电气汽轮机】 位移传感器\168.33.42.20.08(1)\CP16009GBS0200</t>
  </si>
  <si>
    <t>【上海电气汽轮机】 位移传感器\168.33.42.20.09(1)\CP16009GBS0150</t>
  </si>
  <si>
    <t>【上海电气汽轮机】 位移传感器\168.33.42.20.10(1)\CP16009GBS0300</t>
  </si>
  <si>
    <t>【上海电气汽轮机】 磁环\SH73.60.01.03.01(1)\201542</t>
  </si>
  <si>
    <t>【上海电气汽轮机】 位移传感器\SH73.60.01.03.02(1)\CP16009GB050</t>
  </si>
  <si>
    <t>【上海电气汽轮机】 位移传感器\SH73.60.01.03.03(1)\CP16009GB075</t>
  </si>
  <si>
    <t>【上海电气汽轮机】 位移传感器\SH73.60.01.03.04(1)\CP16009GB100</t>
  </si>
  <si>
    <t>【上海电气汽轮机】 位移传感器\SH73.60.01.03.05(1)\CP16009GB125</t>
  </si>
  <si>
    <t>【上海电气汽轮机】 位移传感器\SH73.60.01.03.06(1)\CP16009GB150</t>
  </si>
  <si>
    <t>【上海电气汽轮机】 位移传感器\SH73.60.01.03.07(1)\CP16009GB175</t>
  </si>
  <si>
    <t>【上海电气汽轮机】 位移传感器\SH73.60.01.03.08(1)\CP16009GB200</t>
  </si>
  <si>
    <t>【上海电气汽轮机】 位移传感器\SH73.60.01.03.09(1)\CP16009GB250</t>
  </si>
  <si>
    <t>【上海电气汽轮机】 位移传感器\SH73.60.01.03.10(1)\CP16009GB300</t>
  </si>
  <si>
    <t>【上海电气汽轮机】 位移传感器\SH73.60.01.03.11(1)\GT2M0150</t>
  </si>
  <si>
    <t>【上海电气汽轮机】 位移传感器\SH73.60.01.03.12(1)\GT2M0200</t>
  </si>
  <si>
    <t>【上海电气汽轮机】 位移传感器\SH73.60.01.03.13(1)\GT2M0200</t>
  </si>
  <si>
    <t>【上海电气汽轮机】 位移传感器\SH73.60.01.03.14(1)\GT2M0150A0</t>
  </si>
  <si>
    <t>【上海电气】FBMSVH端子\12179385\FBMJBT16\1.6米</t>
  </si>
  <si>
    <t>【上海电气】FBMSVH端子\12179386\FBMJBT08\0.8米</t>
  </si>
  <si>
    <t>【上海电气汽轮机】 FBMSVH基板\12179380\FBMJB-8H_8槽横</t>
  </si>
  <si>
    <t>【上海电气汽轮机】 FBMSVH基板\12179381\FBMJB-8H_8槽横</t>
  </si>
  <si>
    <t>【上海电气汽轮机】 FBMSVH基板\12179382\FBM-4_4槽</t>
  </si>
  <si>
    <t>【上海电气汽轮机】 FBMSVH基板\12179383\FBM-2_2槽</t>
  </si>
  <si>
    <t>【上海电气汽轮机】 FBMSVH电源电缆\12179384\FBMJBPOWER</t>
  </si>
  <si>
    <t>【上海电气汽轮机】 高选卡\12020318\SSW卡</t>
  </si>
  <si>
    <t>【上海电气汽轮机】 伺服控制卡\12212204\FBMSVH_24V</t>
  </si>
  <si>
    <t>【上海电气汽轮机】 伺服控制卡\12212338\FBMSVH_15V</t>
  </si>
  <si>
    <t>【上海电气汽轮机】 阀门驱动卡\12185508\SVP-IP1D1</t>
  </si>
  <si>
    <t>【上海电气汽轮机】 阀门驱动卡\12184302\SVP-IP1A1</t>
  </si>
  <si>
    <t>【上海电气汽轮机】 阀门驱动卡\12185512\SVP-IP2D1</t>
  </si>
  <si>
    <t>【上海电气汽轮机】 阀门驱动卡\12185510\SVP-IP2A1</t>
  </si>
  <si>
    <t>【上海电气汽轮机】 阀门驱动卡\12185518\SVP-IP4D1</t>
  </si>
  <si>
    <t>【上海电气汽轮机】 阀门驱动卡\12185660\SVP-IP4A1</t>
  </si>
  <si>
    <t>【上海电气汽轮机】 阀门驱动卡\12185515\SVP-IP3D1</t>
  </si>
  <si>
    <t>【上海电气汽轮机】 阀门驱动卡\12184303\SVP-IP3A1</t>
  </si>
  <si>
    <t>【上海电气汽轮机】 阀门驱动卡\12185509\SVP-IP3A1</t>
  </si>
  <si>
    <t>【上海电气汽轮机】 阀门驱动卡\12185507\SVP-IP1A2</t>
  </si>
  <si>
    <t>【上海电气汽轮机】 阀门驱动卡\12185513\SVP-IP2D2</t>
  </si>
  <si>
    <t>【上海电气汽轮机】 阀门驱动卡\12185511\SVP-IP2A2</t>
  </si>
  <si>
    <t>【上海电气汽轮机】 阀门驱动卡\12185519\SVP-IP4D2</t>
  </si>
  <si>
    <t>【上海电气汽轮机】 阀门驱动卡\12185517\SVP-IP4A2</t>
  </si>
  <si>
    <t>【上海电气汽轮机】 阀门驱动卡\12185516\SVP-IP3D2</t>
  </si>
  <si>
    <t>【上海电气汽轮机】 阀门驱动卡\12185514\SVP-IP3A2</t>
  </si>
  <si>
    <t>【上海电气汽轮机】 阀门驱动卡\12185495\SVP-IB1D1</t>
  </si>
  <si>
    <t>【上海电气汽轮机】 阀门驱动卡\12184297\SVP-IB1A1</t>
  </si>
  <si>
    <t>【上海电气汽轮机】 阀门驱动卡\12185499\SVP-IB2D1</t>
  </si>
  <si>
    <t>【上海电气汽轮机】 阀门驱动卡\12185497\SVP-IB2A1</t>
  </si>
  <si>
    <t>【上海电气汽轮机】 阀门驱动卡\12185505\SVP-IB4D1</t>
  </si>
  <si>
    <t>【上海电气汽轮机】 阀门驱动卡\12184298\SVP-IB4A1</t>
  </si>
  <si>
    <t>【上海电气汽轮机】 阀门驱动卡\12185502\SVP-IB3D1</t>
  </si>
  <si>
    <t>【上海电气汽轮机】 阀门驱动卡\12184299\SVP-IB3A1</t>
  </si>
  <si>
    <t>【上海电气汽轮机】 阀门驱动卡\12185496\SVP-IB3A1</t>
  </si>
  <si>
    <t>【上海电气汽轮机】 阀门驱动卡\12185494\SVP-IB1A2</t>
  </si>
  <si>
    <t>【上海电气汽轮机】 阀门驱动卡\12185500\SVP-IB2D2</t>
  </si>
  <si>
    <t>【上海电气汽轮机】 阀门驱动卡\12185498\SVP-IB2A2</t>
  </si>
  <si>
    <t>【上海电气汽轮机】 阀门驱动卡\12185506\SVP-IB4D2</t>
  </si>
  <si>
    <t>【上海电气汽轮机】 阀门驱动卡\12185504\SVP-IB4A2</t>
  </si>
  <si>
    <t>【上海电气汽轮机】 阀门驱动卡\12185503\SVP-IB3D2</t>
  </si>
  <si>
    <t>【上海电气汽轮机】 阀门驱动卡\12185501\SVP-IB3A2</t>
  </si>
  <si>
    <t>【上海电气汽轮机】 3500组态软件\584390</t>
  </si>
  <si>
    <t>【上海电气汽轮机】 组合电源箱\12014244\SCF-15_DC±15V</t>
  </si>
  <si>
    <t>【上海电气汽轮机】 组合电源箱\12014245\SCF-24_DC24V</t>
  </si>
  <si>
    <t>【上海电气汽轮机】 浮球液位计\SH73.41.01.01.04(3)\L1000</t>
  </si>
  <si>
    <t>【上海电气汽轮机】 磁致液位计\SH73.41.01.01.05(3)\L1000</t>
  </si>
  <si>
    <t>【上海电气汽轮机】 浮球液位计\SH73.41.01.01.06(3)\L1200</t>
  </si>
  <si>
    <t>【上海电气汽轮机】 伺服阀及插头\168.33.42.40.20(1)\72</t>
  </si>
  <si>
    <t>【上海电气汽轮机】 电磁阀\168.33.42.40.01(1)\M3SEW6U3X</t>
  </si>
  <si>
    <t>【上海电气汽轮机】 电磁阀及插头\168.33.42.40.05(1)\M3SEW6C36</t>
  </si>
  <si>
    <t>【上海电气汽轮机】 伺服阀\168.33.42.40.03(1)\4WS2EM10</t>
  </si>
  <si>
    <t>【上海电气汽轮机】 伺服阀及插头\168.33.42.40.18(1)\4WS2EM16</t>
  </si>
  <si>
    <t>【上海电气汽轮机】 内六角螺钉\W1050.9-M30*75</t>
  </si>
  <si>
    <t>【上海电气汽轮机】 垫片\K156.06.02.06</t>
  </si>
  <si>
    <t>【上海电气汽轮机】 低压动叶\D197.23.03-1</t>
  </si>
  <si>
    <t>【上海电气汽轮机】 低压动叶\D197.23.03-2</t>
  </si>
  <si>
    <t>【上海电气汽轮机】 中压第1级动叶（右旋）\D196.23.02.27</t>
  </si>
  <si>
    <t>【上海电气汽轮机】 中压第1级动叶加厚片（右旋）\D196.23.02.27+1</t>
  </si>
  <si>
    <t>【上海电气汽轮机】 中压第1级末叶片（右旋）\D196.23.02.27+2</t>
  </si>
  <si>
    <t>【上海电气汽轮机】 中压第2级动叶（右旋）\D196.23.02.29</t>
  </si>
  <si>
    <t>【上海电气汽轮机】 中压第2级动叶加厚片（右旋）\D196.23.02.29+1</t>
  </si>
  <si>
    <t>【上海电气汽轮机】 中压第2级末叶片（右旋）\D196.23.02.29+2</t>
  </si>
  <si>
    <t>【上海电气汽轮机】 中压第3级动叶（右旋）\D196.23.02.31</t>
  </si>
  <si>
    <t>【上海电气汽轮机】 中压第3级动叶加厚片（右旋）\D196.23.02.31+1</t>
  </si>
  <si>
    <t>【上海电气汽轮机】 中压第3级末叶片（右旋）\D196.23.02.31+2</t>
  </si>
  <si>
    <t>【上海电气汽轮机】 中压第8级动叶（右旋）\D196.23.02.41</t>
  </si>
  <si>
    <t>【上海电气汽轮机】 中压第8级动叶加厚片（右旋）\D196.23.02.41+1</t>
  </si>
  <si>
    <t>【上海电气汽轮机】 中压第8级末叶片（右旋）\D196.23.02.41+2</t>
  </si>
  <si>
    <t>【上海电气汽轮机】 中压第3级动叶（左旋）\D196.23.02.05</t>
  </si>
  <si>
    <t>【上海电气汽轮机】 中压第3级动叶加厚片（左旋）\D196.23.02.05+1</t>
  </si>
  <si>
    <t>【上海电气汽轮机】 中压第3级末叶片（左旋）\D196.23.02.05+2</t>
  </si>
  <si>
    <t>【上海电气汽轮机】 填隙条\169.23.02.30</t>
  </si>
  <si>
    <t>【上海电气汽轮机】 填隙条\169.23.02.31</t>
  </si>
  <si>
    <t>【上海电气汽轮机】 填隙条\T156.23.02.21</t>
  </si>
  <si>
    <t>【上海电气汽轮机】 平端紧定螺钉\D196.23.02.53.01</t>
  </si>
  <si>
    <t>【上海电气汽轮机】 平端紧定螺钉\D196.23.02.53.04</t>
  </si>
  <si>
    <t>【上海电气汽轮机】 平端紧定螺钉\E195.23.02.61.01</t>
  </si>
  <si>
    <t>【上海电气汽轮机】 平端紧定螺钉\E195.23.02.61.03</t>
  </si>
  <si>
    <t>【上海电气汽轮机】 平端紧定螺钉\E195.23.02.63.08</t>
  </si>
  <si>
    <t>【上海电气汽轮机】 平端紧定螺钉\E195.23.02.63.09</t>
  </si>
  <si>
    <t>【上海电气汽轮机】 平端紧定螺钉\D196.23.02.53.03</t>
  </si>
  <si>
    <t>【上海电气汽轮机】 中压内缸及隔板径向汽封\D196.06.42G01</t>
  </si>
  <si>
    <t>【上海电气汽轮机】 汽封片\D196.06.11.06.01</t>
  </si>
  <si>
    <t>【上海电气汽轮机】 汽封片\D196.06.11.06.02</t>
  </si>
  <si>
    <t>【上海电气汽轮机】 汽封片\D196.06.11.06.03</t>
  </si>
  <si>
    <t>【上海电气汽轮机】 塞紧条\D196.06.11.04.03</t>
  </si>
  <si>
    <t>【上海电气汽轮机】 塞紧条\D196.06.11.04.02</t>
  </si>
  <si>
    <t>【上海电气汽轮机】 汽封片\D196.06.11.05.01</t>
  </si>
  <si>
    <t>【上海电气汽轮机】 汽封片\D196.06.11.05.02</t>
  </si>
  <si>
    <t>【上海电气汽轮机】 汽封片\D196.06.11.05.03</t>
  </si>
  <si>
    <t>【上海电气汽轮机】 汽封环\D196.06.11.07</t>
  </si>
  <si>
    <t>【上海电气汽轮机】 汽封环\D196.06.11.08</t>
  </si>
  <si>
    <t>【上海电气汽轮机】 汽封环\D196.06.11.09</t>
  </si>
  <si>
    <t>【上海电气汽轮机】 汽封环\D196.06.11.10</t>
  </si>
  <si>
    <t>【上海电气汽轮机】 汽封环\D196.06.11.11</t>
  </si>
  <si>
    <t>【上海电气汽轮机】 中压第8级静叶（右旋）\D196.02.20.37</t>
  </si>
  <si>
    <t>【上海电气汽轮机】 中压第8级静叶加厚片（右旋）\D196.02.20.37+1</t>
  </si>
  <si>
    <t>【上海电气汽轮机】 中压第8级中分面静叶片（右旋）\D196.02.20.37+2</t>
  </si>
  <si>
    <t>【上海电气汽轮机】 中压第9级静叶（右旋）\D196.02.20.39</t>
  </si>
  <si>
    <t>【上海电气汽轮机】 中压第9级静叶加厚片（右旋）\D196.02.20.39+1</t>
  </si>
  <si>
    <t>【上海电气汽轮机】 中压第9级中分面静叶片（右旋）\D196.02.20.39+2</t>
  </si>
  <si>
    <t>【上海电气汽轮机】 中压第10级静叶（右旋）\D196.02.20.41</t>
  </si>
  <si>
    <t>【上海电气汽轮机】 中压第10级静叶加厚片（右旋）\D196.02.20.41+1</t>
  </si>
  <si>
    <t>【上海电气汽轮机】 中压第10级中分面静叶片（右旋）\D196.02.20.41+2</t>
  </si>
  <si>
    <t>【上海电气汽轮机】 中压第11级静叶（右旋）\D196.02.20.43</t>
  </si>
  <si>
    <t>【上海电气汽轮机】 中压第11级静叶加厚片（右旋）\D196.02.20.43+1</t>
  </si>
  <si>
    <t>【上海电气汽轮机】 中压第11级中分面静叶片（右旋）\D196.02.20.43+2</t>
  </si>
  <si>
    <t>【上海电气汽轮机】 中压第12级静叶（右旋）\D196.02.20.45</t>
  </si>
  <si>
    <t>【上海电气汽轮机】 中压第12级静叶加厚片（右旋）\D196.02.20.45+1</t>
  </si>
  <si>
    <t>【上海电气汽轮机】 中压第12级中分面静叶片（右旋）\D196.02.20.45+2</t>
  </si>
  <si>
    <t>【上海电气汽轮机】 中压第13级静叶（右旋）\D196.02.20.47</t>
  </si>
  <si>
    <t>【上海电气汽轮机】 中压第13级静叶加厚片（右旋）\D196.02.20.47+1</t>
  </si>
  <si>
    <t>【上海电气汽轮机】 中压第13级中分面静叶片（右旋）\D196.02.20.47+2</t>
  </si>
  <si>
    <t>【上海电气汽轮机】 填隙条\T156.02.20.21</t>
  </si>
  <si>
    <t>【上海电气汽轮机】 #3轴承座油封(调阀端)(尺寸需照配)\D196.07.34G01</t>
  </si>
  <si>
    <t>【上海电气汽轮机】 #3#4轴承座油封(电机端)(尺寸需照配)\D196.07.35G01</t>
  </si>
  <si>
    <t>【上海电气汽轮机】 中压缸轴承\196.08.03G01</t>
  </si>
  <si>
    <t>【上海电气汽轮机】 轴承支架\F195.07.03.02</t>
  </si>
  <si>
    <t>【上海电气汽轮机】 轴承支架\F195.07.02.05</t>
  </si>
  <si>
    <t>【上海电气汽轮机】 汽封片\D196.06.61.01.01</t>
  </si>
  <si>
    <t>【上海电气汽轮机】 汽封片\D196.06.61.01.02</t>
  </si>
  <si>
    <t>【上海电气汽轮机】 汽封片\D196.06.61.01.03</t>
  </si>
  <si>
    <t>【上海电气汽轮机】 汽封片\D196.06.61.01.04</t>
  </si>
  <si>
    <t>【上海电气汽轮机】 塞紧条\D196.06.61.03</t>
  </si>
  <si>
    <t>【上海电气汽轮机】 #2轴承座油封(电机端)(尺寸需照配)\D196.07.33G01</t>
  </si>
  <si>
    <t>【上海电气汽轮机】 #2轴承座油封(调阀端)(尺寸需照配)\F195.07.32G01</t>
  </si>
  <si>
    <t>【上海电气汽轮机】 中低压转子联轴器组件\D196.27.02-1</t>
  </si>
  <si>
    <t>【上海电气汽轮机】 低压转子联轴器组件\D196.27.03G01</t>
  </si>
  <si>
    <t>【上海电气汽轮机】 高中压转子联轴器组件\D196.27.01G01</t>
  </si>
  <si>
    <t>【上海电气汽轮机】 联轴器铰孔工具\196.91.22G01</t>
  </si>
  <si>
    <t>【上海电气汽轮机】 石墨加因康镍合金条\13000793</t>
  </si>
  <si>
    <t>【上海电气汽轮机】 防咬合剂\15001479</t>
  </si>
  <si>
    <t>【上海电气汽轮机】 单向阀\RVE-R 1/2-X-3</t>
  </si>
  <si>
    <t>【上海电气汽轮机】 单向阀\RVE-R 3/8-X-0.5</t>
  </si>
  <si>
    <t>【上海电气汽轮机】 密封填料\14007890</t>
  </si>
  <si>
    <t>【上海电气汽轮机】 密封填料\14007891</t>
  </si>
  <si>
    <t>【上海电气汽轮机】 密封填料\14007892</t>
  </si>
  <si>
    <t>【上海电气汽轮机】 密封填料\14007893</t>
  </si>
  <si>
    <t>【上海电气汽轮机】 润滑油双联过滤器滤芯\QR1200N25WX-G1</t>
  </si>
  <si>
    <t>【上海电气汽轮机】 顶轴油泵出口滤芯\HC9601FOMTH（25um ）</t>
  </si>
  <si>
    <t>【上海电气汽轮机】 双支热电偶配套卡套组件\196.35.38.02.02(1)\2Cr12MoV-5</t>
  </si>
  <si>
    <t xml:space="preserve">【上海电气汽轮机】 双支热电偶配套接头\196.35.38.05(1)\X5CrNiMo17-12-2 0.125"NPT </t>
  </si>
  <si>
    <t>【上海电气汽轮机】 热电偶\196.35.42+01\B200*6000-3K NiCr-Ni</t>
  </si>
  <si>
    <t>【上海电气汽轮机】 热电偶\196.35.43+01\B200*6000-3K NiCr-Ni</t>
  </si>
  <si>
    <t>【上海电气】三支热电偶\196.10.32+3\KUN672.20\B400*4000-3KNiCr-Ni</t>
  </si>
  <si>
    <t>【上海电气】三支热电偶\12008403\KUN672.20\B200*6000-3KK分度</t>
  </si>
  <si>
    <t>【上海电气汽轮机】 三支热电偶\12013989\50*5000-3K K分度</t>
  </si>
  <si>
    <t>【上海电气汽轮机】 转速探头\196.35.19.02</t>
  </si>
  <si>
    <t>【上海电气汽轮机】 垫圈\14008178</t>
  </si>
  <si>
    <t>【上海电气汽轮机】 垫片\F195.01.30.62</t>
  </si>
  <si>
    <t>【上海电气汽轮机】 垫片\D196.01.30.21</t>
  </si>
  <si>
    <t>【上海电气汽轮机】 密封圈\D196.60.22.57</t>
  </si>
  <si>
    <t>【上海电气汽轮机】 垫片\D196.60.22.58</t>
  </si>
  <si>
    <t>【上海电气汽轮机】 垫片\D196.60.22.48</t>
  </si>
  <si>
    <t>【上海电气汽轮机】 垫片\D196.60.22.10</t>
  </si>
  <si>
    <t>【上海电气汽轮机】 垫片\F195.60.22.66</t>
  </si>
  <si>
    <t>【上海电气汽轮机】 圆形强性密封带\12015500</t>
  </si>
  <si>
    <t>【上海电气汽轮机】 缠绕垫圈\14006805</t>
  </si>
  <si>
    <t>【上海电气汽轮机】 缠绕垫圈\14006790</t>
  </si>
  <si>
    <t>【上海电气汽轮机】 沉头螺钉\S1053.6-M8*16</t>
  </si>
  <si>
    <t>【上海电气汽轮机】 垫片\F195.07.04.06</t>
  </si>
  <si>
    <t>【上海电气汽轮机】 垫圈\14008179</t>
  </si>
  <si>
    <t>【上海电气汽轮机】 焊环\F195.07.03.21</t>
  </si>
  <si>
    <t>【上海电气汽轮机】 密封环（丁腈橡胶）\19006104\N 710*6 SQZ20.11-2011</t>
  </si>
  <si>
    <t>【上海电气汽轮机】 密封环（丁腈橡胶）\19006105\N 452*6 SQZ20.11-2011</t>
  </si>
  <si>
    <t>【上海电气汽轮机】 弹簧垫圈\14007851</t>
  </si>
  <si>
    <t>【上海电气汽轮机】 内六角螺钉\S1050.3-M20*45</t>
  </si>
  <si>
    <t>【上海电气汽轮机】 锁紧垫片\14186394</t>
  </si>
  <si>
    <t>【上海电气汽轮机】 平垫圈\S1302.3-12</t>
  </si>
  <si>
    <t>【上海电气汽轮机】 密封圈\D196.01.75.05</t>
  </si>
  <si>
    <t>【上海电气汽轮机】 密封圈\D196.01.75.06</t>
  </si>
  <si>
    <t>【上海电气汽轮机】 垫片\F195.01.25.27</t>
  </si>
  <si>
    <t>【上海电气汽轮机】 垫片\S1330.2-11*40*5</t>
  </si>
  <si>
    <t>【上海电气汽轮机】 锁紧垫片\S1316.2-31</t>
  </si>
  <si>
    <t>【上海电气汽轮机】 锁紧垫片\S1316.1-17</t>
  </si>
  <si>
    <t>【上海电气汽轮机】 阻板\196.07.04.01(1)</t>
  </si>
  <si>
    <t>【上海电气汽轮机】 垫圈\F195.07.03.16</t>
  </si>
  <si>
    <t>【上海电气汽轮机】 垫片\F195.07.01.29</t>
  </si>
  <si>
    <t>【上海电气汽轮机】 平行键\F195.07.03.27</t>
  </si>
  <si>
    <t>【上海电气汽轮机】 垫片\F195.01.30.54</t>
  </si>
  <si>
    <t>【上海电气汽轮机】 调整垫片\F195.07.02.38</t>
  </si>
  <si>
    <t>【上海电气汽轮机】 调整垫片\F195.07.02.41</t>
  </si>
  <si>
    <t>【上海电气汽轮机】 调整块\F195.07.02.34</t>
  </si>
  <si>
    <t>【上海电气汽轮机】 调整块\F195.07.03.30</t>
  </si>
  <si>
    <t>【上海电气汽轮机】 调整块\F195.07.01.36</t>
  </si>
  <si>
    <t>【上海电气汽轮机】 垫圈\14196025\A2_13_DIN432-1983</t>
  </si>
  <si>
    <t>【上海电气汽轮机】 离合器\12128670\FXM120-50SX_BORE-60H7</t>
  </si>
  <si>
    <t>【上海电气汽轮机】 环\F195.28.01.08</t>
  </si>
  <si>
    <t>【上海电气汽轮机】 支撑环\F195.28.01.03</t>
  </si>
  <si>
    <t>【上海电气汽轮机】 轴承\12128671\61848_DIN625</t>
  </si>
  <si>
    <t>【上海电气汽轮机】 联接螺栓M42X130\151.24.01.55</t>
  </si>
  <si>
    <t>【上海电气汽轮机】 键\B151.24.01.05</t>
  </si>
  <si>
    <t>【上海电气汽轮机】 螺母M42X3\151.24.01.56</t>
  </si>
  <si>
    <t>【上海电气汽轮机】 单耳止动垫圈\B151.24.01.09</t>
  </si>
  <si>
    <t>【上海电气汽轮机】 1型六角螺母\0.1200-90-M20</t>
  </si>
  <si>
    <t>【上海电气汽轮机】 阀盖\B151.30.60.01(1)G01</t>
  </si>
  <si>
    <t>【上海电气汽轮机】 进汽弯头\B151.30.60.112</t>
  </si>
  <si>
    <t>【上海电气汽轮机】 调节阀碟\B151.30.60.20G01</t>
  </si>
  <si>
    <t>【上海电气汽轮机】 扩散器\B151.30.60.36G01</t>
  </si>
  <si>
    <t>【上海电气汽轮机】 导套\B151.30.60.73</t>
  </si>
  <si>
    <t>【上海电气汽轮机】 蒸汽滤网\B151.30.60.118G01</t>
  </si>
  <si>
    <t>【上海电气汽轮机】 杠杆\B151.30.60.64G01</t>
  </si>
  <si>
    <t>【上海电气汽轮机】 截止阀碟\B151.30.60.33G01</t>
  </si>
  <si>
    <t>【上海电气汽轮机】 阀盖\B151.30.41.05</t>
  </si>
  <si>
    <t>【上海电气汽轮机】 下汽封套筒\B151.30.60.41</t>
  </si>
  <si>
    <t>【上海电气汽轮机】 导套\B151.30.41.19</t>
  </si>
  <si>
    <t>【上海电气汽轮机】 弹簧筒\B151.30.60.04</t>
  </si>
  <si>
    <t>【上海电气汽轮机】 弹簧座\B151.30.60.07</t>
  </si>
  <si>
    <t>【上海电气汽轮机】 锁紧块\B151.30.41.10</t>
  </si>
  <si>
    <t>【上海电气汽轮机】 上阀杆\B151.30.60.19G01</t>
  </si>
  <si>
    <t>【上海电气汽轮机】 下阀杆\B151.30.60.38G01</t>
  </si>
  <si>
    <t>【上海电气汽轮机】 叉形接头\B151.30.60.92</t>
  </si>
  <si>
    <t>【上海电气汽轮机】 阀杆\B151.30.41.32</t>
  </si>
  <si>
    <t>【上海电气汽轮机】 扩散器\B151.30.41.31</t>
  </si>
  <si>
    <t>【上海电气汽轮机】 对焊法兰(凸型)\B151.30.60.95</t>
  </si>
  <si>
    <t>【上海电气汽轮机】 滑套\B151.30.60.09</t>
  </si>
  <si>
    <t>【上海电气汽轮机】 圆柱型压缩弹簧\B151.30.60.05</t>
  </si>
  <si>
    <t>【上海电气汽轮机】 临时蒸汽滤网\B151.30.41.12</t>
  </si>
  <si>
    <t>【上海电气汽轮机】 汽封套筒\B151.30.41.44</t>
  </si>
  <si>
    <t>【上海电气汽轮机】 阀碟盖\B151.30.60.31</t>
  </si>
  <si>
    <t>【上海电气汽轮机】 弹簧盖\B151.30.60.03</t>
  </si>
  <si>
    <t>【上海电气汽轮机】 蒸汽滤网\B151.30.41.57</t>
  </si>
  <si>
    <t>【上海电气汽轮机】 接座套\B151.30.41.42</t>
  </si>
  <si>
    <t>【上海电气汽轮机】 阀碟\B151.30.41.30</t>
  </si>
  <si>
    <t>【上海电气汽轮机】 接合器\B151.30.60.48</t>
  </si>
  <si>
    <t>【上海电气汽轮机】 法兰\0.2128G-96-DN100(A)</t>
  </si>
  <si>
    <t>【上海电气汽轮机】 连杆螺钉\B151.30.60.88</t>
  </si>
  <si>
    <t>【上海电气汽轮机】 滑块\B151.30.60.10</t>
  </si>
  <si>
    <t>【上海电气汽轮机】 紧圈\B151.30.41.06</t>
  </si>
  <si>
    <t>【上海电气汽轮机】 连杆螺钉\B151.30.60.91</t>
  </si>
  <si>
    <t>【上海电气汽轮机】 齿形垫片\B151.30.41.04</t>
  </si>
  <si>
    <t>【上海电气汽轮机】 连接螺母\B151.30.60.70</t>
  </si>
  <si>
    <t>【上海电气汽轮机】 下汽封套固紧法兰\B151.30.60.44</t>
  </si>
  <si>
    <t>【上海电气汽轮机】 密封环\B151.30.41.08</t>
  </si>
  <si>
    <t>【上海电气汽轮机】 连杆螺钉\B151.30.60.68</t>
  </si>
  <si>
    <t>【上海电气汽轮机】 上阀杆密封座\B151.30.60.17</t>
  </si>
  <si>
    <t>【上海电气汽轮机】 圆柱型压缩弹簧\B151.30.60.06</t>
  </si>
  <si>
    <t>【上海电气汽轮机】 阀杆密封圈\B151.30.60.18G01</t>
  </si>
  <si>
    <t>【上海电气汽轮机】 阀杆套\B151.30.60.39</t>
  </si>
  <si>
    <t>【上海电气汽轮机】 金属齿形垫片\0.2141-DN300</t>
  </si>
  <si>
    <t>【上海电气汽轮机】 压环\B151.30.41.07</t>
  </si>
  <si>
    <t>【上海电气汽轮机】 阻汽套\B151.30.60.43</t>
  </si>
  <si>
    <t>【上海电气汽轮机】 螺母\B151.30.60.90</t>
  </si>
  <si>
    <t>【上海电气汽轮机】 阻汽套\B151.30.60.42</t>
  </si>
  <si>
    <t>【上海电气汽轮机】 套筒螺帽\B151.30.41.46</t>
  </si>
  <si>
    <t>【上海电气汽轮机】 阻汽套\B151.30.60.16</t>
  </si>
  <si>
    <t>【上海电气汽轮机】 下阀杆密封圈座\B151.30.60.40</t>
  </si>
  <si>
    <t>【上海电气汽轮机】 阻汽套\B151.30.60.15</t>
  </si>
  <si>
    <t>【上海电气汽轮机】 上汽封锁块\B151.30.60.14</t>
  </si>
  <si>
    <t>【上海电气汽轮机】 螺栓\B151.30.41.03</t>
  </si>
  <si>
    <t>【上海电气汽轮机】 螺帽\B151.30.41.01</t>
  </si>
  <si>
    <t>【上海电气汽轮机】 夹头\D151.30.41.01</t>
  </si>
  <si>
    <t>【上海电气汽轮机】 调节螺母\B151.30.60.89</t>
  </si>
  <si>
    <t>【上海电气汽轮机】 导向螺母\B151.30.60.30</t>
  </si>
  <si>
    <t>【上海电气汽轮机】 阀杆套\B151.30.60.34</t>
  </si>
  <si>
    <t>【上海电气汽轮机】 销轴\B151.30.60.11</t>
  </si>
  <si>
    <t>【上海电气汽轮机】 衬套\B151.30.60.67</t>
  </si>
  <si>
    <t>【上海电气汽轮机】 予启阀碟\B151.30.60.32</t>
  </si>
  <si>
    <t>【上海电气汽轮机】 拉弹簧\B151.30.60.100</t>
  </si>
  <si>
    <t>【上海电气汽轮机】 阀杆密封圈\B151.30.41.45</t>
  </si>
  <si>
    <t>【上海电气汽轮机】 缠绕垫片_D760×715×4.5\14001342</t>
  </si>
  <si>
    <t>【上海电气汽轮机】 接合器\B151.30.41.39</t>
  </si>
  <si>
    <t>【上海电气汽轮机】 高压双头螺栓\B151.30.60.99</t>
  </si>
  <si>
    <t>【上海电气汽轮机】 圆栓销\B151.30.60.104</t>
  </si>
  <si>
    <t>【上海电气汽轮机】 遮热板\B151.30.60.79G01</t>
  </si>
  <si>
    <t>【上海电气汽轮机】 阻汽圈\B151.30.41.34</t>
  </si>
  <si>
    <t>【上海电气汽轮机】 导块\B151.30.41.29</t>
  </si>
  <si>
    <t>【上海电气汽轮机】 导汽圈\B151.30.41.35</t>
  </si>
  <si>
    <t>【上海电气汽轮机】 键\B151.30.60.103</t>
  </si>
  <si>
    <t>【上海电气汽轮机】 导向螺母\B151.30.41.48</t>
  </si>
  <si>
    <t>【上海电气汽轮机】 夹头\D151.30.60.03(1)</t>
  </si>
  <si>
    <t>【上海电气汽轮机】 连杆\D151.30.60.04(1)</t>
  </si>
  <si>
    <t>【上海电气汽轮机】 夹头\D151.30.60.01(1)G01</t>
  </si>
  <si>
    <t>【上海电气汽轮机】 行程开关底板\D151.30.41.02</t>
  </si>
  <si>
    <t>【上海电气汽轮机】 方法兰\B151.30.60.98</t>
  </si>
  <si>
    <t>【上海电气汽轮机】 圆螺母\B151.30.41.40</t>
  </si>
  <si>
    <t>【上海电气汽轮机】 固定销\B151.30.60.37</t>
  </si>
  <si>
    <t>【上海电气汽轮机】 套筒\B151.30.60.97</t>
  </si>
  <si>
    <t>【上海电气汽轮机】 拉簧座\B151.30.60.102</t>
  </si>
  <si>
    <t>【上海电气汽轮机】 装配用螺栓\B151.30.60.02</t>
  </si>
  <si>
    <t>【上海电气汽轮机】 双头螺栓\B151.30.60.01</t>
  </si>
  <si>
    <t>【上海电气汽轮机】 罩盖螺母\0.1208C-90-M56X4</t>
  </si>
  <si>
    <t>【上海电气汽轮机】 铠装热电偶_WRNK2-421_D6×300\12006966</t>
  </si>
  <si>
    <t>【上海电气汽轮机】 夹头\B151.30.41.53</t>
  </si>
  <si>
    <t>【上海电气汽轮机】 球面垫圈\B151.30.41.02</t>
  </si>
  <si>
    <t>【上海电气汽轮机】 下汽封挡圈\B151.30.60.75</t>
  </si>
  <si>
    <t>【上海电气汽轮机】 支承块\B151.30.60.12</t>
  </si>
  <si>
    <t>【上海电气汽轮机】 法兰螺柱\0.1045D-90-M36X3X220</t>
  </si>
  <si>
    <t>【上海电气汽轮机】 螺母\B151.30.60.69</t>
  </si>
  <si>
    <t>【上海电气汽轮机】 调整螺母\B151.30.60.35</t>
  </si>
  <si>
    <t>【上海电气汽轮机】 管接头(管螺纹)\0.2203G-90-DN32</t>
  </si>
  <si>
    <t>【上海电气汽轮机】 螺母\B151.30.60.120</t>
  </si>
  <si>
    <t>【上海电气汽轮机】 衬套\B151.30.41.36</t>
  </si>
  <si>
    <t>【上海电气汽轮机】 横销\B151.30.41.28</t>
  </si>
  <si>
    <t>【上海电气汽轮机】 定位销\B151.30.41.33</t>
  </si>
  <si>
    <t>【上海电气汽轮机】 行程开关撞块\90.152.30.60.12(1)</t>
  </si>
  <si>
    <t>【上海电气汽轮机】 行程开关撞块\D151.30.41.03</t>
  </si>
  <si>
    <t>【上海电气汽轮机】 螺帽\B151.30.41.38</t>
  </si>
  <si>
    <t>【上海电气汽轮机】 金属齿形垫片\0.2138I-96-DN100</t>
  </si>
  <si>
    <t>【上海电气汽轮机】 垫圈\B151.30.41.41</t>
  </si>
  <si>
    <t>【上海电气汽轮机】 六角头圆柱端紧定螺钉\0.1060D-90-M36X3X160</t>
  </si>
  <si>
    <t>【上海电气汽轮机】 平键\B151.30.60.94</t>
  </si>
  <si>
    <t>【上海电气汽轮机】 圆柱销\B151.30.60.71</t>
  </si>
  <si>
    <t>【上海电气汽轮机】 双头螺柱\B151.30.41.47</t>
  </si>
  <si>
    <t>【上海电气汽轮机】 管接头(管螺纹)\0.2206G-90-DN8</t>
  </si>
  <si>
    <t>【上海电气汽轮机】 套筒\B151.30.41.52</t>
  </si>
  <si>
    <t>【上海电气汽轮机】 管接头\B151.30.41.50</t>
  </si>
  <si>
    <t>【上海电气汽轮机】 双头螺栓\B151.30.60.101</t>
  </si>
  <si>
    <t>【上海电气汽轮机】 2型六角螺母\0.1202C-90-M36X3</t>
  </si>
  <si>
    <t>【上海电气汽轮机】 挡热片\B151.30.41.37</t>
  </si>
  <si>
    <t>【上海电气汽轮机】 螺母\B151.30.60.93</t>
  </si>
  <si>
    <t>【上海电气汽轮机】 双头螺柱\0.1040D-90-M36X3X110</t>
  </si>
  <si>
    <t>【上海电气汽轮机】 垫圈\B151.30.41.43</t>
  </si>
  <si>
    <t>【上海电气汽轮机】 键\B151.30.60.74</t>
  </si>
  <si>
    <t>【上海电气汽轮机】 圆螺母\0.1205-90-M140X2</t>
  </si>
  <si>
    <t>【上海电气汽轮机】 指针\B151.30.41.55</t>
  </si>
  <si>
    <t>【上海电气汽轮机】 圆柱销\B151.30.41.09</t>
  </si>
  <si>
    <t>【上海电气汽轮机】 球面垫圈\0.1314C-90-56</t>
  </si>
  <si>
    <t>【上海电气汽轮机】 锥面垫圈\0.1315C-90-56</t>
  </si>
  <si>
    <t>【上海电气汽轮机】 螺塞(管牙螺纹)\0.1055D-90-G1.5"</t>
  </si>
  <si>
    <t>【上海电气汽轮机】 六角头螺栓 \0.1030D-90-M27X105</t>
  </si>
  <si>
    <t>【上海电气汽轮机】 缠绕垫片_D253×210×4.5\14001253</t>
  </si>
  <si>
    <t>【上海电气汽轮机】 蝶形弹簧\B151.30.60.13</t>
  </si>
  <si>
    <t>【上海电气汽轮机】 球面垫圈\B151.30.60.96</t>
  </si>
  <si>
    <t>【上海电气汽轮机】 螺塞(管牙螺纹)\0.1055D-90-G1"</t>
  </si>
  <si>
    <t>【上海电气汽轮机】 圆柱销\B151.30.60.29</t>
  </si>
  <si>
    <t>【上海电气汽轮机】 管接头(管螺纹)\0.2203-90-DN10</t>
  </si>
  <si>
    <t>【上海电气汽轮机】 圆柱销\B151.30.41.49</t>
  </si>
  <si>
    <t>【上海电气汽轮机】 垫圈\0.2217-90-22.5</t>
  </si>
  <si>
    <t>【上海电气汽轮机】 内六角圆柱头螺钉\0.1050C-90-M20X45</t>
  </si>
  <si>
    <t>【上海电气汽轮机】 销子\B151.30.41.11</t>
  </si>
  <si>
    <t>【上海电气汽轮机】 双头螺柱\0.1040C-90-M20X70</t>
  </si>
  <si>
    <t>【上海电气汽轮机】 螺塞(管牙螺纹)\0.1055D-90-G0.75"</t>
  </si>
  <si>
    <t>【上海电气汽轮机】 1型六角螺母\0.1200C-90-M24</t>
  </si>
  <si>
    <t>【上海电气汽轮机】 1型六角螺母\0.1200C-90-M22</t>
  </si>
  <si>
    <t>【上海电气汽轮机】 2型六角螺母\0.1202B-90-M20</t>
  </si>
  <si>
    <t>【上海电气汽轮机】 双头螺柱\0.1040C-90-M24X75</t>
  </si>
  <si>
    <t>【上海电气汽轮机】 1型六角螺母\0.1200C-90-M20</t>
  </si>
  <si>
    <t>【上海电气汽轮机】 双头螺柱\0.1040D-90-M22X70</t>
  </si>
  <si>
    <t>【上海电气汽轮机】 圆柱销\0.1501B-90-25X130</t>
  </si>
  <si>
    <t>【上海电气汽轮机】 垫圈\0.1300G-90-36</t>
  </si>
  <si>
    <t>【上海电气汽轮机】 双头螺柱\0.1040D-90-M20X65</t>
  </si>
  <si>
    <t>【上海电气汽轮机】 垫片\B151.30.60.119</t>
  </si>
  <si>
    <t>【上海电气汽轮机】 螺塞(管牙螺纹)\0.1055D-90-G0.5"</t>
  </si>
  <si>
    <t>【上海电气汽轮机】 双头螺柱\0.1040D-90-M8X20</t>
  </si>
  <si>
    <t>【上海电气汽轮机】 螺塞(管牙螺纹)\0.1055D-90-G0.375"</t>
  </si>
  <si>
    <t>【上海电气汽轮机】 圆柱销\0.1501B-90-30X60</t>
  </si>
  <si>
    <t>【上海电气汽轮机】 1型六角螺母\0.1200B-90-M12</t>
  </si>
  <si>
    <t>【上海电气汽轮机】 缠绕垫片_D36×60×3.4\14001281</t>
  </si>
  <si>
    <t>【上海电气汽轮机】 内六角圆柱头螺钉\0.1050C-90-M10X35</t>
  </si>
  <si>
    <t>【上海电气汽轮机】 开槽圆柱头螺钉\0.1051C-90-M4X8</t>
  </si>
  <si>
    <t>【上海电气汽轮机】 普通平键\0.1411-86-28X16X80</t>
  </si>
  <si>
    <t>【上海电气汽轮机】 圆柱端紧定螺钉\0.1065D-90-M10X18</t>
  </si>
  <si>
    <t>【上海电气汽轮机】 圆柱端紧定螺钉\0.1065D-90-M12X40</t>
  </si>
  <si>
    <t>【上海电气汽轮机】 双头螺柱\0.1040C-90-M12X65</t>
  </si>
  <si>
    <t>【上海电气汽轮机】 1型六角螺母\0.1200B-90-M8</t>
  </si>
  <si>
    <t>【上海电气汽轮机】 开槽圆柱头螺钉\0.1051C-90-M6X25</t>
  </si>
  <si>
    <t>【上海电气汽轮机】 圆柱端紧定螺钉\0.1065D-90-M12X35</t>
  </si>
  <si>
    <t>【上海电气汽轮机】 圆柱端紧定螺钉\0.1065D-90-M12X25</t>
  </si>
  <si>
    <t>【上海电气汽轮机】 双头螺柱\0.1040C-90-M8X16</t>
  </si>
  <si>
    <t>【上海电气汽轮机】 双头螺柱\0.1040C-90-M12X30</t>
  </si>
  <si>
    <t>【上海电气汽轮机】 1型六角螺母\0.1200C-90-M8</t>
  </si>
  <si>
    <t>【上海电气汽轮机】 垫圈\0.1300G-90-20</t>
  </si>
  <si>
    <t>【上海电气汽轮机】 圆柱销\0.1501B-90-16X45</t>
  </si>
  <si>
    <t>【上海电气汽轮机】 圆柱销\B151.30.60.72</t>
  </si>
  <si>
    <t>【上海电气汽轮机】 圆柱端紧定螺钉\0.1065D-90-M10X12</t>
  </si>
  <si>
    <t>【上海电气汽轮机】 圆螺母用止动垫圈\0.1313-90-140</t>
  </si>
  <si>
    <t>【上海电气汽轮机】 开槽圆柱头螺钉\0.1051C-90-M6X10</t>
  </si>
  <si>
    <t>【上海电气汽轮机】 圆柱端紧定螺钉\0.1065D-90-M8X16</t>
  </si>
  <si>
    <t>【上海电气汽轮机】 双头螺柱\0.1040-90-M24X65</t>
  </si>
  <si>
    <t>【上海电气汽轮机】 单耳止动垫圈\0.1311H-90-27</t>
  </si>
  <si>
    <t>【上海电气汽轮机】 1型六角螺母\0.1200A-90-M30</t>
  </si>
  <si>
    <t>【上海电气汽轮机】 1型六角螺母\0.1200-90-M24</t>
  </si>
  <si>
    <t>【上海电气汽轮机】 单耳止动垫圈\0.1311H-90-20</t>
  </si>
  <si>
    <t>【上海电气汽轮机】 轴用弹性挡圈-A型\0.1336-90-58</t>
  </si>
  <si>
    <t>【上海电气汽轮机】 六角头圆柱端紧定螺钉\0.1060-90-M10X50</t>
  </si>
  <si>
    <t>【上海电气汽轮机】 垫圈\0.1300-90-30</t>
  </si>
  <si>
    <t>【上海电气汽轮机】 六角头螺栓\0.1030-90-M10X25</t>
  </si>
  <si>
    <t>【上海电气汽轮机】 单耳止动垫圈\0.1311-90-20</t>
  </si>
  <si>
    <t>【上海电气汽轮机】 单耳止动垫圈\0.1311-90-22</t>
  </si>
  <si>
    <t>【上海电气汽轮机】 平端紧定螺钉\0.1063-90-M8X20</t>
  </si>
  <si>
    <t>【上海电气汽轮机】 开槽圆柱头螺钉\0.1051-90-M8X25</t>
  </si>
  <si>
    <t>【上海电气汽轮机】 开槽圆柱头螺钉\0.1051-90-M8X20</t>
  </si>
  <si>
    <t>【上海电气汽轮机】 开槽圆柱头螺钉\0.1051-90-M8X16</t>
  </si>
  <si>
    <t>【上海电气汽轮机】 开槽圆柱头螺钉\0.1051-90-M6X25</t>
  </si>
  <si>
    <t>【上海电气汽轮机】 开槽圆柱头螺钉\0.1051-90-M4X20</t>
  </si>
  <si>
    <t>【上海电气汽轮机】 接座套\B151.30.60.45G01</t>
  </si>
  <si>
    <t>【上海电气汽轮机】 衬瓦 400X310\GA151.08.02.01(1)G01</t>
  </si>
  <si>
    <t>【上海电气汽轮机】 衬瓦300X250\GA151.08.01.01</t>
  </si>
  <si>
    <t>【上海电气汽轮机】 衬瓦400X310\GA151.08.52.01</t>
  </si>
  <si>
    <t>【上海电气汽轮机】 弹簧箱底盖\D151.30.70.10(1)</t>
  </si>
  <si>
    <t>【上海电气汽轮机】 活塞杆衬套\D151.30.70.02(1)</t>
  </si>
  <si>
    <t>【上海电气汽轮机】 弹簧箱底盖\D151.30.40.08(1)</t>
  </si>
  <si>
    <t>【上海电气汽轮机】 活塞\D151.30.70.09(1)</t>
  </si>
  <si>
    <t>【上海电气汽轮机】 活塞杆\D151.30.70.01(1)</t>
  </si>
  <si>
    <t>【上海电气汽轮机】 活塞\D151.30.40.07(1)</t>
  </si>
  <si>
    <t>【上海电气汽轮机】 活塞杆\D151.30.40.01(1)</t>
  </si>
  <si>
    <t>【上海电气汽轮机】 圆柱型压缩弹簧\B151.30.60.52</t>
  </si>
  <si>
    <t>【上海电气汽轮机】 垫片\SH01.13.11.03(1)</t>
  </si>
  <si>
    <t>【上海电气汽轮机】 双上限双金属温度计\SH01.91.07(4)+1</t>
  </si>
  <si>
    <t>【上海电气汽轮机】 圆柱型压缩弹簧\B151.30.60.53</t>
  </si>
  <si>
    <t>【上海电气汽轮机】 垫片\90.B151.30.60.20</t>
  </si>
  <si>
    <t>【上海电气汽轮机】 圆柱螺旋压缩弹簧\B151.30.40.04</t>
  </si>
  <si>
    <t>【上海电气汽轮机】 垫片\F151.30.41.37</t>
  </si>
  <si>
    <t>【上海电气汽轮机】 圆柱螺旋压缩弹簧\B151.30.40.05</t>
  </si>
  <si>
    <t>【上海电气汽轮机】 衬套\F151.30.41.38</t>
  </si>
  <si>
    <t>【上海电气汽轮机】 螺帽\B151.30.40.06</t>
  </si>
  <si>
    <t>【上海电气汽轮机】 限位螺帽\B151.30.60.54</t>
  </si>
  <si>
    <t>【上海电气汽轮机】 导向座\D151.30.70.03</t>
  </si>
  <si>
    <t>【上海电气汽轮机】 圆柱头螺钉M6X100\SH01.91.07.04(1)</t>
  </si>
  <si>
    <t>【上海电气汽轮机】 六角头圆柱端紧定螺钉\0.1060-90-M24X90</t>
  </si>
  <si>
    <t>【上海电气汽轮机】 六角头圆柱端紧定螺钉\0.1060-90-M24X80</t>
  </si>
  <si>
    <t>【上海电气汽轮机】 双头螺柱\0.1040-90-M24X160</t>
  </si>
  <si>
    <t>【上海电气汽轮机】 双头螺柱\0.1040-90-M24X130</t>
  </si>
  <si>
    <t>【上海电气汽轮机】 双头螺柱\0.1040-90-M24X70</t>
  </si>
  <si>
    <t>【上海电气汽轮机】 双头螺柱\0.1041-90-M24X65</t>
  </si>
  <si>
    <t>【上海电气汽轮机】 耐油橡皮圈\SH01.91.07.03(4)</t>
  </si>
  <si>
    <t>【上海电气汽轮机】 六角螺母(精制)\0.1200-M24</t>
  </si>
  <si>
    <t>【上海电气汽轮机】 双头螺栓\0.1041-M12X25</t>
  </si>
  <si>
    <t>【上海电气汽轮机】 圆柱端紧定螺钉\0.1065-90-M10X14</t>
  </si>
  <si>
    <t>【上海电气汽轮机】 平端紧定螺钉\0.1063-90-M10X50</t>
  </si>
  <si>
    <t>【上海电气汽轮机】 耐油橡皮圈\SH01.91.07.13</t>
  </si>
  <si>
    <t>【上海电气汽轮机】 单耳止动垫圈\0.1311-20</t>
  </si>
  <si>
    <t>【上海电气汽轮机】 圆柱端紧定螺钉\0.1065-90-M10X18</t>
  </si>
  <si>
    <t>【上海电气汽轮机】 锥端紧定螺钉\0.1064-90-M8X12</t>
  </si>
  <si>
    <t>【上海电气汽轮机】 开槽沉头螺钉\0.1052-90-M3X6</t>
  </si>
  <si>
    <t>【上海电气汽轮机】 电动截止阀\D151.61.22(3)+15</t>
  </si>
  <si>
    <t>【上海电气汽轮机】 蒸汽过滤器   Y100-40-Ⅲ\D151.60.04(2)+32</t>
  </si>
  <si>
    <t>【上海电气汽轮机】 雾化喷嘴装置\156.60.55.03(1)</t>
  </si>
  <si>
    <t>【上海电气汽轮机】 截止阀\D151.61.22(3)+13</t>
  </si>
  <si>
    <t>【上海电气汽轮机】 截止阀\D151.60.55(2)+4</t>
  </si>
  <si>
    <t>【上海电气汽轮机】 1型六角螺母\0.1200-90-M16</t>
  </si>
  <si>
    <t>【上海电气汽轮机】 2型六角螺母\0.1202-90-M16</t>
  </si>
  <si>
    <t>【上海电气汽轮机】 双头螺柱\0.1040-90-M16X80</t>
  </si>
  <si>
    <t>【上海电气汽轮机】 垫圈 \0.1300-90-16</t>
  </si>
  <si>
    <t>【上海电气汽轮机】 截止阀\D151.60.50(2)+21</t>
  </si>
  <si>
    <t>【上海电气汽轮机】 法兰\0.2123-96-DN150</t>
  </si>
  <si>
    <t>【上海电气汽轮机】 法兰\0.2124-96-DN50</t>
  </si>
  <si>
    <t>【上海电气汽轮机】 法兰螺柱\0.1045-90-M16X80</t>
  </si>
  <si>
    <t>【上海电气汽轮机】 法兰螺柱\0.1045-90-M20X90</t>
  </si>
  <si>
    <t>【上海电气汽轮机】 2型六角螺母\0.1202-90-M20</t>
  </si>
  <si>
    <t>【上海电气汽轮机】 止回阀\D151.74.01(3)+2</t>
  </si>
  <si>
    <t>【上海电气汽轮机】 止回阀\D151.74.01(3)+28</t>
  </si>
  <si>
    <t>【上海电气汽轮机】 止回阀\D151.74.01(3)+1</t>
  </si>
  <si>
    <t>【上海电气汽轮机】 压力开关\D151.74.12(2)+8</t>
  </si>
  <si>
    <t>【上海电气汽轮机】 润滑油过压阀DN200\SH03.75.03-1(1)</t>
  </si>
  <si>
    <t>【上海电气汽轮机】 压力控制器\D151.74.01(3)+4</t>
  </si>
  <si>
    <t>【上海电气汽轮机】 闸阀\D151.74.01(3)+7</t>
  </si>
  <si>
    <t>【上海电气汽轮机】 闸阀\D151.74.01(3)+30</t>
  </si>
  <si>
    <t>【上海电气汽轮机】 闸阀\D151.74.01(3)+3</t>
  </si>
  <si>
    <t>【上海电气汽轮机】 缩节 159X133X5\D151.74.01(3)+18</t>
  </si>
  <si>
    <t>【上海电气汽轮机】 缩节159X89X5\D151.74.01(3)+26</t>
  </si>
  <si>
    <t>【上海电气汽轮机】 缩节377X273X8\D151.74.01(3)+19</t>
  </si>
  <si>
    <t>【上海电气汽轮机】 压力表\D151.74.01(3)+73</t>
  </si>
  <si>
    <t>【上海电气汽轮机】 压力表\D151.74.01(3)+79</t>
  </si>
  <si>
    <t>【上海电气汽轮机】 角式截止阀（油）\D151.74.12(2)+12</t>
  </si>
  <si>
    <t>【上海电气汽轮机】 法兰\156.74.12.15</t>
  </si>
  <si>
    <t>【上海电气汽轮机】 压力表\D151.74.12(2)+1</t>
  </si>
  <si>
    <t>【上海电气汽轮机】 法兰\GA151.74.01.10</t>
  </si>
  <si>
    <t>【上海电气汽轮机】 法兰\0.2123-96-DN200</t>
  </si>
  <si>
    <t>【上海电气汽轮机】 铂电阻\D151.74.01(3)+82</t>
  </si>
  <si>
    <t>【上海电气汽轮机】 角式截止阀（油）\D151.74.12(2)+31</t>
  </si>
  <si>
    <t>【上海电气汽轮机】 法兰\0.2111-96-DN350</t>
  </si>
  <si>
    <t>【上海电气汽轮机】 外螺纹管接头\W2231.1-10X0.25"NPT</t>
  </si>
  <si>
    <t>【上海电气汽轮机】 法兰\0.2124-96-DN150</t>
  </si>
  <si>
    <t>【上海电气汽轮机】 角式截止阀（油）\D151.74.12(2)+6</t>
  </si>
  <si>
    <t>【上海电气汽轮机】 节流孔板\GA151.74.01.11</t>
  </si>
  <si>
    <t>【上海电气汽轮机】 溢流阀\D151.74.12(2)+11</t>
  </si>
  <si>
    <t>【上海电气汽轮机】 法兰\GA151.74.01.03</t>
  </si>
  <si>
    <t>【上海电气汽轮机】 内螺纹针阀\D151.74.12(2)+2</t>
  </si>
  <si>
    <t>【上海电气汽轮机】 焊接式直通管接头\GA151.74.12.03G01</t>
  </si>
  <si>
    <t>【上海电气汽轮机】 管接头\E156.74.12.01G01</t>
  </si>
  <si>
    <t>【上海电气汽轮机】 法兰\GA151.74.01.04</t>
  </si>
  <si>
    <t>【上海电气汽轮机】 针阀\D151.74.01(3)+75</t>
  </si>
  <si>
    <t>【上海电气汽轮机】 直通单向阀\D151.74.12(2)+19</t>
  </si>
  <si>
    <t>【上海电气汽轮机】 焊接式直通管接头\GA151.74.12.07G01</t>
  </si>
  <si>
    <t>【上海电气汽轮机】 法兰\0.2123-96-DN100</t>
  </si>
  <si>
    <t>【上海电气汽轮机】 法兰\0.2112-96-DN150</t>
  </si>
  <si>
    <t>【上海电气汽轮机】 旋塞\0.2430-90-M20X1.5</t>
  </si>
  <si>
    <t>【上海电气汽轮机】 垫片 φ255/φ222X1\D151.74.01(3)+53</t>
  </si>
  <si>
    <t>【上海电气汽轮机】 法兰\0.2111-96-DN150</t>
  </si>
  <si>
    <t>【上海电气汽轮机】 螺塞\GA151.74.12.11</t>
  </si>
  <si>
    <t>【上海电气汽轮机】 带孔堵头\GA151.74.12.01</t>
  </si>
  <si>
    <t>【上海电气汽轮机】 焊接堵头\GA151.74.12.02</t>
  </si>
  <si>
    <t>【上海电气汽轮机】 连接螺母\0.2206/2F-90-DN4</t>
  </si>
  <si>
    <t>【上海电气汽轮机】 压力表接头\180.73.01.126</t>
  </si>
  <si>
    <t>【上海电气汽轮机】 管接头\0.2200-90-DN6</t>
  </si>
  <si>
    <t>【上海电气汽轮机】 管接\0.2207/1F-90-DN4</t>
  </si>
  <si>
    <t>【上海电气汽轮机】 垫片 φ412/φ380X1\D151.74.01(3)+33</t>
  </si>
  <si>
    <t>【上海电气汽轮机】 耐油纸板_2mm(绿颜色)\19000865</t>
  </si>
  <si>
    <t>【上海电气汽轮机】 垫片\0.2550.5-96-DN25X2</t>
  </si>
  <si>
    <t>【上海电气汽轮机】 焊环\0.2216-90-M14X1.5</t>
  </si>
  <si>
    <t>【上海电气汽轮机】 密封接头\0.2206/3F-90-DN4</t>
  </si>
  <si>
    <t>【上海电气汽轮机】 六角头螺栓\0.1030-90-M16X80</t>
  </si>
  <si>
    <t>【上海电气汽轮机】 六角头螺栓\0.1030-90-M22X90</t>
  </si>
  <si>
    <t>【上海电气汽轮机】 1型六角螺母\0.1200-90-M12</t>
  </si>
  <si>
    <t>【上海电气汽轮机】 标准型弹簧垫圈\0.1331-90-16</t>
  </si>
  <si>
    <t>【上海电气汽轮机】 标准型弹簧垫圈\0.1331-90-12</t>
  </si>
  <si>
    <t>【上海电气汽轮机】 六角头螺栓\0.1030-90-M12X60</t>
  </si>
  <si>
    <t>【上海电气汽轮机】 双头螺柱\0.1040-90-M16X40</t>
  </si>
  <si>
    <t>【上海电气汽轮机】 连接螺母\0.2206/2-90-DN4</t>
  </si>
  <si>
    <t>【上海电气汽轮机】 六角头螺栓\0.1030-90-M20X70</t>
  </si>
  <si>
    <t>【上海电气汽轮机】 六角头螺栓\0.1030-90-M20X75</t>
  </si>
  <si>
    <t>【上海电气汽轮机】 双头螺柱\0.1040-90-M20X50</t>
  </si>
  <si>
    <t>【上海电气汽轮机】 六角头螺栓\0.1030-90-M16X65</t>
  </si>
  <si>
    <t>【上海电气汽轮机】 六角头螺栓\0.1030-90-M16X60</t>
  </si>
  <si>
    <t>【上海电气汽轮机】 密封接头\0.2206/3-90-DN4</t>
  </si>
  <si>
    <t>【上海电气汽轮机】 1型六角螺母\0.1200-90-M22</t>
  </si>
  <si>
    <t>【上海电气汽轮机】 六角头螺栓\0.1030-90-M10X20</t>
  </si>
  <si>
    <t>【上海电气汽轮机】 汽封体\H156.06.33.01(1)G01</t>
  </si>
  <si>
    <t>【上海电气汽轮机】 轴承盖(调阀端外侧)\D156.01.27.01(4)</t>
  </si>
  <si>
    <t>【上海电气汽轮机】 低压缸端部外汽封(调阀端)\H156.06.34(1)G01</t>
  </si>
  <si>
    <t>【上海电气汽轮机】 低压缸端部外汽封（电机端）\H156.06.33(1)G01</t>
  </si>
  <si>
    <t>【上海电气汽轮机】 轴承盖(调阀端内侧)\D156.01.27.10(4)</t>
  </si>
  <si>
    <t>【上海电气汽轮机】 汽封体\H156.06.33.01(1)</t>
  </si>
  <si>
    <t>【上海电气汽轮机】 汽封板\A157.02.46.06</t>
  </si>
  <si>
    <t>【上海电气汽轮机】 汽封板\A157.02.47.06</t>
  </si>
  <si>
    <t>【上海电气汽轮机】 排大气隔膜阀盖\D156.01.24.33(4)</t>
  </si>
  <si>
    <t>【上海电气汽轮机】 低压缸内侧轴承油封\A156.07.32</t>
  </si>
  <si>
    <t>【上海电气汽轮机】 外套管\H156.01.27.05</t>
  </si>
  <si>
    <t>【上海电气汽轮机】 ＃2轴承热电偶接线\A156.01.27.01</t>
  </si>
  <si>
    <t>【上海电气汽轮机】 #3轴承热电偶装配\A156.01.27.22</t>
  </si>
  <si>
    <t>【上海电气汽轮机】 定位双头螺柱\W1851.1-φ78X390</t>
  </si>
  <si>
    <t>【上海电气汽轮机】 带凸台法兰盖\W2161-DN5"</t>
  </si>
  <si>
    <t>【上海电气汽轮机】 罩螺母\W1208-M45X3</t>
  </si>
  <si>
    <t>【上海电气汽轮机】 双头螺栓\W1040-M60X3X320</t>
  </si>
  <si>
    <t>【上海电气汽轮机】 孔盖\D156.01.24.38(4)</t>
  </si>
  <si>
    <t>【上海电气汽轮机】 弹簧\A156.06.33.09</t>
  </si>
  <si>
    <t>【上海电气汽轮机】 六角头螺栓\W1030.2-M27X215</t>
  </si>
  <si>
    <t>【上海电气汽轮机】 定位双头螺柱\W1043.4-33X175</t>
  </si>
  <si>
    <t>【上海电气汽轮机】 六角螺母\W1220.1-M60X3</t>
  </si>
  <si>
    <t>【上海电气汽轮机】 带凸台法兰盖\W2161-DN3"</t>
  </si>
  <si>
    <t>【上海电气汽轮机】 六角螺母\W1221.5-M30</t>
  </si>
  <si>
    <t>【上海电气汽轮机】 内六角螺钉\W1050.9-M20X95</t>
  </si>
  <si>
    <t>【上海电气汽轮机】 套焊式接头\W2239.1-2"</t>
  </si>
  <si>
    <t>【上海电气汽轮机】 六角头螺栓\W1030.2-M27X65</t>
  </si>
  <si>
    <t>【上海电气汽轮机】 六角螺母\W1221.5-M24</t>
  </si>
  <si>
    <t>【上海电气汽轮机】 双头螺柱\W1040.3-M24X140</t>
  </si>
  <si>
    <t>【上海电气汽轮机】 两端平口管\W2010.1-φ60X4X444.5</t>
  </si>
  <si>
    <t>【上海电气汽轮机】 双头螺柱\W1040.1-M24X165</t>
  </si>
  <si>
    <t>【上海电气汽轮机】 带螺纹熔焊柱销\A156.12.13.14</t>
  </si>
  <si>
    <t>【上海电气汽轮机】 双头螺栓\W1040-M14X70</t>
  </si>
  <si>
    <t>【上海电气汽轮机】 六角头螺栓\W1030.1-M16X30</t>
  </si>
  <si>
    <t>【上海电气汽轮机】 方头螺旋管塞\W1074.1-1"NPT</t>
  </si>
  <si>
    <t>【上海电气汽轮机】 方头螺旋管塞\W1074.1-0.5"NPT</t>
  </si>
  <si>
    <t>【上海电气汽轮机】 识别板\153.12.13.33</t>
  </si>
  <si>
    <t>【上海电气汽轮机】 方头螺旋管塞\W1074.2-0.25"NPT</t>
  </si>
  <si>
    <t>【上海电气汽轮机】 六角头螺栓\W1036-M10X20</t>
  </si>
  <si>
    <t>【上海电气汽轮机】 带螺纹熔焊柱销\K156.12.13.23</t>
  </si>
  <si>
    <t>【上海电气汽轮机】 带螺纹熔焊柱销\A156.12.13.13</t>
  </si>
  <si>
    <t>【上海电气汽轮机】 带螺纹熔焊柱销\A156.12.13.16</t>
  </si>
  <si>
    <t>【上海电气汽轮机】 带螺纹熔焊柱销\K156.12.13.24</t>
  </si>
  <si>
    <t>【上海电气汽轮机】 杆φ25X293\H156.01.27(1)+42</t>
  </si>
  <si>
    <t>【上海电气汽轮机】 125磅或150磅法兰用垫片\W1345-127</t>
  </si>
  <si>
    <t>【上海电气汽轮机】 杆φ25X204\H156.01.27(1)+41</t>
  </si>
  <si>
    <t>【上海电气汽轮机】 125磅或150磅法兰用垫片\W1345-88.9</t>
  </si>
  <si>
    <t>【上海电气汽轮机】 125磅或150磅法兰用垫片\W1345-63.5</t>
  </si>
  <si>
    <t>【上海电气汽轮机】 垫圈\0.1300-90-14</t>
  </si>
  <si>
    <t>【上海电气汽轮机】 标准型弹簧垫圈\0.1331-90-14</t>
  </si>
  <si>
    <t>【上海电气汽轮机】 标准型弹簧垫圈\0.1331-90-6</t>
  </si>
  <si>
    <t>【上海电气汽轮机】 平垫圈\W1300.2-33</t>
  </si>
  <si>
    <t>【上海电气汽轮机】 平定紧定螺钉\0.1063-90-M6X20</t>
  </si>
  <si>
    <t>【上海电气汽轮机】 圆柱销\0.1500-90-30X90</t>
  </si>
  <si>
    <t>【上海电气汽轮机】 螺钉\0.1065-90-M14X20</t>
  </si>
  <si>
    <t>【上海电气汽轮机】 螺栓\0.1030-90-M16X140</t>
  </si>
  <si>
    <t>【上海电气汽轮机】 高中压缸端部汽封\K156.06.02G01</t>
  </si>
  <si>
    <t>【上海电气汽轮机】 定中心梁(电机端)\K156.01.96G01</t>
  </si>
  <si>
    <t>【上海电气汽轮机】 定中心梁(电机端)\K156.01.96.01</t>
  </si>
  <si>
    <t>【上海电气汽轮机】 中压第八级隔板套汽封环\K156.06.43.04</t>
  </si>
  <si>
    <t>【上海电气汽轮机】 中压第七级隔板套汽封环\K156.06.43.03</t>
  </si>
  <si>
    <t>【上海电气汽轮机】 中压第六级隔板套汽封环\K156.06.43.02</t>
  </si>
  <si>
    <t>【上海电气汽轮机】 中压第五级隔板套汽封环\K156.06.43.01</t>
  </si>
  <si>
    <t>【上海电气汽轮机】 中压第四级隔板套汽封环\K156.06.42.04</t>
  </si>
  <si>
    <t>【上海电气汽轮机】 中压第三级隔板套汽封环\K156.06.42.03</t>
  </si>
  <si>
    <t>【上海电气汽轮机】 中压第二级隔板套汽封环\K156.06.42.02</t>
  </si>
  <si>
    <t>【上海电气汽轮机】 中压第一级隔板套汽封环\K156.06.42.01</t>
  </si>
  <si>
    <t>【上海电气汽轮机】 中压第二级隔板汽封环\K156.06.42.05</t>
  </si>
  <si>
    <t>【上海电气汽轮机】 汽封环\K156.06.63.03</t>
  </si>
  <si>
    <t>【上海电气汽轮机】 中压第八级隔板汽封环\K156.06.43.08</t>
  </si>
  <si>
    <t>【上海电气汽轮机】 中压第七级隔板汽封环\K156.06.43.07</t>
  </si>
  <si>
    <t>【上海电气汽轮机】 中压第六级隔板汽封环\K156.06.43.06</t>
  </si>
  <si>
    <t>【上海电气汽轮机】 中压第五级隔板汽封环\K156.06.43.05</t>
  </si>
  <si>
    <t>【上海电气汽轮机】 中压第四级隔板汽封环\K156.06.42.07</t>
  </si>
  <si>
    <t>【上海电气汽轮机】 中压第三级隔板汽封环\K156.06.42.06</t>
  </si>
  <si>
    <t>【上海电气汽轮机】 汽封环\K156.06.02.08</t>
  </si>
  <si>
    <t>【上海电气汽轮机】 汽封环\K156.06.02.07</t>
  </si>
  <si>
    <t>【上海电气汽轮机】 汽封环\K156.06.02.13</t>
  </si>
  <si>
    <t>【上海电气汽轮机】 汽封环\K156.03.01.11(1)</t>
  </si>
  <si>
    <t>【上海电气汽轮机】 双头螺柱\W1801.23-M160X4X1735</t>
  </si>
  <si>
    <t>【上海电气汽轮机】 定位双头螺柱\W1855.23-φ146X1735</t>
  </si>
  <si>
    <t>【上海电气汽轮机】 推力轴承锁紧机构\A156.07.41</t>
  </si>
  <si>
    <t>【上海电气汽轮机】 密封环\K156.03.01.10</t>
  </si>
  <si>
    <t>【上海电气汽轮机】 支承键\K156.01.81.09</t>
  </si>
  <si>
    <t>【上海电气汽轮机】 定位双头螺柱\W1855.23-φ146X1320</t>
  </si>
  <si>
    <t>【上海电气汽轮机】 轴承油挠性导管\A156.07.01.75</t>
  </si>
  <si>
    <t>【上海电气汽轮机】 密封片\K156.03.01.06(1)</t>
  </si>
  <si>
    <t>【上海电气汽轮机】 密封片\K156.03.01.07(1)</t>
  </si>
  <si>
    <t>【上海电气汽轮机】 密封片\K156.03.01.09(1)</t>
  </si>
  <si>
    <t>【上海电气汽轮机】 锁紧片\K156.03.01.08(1)</t>
  </si>
  <si>
    <t>【上海电气汽轮机】 前轴承座(内侧)油封\A156.07.31</t>
  </si>
  <si>
    <t>【上海电气汽轮机】 密封环\K156.01.71.06</t>
  </si>
  <si>
    <t>【上海电气汽轮机】 锁紧片\K156.03.01.10(1)</t>
  </si>
  <si>
    <t>【上海电气汽轮机】 双头螺柱\W1830.28-M140X4X1185</t>
  </si>
  <si>
    <t>【上海电气汽轮机】 第十四级隔板套汽封环\K156.06.41.14</t>
  </si>
  <si>
    <t>【上海电气汽轮机】 第十三级隔板套汽封环\K156.06.41.13</t>
  </si>
  <si>
    <t>【上海电气汽轮机】 第十二级隔板套汽封环\K156.06.41.12</t>
  </si>
  <si>
    <t>【上海电气汽轮机】 第十级隔板套汽封环\K156.06.41.10</t>
  </si>
  <si>
    <t>【上海电气汽轮机】 第十一级隔板套汽封环\K156.06.41.11</t>
  </si>
  <si>
    <t>【上海电气汽轮机】 第八级隔板套汽封环\K156.06.41.08</t>
  </si>
  <si>
    <t>【上海电气汽轮机】 第九级隔板套汽封环\K156.06.41.09</t>
  </si>
  <si>
    <t>【上海电气汽轮机】 第六级隔板套汽封环\K156.06.41.06</t>
  </si>
  <si>
    <t>【上海电气汽轮机】 第七级隔板套汽封环\K156.06.41.07</t>
  </si>
  <si>
    <t>【上海电气汽轮机】 第四级隔板套汽封环\K156.06.41.04</t>
  </si>
  <si>
    <t>【上海电气汽轮机】 第五级隔板套汽封环\K156.06.41.05</t>
  </si>
  <si>
    <t>【上海电气汽轮机】 第三级隔板套汽封环\K156.06.41.03</t>
  </si>
  <si>
    <t>【上海电气汽轮机】 第二级隔板套汽封环\K156.06.41.02</t>
  </si>
  <si>
    <t>【上海电气汽轮机】 第一级隔板套汽封环\K156.06.41.01</t>
  </si>
  <si>
    <t>【上海电气汽轮机】 双头螺柱\W1801.23-M100X3X1075</t>
  </si>
  <si>
    <t>【上海电气汽轮机】 双头螺柱\W1830.28-M125X4X1045</t>
  </si>
  <si>
    <t>【上海电气汽轮机】 双头螺柱\W1801.23-M100X3X1230</t>
  </si>
  <si>
    <t>【上海电气汽轮机】 双头螺柱\W1801.23-M80X3X990</t>
  </si>
  <si>
    <t>【上海电气汽轮机】 支承键\K156.01.09.02</t>
  </si>
  <si>
    <t>【上海电气汽轮机】 定位双头螺柱\W1885.28-φ106X1065</t>
  </si>
  <si>
    <t>【上海电气汽轮机】 护套\K156.01.71.05</t>
  </si>
  <si>
    <t>【上海电气汽轮机】 双头螺柱\W1830.28-M100X3X1005</t>
  </si>
  <si>
    <t>【上海电气汽轮机】 双头螺柱\W1801.23-M80X3X1150</t>
  </si>
  <si>
    <t>【上海电气汽轮机】 护套\K156.01.71.09</t>
  </si>
  <si>
    <t>【上海电气汽轮机】 定位双头螺柱\W1855.23-φ86X1040</t>
  </si>
  <si>
    <t>【上海电气汽轮机】 双头螺柱\W1801.28-M100X3X745</t>
  </si>
  <si>
    <t>【上海电气汽轮机】 高压持环定位销\K156.01.71.33G01</t>
  </si>
  <si>
    <t>【上海电气汽轮机】 持环定位销\K156.01.71.36G01</t>
  </si>
  <si>
    <t>【上海电气汽轮机】 密封片\K156.03.01.04(1)</t>
  </si>
  <si>
    <t>【上海电气汽轮机】 双头螺柱\W1801.28-M80X3X850</t>
  </si>
  <si>
    <t>【上海电气汽轮机】 持环定位销\K156.01.71.24G01</t>
  </si>
  <si>
    <t>【上海电气汽轮机】 双头螺柱\W1801.28-M80X3X680</t>
  </si>
  <si>
    <t>【上海电气汽轮机】 垫板\K156.01.81.10</t>
  </si>
  <si>
    <t>【上海电气汽轮机】 持环定位销\K156.01.71.38G01</t>
  </si>
  <si>
    <t>【上海电气汽轮机】 锁紧片\K156.03.01.05(1)</t>
  </si>
  <si>
    <t>【上海电气汽轮机】 垫板\K156.01.81.11</t>
  </si>
  <si>
    <t>【上海电气汽轮机】 内外缸定位销\K156.01.71.30G01</t>
  </si>
  <si>
    <t>【上海电气汽轮机】 支承键\K156.06.63.04</t>
  </si>
  <si>
    <t>【上海电气汽轮机】 垫片\K156.01.71.68</t>
  </si>
  <si>
    <t>【上海电气汽轮机】 节流孔板\K156.01.71.69</t>
  </si>
  <si>
    <t>【上海电气汽轮机】 卡条\K156.03.01.12(1)</t>
  </si>
  <si>
    <t>【上海电气汽轮机】 卡条\K156.03.01.13(1)</t>
  </si>
  <si>
    <t>【上海电气汽轮机】 热电偶套管装配\K156.01.71.40G01</t>
  </si>
  <si>
    <t>【上海电气汽轮机】 双头螺柱\W1801.28-M72X3X475</t>
  </si>
  <si>
    <t>【上海电气汽轮机】 热电偶套管装配\K156.01.71.21G01</t>
  </si>
  <si>
    <t>【上海电气汽轮机】 双头螺柱\W1801.3-M48X3X430</t>
  </si>
  <si>
    <t>【上海电气汽轮机】 双头螺柱\W1801.28-M72X3X535</t>
  </si>
  <si>
    <t>【上海电气汽轮机】 垫片\K156.03.01.17</t>
  </si>
  <si>
    <t>【上海电气汽轮机】 垫片\K156.03.01.16</t>
  </si>
  <si>
    <t>【上海电气汽轮机】 平衡活塞定位销\K156.01.71.12G01</t>
  </si>
  <si>
    <t>【上海电气汽轮机】 孔塞\K156.01.71.03</t>
  </si>
  <si>
    <t>【上海电气汽轮机】 球面垫圈\K156.01.81.23G01</t>
  </si>
  <si>
    <t>【上海电气汽轮机】 垫片\K156.03.01.19</t>
  </si>
  <si>
    <t>【上海电气汽轮机】 垫片\K156.03.01.18</t>
  </si>
  <si>
    <t>【上海电气汽轮机】 垫片\A156.01.95.01</t>
  </si>
  <si>
    <t>【上海电气汽轮机】 键\K156.06.02.05</t>
  </si>
  <si>
    <t>【上海电气汽轮机】 热电偶套\W2312.2-0.5"NPTX302</t>
  </si>
  <si>
    <t>【上海电气汽轮机】 弹簧片\K156.06.42.08</t>
  </si>
  <si>
    <t>【上海电气汽轮机】 定位销\K156.01.71.29</t>
  </si>
  <si>
    <t>【上海电气汽轮机】 右侧下部垫片\K156.01.09.03</t>
  </si>
  <si>
    <t>【上海电气汽轮机】 左侧下部垫片\K156.01.09.04</t>
  </si>
  <si>
    <t>【上海电气汽轮机】 上部垫片\K156.01.09.05</t>
  </si>
  <si>
    <t>【上海电气汽轮机】 弹簧片\K156.06.41.15</t>
  </si>
  <si>
    <t>【上海电气汽轮机】 定位双头螺柱\W1850.28-φ52X455</t>
  </si>
  <si>
    <t>【上海电气汽轮机】 定位双头螺柱\W1855.3-φ52X500</t>
  </si>
  <si>
    <t>【上海电气汽轮机】 双头螺柱\W1801.28-M48X3X420</t>
  </si>
  <si>
    <t>【上海电气汽轮机】 下半垫片\K156.06.63.05</t>
  </si>
  <si>
    <t>【上海电气汽轮机】 下半垫片\K156.06.63.06</t>
  </si>
  <si>
    <t>【上海电气汽轮机】 键\K156.03.01.20</t>
  </si>
  <si>
    <t>【上海电气汽轮机】 热电偶套管装配\K156.01.71.16G01</t>
  </si>
  <si>
    <t>【上海电气汽轮机】 定位双头螺柱\W1850.28-φ52X365</t>
  </si>
  <si>
    <t>【上海电气汽轮机】 定位双头螺柱\W1880.28-φ52X470</t>
  </si>
  <si>
    <t>【上海电气汽轮机】 上半垫片\K156.06.63.07</t>
  </si>
  <si>
    <t>【上海电气汽轮机】 双头螺柱\W1801.3-M48X3X370</t>
  </si>
  <si>
    <t>【上海电气汽轮机】 弹簧片\K156.06.42.09</t>
  </si>
  <si>
    <t>【上海电气汽轮机】 弹簧片\K156.06.42.10</t>
  </si>
  <si>
    <t>【上海电气汽轮机】 弹簧片\K156.06.42.11</t>
  </si>
  <si>
    <t>【上海电气汽轮机】 弹簧片\K156.06.43.09</t>
  </si>
  <si>
    <t>【上海电气汽轮机】 弹簧片\K156.06.43.10</t>
  </si>
  <si>
    <t>【上海电气汽轮机】 弹簧片\K156.06.43.11</t>
  </si>
  <si>
    <t>【上海电气汽轮机】 双头螺柱\W1801.28-M48X3X325</t>
  </si>
  <si>
    <t>【上海电气汽轮机】 弹簧片\K156.06.41.16</t>
  </si>
  <si>
    <t>【上海电气汽轮机】 弹簧片\K156.06.41.17</t>
  </si>
  <si>
    <t>【上海电气汽轮机】 定位销\K156.01.71.28</t>
  </si>
  <si>
    <t>【上海电气汽轮机】 定位双头螺柱\W1850.3-φ46X315</t>
  </si>
  <si>
    <t>【上海电气汽轮机】 球面垫圈\W1316.2-42</t>
  </si>
  <si>
    <t>【上海电气汽轮机】 锥螺纹内六角螺钉\W1151.1-M48X3X95</t>
  </si>
  <si>
    <t>【上海电气汽轮机】 弹簧片\K156.03.01.04</t>
  </si>
  <si>
    <t>【上海电气汽轮机】 双头螺柱\W1801.3-M36X3X395</t>
  </si>
  <si>
    <t>【上海电气汽轮机】 弹簧片\K156.06.02.10</t>
  </si>
  <si>
    <t>【上海电气汽轮机】 双头螺柱\W1801.28-M36X3X360</t>
  </si>
  <si>
    <t>【上海电气汽轮机】 定位双头螺柱\W1850.28-φ40X395</t>
  </si>
  <si>
    <t>【上海电气汽轮机】 球面垫圈\W1316.2-48</t>
  </si>
  <si>
    <t>【上海电气汽轮机】 特制螺栓\K156.01.71.10</t>
  </si>
  <si>
    <t>【上海电气汽轮机】 内六角螺钉\W1151.4-M42X3X100</t>
  </si>
  <si>
    <t>【上海电气汽轮机】 内六角螺母\W1228.7-M20X50</t>
  </si>
  <si>
    <t>【上海电气汽轮机】 双头螺柱\W1801.3-M30X3X350</t>
  </si>
  <si>
    <t>【上海电气汽轮机】 六角厚螺母\K156.01.71.45</t>
  </si>
  <si>
    <t>【上海电气汽轮机】 销\A156.01.96.04</t>
  </si>
  <si>
    <t>【上海电气汽轮机】 销\A156.01.96.01</t>
  </si>
  <si>
    <t>【上海电气汽轮机】 外螺纹管接头\W2231.1-38X1.5"NPT</t>
  </si>
  <si>
    <t>【上海电气汽轮机】 罩螺母\W1208.20-M36X3X90</t>
  </si>
  <si>
    <t>【上海电气汽轮机】 热电偶套管\K156.01.09.06</t>
  </si>
  <si>
    <t>【上海电气汽轮机】 专用销\YZW.06.63.11</t>
  </si>
  <si>
    <t>【上海电气汽轮机】 圆柱定位销\K156.06.02.04</t>
  </si>
  <si>
    <t>【上海电气汽轮机】 内六角螺钉\W1050.11-M30X75</t>
  </si>
  <si>
    <t>【上海电气汽轮机】 六角头螺栓\W1130.2-M39X3X100</t>
  </si>
  <si>
    <t>【上海电气汽轮机】 六角头螺栓\W1130.2-M39X3X85</t>
  </si>
  <si>
    <t>【上海电气汽轮机】 内六角螺钉\W1050.11-M24X70</t>
  </si>
  <si>
    <t>【上海电气汽轮机】 衬套\A156.01.96.02</t>
  </si>
  <si>
    <t>【上海电气汽轮机】 内六角螺钉\W1050.11-M16X30</t>
  </si>
  <si>
    <t>【上海电气汽轮机】 内六角螺钉\W1050.11-M24X55</t>
  </si>
  <si>
    <t>【上海电气汽轮机】 汽封片\K156.24.01.13</t>
  </si>
  <si>
    <t>【上海电气汽轮机】 汽封片\K156.24.01.11</t>
  </si>
  <si>
    <t>【上海电气汽轮机】 销φ16X60\K156.01.71.04</t>
  </si>
  <si>
    <t>【上海电气汽轮机】 汽封片\K156.24.01.07</t>
  </si>
  <si>
    <t>【上海电气汽轮机】 汽封片\K156.24.01.09</t>
  </si>
  <si>
    <t>【上海电气汽轮机】 汽封片\K156.24.01.05</t>
  </si>
  <si>
    <t>【上海电气汽轮机】 汽封片\K156.24.01.03</t>
  </si>
  <si>
    <t>【上海电气汽轮机】 圆柱销\W1501.2-22X150</t>
  </si>
  <si>
    <t>【上海电气汽轮机】 定位双头螺柱\W1850.1-φ22X150</t>
  </si>
  <si>
    <t>【上海电气汽轮机】 双头螺柱\W1801.1-M20X155</t>
  </si>
  <si>
    <t>【上海电气汽轮机】 六角螺母\W1220.7-M20</t>
  </si>
  <si>
    <t>【上海电气汽轮机】 球面垫圈\W1314.1-39</t>
  </si>
  <si>
    <t>【上海电气汽轮机】 球面垫圈\W1315.1-39</t>
  </si>
  <si>
    <t>【上海电气汽轮机】 两端带螺纹管子\W2012-φ28X4X205</t>
  </si>
  <si>
    <t>【上海电气汽轮机】 圆柱销\W1501.2-8X65</t>
  </si>
  <si>
    <t>【上海电气汽轮机】 防尘帽\A156.07.01.91</t>
  </si>
  <si>
    <t>【上海电气汽轮机】 内六角螺钉\W1151.14-M20X60</t>
  </si>
  <si>
    <t>【上海电气汽轮机】 大圆柱头螺钉\W1069.3-M12X16</t>
  </si>
  <si>
    <t>【上海电气汽轮机】 双头螺栓\W1044.1-M20X135</t>
  </si>
  <si>
    <t>【上海电气汽轮机】 内六角螺钉\W1050.9-M12X30</t>
  </si>
  <si>
    <t>【上海电气汽轮机】 内六角螺旋管塞\W1075.3-0.5"NPT</t>
  </si>
  <si>
    <t>【上海电气汽轮机】 两端带螺纹管子\W2012-φ22X3.5X205</t>
  </si>
  <si>
    <t>【上海电气汽轮机】 专用销\K156.03.01.15</t>
  </si>
  <si>
    <t>【上海电气汽轮机】 内六角螺旋管塞\W1075.2-1"NPT</t>
  </si>
  <si>
    <t>【上海电气汽轮机】 六角头螺栓\W1036-M10X25</t>
  </si>
  <si>
    <t>【上海电气汽轮机】 六角头螺栓\W1030.1-M14X38</t>
  </si>
  <si>
    <t>【上海电气汽轮机】 内六角螺旋管塞\W1075.2-0.75"NPT</t>
  </si>
  <si>
    <t>【上海电气汽轮机】 套焊式管帽\W2238.2-0.5"</t>
  </si>
  <si>
    <t>【上海电气汽轮机】 套焊式管帽\W2238-0.5"</t>
  </si>
  <si>
    <t>【上海电气汽轮机】 平垫圈\W1300.6-20</t>
  </si>
  <si>
    <t>【上海电气汽轮机】 内六角螺旋管塞\W1075.2-0.25"NPT</t>
  </si>
  <si>
    <t>【上海电气汽轮机】 内六角螺旋管塞\W1075.2-0.125"NPT</t>
  </si>
  <si>
    <t>【上海电气汽轮机】 两端平口管\W2010.1-φ22X3.5X203</t>
  </si>
  <si>
    <t>【上海电气汽轮机】 杆534X12X3\K156.01.96+10</t>
  </si>
  <si>
    <t>【上海电气汽轮机】 嵌条\K156.24.01.10</t>
  </si>
  <si>
    <t>【上海电气汽轮机】 嵌条\K156.24.01.12</t>
  </si>
  <si>
    <t>【上海电气汽轮机】 嵌条\K156.24.01.14</t>
  </si>
  <si>
    <t>【上海电气汽轮机】 嵌条\K156.24.01.04</t>
  </si>
  <si>
    <t>【上海电气汽轮机】 嵌条\K156.24.01.06</t>
  </si>
  <si>
    <t>【上海电气汽轮机】 嵌条\K156.24.01.08</t>
  </si>
  <si>
    <t>【上海电气汽轮机】 垫片φ157/φ146X0.8\K156.01.71+37</t>
  </si>
  <si>
    <t>【上海电气汽轮机】 垫片φ240/φ205X0.8\K156.01.71+51</t>
  </si>
  <si>
    <t>【上海电气汽轮机】 垫片φ60X0.8\K156.01.71+21</t>
  </si>
  <si>
    <t>【上海电气汽轮机】 双头螺柱(A型)\0.1040-90-M6X16</t>
  </si>
  <si>
    <t>【上海电气汽轮机】 圆柱销\0.1501-90-25X50</t>
  </si>
  <si>
    <t>【上海电气汽轮机】 连通管弯管分装配\K156.60.22.01G01</t>
  </si>
  <si>
    <t>【上海电气汽轮机】 阀碟装配\K156.30.62.14G01</t>
  </si>
  <si>
    <t>【上海电气汽轮机】 阀盖\K156.30.62.01G01</t>
  </si>
  <si>
    <t>【上海电气汽轮机】 阀盖\K156.30.41.25G01</t>
  </si>
  <si>
    <t>【上海电气汽轮机】 调节汽阀\K156.34.20G01</t>
  </si>
  <si>
    <t>【上海电气汽轮机】 滤网\K156.30.62.08G01</t>
  </si>
  <si>
    <t>【上海电气汽轮机】 连通管弯管分装配\A156.60.22.38</t>
  </si>
  <si>
    <t>【上海电气汽轮机】 弹簧室\A156.30.62.01(2)</t>
  </si>
  <si>
    <t>【上海电气汽轮机】 阀盖装配\K156.34.20.01G01</t>
  </si>
  <si>
    <t>【上海电气汽轮机】 法兰(凸型)\K156.60.01.04</t>
  </si>
  <si>
    <t>【上海电气汽轮机】 法兰(凹型)\K156.60.01.05</t>
  </si>
  <si>
    <t>【上海电气汽轮机】 弹簧箱\K156.34.20.15G01</t>
  </si>
  <si>
    <t>【上海电气汽轮机】 阀盖\K156.30.60.15G01</t>
  </si>
  <si>
    <t>【上海电气汽轮机】 密封隔板\A156.60.22.06</t>
  </si>
  <si>
    <t>【上海电气汽轮机】 杆端关节轴承\K156.10.41+7</t>
  </si>
  <si>
    <t>【上海电气汽轮机】 杆端关节轴承(左旋)\K156.10.41+15</t>
  </si>
  <si>
    <t>【上海电气汽轮机】 套筒\K156.30.62.13</t>
  </si>
  <si>
    <t>【上海电气汽轮机】 密封环安装工具\K156.90.51.01G01</t>
  </si>
  <si>
    <t>【上海电气汽轮机】 导向杆\K156.30.41.48G01</t>
  </si>
  <si>
    <t>【上海电气汽轮机】 油动遮断阀\156.30.64-1</t>
  </si>
  <si>
    <t>【上海电气汽轮机】 弹簧箱\K156.30.41.53G01</t>
  </si>
  <si>
    <t>【上海电气汽轮机】 圆柱型压缩弹簧\A156.30.62.06</t>
  </si>
  <si>
    <t>【上海电气汽轮机】 弹簧导筒\K156.30.41.65</t>
  </si>
  <si>
    <t>【上海电气汽轮机】 轴\K156.30.61.07</t>
  </si>
  <si>
    <t>【上海电气汽轮机】 弹簧\K156.34.20.22</t>
  </si>
  <si>
    <t>【上海电气汽轮机】 环\A156.60.22.02</t>
  </si>
  <si>
    <t>【上海电气汽轮机】 外弹簧\K156.30.41.64</t>
  </si>
  <si>
    <t>【上海电气汽轮机】 上部弹簧座\K156.30.41.69</t>
  </si>
  <si>
    <t>【上海电气汽轮机】 法兰\A156.30.60.01</t>
  </si>
  <si>
    <t>【上海电气汽轮机】 热电偶(E型,双支,不接地)\A156.91.10.02</t>
  </si>
  <si>
    <t>【上海电气汽轮机】 热电偶(E型,双支,不接地)\K156.91.10.01G01</t>
  </si>
  <si>
    <t>【上海电气汽轮机】 热电偶(E型,双支,不接地)\K156.91.10.02G01</t>
  </si>
  <si>
    <t>【上海电气汽轮机】 热电偶(E型,双支,不接地)\K156.91.10.03G01</t>
  </si>
  <si>
    <t>【上海电气汽轮机】 联接器\K156.30.62.25</t>
  </si>
  <si>
    <t>【上海电气汽轮机】 弹簧座\K156.34.20.20</t>
  </si>
  <si>
    <t>【上海电气汽轮机】 摇臂\A156.30.60.27</t>
  </si>
  <si>
    <t>【上海电气汽轮机】 圆柱型压缩弹簧\A156.30.62.07</t>
  </si>
  <si>
    <t>【上海电气汽轮机】 下部弹簧座\K156.30.41.58</t>
  </si>
  <si>
    <t>【上海电气汽轮机】 弹簧座(下)\K156.30.62.24</t>
  </si>
  <si>
    <t>【上海电气汽轮机】 法兰盖\A156.60.22.03</t>
  </si>
  <si>
    <t>【上海电气汽轮机】 摇杆\K156.09.21.04G01</t>
  </si>
  <si>
    <t>【上海电气汽轮机】 圆柱型压缩弹簧\A156.30.62.08</t>
  </si>
  <si>
    <t>【上海电气汽轮机】 内弹簧\K156.30.41.63</t>
  </si>
  <si>
    <t>【上海电气汽轮机】 紧线扣\A156.90.51.50</t>
  </si>
  <si>
    <t>【上海电气汽轮机】 固定筒\K156.30.41.61</t>
  </si>
  <si>
    <t>【上海电气汽轮机】 转子接地装置\A156.91.81-1</t>
  </si>
  <si>
    <t>【上海电气汽轮机】 阀盖内端套筒\K156.30.41.40</t>
  </si>
  <si>
    <t>【上海电气汽轮机】 螺母\K156.30.62.23</t>
  </si>
  <si>
    <t>【上海电气汽轮机】 弹簧\K156.34.20.21</t>
  </si>
  <si>
    <t>【上海电气汽轮机】 杆端关节轴承(右旋)\K156.09.21.05</t>
  </si>
  <si>
    <t>【上海电气汽轮机】 杆端关节轴承(左旋)\K156.09.21.03</t>
  </si>
  <si>
    <t>【上海电气汽轮机】 压弹簧工具\K156.34.20.23G01</t>
  </si>
  <si>
    <t>【上海电气汽轮机】 主汽门开关匣支架及连杆\K156.10.41G01</t>
  </si>
  <si>
    <t>【上海电气汽轮机】 套式扳手\W8011-115</t>
  </si>
  <si>
    <t>【上海电气汽轮机】 套式扳手\W8011-105</t>
  </si>
  <si>
    <t>【上海电气汽轮机】 外弹簧\A156.30.60.03</t>
  </si>
  <si>
    <t>【上海电气汽轮机】 六角扳手\0.8002-90-130</t>
  </si>
  <si>
    <t>【上海电气汽轮机】 套式扳手\W8011-80</t>
  </si>
  <si>
    <t>【上海电气汽轮机】 套式扳手\W8011-85</t>
  </si>
  <si>
    <t>【上海电气汽轮机】 套式扳手\W8011-75</t>
  </si>
  <si>
    <t>【上海电气汽轮机】 凸形球面垫圈\K156.30.41.57</t>
  </si>
  <si>
    <t>【上海电气汽轮机】 垫环\K156.30.41.20</t>
  </si>
  <si>
    <t>【上海电气汽轮机】 内弹簧\A156.30.60.04</t>
  </si>
  <si>
    <t>【上海电气汽轮机】 销\K156.30.41.52</t>
  </si>
  <si>
    <t>【上海电气汽轮机】 套式扳手\W8002-85</t>
  </si>
  <si>
    <t>【上海电气汽轮机】 弹簧装拆工具\A156.90.51.62</t>
  </si>
  <si>
    <t>【上海电气汽轮机】 垫圈\K156.30.41.59</t>
  </si>
  <si>
    <t>【上海电气汽轮机】 套筒\K156.09.21.08</t>
  </si>
  <si>
    <t>【上海电气汽轮机】 专用螺栓\K156.30.41.70</t>
  </si>
  <si>
    <t>【上海电气汽轮机】 缠绕式垫片\K156.30.62.26</t>
  </si>
  <si>
    <t>【上海电气汽轮机】 套式扳手\W8011-60</t>
  </si>
  <si>
    <t>【上海电气汽轮机】 套式扳手\W8011-65</t>
  </si>
  <si>
    <t>【上海电气汽轮机】 热电偶套\W2312.2-0.5"NPTX276.4</t>
  </si>
  <si>
    <t>【上海电气汽轮机】 套式扳手\W8002-75</t>
  </si>
  <si>
    <t>【上海电气汽轮机】 缠绕式垫片(人孔用)\A156.60.22.52</t>
  </si>
  <si>
    <t>【上海电气汽轮机】 阀盖外端套筒\K156.30.41.47</t>
  </si>
  <si>
    <t>【上海电气汽轮机】 垫片\A156.60.22.01</t>
  </si>
  <si>
    <t>【上海电气汽轮机】 垫圈\K156.30.41.62</t>
  </si>
  <si>
    <t>【上海电气汽轮机】 板\A156.30.62.46</t>
  </si>
  <si>
    <t>【上海电气汽轮机】 平衡旋塞扳手\A156.90.51.21</t>
  </si>
  <si>
    <t>【上海电气汽轮机】 弹簧座\A156.30.60.50</t>
  </si>
  <si>
    <t>【上海电气汽轮机】 法兰直通式截止阀DN32\K156.60.29+11</t>
  </si>
  <si>
    <t>【上海电气汽轮机】 轴销\K156.09.21.02</t>
  </si>
  <si>
    <t>【上海电气汽轮机】 平衡旋塞扳手\A156.90.51.28</t>
  </si>
  <si>
    <t>【上海电气汽轮机】 单头扳手\W8014-65</t>
  </si>
  <si>
    <t>【上海电气汽轮机】 上部垫圈\K156.30.41.73</t>
  </si>
  <si>
    <t>【上海电气汽轮机】 球面垫圈(凸型)\K156.34.20.28</t>
  </si>
  <si>
    <t>【上海电气汽轮机】 六角扳手\0.8002-90-70</t>
  </si>
  <si>
    <t>【上海电气汽轮机】 衬套\K156.30.41.51</t>
  </si>
  <si>
    <t>【上海电气汽轮机】 套式扳手\W8011-50</t>
  </si>
  <si>
    <t>【上海电气汽轮机】 球面垫圈(凹型)\K156.34.20.27</t>
  </si>
  <si>
    <t>【上海电气汽轮机】 保护闷头(出口)\K156.30.60.23G01</t>
  </si>
  <si>
    <t>【上海电气汽轮机】 套式扳手\W8011-55(Ⅰ)</t>
  </si>
  <si>
    <t>【上海电气汽轮机】 缠绕式垫片\K156.30.60.18</t>
  </si>
  <si>
    <t>【上海电气汽轮机】 双头螺柱\W1801.4-M48X3X285</t>
  </si>
  <si>
    <t>【上海电气汽轮机】 套筒扳手接头\W8015-80</t>
  </si>
  <si>
    <t>【上海电气汽轮机】 套式扳手\W8011-46</t>
  </si>
  <si>
    <t>【上海电气汽轮机】 螺栓伸长测量杆φ12X435\K156.91.51.01G01</t>
  </si>
  <si>
    <t>【上海电气汽轮机】 螺栓伸长测量杆φ12X465\K156.91.51.02G01</t>
  </si>
  <si>
    <t>【上海电气汽轮机】 螺栓伸长测量杆φ12X475\K156.91.51.03G01</t>
  </si>
  <si>
    <t>【上海电气汽轮机】 螺栓伸长测量杆φ12X535\K156.91.51.04G01</t>
  </si>
  <si>
    <t>【上海电气汽轮机】 螺栓伸长测量杆φ12X630\K156.91.51.05G01</t>
  </si>
  <si>
    <t>【上海电气汽轮机】 螺栓伸长测量杆φ14X1130\K156.91.51.10G01</t>
  </si>
  <si>
    <t>【上海电气汽轮机】 螺栓伸长测量杆φ14X1180\K156.91.51.11G01</t>
  </si>
  <si>
    <t>【上海电气汽轮机】 螺栓伸长测量杆φ14X1290\K156.91.51.12G01</t>
  </si>
  <si>
    <t>【上海电气汽轮机】 螺栓伸长测量杆φ14X1375\K156.91.51.13G01</t>
  </si>
  <si>
    <t>【上海电气汽轮机】 螺栓伸长测量杆φ14X620\K156.91.51.06G01</t>
  </si>
  <si>
    <t>【上海电气汽轮机】 螺栓伸长测量杆φ14X680\K156.91.51.07G01</t>
  </si>
  <si>
    <t>【上海电气汽轮机】 螺栓伸长测量杆φ14X820\K156.91.51.08G01</t>
  </si>
  <si>
    <t>【上海电气汽轮机】 螺栓伸长测量杆φ14X990\K156.91.51.09G01</t>
  </si>
  <si>
    <t>【上海电气汽轮机】 螺栓伸长测量杆φ16X1160\K156.91.51.15G01</t>
  </si>
  <si>
    <t>【上海电气汽轮机】 螺栓伸长测量杆φ16X1220\K156.91.51.16G01</t>
  </si>
  <si>
    <t>【上海电气汽轮机】 螺栓伸长测量杆φ16X1230\K156.91.51.17G01</t>
  </si>
  <si>
    <t>【上海电气汽轮机】 螺栓伸长测量杆φ16X1385\K156.91.51.18G01</t>
  </si>
  <si>
    <t>【上海电气汽轮机】 螺栓伸长测量杆φ16X1425\K156.91.51.19G01</t>
  </si>
  <si>
    <t>【上海电气汽轮机】 螺栓伸长测量杆φ16X900\K156.91.51.14G01</t>
  </si>
  <si>
    <t>【上海电气汽轮机】 螺栓伸长测量杆φ18X1225\K156.91.51.20G01</t>
  </si>
  <si>
    <t>【上海电气汽轮机】 螺栓伸长测量杆φ18X1355\K156.91.51.21G01</t>
  </si>
  <si>
    <t>【上海电气汽轮机】 螺栓伸长测量杆φ28X1340\K156.91.51.22G01</t>
  </si>
  <si>
    <t>【上海电气汽轮机】 螺栓伸长测量杆φ28X1400\K156.91.51.23G01</t>
  </si>
  <si>
    <t>【上海电气汽轮机】 螺栓伸长测量杆φ28X1465\K156.91.51.24G01</t>
  </si>
  <si>
    <t>【上海电气汽轮机】 螺栓伸长测量杆φ28X1475\K156.91.51.25G01</t>
  </si>
  <si>
    <t>【上海电气汽轮机】 螺栓伸长测量杆φ28X1890\K156.91.51.26G01</t>
  </si>
  <si>
    <t>【上海电气汽轮机】 套筒20.5\K156.91.51.54</t>
  </si>
  <si>
    <t>【上海电气汽轮机】 套筒φ14\180.91.51.03</t>
  </si>
  <si>
    <t>【上海电气汽轮机】 套筒φ16\180.91.51.09</t>
  </si>
  <si>
    <t>【上海电气汽轮机】 套筒φ18\180.91.51.14</t>
  </si>
  <si>
    <t>【上海电气汽轮机】 套筒φ28\180.91.51.19</t>
  </si>
  <si>
    <t>【上海电气汽轮机】 盘形弹簧\K156.30.41.60</t>
  </si>
  <si>
    <t>【上海电气汽轮机】 垫片\A156.60.22.12</t>
  </si>
  <si>
    <t>【上海电气汽轮机】 缠绕垫圈\K156.30.41.41</t>
  </si>
  <si>
    <t>【上海电气汽轮机】 截止阀DN15\K156.60.29+20</t>
  </si>
  <si>
    <t>【上海电气汽轮机】 单头扳手\W8014-46</t>
  </si>
  <si>
    <t>【上海电气汽轮机】 套式扳手\W8002-41</t>
  </si>
  <si>
    <t>【上海电气汽轮机】 保护闷头(进口)\K156.30.60.22</t>
  </si>
  <si>
    <t>【上海电气汽轮机】 带销吊环\W1070-M20</t>
  </si>
  <si>
    <t>【上海电气汽轮机】 分水滤气器\K156.60.29+2</t>
  </si>
  <si>
    <t>【上海电气汽轮机】 1型六角螺母\0.1200B-90-M68X4</t>
  </si>
  <si>
    <t>【上海电气汽轮机】 平焊制法兰\0.2112-DN65</t>
  </si>
  <si>
    <t>【上海电气汽轮机】 键\A156.30.60.41</t>
  </si>
  <si>
    <t>【上海电气汽轮机】 危急遮断器飞锤弹簧扳手组件\A156.90.51.01</t>
  </si>
  <si>
    <t>【上海电气汽轮机】 内六角接杆\W8016-36X205</t>
  </si>
  <si>
    <t>【上海电气汽轮机】 对焊钢法兰\0.2124-DN32</t>
  </si>
  <si>
    <t>【上海电气汽轮机】 内六角扳手\W8010-36</t>
  </si>
  <si>
    <t>【上海电气汽轮机】 垫片\K156.09.21.09</t>
  </si>
  <si>
    <t>【上海电气汽轮机】 下部垫圈\K156.30.41.68</t>
  </si>
  <si>
    <t>【上海电气汽轮机】 内六角扳手\W8010-32</t>
  </si>
  <si>
    <t>【上海电气汽轮机】 六角扳手\0.8002-90-36</t>
  </si>
  <si>
    <t>【上海电气汽轮机】 油雾器\K156.60.29+1</t>
  </si>
  <si>
    <t>【上海电气汽轮机】 挡圈\K156.30.41.76</t>
  </si>
  <si>
    <t>【上海电气汽轮机】 凹形球面垫圈\K156.30.41.71</t>
  </si>
  <si>
    <t>【上海电气汽轮机】 凸形球面垫圈\K156.30.41.72</t>
  </si>
  <si>
    <t>【上海电气汽轮机】 内六角接杆\W8016-32X205</t>
  </si>
  <si>
    <t>【上海电气汽轮机】 内六角接杆\W8016-32X350</t>
  </si>
  <si>
    <t>【上海电气汽轮机】 内六角接杆\W8016-27X150</t>
  </si>
  <si>
    <t>【上海电气汽轮机】 六角头起重螺钉\W1060-M39X3X150</t>
  </si>
  <si>
    <t>【上海电气汽轮机】 内六角螺钉\W1050.11-M20X80</t>
  </si>
  <si>
    <t>【上海电气汽轮机】 六角扳手\0.8002-90-41</t>
  </si>
  <si>
    <t>【上海电气汽轮机】 内六角螺旋管塞\157.30.41.19</t>
  </si>
  <si>
    <t>【上海电气汽轮机】 六角头螺栓\W1130.2-M24X160</t>
  </si>
  <si>
    <t>【上海电气汽轮机】 止动螺钉\K156.30.41.21</t>
  </si>
  <si>
    <t>【上海电气汽轮机】 六角头螺栓\W1130.2-M24X145</t>
  </si>
  <si>
    <t>【上海电气汽轮机】 方头紧定螺钉\W1067-M16X205</t>
  </si>
  <si>
    <t>【上海电气汽轮机】 内六角扳手\W8010-27</t>
  </si>
  <si>
    <t>【上海电气汽轮机】 六角螺母\W1221.7-M30X3</t>
  </si>
  <si>
    <t>【上海电气汽轮机】 两端带螺纹管子\W2012-φ22X2.8X155</t>
  </si>
  <si>
    <t>【上海电气汽轮机】 螺母M12(左旋)\A156.10.37.05</t>
  </si>
  <si>
    <t>【上海电气汽轮机】 专用六角头螺钉\A156.10.37.01</t>
  </si>
  <si>
    <t>【上海电气汽轮机】 内六角扳手\W8010-24</t>
  </si>
  <si>
    <t>【上海电气汽轮机】 圆柱销\W1501.2-10X65</t>
  </si>
  <si>
    <t>【上海电气汽轮机】 圆柱销\WE1501.2-9.5X115</t>
  </si>
  <si>
    <t>【上海电气汽轮机】 扳手\A156.90.51.47</t>
  </si>
  <si>
    <t>【上海电气汽轮机】 内六角扳手\W8010-22</t>
  </si>
  <si>
    <t>【上海电气汽轮机】 内六角扳手\W8010-19</t>
  </si>
  <si>
    <t>【上海电气汽轮机】 内六角扳手\W8010-17</t>
  </si>
  <si>
    <t>【上海电气汽轮机】 缠绕式垫圈\K156.34.20.14</t>
  </si>
  <si>
    <t>【上海电气汽轮机】 圆柱销\W1501.2-12X110</t>
  </si>
  <si>
    <t>【上海电气汽轮机】 专用垫片\A156.10.37.02</t>
  </si>
  <si>
    <t>【上海电气汽轮机】 专用螺钉\WE1079-0.75"</t>
  </si>
  <si>
    <t>【上海电气汽轮机】 内六角螺钉\W1050.10-M10X50</t>
  </si>
  <si>
    <t>【上海电气汽轮机】 硬壳液压配件\W4011-0.25"NPT</t>
  </si>
  <si>
    <t>【上海电气汽轮机】 内六角扳手\W8010-14</t>
  </si>
  <si>
    <t>【上海电气汽轮机】 两端带螺纹管子\W2012-φ28X2.8X155</t>
  </si>
  <si>
    <t>【上海电气汽轮机】 一端螺纹一端平口管子\W2020.2-φ22X2.8X153</t>
  </si>
  <si>
    <t>【上海电气汽轮机】 开口销\0.1538-90-10X90</t>
  </si>
  <si>
    <t>【上海电气汽轮机】 标准型弹簧垫圈\0.1331-90-10</t>
  </si>
  <si>
    <t>【上海电气汽轮机】 标准型弹簧垫圈\0.1331-90-27</t>
  </si>
  <si>
    <t>【上海电气汽轮机】 弹簧销\W1506-2.5X25</t>
  </si>
  <si>
    <t>【上海电气汽轮机】 螺杆M12\K156.10.41.02</t>
  </si>
  <si>
    <t>【上海电气汽轮机】 螺杆M12(左旋)\K156.10.41.07</t>
  </si>
  <si>
    <t>【上海电气汽轮机】 螺杆装配\K156.10.41.03G01</t>
  </si>
  <si>
    <t>【上海电气汽轮机】 圆柱销\WE1501.2-12.7X95</t>
  </si>
  <si>
    <t>【上海电气汽轮机】 圆柱销\W1501.2-12X45</t>
  </si>
  <si>
    <t>【上海电气汽轮机】 内六角扳手\W8010-12</t>
  </si>
  <si>
    <t>【上海电气汽轮机】 内六角螺钉\W1050.10-M10X30</t>
  </si>
  <si>
    <t>【上海电气汽轮机】 内六角扳手\W8010-10</t>
  </si>
  <si>
    <t>【上海电气汽轮机】 圆柱销\WE1501.2-9.5X25</t>
  </si>
  <si>
    <t>【上海电气汽轮机】 六角头螺栓\W1030.1-M10X25</t>
  </si>
  <si>
    <t>【上海电气汽轮机】 内六角扳手\W8010-8</t>
  </si>
  <si>
    <t>【上海电气汽轮机】 专用螺钉\WE1073.1-0.625"</t>
  </si>
  <si>
    <t>【上海电气汽轮机】 内六角扳手\W8010-6</t>
  </si>
  <si>
    <t>【上海电气汽轮机】 六角头螺栓\0.1030-M16X65</t>
  </si>
  <si>
    <t>【上海电气汽轮机】 六角头螺栓\0.1030-M16X60</t>
  </si>
  <si>
    <t>【上海电气汽轮机】 焊接衬垫\K156.60.01.12</t>
  </si>
  <si>
    <t>【上海电气汽轮机】 垫圈(精制)\0.1300-16</t>
  </si>
  <si>
    <t>【上海电气汽轮机】 垫圈(精制)\0.1300-12</t>
  </si>
  <si>
    <t>【上海电气汽轮机】 六角螺母(精制)\0.1200-M16</t>
  </si>
  <si>
    <t>【上海电气汽轮机】 六角螺母(精制)\0.1200-M12</t>
  </si>
  <si>
    <t>【上海电气汽轮机】 六角头螺栓\0.1030-M12X50</t>
  </si>
  <si>
    <t>【上海电气汽轮机】 标准型弹簧垫圈\0.1331-90-5</t>
  </si>
  <si>
    <t>【上海电气汽轮机】 圆柱销\W1500-10X95</t>
  </si>
  <si>
    <t>【上海电气汽轮机】 开口销\0.1538H-φ10X60</t>
  </si>
  <si>
    <t>【上海电气汽轮机】 圆柱销\W1500-10X50</t>
  </si>
  <si>
    <t>【上海电气汽轮机】 圆柱销\W1500-10X25</t>
  </si>
  <si>
    <t>【上海电气汽轮机】 外齿弹性垫圈\W1340-22</t>
  </si>
  <si>
    <t>【上海电气汽轮机】 标准型弹簧垫圈\0.1331-90-24</t>
  </si>
  <si>
    <t>【上海电气汽轮机】 标准型弹簧垫圈\0.1331-90-20</t>
  </si>
  <si>
    <t>【上海电气汽轮机】 圆柱端紧定螺钉\0.1065-90-M6X25</t>
  </si>
  <si>
    <t>【上海电气汽轮机】 螺栓电加热器\K156.91.51+32</t>
  </si>
  <si>
    <t>【上海电气汽轮机】 螺栓加热及伸长测量装置\K156.91.51G01</t>
  </si>
  <si>
    <t>【上海电气汽轮机】 开口销\W1538.1-4X25</t>
  </si>
  <si>
    <t>【上海电气汽轮机】 辅助供汽调节阀\12003354</t>
  </si>
  <si>
    <t>【上海电气汽轮机】 冷再热供汽调节阀\12004578</t>
  </si>
  <si>
    <t>【上海电气汽轮机】 A型蝶阀DN200\H156.82.10(1)+20</t>
  </si>
  <si>
    <t>【上海电气汽轮机】 止回阀\H156.82.10.06(1)G01</t>
  </si>
  <si>
    <t>【上海电气汽轮机】 90°三通168X114\F156.60.04.02(1)</t>
  </si>
  <si>
    <t>【上海电气汽轮机】 排气管\H156.82.10.03(1)G01</t>
  </si>
  <si>
    <t>【上海电气汽轮机】 对焊式直三通接头\W2249-203.2</t>
  </si>
  <si>
    <t>【上海电气汽轮机】 六角头螺栓\0.1030-90-M20X100</t>
  </si>
  <si>
    <t>【上海电气汽轮机】 安全阀\K156.60.04(2)+42</t>
  </si>
  <si>
    <t>【上海电气汽轮机】 安全阀\K156.60.04(2)+43</t>
  </si>
  <si>
    <t>【上海电气汽轮机】 截止阀\K156.60.04(2)+2</t>
  </si>
  <si>
    <t>【上海电气汽轮机】 平焊法兰\0.2112-96-DN200</t>
  </si>
  <si>
    <t>【上海电气汽轮机】 1型六角螺母\0.1200-90-M30</t>
  </si>
  <si>
    <t>【上海电气汽轮机】 磁翻柱液位计\H156.82.10(1)+31</t>
  </si>
  <si>
    <t>【上海电气汽轮机】 缩节φ219Xφ114X6\K156.60.04(2)+34</t>
  </si>
  <si>
    <t>【上海电气汽轮机】 止回阀\K156.60.04(2)+90</t>
  </si>
  <si>
    <t>【上海电气汽轮机】 六角头螺栓\0.1030-90-M12X45</t>
  </si>
  <si>
    <t>【上海电气汽轮机】 止回阀\K156.60.04(2)+91</t>
  </si>
  <si>
    <t>【上海电气汽轮机】 三通219X108X6\K156.60.04(2)+112</t>
  </si>
  <si>
    <t>【上海电气汽轮机】 90°弯头R=1.5DN,DN=125,D=133,t=6\K156.60.04(2)+108</t>
  </si>
  <si>
    <t>【上海电气汽轮机】 大凹槽对焊法兰\W2157.2-DN1.25"</t>
  </si>
  <si>
    <t>【上海电气汽轮机】 标准型弹簧垫圈\0.1331-90-30</t>
  </si>
  <si>
    <t>【上海电气汽轮机】 凹槽法兰\K156.60.04.01</t>
  </si>
  <si>
    <t>【上海电气汽轮机】 法兰\0.2125-96-DN200(A)</t>
  </si>
  <si>
    <t>【上海电气汽轮机】 三通219X159X6\K156.60.04(2)+113</t>
  </si>
  <si>
    <t>【上海电气汽轮机】 法兰\F156.60.04.01</t>
  </si>
  <si>
    <t>【上海电气汽轮机】 90°弯头 R=1.5DN,DN=100\B156.60.04.06</t>
  </si>
  <si>
    <t>【上海电气汽轮机】 疏水罐\156.60.04.17(1)</t>
  </si>
  <si>
    <t>【上海电气汽轮机】 90°弯头R=1.5DN,DN=200,D=219,t=8\K156.60.04(2)+106</t>
  </si>
  <si>
    <t>【上海电气汽轮机】 大凹槽对焊法兰\W2157-DN1"</t>
  </si>
  <si>
    <t>【上海电气汽轮机】 法兰\F156.60.04.02</t>
  </si>
  <si>
    <t>【上海电气汽轮机】 法兰\0.2511-93-DN100(A)</t>
  </si>
  <si>
    <t>【上海电气汽轮机】 法兰\0.2511-93-DN100(B)</t>
  </si>
  <si>
    <t>【上海电气汽轮机】 45°弯头R=1.5DN,DN=200,D=219,t=8\K156.60.04(2)+107</t>
  </si>
  <si>
    <t>【上海电气汽轮机】 缩节φ219Xφ133X6\K156.60.04(2)+12</t>
  </si>
  <si>
    <t>【上海电气汽轮机】 缩节φ219Xφ168X8\K156.60.04(2)+35</t>
  </si>
  <si>
    <t>【上海电气汽轮机】 90°弯头DN80,R=1.5DN\E156.60.04.41(1)</t>
  </si>
  <si>
    <t>【上海电气汽轮机】 热电偶套\156.60.04.42(1)</t>
  </si>
  <si>
    <t>【上海电气汽轮机】 30°弯头R=1.5DN,DN=200,D=219,t=8\K156.60.04(2)+109</t>
  </si>
  <si>
    <t>【上海电气汽轮机】 大凹槽对焊法兰\W2155.2-DN1.25"</t>
  </si>
  <si>
    <t>【上海电气汽轮机】 缩节φ60Xφ42X75\E156.60.04.39(1)</t>
  </si>
  <si>
    <t>【上海电气汽轮机】 截止阀\H156.61.21+2</t>
  </si>
  <si>
    <t>【上海电气汽轮机】 节流阀\H156.61.21+3</t>
  </si>
  <si>
    <t>【上海电气汽轮机】 法兰\0.2125-96-DN65(B)</t>
  </si>
  <si>
    <t>【上海电气汽轮机】 法兰\0.2125-96-DN65(A)</t>
  </si>
  <si>
    <t>【上海电气汽轮机】 金属缠绕垫圈φ148/φ124X3\K156.60.04(2)+60</t>
  </si>
  <si>
    <t>【上海电气汽轮机】 闷头\E156.60.04.36(1)</t>
  </si>
  <si>
    <t>【上海电气汽轮机】 内螺纹截止阀\H156.82.10(1)+8</t>
  </si>
  <si>
    <t>【上海电气汽轮机】 六角头螺栓\0.1030C-90-M24X120</t>
  </si>
  <si>
    <t>【上海电气汽轮机】 闷头\E156.60.04.37(1)</t>
  </si>
  <si>
    <t>【上海电气汽轮机】 60°弯头R=1.5DN,DN=100,D=114,t=6\K156.60.04(2)+110</t>
  </si>
  <si>
    <t>【上海电气汽轮机】 90°弯头R=1.5DN,DN=125,D=133,t=6\K156.60.04(2)+103</t>
  </si>
  <si>
    <t>【上海电气汽轮机】 缩节φ133Xφ76X6\K156.60.04(2)+16</t>
  </si>
  <si>
    <t>【上海电气汽轮机】 外螺纹弯管接头\W2241.1-16X0.5"NPT</t>
  </si>
  <si>
    <t>【上海电气汽轮机】 六角头螺栓\0.1030C-90-M22X110</t>
  </si>
  <si>
    <t>【上海电气汽轮机】 缩节φ133φX114X6\K156.60.04(2)+111</t>
  </si>
  <si>
    <t>【上海电气汽轮机】 30°弯头R=1.5DN,DN=125,D=133,t=6\K156.60.04(2)+105</t>
  </si>
  <si>
    <t>【上海电气汽轮机】 30°弯头R=1.5DN,DN=100,D=108,t=6\K156.60.04(2)+100</t>
  </si>
  <si>
    <t>【上海电气汽轮机】 外螺纹管接头\W2231.1-20X0.5"NPT</t>
  </si>
  <si>
    <t>【上海电气汽轮机】 90°弯头R=1.5DN,DN=100,D=108,t=6\K156.60.04(2)+98</t>
  </si>
  <si>
    <t>【上海电气汽轮机】 垫片_TS-CARBO_φ265/φ222X3\14019235</t>
  </si>
  <si>
    <t>【上海电气汽轮机】 六角头螺栓\0.1030B-90-M30X230</t>
  </si>
  <si>
    <t>【上海电气汽轮机】 垫片\0.2138-96-DN50</t>
  </si>
  <si>
    <t>【上海电气汽轮机】 45°弯头R=1.5DN,DN=100,D=108,t=6\K156.60.04(2)+99</t>
  </si>
  <si>
    <t>【上海电气汽轮机】 六角头螺栓\0.1030C-90-M16X90</t>
  </si>
  <si>
    <t>【上海电气汽轮机】 管接头\W2225-0.5"NPTX63</t>
  </si>
  <si>
    <t>【上海电气汽轮机】 金属缠绕垫圈φ258/φ226X3\K156.60.04+8</t>
  </si>
  <si>
    <t>【上海电气汽轮机】 带螺纹端管子\W2020.1-φ73X5X94</t>
  </si>
  <si>
    <t>【上海电气汽轮机】 缩节φ60Xφ32X50\155.60.04.07</t>
  </si>
  <si>
    <t>【上海电气汽轮机】 1型六角螺母\0.1200B-90-M22</t>
  </si>
  <si>
    <t>【上海电气汽轮机】 金属缠绕垫圈φ174/φ150X3\K156.60.04(2)+33</t>
  </si>
  <si>
    <t>【上海电气汽轮机】 金属缠绕垫圈φ202/φ170X3\K156.60.04(2)+21</t>
  </si>
  <si>
    <t>【上海电气汽轮机】 垫片\0.2140-96-DN32</t>
  </si>
  <si>
    <t>【上海电气汽轮机】 1型六角螺母\0.1200B-90-M16</t>
  </si>
  <si>
    <t>【上海电气汽轮机】 1型六角螺母\0.1200-90-M10</t>
  </si>
  <si>
    <t>【上海电气汽轮机】 垫片φ20/φ12X2\H156.82.10(1)+39</t>
  </si>
  <si>
    <t>【上海电气汽轮机】 六角头螺栓\0.1030-90-M20X140</t>
  </si>
  <si>
    <t>【上海电气汽轮机】 2型六角螺母\0.1202B-90-M16</t>
  </si>
  <si>
    <t>【上海电气汽轮机】 垫圈 \0.1300G-90-22</t>
  </si>
  <si>
    <t>【上海电气汽轮机】 金属缠绕垫圈φ109/φ89X3\K156.60.04(2)+55</t>
  </si>
  <si>
    <t>【上海电气汽轮机】 六角头螺栓\0.1030-90-M27X120</t>
  </si>
  <si>
    <t>【上海电气汽轮机】 六角头螺栓\0.1030-90-M20X80</t>
  </si>
  <si>
    <t>【上海电气汽轮机】 垫圈\0.1300G-90-24</t>
  </si>
  <si>
    <t>【上海电气汽轮机】 六角头螺栓\0.1030-90-M24X100</t>
  </si>
  <si>
    <t>【上海电气汽轮机】 垫圈\0.1300G-90-16</t>
  </si>
  <si>
    <t>【上海电气汽轮机】 金属缠绕垫圈φ65/φ49X3\K156.60.04(2)+77</t>
  </si>
  <si>
    <t>【上海电气汽轮机】 标准型弹簧垫圈\0.1331-90-22</t>
  </si>
  <si>
    <t>【上海电气汽轮机】 六角螺纹套管\156.82.10.43(1)</t>
  </si>
  <si>
    <t>【上海电气汽轮机】 2型六角螺母\0.1202-90-M30</t>
  </si>
  <si>
    <t>【上海电气汽轮机】 金属缠绕垫圈φ50/φ36X3\K156.60.04(2)+89</t>
  </si>
  <si>
    <t>【上海电气汽轮机】 1型六角螺母\0.1200-90-M27</t>
  </si>
  <si>
    <t>【上海电气汽轮机】 垫圈\0.1300-90-27</t>
  </si>
  <si>
    <t>【上海电气汽轮机】 垫圈\0.1300-90-24</t>
  </si>
  <si>
    <t>【上海电气汽轮机】 垫圈\0.1300-90-20</t>
  </si>
  <si>
    <t>【上海电气汽轮机】 六角头螺栓\0.1030-90-M20X90</t>
  </si>
  <si>
    <t>【上海电气汽轮机】 螺纹接套管\W2233.1-0.5"NPTX50.8</t>
  </si>
  <si>
    <t>【上海电气汽轮机】 螺塞(公制螺纹)\0.1054-90-M20X1.5</t>
  </si>
  <si>
    <t>【上海电气汽轮机】 六角头螺栓\0.1030-90-M12X40</t>
  </si>
  <si>
    <t>【上海电气汽轮机】 双头螺柱\0.1040-90-M10X25</t>
  </si>
  <si>
    <t>【上海电气汽轮机】 套焊式三通接头\W2263.4-1.5"</t>
  </si>
  <si>
    <t>【上海电气汽轮机】 截止阀 \K156.60.50(1)+23</t>
  </si>
  <si>
    <t>【上海电气汽轮机】 疏水集管块\A156.60.50.02</t>
  </si>
  <si>
    <t>【上海电气汽轮机】 孔板法兰\A156.60.50.08</t>
  </si>
  <si>
    <t>【上海电气汽轮机】 疏水集管块\A156.60.50.05</t>
  </si>
  <si>
    <t>【上海电气汽轮机】 截止阀\K156.60.50(1)+22</t>
  </si>
  <si>
    <t>【上海电气汽轮机】 法兰\A156.60.50.06(1)</t>
  </si>
  <si>
    <t>【上海电气汽轮机】 截止阀\K156.60.50(1)+27</t>
  </si>
  <si>
    <t>【上海电气汽轮机】 法兰盖\A156.60.50.08(1)</t>
  </si>
  <si>
    <t>【上海电气汽轮机】 法兰\A156.60.50.01(1)</t>
  </si>
  <si>
    <t>【上海电气汽轮机】 法兰\A156.60.50.04(1)</t>
  </si>
  <si>
    <t>【上海电气汽轮机】 法兰盖\A156.60.50.03(1)</t>
  </si>
  <si>
    <t>【上海电气汽轮机】 套焊式90°弯头\W2262.3-2"</t>
  </si>
  <si>
    <t>【上海电气汽轮机】 衬套\W2234.3-50.8X38.1(Ⅰ)</t>
  </si>
  <si>
    <t>【上海电气汽轮机】 套焊式90°弯头\W2262.3-1.5"</t>
  </si>
  <si>
    <t>【上海电气汽轮机】 衬套\W2234.3-50.8X19(Ⅲ)</t>
  </si>
  <si>
    <t>【上海电气汽轮机】 套焊式90°弯头\W2262.2-1"</t>
  </si>
  <si>
    <t>【上海电气汽轮机】 套焊式三通接头\W2263.4-2"</t>
  </si>
  <si>
    <t>【上海电气汽轮机】 套焊式三通接头\W2263.3-1.5"(Ⅱ)</t>
  </si>
  <si>
    <t>【上海电气汽轮机】 套焊式三通接头\W2263.3-1.5"</t>
  </si>
  <si>
    <t>【上海电气汽轮机】 套焊式三通接头\W2263.1-1.5"(Ⅰ)</t>
  </si>
  <si>
    <t>【上海电气汽轮机】 衬套\W2234.3-38.1X25.4(Ⅱ)</t>
  </si>
  <si>
    <t>【上海电气汽轮机】 衬套\W2234.3-38.1X19(Ⅲ)</t>
  </si>
  <si>
    <t>【上海电气汽轮机】 金属齿形垫片\A156.60.50.02(1)</t>
  </si>
  <si>
    <t>【上海电气汽轮机】 金属齿形垫片\A156.60.50.05(1)</t>
  </si>
  <si>
    <t>【上海电气汽轮机】 法兰螺柱\0.1045D-90-M30X150</t>
  </si>
  <si>
    <t>【上海电气汽轮机】 2型六角螺母\0.1202D-90-M30</t>
  </si>
  <si>
    <t>【上海电气汽轮机】 法兰螺柱\0.1045D-90-M27X160</t>
  </si>
  <si>
    <t>【上海电气汽轮机】 2型六角螺母\0.1202D-90-M27</t>
  </si>
  <si>
    <t>【上海电气汽轮机】 金属齿形垫片\A156.60.50.07(1)</t>
  </si>
  <si>
    <t>【上海电气汽轮机】 低压缸轴承(电机端)\D156.08.21G01</t>
  </si>
  <si>
    <t>【上海电气汽轮机】 主油泵\H156.70.01</t>
  </si>
  <si>
    <t>【上海电气汽轮机】 推力轴承\A156.08.03</t>
  </si>
  <si>
    <t>【上海电气汽轮机】 高中压前轴承\A156.08.71</t>
  </si>
  <si>
    <t>【上海电气汽轮机】 椭圆封头\F156.73.01.41</t>
  </si>
  <si>
    <t>【上海电气汽轮机】 推力轴承热电偶\156.08.33(1)</t>
  </si>
  <si>
    <t>【上海电气汽轮机】 磁翻柱式液位计 DN25,L=2700\K156.73.01(2)+145</t>
  </si>
  <si>
    <t>【上海电气汽轮机】 六角头螺栓\0.1030-90-M20X130</t>
  </si>
  <si>
    <t>【上海电气汽轮机】 六角头螺栓\0.1030-90-M22X85</t>
  </si>
  <si>
    <t>【上海电气汽轮机】 六角头螺栓\0.1030-90-M20X85</t>
  </si>
  <si>
    <t>【上海电气汽轮机】 套管\156.73.01.65(1)</t>
  </si>
  <si>
    <t>【上海电气汽轮机】 截止阀\K156.74.01(7)+52</t>
  </si>
  <si>
    <t>【上海电气汽轮机】 六角头螺栓\0.1030-90-M20X65</t>
  </si>
  <si>
    <t>【上海电气汽轮机】 油封环座\A902.08.20.12</t>
  </si>
  <si>
    <t>【上海电气汽轮机】 六角头螺栓\0.1030-90-M20X60</t>
  </si>
  <si>
    <t>【上海电气汽轮机】 隔块\A902.08.20.10</t>
  </si>
  <si>
    <t>【上海电气汽轮机】 六角头螺栓\0.1030-90-M16X70</t>
  </si>
  <si>
    <t>【上海电气汽轮机】 六角头螺栓\0.1030-90-M16X75</t>
  </si>
  <si>
    <t>【上海电气汽轮机】 闸阀\K156.74.01(7)+84</t>
  </si>
  <si>
    <t>【上海电气汽轮机】 滤网\F156.73.01.61</t>
  </si>
  <si>
    <t>【上海电气汽轮机】 调整块\A902.08.20.39</t>
  </si>
  <si>
    <t>【上海电气汽轮机】 调整块\A902.08.20.36</t>
  </si>
  <si>
    <t>【上海电气汽轮机】 六角头螺栓\0.1030-90-M16X45</t>
  </si>
  <si>
    <t>【上海电气汽轮机】 垫片\A902.08.20.10(1)</t>
  </si>
  <si>
    <t>【上海电气汽轮机】 垫片\A902.08.20.13(1)</t>
  </si>
  <si>
    <t>【上海电气汽轮机】 垫片\A902.08.20.16(1)</t>
  </si>
  <si>
    <t>【上海电气汽轮机】 垫块\B156.08.21.09</t>
  </si>
  <si>
    <t>【上海电气汽轮机】 法兰盖\0.2533-93-DN150</t>
  </si>
  <si>
    <t>【上海电气汽轮机】 垫块\A902.08.20.09(1)</t>
  </si>
  <si>
    <t>【上海电气汽轮机】 螺孔法兰\F156.73.01.53</t>
  </si>
  <si>
    <t>【上海电气汽轮机】 法兰\0.2507-93-DN150</t>
  </si>
  <si>
    <t>【上海电气汽轮机】 垫块\B156.08.21.03</t>
  </si>
  <si>
    <t>【上海电气汽轮机】 六角头螺栓\0.1030-90-M12X50</t>
  </si>
  <si>
    <t>【上海电气汽轮机】 溢流阀\156.73.01.201(1)</t>
  </si>
  <si>
    <t>【上海电气汽轮机】 90°弯头 D159,R=1.0DN,DN150,t=6\K156.73.01(2)+158</t>
  </si>
  <si>
    <t>【上海电气汽轮机】 90°弯头R=1.5DN,DN=100,D=108,t=4\K156.73.01(2)+30</t>
  </si>
  <si>
    <t>【上海电气汽轮机】 油位计座\156.73.01.172(1)</t>
  </si>
  <si>
    <t>【上海电气汽轮机】 垫圈\0.1300-90-22</t>
  </si>
  <si>
    <t>【上海电气汽轮机】 垫片\B156.08.21.05</t>
  </si>
  <si>
    <t>【上海电气汽轮机】 特殊垫片\B156.08.21.10</t>
  </si>
  <si>
    <t>【上海电气汽轮机】 垫片\A902.08.20.11(1)</t>
  </si>
  <si>
    <t>【上海电气汽轮机】 垫块\D156.08.21.02</t>
  </si>
  <si>
    <t>【上海电气汽轮机】 特殊垫片\D156.08.21.04</t>
  </si>
  <si>
    <t>【上海电气汽轮机】 隔块\A902.08.20.34</t>
  </si>
  <si>
    <t>【上海电气汽轮机】 轴瓦垫片\A902.08.20.37</t>
  </si>
  <si>
    <t>【上海电气汽轮机】 垫片\A902.08.20.17(1)</t>
  </si>
  <si>
    <t>【上海电气汽轮机】 隔块\A902.08.20.22</t>
  </si>
  <si>
    <t>【上海电气汽轮机】 垫片\B156.08.21.12</t>
  </si>
  <si>
    <t>【上海电气汽轮机】 隔块\A902.08.20.15</t>
  </si>
  <si>
    <t>【上海电气汽轮机】 垫片\B156.08.21.04</t>
  </si>
  <si>
    <t>【上海电气汽轮机】 六角头螺栓\0.1030-90-M48X3X160</t>
  </si>
  <si>
    <t>【上海电气汽轮机】 截止阀\K156.73.01(2)+37</t>
  </si>
  <si>
    <t>【上海电气汽轮机】 缩节φ168/φ114X6\K156.74.01(7)+17</t>
  </si>
  <si>
    <t>【上海电气汽轮机】 挡油板\A902.08.20.11</t>
  </si>
  <si>
    <t>【上海电气汽轮机】 管状电热元件\K156.73.01(2)+92</t>
  </si>
  <si>
    <t>【上海电气汽轮机】 电缆接头\A902.08.20.25</t>
  </si>
  <si>
    <t>【上海电气汽轮机】 对开盖板\F156.73.01.63</t>
  </si>
  <si>
    <t>【上海电气汽轮机】 垫圈φ35/φ28X1\K156.73.01(2)+169</t>
  </si>
  <si>
    <t>【上海电气汽轮机】 闷板\156.73.01.05(1)</t>
  </si>
  <si>
    <t>【上海电气汽轮机】 护环\A902.08.20.43</t>
  </si>
  <si>
    <t>【上海电气汽轮机】 螺塞\A902.08.20.08(1)</t>
  </si>
  <si>
    <t>【上海电气汽轮机】 90°螺旋弯头\W2252-0.25"NPT</t>
  </si>
  <si>
    <t>【上海电气汽轮机】 六角头螺栓\0.1030-90-M30X50</t>
  </si>
  <si>
    <t>【上海电气汽轮机】 法兰\156.73.01.154(1)</t>
  </si>
  <si>
    <t>【上海电气汽轮机】 垫片\D156.08.21.03</t>
  </si>
  <si>
    <t>【上海电气汽轮机】 压力表\K156.73.01(2)+49</t>
  </si>
  <si>
    <t>【上海电气汽轮机】 带螺纹销\B156.08.21.11</t>
  </si>
  <si>
    <t>【上海电气汽轮机】 特殊垫片\A902.08.20.17</t>
  </si>
  <si>
    <t>【上海电气汽轮机】 螺尾锥销\0.1513-90-25X220</t>
  </si>
  <si>
    <t>【上海电气汽轮机】 圆柱销\0.1501-90-10X24</t>
  </si>
  <si>
    <t>【上海电气汽轮机】 开槽沉头螺钉\0.1052-90-M3X8</t>
  </si>
  <si>
    <t>【上海电气汽轮机】 六角头螺栓\0.1030-90-M20X45</t>
  </si>
  <si>
    <t>【上海电气汽轮机】 内六角圆柱头螺钉\0.1050-90-M10X100</t>
  </si>
  <si>
    <t>【上海电气汽轮机】 内六角圆柱头螺钉\0.1050-90-M10X90</t>
  </si>
  <si>
    <t>【上海电气汽轮机】 外齿弹性垫圈\W1340-20</t>
  </si>
  <si>
    <t>【上海电气汽轮机】 外齿弹性垫圈\W1340-27</t>
  </si>
  <si>
    <t>【上海电气汽轮机】 圆柱销\W1500-25X50</t>
  </si>
  <si>
    <t>【上海电气汽轮机】 两端带螺纹管子\W2012-φ14X3X267</t>
  </si>
  <si>
    <t>【上海电气汽轮机】 管接头(细牙普通螺纹)\0.2208-90-DN10</t>
  </si>
  <si>
    <t>【上海电气汽轮机】 螺塞(管牙螺纹)\0.1055-90-G1"</t>
  </si>
  <si>
    <t>【上海电气汽轮机】 六角头螺栓\0.1030-90-M10X30</t>
  </si>
  <si>
    <t>【上海电气汽轮机】 罩螺母\W1209.2-0.25"NPT</t>
  </si>
  <si>
    <t>【上海电气汽轮机】 轴瓦垫片\A902.08.20.38</t>
  </si>
  <si>
    <t>【上海电气汽轮机】 内六角圆柱头螺钉\0.1050B-90-M12X25</t>
  </si>
  <si>
    <t>【上海电气汽轮机】 六角头螺栓\0.1030-90-M16X50</t>
  </si>
  <si>
    <t>【上海电气汽轮机】 罩螺母M22\F156.73.01.55</t>
  </si>
  <si>
    <t>【上海电气汽轮机】 管接头\156.73.01.204(1)</t>
  </si>
  <si>
    <t>【上海电气汽轮机】 管接头\156.73.01.203(1)</t>
  </si>
  <si>
    <t>【上海电气汽轮机】 六角头螺栓\0.1030-90-M20X120</t>
  </si>
  <si>
    <t>【上海电气汽轮机】 双头螺柱\0.1040-90-M8X30</t>
  </si>
  <si>
    <t>【上海电气汽轮机】 开口销\0.1538-90-4X50</t>
  </si>
  <si>
    <t>【上海电气汽轮机】 双头螺柱\0.1040-90-M16X60</t>
  </si>
  <si>
    <t>【上海电气汽轮机】 1型六角螺母\0.1200-90-M8</t>
  </si>
  <si>
    <t>【上海电气汽轮机】 管接头3/4"NPTX84\B156.74.01.174</t>
  </si>
  <si>
    <t>【上海电气汽轮机】 六角螺纹套管\W2321-19X12.7</t>
  </si>
  <si>
    <t>【上海电气汽轮机】 套焊式接头\W2239.1-0.75"</t>
  </si>
  <si>
    <t>【上海电气汽轮机】 压力表\K156.74.01(7)+66</t>
  </si>
  <si>
    <t>【上海电气汽轮机】 油过滤器\K156.74.01(7)+53</t>
  </si>
  <si>
    <t>【上海电气汽轮机】 套筒\A156.01.14.44</t>
  </si>
  <si>
    <t>【上海电气汽轮机】 弹性密封环\A156.01.14.46</t>
  </si>
  <si>
    <t>【上海电气汽轮机】 联轴器螺栓\A157.24.03.06</t>
  </si>
  <si>
    <t>【上海电气汽轮机】 联轴器螺栓\157.24.41.02</t>
  </si>
  <si>
    <t>【上海电气汽轮机】 电缆接头\A156.08.71.17</t>
  </si>
  <si>
    <t>【上海电气汽轮机】 套筒\A156.01.14.47</t>
  </si>
  <si>
    <t>【上海电气汽轮机】 定位圆柱销\W1514-20X102</t>
  </si>
  <si>
    <t>【上海电气汽轮机】 定位圆柱销\W1514-27X102</t>
  </si>
  <si>
    <t>【上海电气汽轮机】 平垫圈\W1300.3-14</t>
  </si>
  <si>
    <t>【上海电气汽轮机】 标准焊接螺栓\A156.01.14.28</t>
  </si>
  <si>
    <t>【上海电气汽轮机】 蜂窝汽封环\A157.02.46.10G01</t>
  </si>
  <si>
    <t>【上海电气汽轮机】 高压1#内汽封体(电)\157.06.01.07</t>
  </si>
  <si>
    <t>【上海电气汽轮机】 汽封环\157.06.01.14</t>
  </si>
  <si>
    <t>【上海电气汽轮机】 汽封环\157.06.01.15</t>
  </si>
  <si>
    <t>【上海电气汽轮机】 第八级隔板套汽封\A157.06.41.10</t>
  </si>
  <si>
    <t>【上海电气汽轮机】 第九级隔板套汽封\A157.06.41.12</t>
  </si>
  <si>
    <t>【上海电气汽轮机】 第七级隔板套汽封\A157.06.41.09</t>
  </si>
  <si>
    <t>【上海电气汽轮机】 第三级隔板套汽封\A157.06.41.04</t>
  </si>
  <si>
    <t>【上海电气汽轮机】 第十级隔板套汽封\A157.06.41.13</t>
  </si>
  <si>
    <t>【上海电气汽轮机】 第四级隔板套汽封\A157.06.41.05</t>
  </si>
  <si>
    <t>【上海电气汽轮机】 第五级隔板套汽封\A157.06.41.07</t>
  </si>
  <si>
    <t>【上海电气汽轮机】 汽封环\157.06.01.09</t>
  </si>
  <si>
    <t>【上海电气汽轮机】 第十一级隔板套汽封\A157.06.41.14</t>
  </si>
  <si>
    <t>【上海电气汽轮机】 第六级隔板套汽封\A157.06.41.08</t>
  </si>
  <si>
    <t>【上海电气汽轮机】 汽封圈\A157.06.61.02</t>
  </si>
  <si>
    <t>【上海电气汽轮机】 汽封环\157.06.01.11</t>
  </si>
  <si>
    <t>【上海电气汽轮机】 汽封环\157.06.01.04</t>
  </si>
  <si>
    <t>【上海电气汽轮机】 第二级隔板套汽封\A157.06.41.03</t>
  </si>
  <si>
    <t>【上海电气汽轮机】 第一级隔板套汽封\A157.06.41.01</t>
  </si>
  <si>
    <t>【上海电气汽轮机】 压力密封环\157.03.01.02</t>
  </si>
  <si>
    <t>【上海电气汽轮机】 压力密封环\157.01.71.43</t>
  </si>
  <si>
    <t>【上海电气汽轮机】 泄放阀\157.07.01.33</t>
  </si>
  <si>
    <t>【上海电气汽轮机】 定位双头螺柱\W1717.8-φ135X1150</t>
  </si>
  <si>
    <t>【上海电气汽轮机】 双头螺柱\W1713.8-M130X4X1073</t>
  </si>
  <si>
    <t>【上海电气汽轮机】 双头螺柱\W1713.8-M130X4X1080</t>
  </si>
  <si>
    <t>【上海电气汽轮机】 双头螺柱\W1713.8-M130X4X838</t>
  </si>
  <si>
    <t>【上海电气汽轮机】 双头螺柱\W1713.8-M95X3X483</t>
  </si>
  <si>
    <t>【上海电气汽轮机】 内缸疏水管\157.01.81.20</t>
  </si>
  <si>
    <t>【上海电气汽轮机】 蒸汽室垫片\157.01.81.10</t>
  </si>
  <si>
    <t>【上海电气汽轮机】 内缸疏水管\157.01.81.12</t>
  </si>
  <si>
    <t>【上海电气汽轮机】 热电偶保护套管（第一级金属温度）\157.01.71.04</t>
  </si>
  <si>
    <t>【上海电气汽轮机】 热电偶套管（第1级蒸汽温度测点）\157.01.71.14</t>
  </si>
  <si>
    <t>【上海电气汽轮机】 热电偶套管（平衡活塞金属温度测点）\157.01.71.01</t>
  </si>
  <si>
    <t>【上海电气汽轮机】 热电偶套管（第一级金属温度）\157.01.71.27</t>
  </si>
  <si>
    <t>【上海电气汽轮机】 定位双头螺柱\W1707.8-φ58X394</t>
  </si>
  <si>
    <t>【上海电气汽轮机】 双头螺柱\W1703.8-M52X3X527</t>
  </si>
  <si>
    <t>【上海电气汽轮机】 热电偶套管\W2312.1/1-0.5"NPTX406</t>
  </si>
  <si>
    <t>【上海电气汽轮机】 锥螺纹内六角螺钉\W1151.1-M52X3X170</t>
  </si>
  <si>
    <t>【上海电气汽轮机】 定位双头螺柱\W1715.1-φ38X235</t>
  </si>
  <si>
    <t>【上海电气汽轮机】 支承键\157.06.01.16</t>
  </si>
  <si>
    <t>【上海电气汽轮机】 支承键\157.06.01.18</t>
  </si>
  <si>
    <t>【上海电气汽轮机】 热电偶保护套管（第1级蒸汽温度测点）\157.01.71.17</t>
  </si>
  <si>
    <t>【上海电气汽轮机】 销\A157.01.81.05</t>
  </si>
  <si>
    <t>【上海电气汽轮机】 垫片\A157.01.09.04</t>
  </si>
  <si>
    <t>【上海电气汽轮机】 垫片\A157.01.09.05</t>
  </si>
  <si>
    <t>【上海电气汽轮机】 热电偶保护套管（隔板套金属积水检测）\157.01.71.24</t>
  </si>
  <si>
    <t>【上海电气汽轮机】 汽封弹簧片\A157.06.61.03</t>
  </si>
  <si>
    <t>【上海电气汽轮机】 双头螺柱\W1713.1-M27X165</t>
  </si>
  <si>
    <t>【上海电气汽轮机】 定位双头螺柱\W1715.1-φ23X203</t>
  </si>
  <si>
    <t>【上海电气汽轮机】 锥螺纹内六角螺钉\W1151.1-M27X70</t>
  </si>
  <si>
    <t>【上海电气汽轮机】 弹簧285.34X12.7X3.35\A157.06.41.11</t>
  </si>
  <si>
    <t>【上海电气汽轮机】 汽封弹簧片\157.06.01.06</t>
  </si>
  <si>
    <t>【上海电气汽轮机】 埋头锥螺纹管塞\W1057.2-2.5"NPT</t>
  </si>
  <si>
    <t>【上海电气汽轮机】 定位双头螺柱\W1715.1-φ23X184</t>
  </si>
  <si>
    <t>【上海电气汽轮机】 内缸压力管\157.01.81.11</t>
  </si>
  <si>
    <t>【上海电气汽轮机】 弹簧286.21X12.7X3.35\A157.06.41.06</t>
  </si>
  <si>
    <t>【上海电气汽轮机】 弹簧287.09X12.7X3.35\A157.06.41.02</t>
  </si>
  <si>
    <t>【上海电气汽轮机】 锥螺纹内六角螺钉\W1151.1-M20X40</t>
  </si>
  <si>
    <t>【上海电气汽轮机】 汽封弹簧片\157.06.01.10</t>
  </si>
  <si>
    <t>【上海电气汽轮机】 内六角螺钉\157.06.01.17</t>
  </si>
  <si>
    <t>【上海电气汽轮机】 六角头螺栓\W1130.2-M39X3X140</t>
  </si>
  <si>
    <t>【上海电气汽轮机】 六角头螺栓\W1130.2-M39X3X115</t>
  </si>
  <si>
    <t>【上海电气汽轮机】 六角头起重螺钉\W1060-M27X255</t>
  </si>
  <si>
    <t>【上海电气汽轮机】 专用销\W1504.1-8.74X270</t>
  </si>
  <si>
    <t>【上海电气汽轮机】 螺钉\157.06.01.05</t>
  </si>
  <si>
    <t>【上海电气汽轮机】 六角螺母(精制)\0.1200C-M27</t>
  </si>
  <si>
    <t>【上海电气汽轮机】 两端带螺纹管子\W2012-φ28X4X229</t>
  </si>
  <si>
    <t>【上海电气汽轮机】 专用销\W1504.1-8.74X145</t>
  </si>
  <si>
    <t>【上海电气汽轮机】 专用销\W1504.1-8.74X160</t>
  </si>
  <si>
    <t>【上海电气汽轮机】 内六角螺钉\W1050.1-M20X35</t>
  </si>
  <si>
    <t>【上海电气汽轮机】 双头螺栓\0.1040C-M27X80</t>
  </si>
  <si>
    <t>【上海电气汽轮机】 两端带螺纹管子\W2012-φ28X4X178</t>
  </si>
  <si>
    <t>【上海电气汽轮机】 两端带螺纹管子\W2012-φ22X3.5X128</t>
  </si>
  <si>
    <t>【上海电气汽轮机】 开槽沉头螺钉\0.1052C-90-M8X20</t>
  </si>
  <si>
    <t>【上海电气汽轮机】 专用螺钉\W1079-M10</t>
  </si>
  <si>
    <t>【上海电气汽轮机】 两端平口管\W2010.1-φ22X3.5X230</t>
  </si>
  <si>
    <t>【上海电气汽轮机】 两端平口管\W2010.1-φ22X3.5X128</t>
  </si>
  <si>
    <t>【上海电气汽轮机】 1型六角螺母\0.1200-90-M42X3</t>
  </si>
  <si>
    <t>【上海电气汽轮机】 垫圈\0.1300-90-42</t>
  </si>
  <si>
    <t>【上海电气汽轮机】 定位双头螺柱\W1715.8-φ65X406</t>
  </si>
  <si>
    <t>【上海电气汽轮机】 定位双头螺柱\W1715.8-φ65X502</t>
  </si>
  <si>
    <t>【上海电气汽轮机】 定位双头螺柱\W1715.8-φ65X680</t>
  </si>
  <si>
    <t>【上海电气汽轮机】 双头螺栓\W1713.8-M60X3X590</t>
  </si>
  <si>
    <t>【上海电气汽轮机】 双头螺栓\W1713.8-M72X3X356</t>
  </si>
  <si>
    <t>【上海电气汽轮机】 双头螺柱\W1713.8-M140X4X838</t>
  </si>
  <si>
    <t>【上海电气汽轮机】 双头螺柱\W1713.8-M64X3X527</t>
  </si>
  <si>
    <t>【上海电气汽轮机】 双头螺柱\W1713.8-M85X3X673</t>
  </si>
  <si>
    <t>【上海电气汽轮机】 双头螺柱\W1713.8-M90X3X490</t>
  </si>
  <si>
    <t>【上海电气汽轮机】 双头螺柱\W1713.8-M90X3X692</t>
  </si>
  <si>
    <t>【上海电气汽轮机】 双头螺柱\W1713.8-M95X3X533</t>
  </si>
  <si>
    <t>【上海电气汽轮机】 锥螺纹内六角螺钉\W1151.8-M33X3X70</t>
  </si>
  <si>
    <t>【上海电气汽轮机】 杆端关节轴承\157.10.40+8</t>
  </si>
  <si>
    <t>【上海电气汽轮机】 杆端关节轴承(左旋)\157.10.40+4</t>
  </si>
  <si>
    <t>【上海电气汽轮机】 杆端关节轴承\157.10.37+5</t>
  </si>
  <si>
    <t>【上海电气汽轮机】 杆端关节轴承\A156.10.42+12</t>
  </si>
  <si>
    <t>【上海电气汽轮机】 杆端关节轴承(左旋)\157.10.37+18</t>
  </si>
  <si>
    <t>【上海电气汽轮机】 轴承油泵备用油泵试验装置\A156.31.20.38</t>
  </si>
  <si>
    <t>【上海电气汽轮机】 轴承油试验装置\A156.31.20.25</t>
  </si>
  <si>
    <t>【上海电气汽轮机】 阀杆\157.34.20.09</t>
  </si>
  <si>
    <t>【上海电气汽轮机】 阀杆\157.30.41.20</t>
  </si>
  <si>
    <t>【上海电气汽轮机】 衬套\A157.30.41.08</t>
  </si>
  <si>
    <t>【上海电气汽轮机】 预启阀\157.30.41.08</t>
  </si>
  <si>
    <t>【上海电气汽轮机】 双头螺柱\W1713.4-M72X3X476</t>
  </si>
  <si>
    <t>【上海电气汽轮机】 导块\157.30.41.40</t>
  </si>
  <si>
    <t>【上海电气汽轮机】 弹簧\A157.30.41.11</t>
  </si>
  <si>
    <t>【上海电气汽轮机】 衬套\157.34.20.10</t>
  </si>
  <si>
    <t>【上海电气汽轮机】 阀碟\157.34.20.16</t>
  </si>
  <si>
    <t>【上海电气汽轮机】 导块粗加工圈\157.30.41.41</t>
  </si>
  <si>
    <t>【上海电气汽轮机】 支撑块\157.34.20.27</t>
  </si>
  <si>
    <t>【上海电气汽轮机】 螺栓电加热器\A157.91.51+2</t>
  </si>
  <si>
    <t>【上海电气汽轮机】 1#,2#,3#轴承热电偶A=25.5,B=4570\157.91.10.01+1</t>
  </si>
  <si>
    <t>【上海电气汽轮机】 1#,2#低压缸排汽热电偶L=215.5\157.91.10.02+3</t>
  </si>
  <si>
    <t>【上海电气汽轮机】 1#~8#及推力轴承回油热电偶L=88.5\157.91.10.02+1</t>
  </si>
  <si>
    <t>【上海电气汽轮机】 2#,3#轴承热电偶A=25.5,B=7620\157.91.10.01+4</t>
  </si>
  <si>
    <t>【上海电气汽轮机】 5#,6#,7#,8#轴承热电偶A=86,B=7620\157.91.10.01+3</t>
  </si>
  <si>
    <t>【上海电气汽轮机】 EH油箱热电偶L=157\157.91.10.05+1</t>
  </si>
  <si>
    <t>【上海电气汽轮机】 低压汽封蒸汽热电偶(E型，双支，不接地)\A156.91.10.03</t>
  </si>
  <si>
    <t>【上海电气汽轮机】 第一级金属电热偶(调节级)L=1258\157.91.10.03+3</t>
  </si>
  <si>
    <t>【上海电气汽轮机】 第一级蒸汽电热偶L=1296\157.91.10.03+4</t>
  </si>
  <si>
    <t>【上海电气汽轮机】 高压排汽热电偶L=507\157.91.10.06+1</t>
  </si>
  <si>
    <t>【上海电气汽轮机】 高压平衡活塞漏汽热电偶L=558\157.91.10.04+1</t>
  </si>
  <si>
    <t>【上海电气汽轮机】 高压汽封蒸汽热电偶L=224\157.91.10.05+2</t>
  </si>
  <si>
    <t>【上海电气汽轮机】 高压外缸端壁电热偶(电机端)L=549\157.91.10.03+7</t>
  </si>
  <si>
    <t>【上海电气汽轮机】 高压外缸端壁电热偶(调阀端)L=495\157.91.10.03+6</t>
  </si>
  <si>
    <t>【上海电气汽轮机】 高压外缸积水上,下半(调)及(中部)L=323\157.91.10.03+8</t>
  </si>
  <si>
    <t>【上海电气汽轮机】 调阀室壳体内壁电热偶L=322\157.91.10.03+1</t>
  </si>
  <si>
    <t>【上海电气汽轮机】 调阀室壳体外壁电热偶L=203\157.91.10.03+2</t>
  </si>
  <si>
    <t>【上海电气汽轮机】 再热主汽门进口热电偶L=354.4\157.91.10.05+5</t>
  </si>
  <si>
    <t>【上海电气汽轮机】 中压缸端壁(调阀端)L=405.7\157.91.10.03+11</t>
  </si>
  <si>
    <t>【上海电气汽轮机】 中压隔板套电热偶L=899.7\157.91.10.03+5</t>
  </si>
  <si>
    <t>【上海电气汽轮机】 中压冷却蒸汽热电偶L=213\157.91.10.05+4</t>
  </si>
  <si>
    <t>【上海电气汽轮机】 中压排汽热电偶L=355\157.91.10.04+2</t>
  </si>
  <si>
    <t>【上海电气汽轮机】 主汽门进口温度热电偶L=465\157.91.10.05+3</t>
  </si>
  <si>
    <t>【上海电气汽轮机】 弹簧\A157.30.41.10</t>
  </si>
  <si>
    <t>【上海电气汽轮机】 衬套\157.30.41.24</t>
  </si>
  <si>
    <t>【上海电气汽轮机】 双头螺柱\W1713.3-M45X3X337</t>
  </si>
  <si>
    <t>【上海电气汽轮机】 弹簧\157.34.20.20</t>
  </si>
  <si>
    <t>【上海电气汽轮机】 衬套\157.34.20.14</t>
  </si>
  <si>
    <t>【上海电气汽轮机】 连接杆\157.34.20.30</t>
  </si>
  <si>
    <t>【上海电气汽轮机】 衬套\157.34.20.12</t>
  </si>
  <si>
    <t>【上海电气汽轮机】 双头螺柱\W1711.8-M90X3X724</t>
  </si>
  <si>
    <t>【上海电气汽轮机】 弹簧架座\157.30.41.39</t>
  </si>
  <si>
    <t>【上海电气汽轮机】 环\157.30.41.15</t>
  </si>
  <si>
    <t>【上海电气汽轮机】 弹簧\A157.30.41.09</t>
  </si>
  <si>
    <t>【上海电气汽轮机】 双头螺柱\W1711.8-M52X3X375</t>
  </si>
  <si>
    <t>【上海电气汽轮机】 衬套\157.30.41.21</t>
  </si>
  <si>
    <t>【上海电气汽轮机】 垫片\157.30.60.21</t>
  </si>
  <si>
    <t>【上海电气汽轮机】 弹簧\157.34.20.21</t>
  </si>
  <si>
    <t>【上海电气汽轮机】 螺栓电加热器\1.2311(4)-φ15X1000</t>
  </si>
  <si>
    <t>【上海电气汽轮机】 螺栓电加热器\1.2311(4)-φ15X500(半软)</t>
  </si>
  <si>
    <t>【上海电气汽轮机】 螺栓电加热器\1.2311(4)-φ15X600(半软)</t>
  </si>
  <si>
    <t>【上海电气汽轮机】 螺栓电加热器\1.2311(4)-φ24.5X500</t>
  </si>
  <si>
    <t>【上海电气汽轮机】 螺栓电加热器\1.2311(4)-φ27.5X1500</t>
  </si>
  <si>
    <t>【上海电气汽轮机】 螺栓电加热器\1.2311(4)-φ27.5X800</t>
  </si>
  <si>
    <t>【上海电气汽轮机】 螺栓电加热器\1.2311(4)-φ36X1300</t>
  </si>
  <si>
    <t>【上海电气汽轮机】 螺栓电加热器\1.2311(4)-φ36X1600</t>
  </si>
  <si>
    <t>【上海电气汽轮机】 螺栓电加热器\1.2311(4)-φ36X1700</t>
  </si>
  <si>
    <t>【上海电气汽轮机】 螺栓电加热器\1.2311(4)-φ36X750</t>
  </si>
  <si>
    <t>【上海电气汽轮机】 双头螺柱\W1713.3-M33X3X311</t>
  </si>
  <si>
    <t>【上海电气汽轮机】 双头螺柱\W1703.4-M33X3X270</t>
  </si>
  <si>
    <t>【上海电气汽轮机】 衬套\157.30.60.22</t>
  </si>
  <si>
    <t>【上海电气汽轮机】 中压调节汽阀开关匣支架连杆\A156.10.42-1</t>
  </si>
  <si>
    <t>【上海电气汽轮机】 调节汽阀开关盒支架及连杆\157.10.40-1</t>
  </si>
  <si>
    <t>【上海电气汽轮机】 再热主汽门开关盒支架及连杆\157.10.37-1</t>
  </si>
  <si>
    <t>【上海电气汽轮机】 杆\A156.10.42.03</t>
  </si>
  <si>
    <t>【上海电气汽轮机】 螺杆\A156.10.42.02</t>
  </si>
  <si>
    <t>【上海电气汽轮机】 螺杆M12(左旋)\A156.10.40.02</t>
  </si>
  <si>
    <t>【上海电气汽轮机】 主汽门开关盒支架及连杆(左)\157.10.41-1/1</t>
  </si>
  <si>
    <t>【上海电气汽轮机】 凸形球面垫片\157.34.20.28</t>
  </si>
  <si>
    <t>【上海电气汽轮机】 凹形球面垫片\157.34.20.29</t>
  </si>
  <si>
    <t>【上海电气汽轮机】 挡板\157.30.41.38</t>
  </si>
  <si>
    <t>【上海电气汽轮机】 连接销\157.30.41.63</t>
  </si>
  <si>
    <t>【上海电气汽轮机】 特殊螺栓\157.30.41.54</t>
  </si>
  <si>
    <t>【上海电气汽轮机】 连接销\157.30.41.42</t>
  </si>
  <si>
    <t>【上海电气汽轮机】 密封压圈\157.30.41.37</t>
  </si>
  <si>
    <t>【上海电气汽轮机】 双头螺柱\W1713.1-M33X3X171</t>
  </si>
  <si>
    <t>【上海电气汽轮机】 连接销\157.30.41.71</t>
  </si>
  <si>
    <t>【上海电气汽轮机】 衬套\157.30.41.65</t>
  </si>
  <si>
    <t>【上海电气汽轮机】 六角头螺栓\0.1030B-90-M30X210</t>
  </si>
  <si>
    <t>【上海电气汽轮机】 衬套\157.30.41.64</t>
  </si>
  <si>
    <t>【上海电气汽轮机】 锥螺纹内六角螺钉\W1151.1-M22X75</t>
  </si>
  <si>
    <t>【上海电气汽轮机】 垫片\157.30.41.25</t>
  </si>
  <si>
    <t>【上海电气汽轮机】 支撑杆\157.30.41.67</t>
  </si>
  <si>
    <t>【上海电气汽轮机】 1型六角螺母\0.1200-90-M76X4</t>
  </si>
  <si>
    <t>【上海电气汽轮机】 衬套\157.30.41.44</t>
  </si>
  <si>
    <t>【上海电气汽轮机】 衬套\157.30.41.43</t>
  </si>
  <si>
    <t>【上海电气汽轮机】 开口销\W1538.2-10X90</t>
  </si>
  <si>
    <t>【上海电气汽轮机】 双头螺柱\W1713.8-M33X3X184</t>
  </si>
  <si>
    <t>【上海电气汽轮机】 定位螺柱\157.30.41.72</t>
  </si>
  <si>
    <t>【上海电气汽轮机】 六角头螺栓\0.1030B-90-M33X2X280</t>
  </si>
  <si>
    <t>【上海电气汽轮机】 垫片φ393Xφ267X1\157.60.01+3</t>
  </si>
  <si>
    <t>【上海电气汽轮机】 特制垫圈\157.34.20.17</t>
  </si>
  <si>
    <t>【上海电气汽轮机】 双头螺栓\W1044.2-M33X3X300</t>
  </si>
  <si>
    <t>【上海电气汽轮机】 六角头螺栓\W1130.1-M33X3X127</t>
  </si>
  <si>
    <t>【上海电气汽轮机】 压板\157.34.20.11</t>
  </si>
  <si>
    <t>【上海电气汽轮机】 止动螺钉\157.30.41.16</t>
  </si>
  <si>
    <t>【上海电气汽轮机】 六角螺母\W1201-M27</t>
  </si>
  <si>
    <t>【上海电气汽轮机】 内六角螺钉\157.34.20.32</t>
  </si>
  <si>
    <t>【上海电气汽轮机】 圆柱销\W1501.2-12X130</t>
  </si>
  <si>
    <t>【上海电气汽轮机】 1型六角螺母\0.1200B-90-M33X2</t>
  </si>
  <si>
    <t>【上海电气汽轮机】 圆柱销\W1501.2-12X120</t>
  </si>
  <si>
    <t>【上海电气汽轮机】 双头螺栓\W1044.2-M27X190</t>
  </si>
  <si>
    <t>【上海电气汽轮机】 球面垫圈\0.1314-90-76</t>
  </si>
  <si>
    <t>【上海电气汽轮机】 锥面垫圈\0.1315-90-76</t>
  </si>
  <si>
    <t>【上海电气汽轮机】 专用螺钉\W1073.1-M33</t>
  </si>
  <si>
    <t>【上海电气汽轮机】 垫块\157.34.20.31</t>
  </si>
  <si>
    <t>【上海电气汽轮机】 圆柱销\W1501.2-12X70</t>
  </si>
  <si>
    <t>【上海电气汽轮机】 内六角螺钉\W1050.2-M14X100</t>
  </si>
  <si>
    <t>【上海电气汽轮机】 圆柱销\W1501.2-16X28</t>
  </si>
  <si>
    <t>【上海电气汽轮机】 弹簧垫圈\0.1331-10</t>
  </si>
  <si>
    <t>【上海电气汽轮机】 特制垫圈\157.30.41.55</t>
  </si>
  <si>
    <t>【上海电气汽轮机】 沉头螺钉\157.30.41.14</t>
  </si>
  <si>
    <t>【上海电气汽轮机】 圆柱销\W1501.2-12X48</t>
  </si>
  <si>
    <t>【上海电气汽轮机】 圆柱销\W1501.2-6X120</t>
  </si>
  <si>
    <t>【上海电气汽轮机】 垫圈\0.1300G-90-30</t>
  </si>
  <si>
    <t>【上海电气汽轮机】 垫片φ305Xφ280X1\157.34.20+42</t>
  </si>
  <si>
    <t>【上海电气汽轮机】 圆柱销\W1501.2-10X25</t>
  </si>
  <si>
    <t>【上海电气汽轮机】 六角头螺栓\W1036-M10X22</t>
  </si>
  <si>
    <t>【上海电气汽轮机】 圆柱销\W1501.2-6X25</t>
  </si>
  <si>
    <t>【上海电气汽轮机】 垫圈\0.1300G-90-33</t>
  </si>
  <si>
    <t>【上海电气汽轮机】 专用螺钉\W1073.1-M12X10</t>
  </si>
  <si>
    <t>【上海电气汽轮机】 六角头螺栓\W1030.1-M6X95</t>
  </si>
  <si>
    <t>【上海电气汽轮机】 六角头螺栓\W1030.1-M6X45</t>
  </si>
  <si>
    <t>【上海电气汽轮机】 弹簧垫圈\0.1331-6</t>
  </si>
  <si>
    <t>【上海电气汽轮机】 开口销\W1538.1-10X100</t>
  </si>
  <si>
    <t>【上海电气汽轮机】 开口销\W1538.1-10X80</t>
  </si>
  <si>
    <t>【上海电气汽轮机】 圆柱销\W1500-6X95</t>
  </si>
  <si>
    <t>【上海电气汽轮机】 开口销\W1538.1-10X70</t>
  </si>
  <si>
    <t>【上海电气汽轮机】 圆柱销\W1500-6X100</t>
  </si>
  <si>
    <t>【上海电气汽轮机】 圆柱销\W1500-6X75</t>
  </si>
  <si>
    <t>【上海电气汽轮机】 弹簧垫圈\0.1331-27</t>
  </si>
  <si>
    <t>【上海电气汽轮机】 圆柱销\W1500-6X35</t>
  </si>
  <si>
    <t>【上海电气汽轮机】 球面圆柱头螺钉\0.1051-M10X25</t>
  </si>
  <si>
    <t>【上海电气汽轮机】 螺栓电加热器\1.2311(4)-φ15X1100</t>
  </si>
  <si>
    <t>【上海电气汽轮机】 螺栓电加热器\1.2311(4)-φ15X1200</t>
  </si>
  <si>
    <t>【上海电气汽轮机】 螺栓电加热器\1.2311(4)-φ15X400</t>
  </si>
  <si>
    <t>【上海电气汽轮机】 螺栓电加热器\1.2311(4)-φ15X500</t>
  </si>
  <si>
    <t>【上海电气汽轮机】 螺栓电加热器\1.2311(4)-φ15X600</t>
  </si>
  <si>
    <t>【上海电气汽轮机】 螺栓电加热器\1.2311(4)-φ15X700</t>
  </si>
  <si>
    <t>【上海电气汽轮机】 螺栓电加热器\1.2311(4)-φ15X800</t>
  </si>
  <si>
    <t>【上海电气汽轮机】 螺栓电加热器\1.2311(4)-φ18X400</t>
  </si>
  <si>
    <t>【上海电气汽轮机】 螺栓电加热器\1.2311(4)-φ18X500</t>
  </si>
  <si>
    <t>【上海电气汽轮机】 螺栓电加热器\1.2311(4)-φ18X700</t>
  </si>
  <si>
    <t>【上海电气汽轮机】 螺栓电加热器\1.2311(4)-φ21X500</t>
  </si>
  <si>
    <t>【上海电气汽轮机】 螺栓电加热器\1.2311(4)-φ21X700</t>
  </si>
  <si>
    <t>【上海电气汽轮机】 螺栓电加热器\1.2311(4)-φ27.5X1000</t>
  </si>
  <si>
    <t>【上海电气汽轮机】 螺栓电加热器\1.2311(4)-φ36X1500</t>
  </si>
  <si>
    <t>【上海电气汽轮机】 中压第八级隔板套板套汽封环\A157.06.43.02</t>
  </si>
  <si>
    <t>【上海电气汽轮机】 中压第六级隔板套板套汽封环\A157.06.43.04</t>
  </si>
  <si>
    <t>【上海电气汽轮机】 中压第五级隔板套汽封环\A157.06.42.05</t>
  </si>
  <si>
    <t>【上海电气汽轮机】 中压第四级隔板套汽封环\A157.06.42.04</t>
  </si>
  <si>
    <t>【上海电气汽轮机】 中压第九级隔板套板套汽封环\A157.06.43.01</t>
  </si>
  <si>
    <t>【上海电气汽轮机】 中压第七级隔板套板套汽封环\A157.06.43.03</t>
  </si>
  <si>
    <t>【上海电气汽轮机】 中压第三级隔板套汽封环\A157.06.42.03</t>
  </si>
  <si>
    <t>【上海电气汽轮机】 中压第七级隔板汽封环\A157.06.43.06</t>
  </si>
  <si>
    <t>【上海电气汽轮机】 中压第二级隔板套汽封环\A157.06.42.02</t>
  </si>
  <si>
    <t>【上海电气汽轮机】 中压第一级隔板套汽封环\A157.06.42.01</t>
  </si>
  <si>
    <t>【上海电气汽轮机】 中压第六级隔板汽封环\A157.06.43.05</t>
  </si>
  <si>
    <t>【上海电气汽轮机】 联轴器垫片\A157.24.02.04</t>
  </si>
  <si>
    <t>【上海电气汽轮机】 中压第九级隔板汽封环\A157.06.43.08</t>
  </si>
  <si>
    <t>【上海电气汽轮机】 中压第八级隔板汽封环\A157.06.43.07</t>
  </si>
  <si>
    <t>【上海电气汽轮机】 中压第五级隔板汽封环\A157.06.42.09</t>
  </si>
  <si>
    <t>【上海电气汽轮机】 中压第四级隔板汽封环\A157.06.42.08</t>
  </si>
  <si>
    <t>【上海电气汽轮机】 中压第二级隔板汽封环\A157.06.42.06</t>
  </si>
  <si>
    <t>【上海电气汽轮机】 中压第三级隔板汽封环\A157.06.42.07</t>
  </si>
  <si>
    <t>【上海电气汽轮机】 汽封环\157.06.21.13</t>
  </si>
  <si>
    <t>【上海电气汽轮机】 汽封环\157.06.21.11</t>
  </si>
  <si>
    <t>【上海电气汽轮机】 双头螺柱\W1711.8-M64X3X1175</t>
  </si>
  <si>
    <t>【上海电气汽轮机】 双头螺柱\W1711.8-M64X3X1054</t>
  </si>
  <si>
    <t>【上海电气汽轮机】 双头螺柱\W1711.8-M64X3X953</t>
  </si>
  <si>
    <t>【上海电气汽轮机】 支承键\157.01.43.03</t>
  </si>
  <si>
    <t>【上海电气汽轮机】 定位双头螺柱\W1717.8-φ65X705</t>
  </si>
  <si>
    <t>【上海电气汽轮机】 双头螺柱\W1713.8-M72X3X724</t>
  </si>
  <si>
    <t>【上海电气汽轮机】 双头螺柱\W1711.8-M64X3X800</t>
  </si>
  <si>
    <t>【上海电气汽轮机】 双头螺柱\W1711.8-M64X3X699</t>
  </si>
  <si>
    <t>【上海电气汽轮机】 双头螺柱\W1713.8-M76X3X546</t>
  </si>
  <si>
    <t>【上海电气汽轮机】 双头螺柱\W1713.8-M64X3X540</t>
  </si>
  <si>
    <t>【上海电气汽轮机】 联轴器螺栓\157.24.02.02</t>
  </si>
  <si>
    <t>【上海电气汽轮机】 双头螺柱\W1713.8-M64X3X400</t>
  </si>
  <si>
    <t>【上海电气汽轮机】 垫片\157.06.21.14</t>
  </si>
  <si>
    <t>【上海电气汽轮机】 弹簧片\H156.06.43.09</t>
  </si>
  <si>
    <t>【上海电气汽轮机】 双头螺柱\W1712.2-M39X3X718</t>
  </si>
  <si>
    <t>【上海电气汽轮机】 双头螺柱\W1713.8-M45X3X292</t>
  </si>
  <si>
    <t>【上海电气汽轮机】 下垫片(右)\157.01.43.05</t>
  </si>
  <si>
    <t>【上海电气汽轮机】 下垫片(左)\157.01.43.06</t>
  </si>
  <si>
    <t>【上海电气汽轮机】 支承块\157.06.21.09</t>
  </si>
  <si>
    <t>【上海电气汽轮机】 直销\157.06.21.07</t>
  </si>
  <si>
    <t>【上海电气汽轮机】 上垫片\157.01.43.04</t>
  </si>
  <si>
    <t>【上海电气汽轮机】 双头螺柱\W1713.8-M39X3X267</t>
  </si>
  <si>
    <t>【上海电气汽轮机】 球面垫圈45\0.1314V-90</t>
  </si>
  <si>
    <t>【上海电气汽轮机】 锥面垫圈45\0.1315V-90</t>
  </si>
  <si>
    <t>【上海电气汽轮机】 双头螺柱\W1713.8-M33X3X260</t>
  </si>
  <si>
    <t>【上海电气汽轮机】 双头螺柱\W1713.8-M33X3X247</t>
  </si>
  <si>
    <t>【上海电气汽轮机】 定位双头螺柱\W1715.8-φ45X311</t>
  </si>
  <si>
    <t>【上海电气汽轮机】 定位双头螺栓\W1715.8-φ45X298</t>
  </si>
  <si>
    <t>【上海电气汽轮机】 双头螺柱\W1712.2-M45X3X298</t>
  </si>
  <si>
    <t>【上海电气汽轮机】 螺母M20\157.06.21.16</t>
  </si>
  <si>
    <t>【上海电气汽轮机】 汽封弹簧片\157.06.21.15</t>
  </si>
  <si>
    <t>【上海电气汽轮机】 汽封弹簧片\157.06.21.12</t>
  </si>
  <si>
    <t>【上海电气汽轮机】 双头螺柱\W1712.2-M39X3X229</t>
  </si>
  <si>
    <t>【上海电气汽轮机】 内六角螺母\W1228.6-M45X3X89</t>
  </si>
  <si>
    <t>【上海电气汽轮机】 专用销\W1504.1-8.74X265</t>
  </si>
  <si>
    <t>【上海电气汽轮机】 内六角头螺钉M14\157.06.21.10</t>
  </si>
  <si>
    <t>【上海电气汽轮机】 内六角螺母\W1228.6-M33X3X67</t>
  </si>
  <si>
    <t>【上海电气汽轮机】 90°螺旋弯头\W2251-0.5"NPT</t>
  </si>
  <si>
    <t>【上海电气汽轮机】 螺旋接头\W2221-2"NPT</t>
  </si>
  <si>
    <t>【上海电气汽轮机】 圆柱头内六角螺钉\157.01.43.07</t>
  </si>
  <si>
    <t>【上海电气汽轮机】 内六角螺钉\W1050.1-M27X75</t>
  </si>
  <si>
    <t>【上海电气汽轮机】 双头螺栓\W1041.2-M20X85</t>
  </si>
  <si>
    <t>【上海电气汽轮机】 内六角螺钉\W1050.2-M10X50</t>
  </si>
  <si>
    <t>【上海电气汽轮机】 两端带螺纹管子\W2012-φ22X2.8X105</t>
  </si>
  <si>
    <t>【上海电气汽轮机】 内六角螺钉\W1050.2-M10X25</t>
  </si>
  <si>
    <t>【上海电气汽轮机】 压力密封环\157.03.12.04</t>
  </si>
  <si>
    <t>【上海电气汽轮机】 安全阀\157.60.04(1)+105</t>
  </si>
  <si>
    <t>【上海电气汽轮机】 对焊钢法兰\0.2130(凹)-DN65</t>
  </si>
  <si>
    <t>【上海电气汽轮机】 对焊钢法兰\0.2130(凸)-DN65</t>
  </si>
  <si>
    <t>【上海电气汽轮机】 爆破片\157.60.04(1)+110</t>
  </si>
  <si>
    <t>【上海电气汽轮机】 节流阀\157.60.55(1)+10</t>
  </si>
  <si>
    <t>【上海电气汽轮机】 截止阀\157.60.55(1)+9</t>
  </si>
  <si>
    <t>【上海电气汽轮机】 缠绕垫片φ258/Xφ226X3\157.60.04(1)+150</t>
  </si>
  <si>
    <t>【上海电气汽轮机】 缠绕垫片\157.60.04(1)+50</t>
  </si>
  <si>
    <t>【上海电气汽轮机】 缠绕垫片\157.60.04(1)+70</t>
  </si>
  <si>
    <t>【上海电气汽轮机】 喷头\157.60.55.07</t>
  </si>
  <si>
    <t>【上海电气汽轮机】 法兰螺柱\0.1045C-90-M27X140</t>
  </si>
  <si>
    <t>【上海电气汽轮机】 法兰螺栓\0.1045C-M22X110</t>
  </si>
  <si>
    <t>【上海电气汽轮机】 六角头螺栓\0.1030B-90-M24X90</t>
  </si>
  <si>
    <t>【上海电气汽轮机】 垫片φ583Xφ458X1\157.60.41+17</t>
  </si>
  <si>
    <t>【上海电气汽轮机】 法兰螺柱\0.1045C-90-M18X85</t>
  </si>
  <si>
    <t>【上海电气汽轮机】 六角螺母(精制)\0.1200B-M22</t>
  </si>
  <si>
    <t>【上海电气汽轮机】 石墨不锈钢缠绕垫片\157.60.04.01-φ270/φ202</t>
  </si>
  <si>
    <t>【上海电气汽轮机】 法兰螺柱\0.1045C-90-M16X90</t>
  </si>
  <si>
    <t>【上海电气汽轮机】 石墨不锈钢缠绕垫片\157.60.04.01-φ156/φ100</t>
  </si>
  <si>
    <t>【上海电气汽轮机】 1型六角螺母\0.1200B-90-M18</t>
  </si>
  <si>
    <t>【上海电气汽轮机】 石墨不锈钢缠绕垫片\157.60.04.01-φ100/φ80</t>
  </si>
  <si>
    <t>【上海电气汽轮机】 石墨不锈钢缠绕垫片\157.60.04.01-φ90/φ63</t>
  </si>
  <si>
    <t>【上海电气汽轮机】 垫圈\0.1300G-90-18</t>
  </si>
  <si>
    <t>【上海电气汽轮机】 石墨不锈钢缠绕垫片\157.60.04.01-φ128/φ76</t>
  </si>
  <si>
    <t>【上海电气汽轮机】 石墨不锈钢缠绕垫片\157.60.04.01-φ64/φ33</t>
  </si>
  <si>
    <t>【上海电气汽轮机】 通风阀\A157.61.05+7</t>
  </si>
  <si>
    <t>【上海电气汽轮机】 集管块\157.60.50.05</t>
  </si>
  <si>
    <t>【上海电气汽轮机】 集管块(加试料)\A156.60.50.06</t>
  </si>
  <si>
    <t>【上海电气汽轮机】 集管块塞\A156.60.50.04</t>
  </si>
  <si>
    <t>【上海电气汽轮机】 集管块塞\A156.60.50.07</t>
  </si>
  <si>
    <t>【上海电气汽轮机】 套焊式90°弯头\W2262.3</t>
  </si>
  <si>
    <t>【上海电气汽轮机】 套焊式三通接头\W2263.1-1"(Ⅰ)</t>
  </si>
  <si>
    <t>【上海电气汽轮机】 螺塞\A156.60.50.11</t>
  </si>
  <si>
    <t>【上海电气汽轮机】 螺纹涂料\A156.60.50.05+4</t>
  </si>
  <si>
    <t>【上海电气汽轮机】 双头螺柱\W1704-M27X165</t>
  </si>
  <si>
    <t>【上海电气汽轮机】 绕性垫片φ75/φ30X3\A156.60.50.08+3</t>
  </si>
  <si>
    <t>【上海电气汽轮机】 绕性垫片\157.60.50.04+3</t>
  </si>
  <si>
    <t>【上海电气汽轮机】 六角头螺栓\0.1030-M8X10</t>
  </si>
  <si>
    <t>【上海电气汽轮机】 低压缸轴承(电机端)\D156.08.21-1</t>
  </si>
  <si>
    <t>【上海电气汽轮机】 滤网\157.73.01.74</t>
  </si>
  <si>
    <t>【上海电气汽轮机】 轴承瓦块\157.08.02.11</t>
  </si>
  <si>
    <t>【上海电气汽轮机】 叶轮\A157.70.01.02</t>
  </si>
  <si>
    <t>【上海电气汽轮机】 转子延伸轴\A157.70.01.01</t>
  </si>
  <si>
    <t>【上海电气汽轮机】 轴承瓦块\157.08.32.08</t>
  </si>
  <si>
    <t>【上海电气汽轮机】 油封环\157.08.32.10</t>
  </si>
  <si>
    <t>【上海电气汽轮机】 角式截止阀（油）\A157.74.12(2)+4</t>
  </si>
  <si>
    <t>【上海电气汽轮机】 推力轴承热电偶\157.08.33-1</t>
  </si>
  <si>
    <t>【上海电气汽轮机】 油封环\A157.08.01.02</t>
  </si>
  <si>
    <t>【上海电气汽轮机】 挡油环\157.08.02.13</t>
  </si>
  <si>
    <t>【上海电气汽轮机】 两半密封环(右旋)\156.70.01.06(1)</t>
  </si>
  <si>
    <t>【上海电气汽轮机】 两半密封环(左旋)\156.70.01.05(1)</t>
  </si>
  <si>
    <t>【上海电气汽轮机】 两半密封环(右旋)\156.70.01.07(1)</t>
  </si>
  <si>
    <t>【上海电气汽轮机】 两半密封环(左旋)\156.70.01.04(1)</t>
  </si>
  <si>
    <t>【上海电气汽轮机】 安全阀\A157.74.20+4</t>
  </si>
  <si>
    <t>【上海电气汽轮机】 压力表 \A157.74.12(2)+19</t>
  </si>
  <si>
    <t>【上海电气汽轮机】 自动跳闸重锤\156.70.01.20(1)</t>
  </si>
  <si>
    <t>【上海电气汽轮机】 O型密封圈20X1.9\157.73.01.65</t>
  </si>
  <si>
    <t>【上海电气汽轮机】 角式截止阀（油）\A157.74.12(2)+18</t>
  </si>
  <si>
    <t>【上海电气汽轮机】 热电偶组件\156.08.33.06(1)</t>
  </si>
  <si>
    <t>【上海电气汽轮机】 溢流阀\A157.74.12(2)+15</t>
  </si>
  <si>
    <t>【上海电气汽轮机】 直通单向阀 （油）\A157.74.12(2)+3</t>
  </si>
  <si>
    <t>【上海电气汽轮机】 电缆接头\156.08.33.01(1)</t>
  </si>
  <si>
    <t>【上海电气汽轮机】 热电偶组件\156.08.33.07(1)</t>
  </si>
  <si>
    <t>【上海电气汽轮机】 衬垫\156.70.01.17(1)</t>
  </si>
  <si>
    <t>【上海电气汽轮机】 六角头螺栓\W1130.1-M45X3X310</t>
  </si>
  <si>
    <t>【上海电气汽轮机】 六角头螺栓\W1130.2-M45X3X205</t>
  </si>
  <si>
    <t>【上海电气汽轮机】 截止阀DN10  M22X1.5\A157.73.62(2)+16</t>
  </si>
  <si>
    <t>【上海电气汽轮机】 连接器组件\156.08.33.08(1)</t>
  </si>
  <si>
    <t>【上海电气汽轮机】 堵板\A157.74.12.04(2)</t>
  </si>
  <si>
    <t>【上海电气汽轮机】 六角头螺栓\0.1030-M12X85</t>
  </si>
  <si>
    <t>【上海电气汽轮机】 螺纹接头\A156.08.71.16</t>
  </si>
  <si>
    <t>【上海电气汽轮机】 弹簧\A156.08.71.06</t>
  </si>
  <si>
    <t>【上海电气汽轮机】 管接头\0.2200-90-DN10</t>
  </si>
  <si>
    <t>【上海电气汽轮机】 弹簧垫圈\0.1331-14</t>
  </si>
  <si>
    <t>【上海电气汽轮机】 六角头螺栓\0.1030-M12X35</t>
  </si>
  <si>
    <t>【上海电气汽轮机】 圆柱销\W1500-5X40</t>
  </si>
  <si>
    <t>【上海电气汽轮机】 六角头螺栓\0.1030-90-M12X75</t>
  </si>
  <si>
    <t>【上海电气汽轮机】 圆柱销\W1500-12X25</t>
  </si>
  <si>
    <t>【上海电气汽轮机】 圆柱销\W1500-5X30</t>
  </si>
  <si>
    <t>【上海电气汽轮机】 内六角螺旋管塞\W1075.2-1.5"NPT</t>
  </si>
  <si>
    <t>【上海电气汽轮机】 连接螺母\0.2206/2F-90-DN6</t>
  </si>
  <si>
    <t>【上海电气汽轮机】 密封接头\0.2206/3F-90-DN6</t>
  </si>
  <si>
    <t>【上海电气汽轮机】 六角螺母\W1201-M14</t>
  </si>
  <si>
    <t>【上海电气汽轮机】 浮球液位控制器\157.73.28(1)+10</t>
  </si>
  <si>
    <t>【上海电气汽轮机】 回转设备\153.28.01-1</t>
  </si>
  <si>
    <t>【上海电气汽轮机】 联轴器盖(电机端外侧)\A153.07.03.10(1)G01</t>
  </si>
  <si>
    <t>【上海电气汽轮机】 轴承滑油泵_LDX/FLY168-36_YB30KW/415V/2950r/min\12028531</t>
  </si>
  <si>
    <t>【上海电气汽轮机】 汽封减温装置_ZWT-DN200\12028753</t>
  </si>
  <si>
    <t>【上海电气汽轮机】 金属弹簧环\12029410</t>
  </si>
  <si>
    <t>【上海电气汽轮机】 油动遮断阀_P.ADM160/32\12030088</t>
  </si>
  <si>
    <t>【上海电气汽轮机】 三通_A234WP91_Φ60×11\12104634</t>
  </si>
  <si>
    <t>【上海电气汽轮机】 90°弯头_A234WP91_Φ60x11\12104636</t>
  </si>
  <si>
    <t>【上海电气汽轮机】 90°弯头_A234WP91_φ48X10\12104638</t>
  </si>
  <si>
    <t>【上海电气汽轮机】 截止阀_J61H-25P_DN150-φ168×7\12111015</t>
  </si>
  <si>
    <t>【上海电气汽轮机】 螺栓电加热器_A159.91.51G01\12116499</t>
  </si>
  <si>
    <t>【上海电气汽轮机】 高压油泵_HSNS660-51Q3TQ_YB3-180L-4/22KW/380@\12119545</t>
  </si>
  <si>
    <t>【上海电气汽轮机】 止回阀_H61H-P55-170V_Φ60×10\12120614</t>
  </si>
  <si>
    <t>【上海电气汽轮机】 止回阀_H61H-P55-170V_Φ42×10\12120615</t>
  </si>
  <si>
    <t>【上海电气汽轮机】 截止阀_J61Y-64_DN200_Φ219X8\12121668</t>
  </si>
  <si>
    <t>【上海电气汽轮机】 液位计_UHZ-52A1CA-A100860W_DN25-L2600_配截止阀\12122461</t>
  </si>
  <si>
    <t>【上海电气汽轮机】 90°弯头_1.5DN_0Cr18Ni9_φ60X5.5\12129784</t>
  </si>
  <si>
    <t>【上海电气汽轮机】 调节阀_3"GS-CL600-GLOBE/WCB/BW_700-160DA_带@\12172886</t>
  </si>
  <si>
    <t>【上海电气汽轮机】 调节阀_2"GS-CL600-GLOBE/WCB/BW_700-100DA_带@\12172887</t>
  </si>
  <si>
    <t>【上海电气汽轮机】 调节阀_6"GS-CL300-GLOBE/WCB/BW_700-160LRA_@\12172888</t>
  </si>
  <si>
    <t>【上海电气汽轮机】 调节阀_1"GS-CL300-GLOBE/WCB/SW_700-60RA_带现@\12172889</t>
  </si>
  <si>
    <t>【上海电气汽轮机】 调节阀_0.75"GS-CL300-GLOBE/WCB/SW_700-60DA@\12172890</t>
  </si>
  <si>
    <t>【上海电气汽轮机】 安全阀_5262.5825_4"X6"_5.34MPa-a\12175361</t>
  </si>
  <si>
    <t>【上海电气汽轮机】 缠绕式石墨垫片φ233/φ185X4.5\14001248</t>
  </si>
  <si>
    <t>【上海电气汽轮机】 弹簧垫圈_FEDERSTAHL_A10_DIN128\14007850</t>
  </si>
  <si>
    <t>【上海电气汽轮机】 垫圈_TS-CARBO_φ278/φ202X1\14017658</t>
  </si>
  <si>
    <t>【上海电气汽轮机】 垫片_TS-CARBO_132X82X2\14193494</t>
  </si>
  <si>
    <t>【上海电气汽轮机】 垫圈_TS-CARBO_φ45/φ18X2\14193579</t>
  </si>
  <si>
    <t>【上海电气汽轮机】 主动链轮\A156.28.01.153</t>
  </si>
  <si>
    <t>【上海电气汽轮机】 带凸台法兰盖\A153.07.02.05(1)</t>
  </si>
  <si>
    <t>【上海电气汽轮机】 角接头\A153.07.03.12(1)G01</t>
  </si>
  <si>
    <t>【上海电气汽轮机】 油封护圈\A156.28.01.127</t>
  </si>
  <si>
    <t>【上海电气汽轮机】 板\A156.28.01.125</t>
  </si>
  <si>
    <t>【上海电气汽轮机】 密封键\A156.28.01.146</t>
  </si>
  <si>
    <t>【上海电气汽轮机】 油封片\155.07.34.03</t>
  </si>
  <si>
    <t>【上海电气汽轮机】 键\A156.28.01.147</t>
  </si>
  <si>
    <t>【上海电气汽轮机】 垫片\A156.07.32.01</t>
  </si>
  <si>
    <t>【上海电气汽轮机】 挡油板\A156.07.34.03</t>
  </si>
  <si>
    <t>【上海电气汽轮机】 垫片\155.07.34.02</t>
  </si>
  <si>
    <t>【上海电气汽轮机】 键\A156.28.01.69</t>
  </si>
  <si>
    <t>【上海电气汽轮机】 六角头螺栓\W1030.1-M20X85</t>
  </si>
  <si>
    <t>【上海电气汽轮机】 内六角螺钉\W1050.2-M20X60</t>
  </si>
  <si>
    <t>【上海电气汽轮机】 油封片\153.07.32.01</t>
  </si>
  <si>
    <t>【上海电气汽轮机】 方头螺旋管塞\W1074.4-0.5"NPT</t>
  </si>
  <si>
    <t>【上海电气汽轮机】 键\A156.28.01.108</t>
  </si>
  <si>
    <t>【上海电气汽轮机】 槽形螺母\W1222-M20</t>
  </si>
  <si>
    <t>【上海电气汽轮机】 内六角螺钉\W1050.2-M10X40</t>
  </si>
  <si>
    <t>【上海电气汽轮机】 六角头螺栓\W1036-M10X75</t>
  </si>
  <si>
    <t>【上海电气汽轮机】 六角头螺栓\0.1030-90-M16X30</t>
  </si>
  <si>
    <t>【上海电气汽轮机】 六角头螺栓\0.1030-90-M16X55</t>
  </si>
  <si>
    <t>【上海电气汽轮机】 内六角螺钉\W1050.2-M10X16</t>
  </si>
  <si>
    <t>【上海电气汽轮机】 平衡螺塞\W1077-M14</t>
  </si>
  <si>
    <t>【上海电气汽轮机】 六角头螺栓\W1030.1-M14X25</t>
  </si>
  <si>
    <t>【上海电气汽轮机】 平垫圈\W1300.3-20</t>
  </si>
  <si>
    <t>【上海电气汽轮机】 内六角紧定螺钉\W1163-M10X20</t>
  </si>
  <si>
    <t>【上海电气汽轮机】 紧定螺钉       \W1164-M8X30</t>
  </si>
  <si>
    <t>【上海电气汽轮机】 圆柱销\W1501.1-10X19</t>
  </si>
  <si>
    <t>【上海电气汽轮机】 内六角紧定螺钉\W1163-M6X10</t>
  </si>
  <si>
    <t>【上海电气汽轮机】 圆柱销\W1501.1-12X25</t>
  </si>
  <si>
    <t>【上海电气汽轮机】 125磅或150磅法兰用垫片\W1345-101.6</t>
  </si>
  <si>
    <t>【上海电气汽轮机】 125磅或150磅法兰用垫片\W1345-76.2</t>
  </si>
  <si>
    <t>【上海电气汽轮机】 垫片\A156.28.01.114</t>
  </si>
  <si>
    <t>【上海电气汽轮机】 螺杆\0.1057-90-M30</t>
  </si>
  <si>
    <t>【上海电气汽轮机】 定中心梁\159.01.95.02</t>
  </si>
  <si>
    <t>【上海电气汽轮机】 定中心梁\159.01.96.02</t>
  </si>
  <si>
    <t>【上海电气汽轮机】 中压第十一级径向汽封环\159.06.43.07</t>
  </si>
  <si>
    <t>【上海电气汽轮机】 中压第十级径向汽封环\159.06.43.06</t>
  </si>
  <si>
    <t>【上海电气汽轮机】 轴承压板\159.07.01.05</t>
  </si>
  <si>
    <t>【上海电气汽轮机】 密封环\159.01.81.27</t>
  </si>
  <si>
    <t>【上海电气汽轮机】 中压第九级径向汽封环\159.06.43.05</t>
  </si>
  <si>
    <t>【上海电气汽轮机】 中压第八级径向汽封环\159.06.43.04</t>
  </si>
  <si>
    <t>【上海电气汽轮机】 中压第七级径向汽封环\159.06.43.03</t>
  </si>
  <si>
    <t>【上海电气汽轮机】 中压第六级径向汽封环\159.06.43.02</t>
  </si>
  <si>
    <t>【上海电气汽轮机】 中压第五级径向汽封环\159.06.43.01</t>
  </si>
  <si>
    <t>【上海电气汽轮机】 中压第四级径向汽封环\159.06.42.04</t>
  </si>
  <si>
    <t>【上海电气汽轮机】 中压第三级径向汽封环\159.06.42.03</t>
  </si>
  <si>
    <t>【上海电气汽轮机】 中压第二级径向汽封环\159.06.42.02</t>
  </si>
  <si>
    <t>【上海电气汽轮机】 中压第一级径向汽封环\159.06.42.01</t>
  </si>
  <si>
    <t>【上海电气汽轮机】 密封环\159.01.71.19</t>
  </si>
  <si>
    <t>【上海电气汽轮机】 “T”型环装配图\159.01.81.13G01</t>
  </si>
  <si>
    <t>【上海电气汽轮机】 中压第十级隔板汽封环\159.06.43.13</t>
  </si>
  <si>
    <t>【上海电气汽轮机】 中压第九级隔板汽封环\159.06.43.12</t>
  </si>
  <si>
    <t>【上海电气汽轮机】 中压第七级隔板汽封环\159.06.43.10</t>
  </si>
  <si>
    <t>【上海电气汽轮机】 中压第六级隔板汽封环\159.06.43.09</t>
  </si>
  <si>
    <t>【上海电气汽轮机】 中压第五级隔板汽封环\159.06.43.08</t>
  </si>
  <si>
    <t>【上海电气汽轮机】 中压第四级隔板汽封环\159.06.42.07</t>
  </si>
  <si>
    <t>【上海电气汽轮机】 中压第二级隔板汽封环\159.06.42.05</t>
  </si>
  <si>
    <t>【上海电气汽轮机】 中压第三级隔板汽封环\159.06.42.06</t>
  </si>
  <si>
    <t>【上海电气汽轮机】 第十四级隔板套汽封环\159.06.41.14</t>
  </si>
  <si>
    <t>【上海电气汽轮机】 第十三级隔板套汽封环\159.06.41.13</t>
  </si>
  <si>
    <t>【上海电气汽轮机】 第十二级隔板套汽封环\159.06.41.12</t>
  </si>
  <si>
    <t>【上海电气汽轮机】 第十一级隔板套汽封环\159.06.41.11</t>
  </si>
  <si>
    <t>【上海电气汽轮机】 第九级隔板套汽封环\159.06.41.09</t>
  </si>
  <si>
    <t>【上海电气汽轮机】 第十级隔板套汽封环\159.06.41.10</t>
  </si>
  <si>
    <t>【上海电气汽轮机】 第八级隔板套汽封环\159.06.41.08</t>
  </si>
  <si>
    <t>【上海电气汽轮机】 第七级隔板套汽封环\159.06.41.07</t>
  </si>
  <si>
    <t>【上海电气汽轮机】 第六级隔板套汽封环\159.06.41.06</t>
  </si>
  <si>
    <t>【上海电气汽轮机】 第五级隔板套汽封环\159.06.41.05</t>
  </si>
  <si>
    <t>【上海电气汽轮机】 第四级隔板套汽封环\159.06.41.04</t>
  </si>
  <si>
    <t>【上海电气汽轮机】 第三级隔板套汽封环\159.06.41.03</t>
  </si>
  <si>
    <t>【上海电气汽轮机】 汽封环\159.06.02.05</t>
  </si>
  <si>
    <t>【上海电气汽轮机】 汽封环\159.06.02.04</t>
  </si>
  <si>
    <t>【上海电气汽轮机】 第二级隔板套汽封环\159.06.41.02</t>
  </si>
  <si>
    <t>【上海电气汽轮机】 第一级隔板套汽封环\159.06.41.01</t>
  </si>
  <si>
    <t>【上海电气汽轮机】 双头螺柱\W1830.22-M140X4X1190</t>
  </si>
  <si>
    <t>【上海电气汽轮机】 双头螺柱\W1801.23-M160X4X1415</t>
  </si>
  <si>
    <t>【上海电气汽轮机】 汽封环\159.06.02.08</t>
  </si>
  <si>
    <t>【上海电气汽轮机】 定位双头螺柱\W1855.23-φ146X1420</t>
  </si>
  <si>
    <t>【上海电气汽轮机】 轴承油挠性导管\159.07.01.02G01</t>
  </si>
  <si>
    <t>【上海电气汽轮机】 双头螺柱\W1801.23-M140X4X1345</t>
  </si>
  <si>
    <t>【上海电气汽轮机】 双头螺柱\W1830.22-M125X4X930</t>
  </si>
  <si>
    <t>【上海电气汽轮机】 双头螺柱\W1801.23-M125X4X1280</t>
  </si>
  <si>
    <t>【上海电气汽轮机】 支承键\159.01.81.09</t>
  </si>
  <si>
    <t>【上海电气汽轮机】 定位双头螺柱\W1855.22-φ106X1000</t>
  </si>
  <si>
    <t>【上海电气汽轮机】 护套\159.01.71.20</t>
  </si>
  <si>
    <t>【上海电气汽轮机】 泄放阀\A156.74.02.09G01</t>
  </si>
  <si>
    <t>【上海电气汽轮机】 密封环\159.01.71.15</t>
  </si>
  <si>
    <t>【上海电气汽轮机】 定位双头螺柱\W1855.22-φ106X880</t>
  </si>
  <si>
    <t>【上海电气汽轮机】 “L”型垫片\159.01.81.12</t>
  </si>
  <si>
    <t>【上海电气汽轮机】 定位双头螺柱\W1855.23-φ106X1220</t>
  </si>
  <si>
    <t>【上海电气汽轮机】 波形弹簧支撑环\159.01.81.17</t>
  </si>
  <si>
    <t>【上海电气汽轮机】 中压第八级隔板汽封环\159.06.43.11</t>
  </si>
  <si>
    <t>【上海电气汽轮机】 定位双头螺柱\W1855.23-φ96X1270</t>
  </si>
  <si>
    <t>【上海电气汽轮机】 双头螺柱\W1801.23-M100X3X1170</t>
  </si>
  <si>
    <t>【上海电气汽轮机】 定位双头螺柱\W1855.22-φ86X910</t>
  </si>
  <si>
    <t>【上海电气汽轮机】 支承键\159.01.82.02</t>
  </si>
  <si>
    <t>【上海电气汽轮机】 支承键\159.01.81.10</t>
  </si>
  <si>
    <t>【上海电气汽轮机】 定位销装配(高压内缸上半)\159.01.71.05G01</t>
  </si>
  <si>
    <t>【上海电气汽轮机】 密封环\159.01.81.11</t>
  </si>
  <si>
    <t>【上海电气汽轮机】 双头螺柱\W1801.23-M80X3X1090</t>
  </si>
  <si>
    <t>【上海电气汽轮机】 定位销装配(中压内缸)\159.01.71.04G01</t>
  </si>
  <si>
    <t>【上海电气汽轮机】 定位销装配(高压静叶持环上半)\159.01.71.06G01</t>
  </si>
  <si>
    <t>【上海电气汽轮机】 定位双头螺柱\W1855.22-φ78X640</t>
  </si>
  <si>
    <t>【上海电气汽轮机】 双头螺柱\W1703.2-M90X3X1280</t>
  </si>
  <si>
    <t>【上海电气汽轮机】 定位销装配(中压#2静叶持环上半)\159.01.71.02G01</t>
  </si>
  <si>
    <t>【上海电气汽轮机】 垫片\159.01.81.07</t>
  </si>
  <si>
    <t>【上海电气汽轮机】 定位销装配(中压#2静叶持环)\159.01.71.03G01</t>
  </si>
  <si>
    <t>【上海电气汽轮机】 双头螺柱\W1801.23-M80X3X515</t>
  </si>
  <si>
    <t>【上海电气汽轮机】 支承键\159.01.58.02</t>
  </si>
  <si>
    <t>【上海电气汽轮机】 双头螺柱\W1801.21-M80X3X420</t>
  </si>
  <si>
    <t>【上海电气汽轮机】 双头螺柱\W1801.4-M80X3X595</t>
  </si>
  <si>
    <t>【上海电气汽轮机】 护套\159.01.71.16</t>
  </si>
  <si>
    <t>【上海电气汽轮机】 双头螺柱\W1801.21-M72X3X495</t>
  </si>
  <si>
    <t>【上海电气汽轮机】 双头螺柱\W1801.21-M72X3X475</t>
  </si>
  <si>
    <t>【上海电气汽轮机】 双头螺柱\W1703.2-M76X3X950</t>
  </si>
  <si>
    <t>【上海电气汽轮机】 双头螺柱\W1801.23-M72X3X555</t>
  </si>
  <si>
    <t>【上海电气汽轮机】 中压内缸平衡孔塞\159.01.71.11</t>
  </si>
  <si>
    <t>【上海电气汽轮机】 双头螺柱\W1801.23-M72X3X475</t>
  </si>
  <si>
    <t>【上海电气汽轮机】 双头螺柱\W1703.2-M72X3X935</t>
  </si>
  <si>
    <t>【上海电气汽轮机】 垫片\159.01.81.08</t>
  </si>
  <si>
    <t>【上海电气汽轮机】 定位双头螺柱\W1850.3-φ70X455</t>
  </si>
  <si>
    <t>【上海电气汽轮机】 双头螺柱\W1801.23-M72X3X425</t>
  </si>
  <si>
    <t>【上海电气汽轮机】 双头螺柱\W1801.23-M64X3X535</t>
  </si>
  <si>
    <t>【上海电气汽轮机】 双头螺柱\W1801.4-M64X3X430</t>
  </si>
  <si>
    <t>【上海电气汽轮机】 定位销装配(平衡活塞汽封)\159.01.71.07G01</t>
  </si>
  <si>
    <t>【上海电气汽轮机】 双头螺柱\W1801.23-M64X3X410</t>
  </si>
  <si>
    <t>【上海电气汽轮机】 定位销(高压内缸下半)\159.01.71.09</t>
  </si>
  <si>
    <t>【上海电气汽轮机】 双头螺柱\W1801.2-M48X3X610</t>
  </si>
  <si>
    <t>【上海电气汽轮机】 定位销(专用)\159.01.82.03</t>
  </si>
  <si>
    <t>【上海电气汽轮机】 垫片\159.01.95.01</t>
  </si>
  <si>
    <t>【上海电气汽轮机】 定位销(高压静叶持环下半)\159.01.71.08</t>
  </si>
  <si>
    <t>【上海电气汽轮机】 高压内缸平衡孔塞\159.01.71.12</t>
  </si>
  <si>
    <t>【上海电气汽轮机】 球面垫圈\W1316.3-90</t>
  </si>
  <si>
    <t>【上海电气汽轮机】 定位销(中压#2静叶持环下半)\159.01.71.10</t>
  </si>
  <si>
    <t>【上海电气汽轮机】 带凸台法兰盖\W2164-DN4"</t>
  </si>
  <si>
    <t>【上海电气汽轮机】 垫片\159.01.58.03</t>
  </si>
  <si>
    <t>【上海电气汽轮机】 双头螺柱\W1801.3-M48X3X495</t>
  </si>
  <si>
    <t>【上海电气汽轮机】 热电偶套\W2312.1-0.5"NPTX244</t>
  </si>
  <si>
    <t>【上海电气汽轮机】 热电偶套\W2312.1-0.5"NPTX330.2</t>
  </si>
  <si>
    <t>【上海电气汽轮机】 定位双头螺柱\W1705.9-φ50X330</t>
  </si>
  <si>
    <t>【上海电气汽轮机】 定位双头螺柱\W1850.2-φ40X395</t>
  </si>
  <si>
    <t>【上海电气汽轮机】 定位双头螺柱\W1850.4-φ52X335</t>
  </si>
  <si>
    <t>【上海电气汽轮机】 双头螺柱\W1801.3-M48X3X420</t>
  </si>
  <si>
    <t>【上海电气汽轮机】 定位双头螺柱\W1705.9-φ45X305</t>
  </si>
  <si>
    <t>【上海电气汽轮机】 弹簧片\159.06.43.14</t>
  </si>
  <si>
    <t>【上海电气汽轮机】 垫板\159.01.95.03</t>
  </si>
  <si>
    <t>【上海电气汽轮机】 双头螺柱\W1801.4-M45X3X320</t>
  </si>
  <si>
    <t>【上海电气汽轮机】 双头螺柱\W1801.2-M36X3X360</t>
  </si>
  <si>
    <t>【上海电气汽轮机】 内六角螺钉\W1151.15-M42X3X100</t>
  </si>
  <si>
    <t>【上海电气汽轮机】 外螺纹管接头\W2231.2-38X1.5"NPT</t>
  </si>
  <si>
    <t>【上海电气汽轮机】 双头螺柱\W1801.4-M45X3X285</t>
  </si>
  <si>
    <t>【上海电气汽轮机】 定位销\159.01.71.61</t>
  </si>
  <si>
    <t>【上海电气汽轮机】 压板\159.06.01.03</t>
  </si>
  <si>
    <t>【上海电气汽轮机】 双头螺柱\W1703.2-M52X3X300</t>
  </si>
  <si>
    <t>【上海电气汽轮机】 节流孔塞\A156.74.02.08</t>
  </si>
  <si>
    <t>【上海电气汽轮机】 偏心销Φ29.95X149\159.01.95.05</t>
  </si>
  <si>
    <t>【上海电气汽轮机】 偏心销Φ29.95X133\159.01.95.06</t>
  </si>
  <si>
    <t>【上海电气汽轮机】 偏心销Φ29.95X124\159.01.96.03</t>
  </si>
  <si>
    <t>【上海电气汽轮机】 偏心销Φ29.95X108\159.01.96.01</t>
  </si>
  <si>
    <t>【上海电气汽轮机】 六角头螺栓\W1130.2-M45X3X380</t>
  </si>
  <si>
    <t>【上海电气汽轮机】 套筒\159.01.95.04</t>
  </si>
  <si>
    <t>【上海电气汽轮机】 压板\159.06.43.15</t>
  </si>
  <si>
    <t>【上海电气汽轮机】 内六角螺钉\W1050.11-M36X85</t>
  </si>
  <si>
    <t>【上海电气汽轮机】 六角头起重螺钉\W1060-M27X405</t>
  </si>
  <si>
    <t>【上海电气汽轮机】 双头螺柱\W1801.3-M20X155</t>
  </si>
  <si>
    <t>【上海电气汽轮机】 压板\159.06.41.15</t>
  </si>
  <si>
    <t>【上海电气汽轮机】 带轴有圆柱头内六角螺钉\159.06.01.04</t>
  </si>
  <si>
    <t>【上海电气汽轮机】 定位双头螺柱\W1850.3-φ22X150</t>
  </si>
  <si>
    <t>【上海电气汽轮机】 六角头螺栓\W1130.2-M39X3X135</t>
  </si>
  <si>
    <t>【上海电气汽轮机】 套焊式接头\W2239.3-1.5"(Ⅱ)</t>
  </si>
  <si>
    <t>【上海电气汽轮机】 内缸压力接头\159.01.71.63</t>
  </si>
  <si>
    <t>【上海电气汽轮机】 六角头螺栓\W1130.2-M39X3X95</t>
  </si>
  <si>
    <t>【上海电气汽轮机】 内六角螺钉\159.06.01.05</t>
  </si>
  <si>
    <t>【上海电气汽轮机】 垫片\159.07.31.02</t>
  </si>
  <si>
    <t>【上海电气汽轮机】 油封片\159.07.31.03</t>
  </si>
  <si>
    <t>【上海电气汽轮机】 开槽沉头螺钉\159.06.43.16</t>
  </si>
  <si>
    <t>【上海电气汽轮机】 开槽沉头螺钉\159.06.41.16</t>
  </si>
  <si>
    <t>【上海电气汽轮机】 双头螺柱\0.1040C-90-M30X80</t>
  </si>
  <si>
    <t>【上海电气汽轮机】 1型六角螺母\0.1200C-90-M30</t>
  </si>
  <si>
    <t>【上海电气汽轮机】 两端带螺纹管子\W2012-φ28X4X250</t>
  </si>
  <si>
    <t>【上海电气汽轮机】 两端带螺纹管子\W2012-φ22X3.5X300</t>
  </si>
  <si>
    <t>【上海电气汽轮机】 套焊式管帽0.5"\159.01.71.62</t>
  </si>
  <si>
    <t>【上海电气汽轮机】 内六角螺钉\W1050.2-M14X35</t>
  </si>
  <si>
    <t>【上海电气汽轮机】 六角头螺栓\0.1030-90-M14X65</t>
  </si>
  <si>
    <t>【上海电气汽轮机】 六角头螺栓\0.1030-90-M14X40</t>
  </si>
  <si>
    <t>【上海电气汽轮机】 六角头螺栓\0.1030-90-M6X12</t>
  </si>
  <si>
    <t>【上海电气汽轮机】 专用销\W1504.1-6X46</t>
  </si>
  <si>
    <t>【上海电气汽轮机】 专用销\W1504.1-6X48</t>
  </si>
  <si>
    <t>【上海电气汽轮机】 专用销\W1504.1-6X40</t>
  </si>
  <si>
    <t>【上海电气汽轮机】 专用销\W1504.1-6X35</t>
  </si>
  <si>
    <t>【上海电气汽轮机】 板485X12.5X3\159.01.96+4</t>
  </si>
  <si>
    <t>【上海电气汽轮机】 板485X12.5X3\159.01.95+9</t>
  </si>
  <si>
    <t>【上海电气汽轮机】 垫片φ60X0.8\159.01.71+47</t>
  </si>
  <si>
    <t>【上海电气汽轮机】 波形弹簧\159.01.81.16</t>
  </si>
  <si>
    <t>【上海电气汽轮机】 中压侧布莱登汽封\159.01.81.02</t>
  </si>
  <si>
    <t>【上海电气汽轮机】 高压侧布莱登汽封\159.01.81.03</t>
  </si>
  <si>
    <t>【上海电气汽轮机】 高压侧布莱登汽封\159.01.81.04</t>
  </si>
  <si>
    <t>【上海电气汽轮机】 阀盖\159.30.41.07G01</t>
  </si>
  <si>
    <t>【上海电气汽轮机】 阀杆\A159.30.62.01</t>
  </si>
  <si>
    <t>【上海电气汽轮机】 阀碟装配\A159.30.62.03G01</t>
  </si>
  <si>
    <t>【上海电气汽轮机】 阀盖装配\159.34.21.01G01</t>
  </si>
  <si>
    <t>【上海电气汽轮机】 阀盖装配\191.34.20.01G01</t>
  </si>
  <si>
    <t>【上海电气汽轮机】 弹簧箱\159.34.20.08G01</t>
  </si>
  <si>
    <t>【上海电气汽轮机】 轴\A159.30.60.09</t>
  </si>
  <si>
    <t>【上海电气汽轮机】 套筒\A159.30.62.02</t>
  </si>
  <si>
    <t>【上海电气汽轮机】 阀碟\159.30.41.05G01</t>
  </si>
  <si>
    <t>【上海电气汽轮机】 阀杆\159.34.20.01</t>
  </si>
  <si>
    <t>【上海电气汽轮机】 摇臂\A159.30.60.19G01</t>
  </si>
  <si>
    <t>【上海电气汽轮机】 阀杆\159.30.41.18</t>
  </si>
  <si>
    <t>【上海电气汽轮机】 衬套\A159.30.60.14</t>
  </si>
  <si>
    <t>【上海电气汽轮机】 弹簧座(下)\191.34.20.20</t>
  </si>
  <si>
    <t>【上海电气汽轮机】 弹簧(外圈)\191.34.20.27</t>
  </si>
  <si>
    <t>【上海电气汽轮机】 衬套\A159.30.60.17</t>
  </si>
  <si>
    <t>【上海电气汽轮机】 轴承盖\A159.30.60.07G01</t>
  </si>
  <si>
    <t>【上海电气汽轮机】 杠杆\A159.30.60.12</t>
  </si>
  <si>
    <t>【上海电气汽轮机】 外弹簧\A159.30.60.20</t>
  </si>
  <si>
    <t>【上海电气汽轮机】 阀杆套筒\159.30.41.11</t>
  </si>
  <si>
    <t>【上海电气汽轮机】 双头螺柱\W1801.27-M48X3X400</t>
  </si>
  <si>
    <t>【上海电气汽轮机】 双头螺柱\W1801.27-M80X3X495</t>
  </si>
  <si>
    <t>【上海电气汽轮机】 阀盖内端套筒\159.30.41.13</t>
  </si>
  <si>
    <t>【上海电气汽轮机】 弹簧(中圈)\191.34.20.26</t>
  </si>
  <si>
    <t>【上海电气汽轮机】 金属缠绕垫圈\159.60.22+4</t>
  </si>
  <si>
    <t>【上海电气汽轮机】 法兰\159.34.20.06</t>
  </si>
  <si>
    <t>【上海电气汽轮机】 螺母\A159.30.62.07</t>
  </si>
  <si>
    <t>【上海电气汽轮机】 法兰盖\155.60.22.38G01</t>
  </si>
  <si>
    <t>【上海电气汽轮机】 弹簧(内圈)\191.34.20.25</t>
  </si>
  <si>
    <t>【上海电气汽轮机】 阀杆\A159.30.60.27</t>
  </si>
  <si>
    <t>【上海电气汽轮机】 定位螺母\A159.30.62.06</t>
  </si>
  <si>
    <t>【上海电气汽轮机】 控制板\159.34.20.03</t>
  </si>
  <si>
    <t>【上海电气汽轮机】 内弹簧\A159.30.60.21</t>
  </si>
  <si>
    <t>【上海电气汽轮机】 双头螺柱\W1801.27-M36X3X295</t>
  </si>
  <si>
    <t>【上海电气汽轮机】 法兰\191.60.04.02</t>
  </si>
  <si>
    <t>【上海电气汽轮机】 衬套\A159.30.60.13</t>
  </si>
  <si>
    <t>【上海电气汽轮机】 垫环\159.30.41.06</t>
  </si>
  <si>
    <t>【上海电气汽轮机】 衬套\A159.30.60.11</t>
  </si>
  <si>
    <t>【上海电气汽轮机】 球面垫圈\A159.30.60.15</t>
  </si>
  <si>
    <t>【上海电气汽轮机】 阀盖外端套筒\159.30.41.12</t>
  </si>
  <si>
    <t>【上海电气汽轮机】 套筒\A159.30.62.09</t>
  </si>
  <si>
    <t>【上海电气汽轮机】 双头螺柱\W1825.27-M27X170</t>
  </si>
  <si>
    <t>【上海电气汽轮机】 专用法兰\A159.30.62.08</t>
  </si>
  <si>
    <t>【上海电气汽轮机】 法兰\191.60.04.04</t>
  </si>
  <si>
    <t>【上海电气汽轮机】 热电偶套\W2312.1-0.5"NPTX193.5</t>
  </si>
  <si>
    <t>【上海电气汽轮机】 支承块\191.34.20.15</t>
  </si>
  <si>
    <t>【上海电气汽轮机】 阀杆螺母\159.34.20.02</t>
  </si>
  <si>
    <t>【上海电气汽轮机】 法兰\191.60.04.03</t>
  </si>
  <si>
    <t>【上海电气汽轮机】 临时滤网\K156.30.41.23</t>
  </si>
  <si>
    <t>【上海电气汽轮机】 固定块\159.34.20.04</t>
  </si>
  <si>
    <t>【上海电气汽轮机】 六角头螺栓\0.1030B-90-M36X3X280</t>
  </si>
  <si>
    <t>【上海电气汽轮机】 大凸缘对焊法兰\W2154.2-DN1.25"</t>
  </si>
  <si>
    <t>【上海电气汽轮机】 六角头螺柱\S1732.2-M39X185</t>
  </si>
  <si>
    <t>【上海电气汽轮机】 键\A159.30.60.10</t>
  </si>
  <si>
    <t>【上海电气汽轮机】 双头螺柱\W1703.8-M30X3X180</t>
  </si>
  <si>
    <t>【上海电气汽轮机】 键\A159.30.60.16</t>
  </si>
  <si>
    <t>【上海电气汽轮机】 键\A159.30.60.18</t>
  </si>
  <si>
    <t>【上海电气汽轮机】 两端带螺纹管子\W2012-φ28X2.8X230</t>
  </si>
  <si>
    <t>【上海电气汽轮机】 两端带螺纹管子\W2012-φ22X2.8X230</t>
  </si>
  <si>
    <t>【上海电气汽轮机】 垫块\A159.30.62.16</t>
  </si>
  <si>
    <t>【上海电气汽轮机】 圆柱端紧定螺钉\S1064.2-M12X40</t>
  </si>
  <si>
    <t>【上海电气汽轮机】 垫块\159.34.20.07</t>
  </si>
  <si>
    <t>【上海电气汽轮机】 带套节和锥管螺纹接头\W2220-1"</t>
  </si>
  <si>
    <t>【上海电气汽轮机】 缠绕垫片\B902.30.41.70</t>
  </si>
  <si>
    <t>【上海电气汽轮机】 双头螺柱\0.1041-90-M36X3X170</t>
  </si>
  <si>
    <t>【上海电气汽轮机】 双头螺柱\WE1820.1-0.625"X135</t>
  </si>
  <si>
    <t>【上海电气汽轮机】 垫片\0.2138I-96-DN25</t>
  </si>
  <si>
    <t>【上海电气汽轮机】 带套节和锥管螺纹接头\W2220-0.75"</t>
  </si>
  <si>
    <t>【上海电气汽轮机】 圆柱销\WE1501.2-9.5X65</t>
  </si>
  <si>
    <t>【上海电气汽轮机】 六角螺母\WE1220.2-0.625"</t>
  </si>
  <si>
    <t>【上海电气汽轮机】 垫片\WE1348-1.25"</t>
  </si>
  <si>
    <t>【上海电气汽轮机】 开口销\W1538.1-10X60</t>
  </si>
  <si>
    <t>【上海电气汽轮机】 内六角螺钉\S1050.3-M16X30</t>
  </si>
  <si>
    <t>【上海电气汽轮机】 垫圈\0.1300-90-36</t>
  </si>
  <si>
    <t>【上海电气汽轮机】 吊转子工具（高中压）\159.93.03-1</t>
  </si>
  <si>
    <t>【上海电气汽轮机】 吊汽缸工具（低压外上半）\A155.93.16-1</t>
  </si>
  <si>
    <t>【上海电气汽轮机】 吊汽缸工具（低压内）\A155.93.26-1</t>
  </si>
  <si>
    <t>【上海电气汽轮机】 密封环安装工具\159.90.51.01G01</t>
  </si>
  <si>
    <t>【上海电气汽轮机】 热电偶(K型、双支、不接地)\A159.91.10.01G01</t>
  </si>
  <si>
    <t>【上海电气汽轮机】 热电偶(K型、双支、不接地)\C159.91.10.02(4)G01</t>
  </si>
  <si>
    <t>【上海电气汽轮机】 热电偶(K型、双支、不接地)\C159.91.10.04(4)G01</t>
  </si>
  <si>
    <t>【上海电气汽轮机】 铂电阻\C155.91.10.01(1)G01</t>
  </si>
  <si>
    <t>【上海电气汽轮机】 吊汽缸工具（高中压外）\159.93.04-1</t>
  </si>
  <si>
    <t>【上海电气汽轮机】 热电偶(带接头)\W5014.14-φ5X188</t>
  </si>
  <si>
    <t>【上海电气汽轮机】 单头扳手\W8014-105</t>
  </si>
  <si>
    <t>【上海电气汽轮机】 单头扳手\W8014-95</t>
  </si>
  <si>
    <t>【上海电气汽轮机】 套筒扳手接头\W8015-105</t>
  </si>
  <si>
    <t>【上海电气汽轮机】 平衡螺塞扳手\159.90.51.26G01</t>
  </si>
  <si>
    <t>【上海电气汽轮机】 带销吊环\W1070-M52</t>
  </si>
  <si>
    <t>【上海电气汽轮机】 单头扳手\W8014-85</t>
  </si>
  <si>
    <t>【上海电气汽轮机】 六角扳手\0.8002-90-60</t>
  </si>
  <si>
    <t>【上海电气汽轮机】 内六角扳手34.5\155.90.51.07</t>
  </si>
  <si>
    <t>【上海电气汽轮机】 单头扳手\W8014-75</t>
  </si>
  <si>
    <t>【上海电气汽轮机】 内六角接杆\W8016-46X205</t>
  </si>
  <si>
    <t>【上海电气汽轮机】 套筒扳手接头\W8015-85</t>
  </si>
  <si>
    <t>【上海电气汽轮机】 内六角接杆\W8016-17X305</t>
  </si>
  <si>
    <t>【上海电气汽轮机】 套筒扳手接头\W8015-70</t>
  </si>
  <si>
    <t>【上海电气汽轮机】 套式扳手\W8011-41(Ⅰ)</t>
  </si>
  <si>
    <t>【上海电气汽轮机】 横销\A156.93.20.27</t>
  </si>
  <si>
    <t>【上海电气汽轮机】 平衡旋塞扳手(高中压缸用)\191.90.51.04G01</t>
  </si>
  <si>
    <t>【上海电气汽轮机】 套筒扳手接头\W8015-75</t>
  </si>
  <si>
    <t>【上海电气汽轮机】 套筒\W4023-φ20.5</t>
  </si>
  <si>
    <t>【上海电气汽轮机】 螺栓伸长测量杆\W4020-φ12X440</t>
  </si>
  <si>
    <t>【上海电气汽轮机】 螺栓伸长测量杆\W4020-φ12X510</t>
  </si>
  <si>
    <t>【上海电气汽轮机】 螺栓伸长测量杆\W4020-φ12X570</t>
  </si>
  <si>
    <t>【上海电气汽轮机】 螺栓伸长测量杆\W4020-φ12X600</t>
  </si>
  <si>
    <t>【上海电气汽轮机】 螺栓伸长测量杆\W4020-φ12X620</t>
  </si>
  <si>
    <t>【上海电气汽轮机】 螺栓伸长测量杆\W4020-φ12X660</t>
  </si>
  <si>
    <t>【上海电气汽轮机】 螺栓伸长测量杆\W4020-φ12X680</t>
  </si>
  <si>
    <t>【上海电气汽轮机】 螺栓伸长测量杆\W4020-φ12X800</t>
  </si>
  <si>
    <t>【上海电气汽轮机】 螺栓伸长测量杆\W4020-φ12X960</t>
  </si>
  <si>
    <t>【上海电气汽轮机】 螺栓伸长测量杆\W4020-φ12X1090</t>
  </si>
  <si>
    <t>【上海电气汽轮机】 螺栓伸长测量杆\W4020-φ12X1330</t>
  </si>
  <si>
    <t>【上海电气汽轮机】 螺栓伸长测量杆\W4020-φ12X1375</t>
  </si>
  <si>
    <t>【上海电气汽轮机】 螺栓伸长测量杆\W4020-φ12X1440</t>
  </si>
  <si>
    <t>【上海电气汽轮机】 螺栓伸长测量杆\W4020-φ18X1110</t>
  </si>
  <si>
    <t>【上海电气汽轮机】 螺栓伸长测量杆\W4020-φ18X1350</t>
  </si>
  <si>
    <t>【上海电气汽轮机】 螺栓伸长测量杆\W4020-φ18X1460</t>
  </si>
  <si>
    <t>【上海电气汽轮机】 螺栓伸长测量杆\W4020-φ18X1500</t>
  </si>
  <si>
    <t>【上海电气汽轮机】 螺栓伸长测量杆\W4020-φ18X1580</t>
  </si>
  <si>
    <t>【上海电气汽轮机】 内六角接杆\W8016-36X450</t>
  </si>
  <si>
    <t>【上海电气汽轮机】 套筒扳手接头85\159.90.51.29</t>
  </si>
  <si>
    <t>【上海电气汽轮机】 弯头套筒扳手\W8013.1-46</t>
  </si>
  <si>
    <t>【上海电气汽轮机】 内六角接杆\W8016-46X305</t>
  </si>
  <si>
    <t>【上海电气汽轮机】 内六角扳手\W8010-46</t>
  </si>
  <si>
    <t>【上海电气汽轮机】 六角头螺栓\W1030.1-M27X85</t>
  </si>
  <si>
    <t>【上海电气汽轮机】 内六角扳手\W8010-41</t>
  </si>
  <si>
    <t>【上海电气汽轮机】 内六角接杆\W8016-36X305</t>
  </si>
  <si>
    <t>【上海电气汽轮机】 内六角接杆\W8016-27X305</t>
  </si>
  <si>
    <t>【上海电气汽轮机】 固定销\191.93.03.04</t>
  </si>
  <si>
    <t>【上海电气汽轮机】 内六角接杆\W8016-19X305</t>
  </si>
  <si>
    <t>【上海电气汽轮机】 内六角接杆\W8016-14X305</t>
  </si>
  <si>
    <t>【上海电气汽轮机】 六角头螺栓\W1030.1-M20X60</t>
  </si>
  <si>
    <t>【上海电气汽轮机】 开口销\W1538.1-5X40</t>
  </si>
  <si>
    <t>【上海电气汽轮机】 法兰\0.2125-96-DN125(A)</t>
  </si>
  <si>
    <t>【上海电气汽轮机】 滤网\A153.73.28.19G01</t>
  </si>
  <si>
    <t>【上海电气汽轮机】 双头螺柱\0.1040-90-M16X45</t>
  </si>
  <si>
    <t>【上海电气汽轮机】 双头螺柱\0.1040-90-M12X40</t>
  </si>
  <si>
    <t>【上海电气汽轮机】 双头螺柱\0.1040-90-M12X35</t>
  </si>
  <si>
    <t>【上海电气汽轮机】 滤网法兰盖\902.73.28.37</t>
  </si>
  <si>
    <t>【上海电气汽轮机】 垫片\K156.73.28.10</t>
  </si>
  <si>
    <t>【上海电气汽轮机】 法兰盖\0.2162-96-DN80</t>
  </si>
  <si>
    <t>【上海电气汽轮机】 孔板法兰组件\C159.60.50.01G01</t>
  </si>
  <si>
    <t>【上海电气汽轮机】 疏水集管块\B153.60.50.04(1)G01</t>
  </si>
  <si>
    <t>【上海电气汽轮机】 疏水集管块\159.60.50.01G01</t>
  </si>
  <si>
    <t>【上海电气汽轮机】 轴承瓦块\SH08J4.20.01.04G01</t>
  </si>
  <si>
    <t>【上海电气汽轮机】 转子延伸轴\B902.70.01.05G01</t>
  </si>
  <si>
    <t>【上海电气汽轮机】 瓦块装配\SH08J4.13.01.06G01</t>
  </si>
  <si>
    <t>【上海电气汽轮机】 瓦块装配\SH08J4.15.01.08G01</t>
  </si>
  <si>
    <t>【上海电气汽轮机】 轴承瓦块\SH08J4.20.02.01G01</t>
  </si>
  <si>
    <t>【上海电气汽轮机】 叶轮\B902.70.01.09G01</t>
  </si>
  <si>
    <t>【上海电气汽轮机】 推力轴承壳体\SH08T1.17.01.01G01</t>
  </si>
  <si>
    <t>【上海电气汽轮机】 瓦块支撑垫块\SH08J4.20.01.09</t>
  </si>
  <si>
    <t>【上海电气汽轮机】 推力瓦块\SH08T1.17.01.07G01</t>
  </si>
  <si>
    <t>【上海电气汽轮机】 调速体\B902.70.01.13G01</t>
  </si>
  <si>
    <t>【上海电气汽轮机】 轴承端盖(带测温引线出口)\SH08J4.20.01.14G01</t>
  </si>
  <si>
    <t>【上海电气汽轮机】 轴承端盖\SH08J4.20.01.11G01</t>
  </si>
  <si>
    <t>【上海电气汽轮机】 滤网\A156.70.03.11G01</t>
  </si>
  <si>
    <t>【上海电气汽轮机】 弯管缩节\A156.70.03.01</t>
  </si>
  <si>
    <t>【上海电气汽轮机】 带凸台对焊法兰\W2124-DN10"</t>
  </si>
  <si>
    <t>【上海电气汽轮机】 调整片\196.07.03.23</t>
  </si>
  <si>
    <t>【上海电气汽轮机】 调整垫片\196.07.03.01.04</t>
  </si>
  <si>
    <t>【上海电气汽轮机】 嵌条\196.02.46.02.05</t>
  </si>
  <si>
    <t>【上海电气汽轮机】 嵌条\196.02.46.02.02</t>
  </si>
  <si>
    <t>【上海电气汽轮机】 垫片\196.01.12.18</t>
  </si>
  <si>
    <t>【上海电气汽轮机】 垫片\196.01.12.01</t>
  </si>
  <si>
    <t>【上海电气汽轮机】 调整垫片\196.07.03.01.03</t>
  </si>
  <si>
    <t>【上海电气汽轮机】 垫板\196.01.12.20</t>
  </si>
  <si>
    <t>【上海电气汽轮机】 垫片21X30X3\196.01.30+81</t>
  </si>
  <si>
    <t>【上海电气汽轮机】 嵌条\196.02.46.02.01</t>
  </si>
  <si>
    <t>【上海电气汽轮机】 垫片2X70X70\196.01.30+74</t>
  </si>
  <si>
    <t>【上海电气汽轮机】 紧定螺钉\196.07.04.02</t>
  </si>
  <si>
    <t>【上海电气汽轮机】 平衡塞\196.01.12.17</t>
  </si>
  <si>
    <t>【上海电气汽轮机】 调整片\196.07.04.03.01</t>
  </si>
  <si>
    <t>【上海电气汽轮机】 调整片\196.07.04.03.02</t>
  </si>
  <si>
    <t>【上海电气汽轮机】 法兰\196.01.25.28</t>
  </si>
  <si>
    <t>【上海电气汽轮机】 调整垫片\196.07.03.01.02</t>
  </si>
  <si>
    <t>【上海电气汽轮机】 垫片IBC80PN40X2\196.01.30+64</t>
  </si>
  <si>
    <t>【上海电气汽轮机】 汽封片\196.06.23.02</t>
  </si>
  <si>
    <t>【上海电气汽轮机】 调整垫片\196.07.03.01.01</t>
  </si>
  <si>
    <t>【上海电气汽轮机】 六角头螺栓\S1030.3-M12X110</t>
  </si>
  <si>
    <t>【上海电气汽轮机】 锁紧垫片_ X3CrNiMo17-13-3_B13X19.5X2.2_KUN6@\14007939</t>
  </si>
  <si>
    <t>【上海电气汽轮机】 汽封片\196.06.23.01</t>
  </si>
  <si>
    <t>【上海电气汽轮机】 圆柱销\S1506.1-20X100</t>
  </si>
  <si>
    <t>【上海电气汽轮机】 圆柱销\S1506.1-20X60</t>
  </si>
  <si>
    <t>【上海电气汽轮机】 锁紧垫片\S1316.2-50</t>
  </si>
  <si>
    <t>【上海电气汽轮机】 板140X140X5\196.01.30+21</t>
  </si>
  <si>
    <t>【上海电气汽轮机】 圆形强性密封圈的D=8,L=35000\196.01.30+33</t>
  </si>
  <si>
    <t>【上海电气汽轮机】 管夹 \S1542.1-36X6.6</t>
  </si>
  <si>
    <t>【上海电气汽轮机】 锁紧垫片\S1316.1-10.5</t>
  </si>
  <si>
    <t>【上海电气汽轮机】 内阀盖\B196.30.41.09G01</t>
  </si>
  <si>
    <t>【上海电气汽轮机】 内阀盖\196.30.41.18G01</t>
  </si>
  <si>
    <t>【上海电气汽轮机】 内阀盖\196.30.41.54G01</t>
  </si>
  <si>
    <t>【上海电气汽轮机】 外阀盖\196.30.41.37G01</t>
  </si>
  <si>
    <t>【上海电气汽轮机】 外阀盖\196.30.41.68G01</t>
  </si>
  <si>
    <t>【上海电气汽轮机】 压紧环\196.01.71.03</t>
  </si>
  <si>
    <t>【上海电气汽轮机】 高中压转子联轴器组件\A196.27.01G01</t>
  </si>
  <si>
    <t>【上海电气汽轮机】 阀组件\196.07.01.01G02</t>
  </si>
  <si>
    <t>【上海电气汽轮机】 阀杆衬套\B196.30.41.08</t>
  </si>
  <si>
    <t>【上海电气汽轮机】 阀杆衬套\B196.30.41.05</t>
  </si>
  <si>
    <t>【上海电气汽轮机】 盲法兰\196.01.71.26G01</t>
  </si>
  <si>
    <t>【上海电气汽轮机】 防护装置\196.07.02.20G01</t>
  </si>
  <si>
    <t>【上海电气汽轮机】 离合器_FXM85-40SX_BORE-60H7\12007388</t>
  </si>
  <si>
    <t>【上海电气汽轮机】 轴定位法兰\196.24.01.05</t>
  </si>
  <si>
    <t>【上海电气汽轮机】 压块\196.07.02.23</t>
  </si>
  <si>
    <t>【上海电气汽轮机】 支撑键\196.07.01.42G01</t>
  </si>
  <si>
    <t>【上海电气汽轮机】 挡油罩\196.07.01.22G01</t>
  </si>
  <si>
    <t>【上海电气汽轮机】 轴定位法兰\196.24.01.01</t>
  </si>
  <si>
    <t>【上海电气汽轮机】 控制板\196.30.41.71</t>
  </si>
  <si>
    <t>【上海电气汽轮机】 阀杆衬套\B196.30.41.06</t>
  </si>
  <si>
    <t>【上海电气汽轮机】 调整块\196.07.01.18G01</t>
  </si>
  <si>
    <t>【上海电气汽轮机】 调整块\196.07.02.05G01</t>
  </si>
  <si>
    <t>【上海电气汽轮机】 调整块\196.07.02.08G01</t>
  </si>
  <si>
    <t>【上海电气汽轮机】 调整块\196.07.01.15G01</t>
  </si>
  <si>
    <t>【上海电气汽轮机】 销子\196.07.02.28</t>
  </si>
  <si>
    <t>【上海电气汽轮机】 盖板\196.30.41.64</t>
  </si>
  <si>
    <t>【上海电气汽轮机】 压板\196.07.02.32</t>
  </si>
  <si>
    <t>【上海电气汽轮机】 螺栓\196.07.02.24</t>
  </si>
  <si>
    <t>【上海电气汽轮机】 平衡螺塞\196.92.20.02G01</t>
  </si>
  <si>
    <t>【上海电气汽轮机】 固定块\196.30.41.72</t>
  </si>
  <si>
    <t>【上海电气汽轮机】 阀杆衬套\B196.30.41.07</t>
  </si>
  <si>
    <t>【上海电气汽轮机】 调整块\196.07.02.13G01</t>
  </si>
  <si>
    <t>【上海电气汽轮机】 轴承_61840_DIN625\12015506</t>
  </si>
  <si>
    <t>【上海电气汽轮机】 销子\196.07.01.33</t>
  </si>
  <si>
    <t>【上海电气汽轮机】 压板\196.07.01.38</t>
  </si>
  <si>
    <t>【上海电气汽轮机】 压板\196.07.02.36</t>
  </si>
  <si>
    <t>【上海电气汽轮机】 压板\196.07.02.22</t>
  </si>
  <si>
    <t>【上海电气汽轮机】 垫片\196.07.02.03</t>
  </si>
  <si>
    <t>【上海电气汽轮机】 垫片\196.07.01.21</t>
  </si>
  <si>
    <t>【上海电气汽轮机】 压板\196.30.41.65</t>
  </si>
  <si>
    <t>【上海电气汽轮机】 键\196.07.01.27</t>
  </si>
  <si>
    <t>【上海电气汽轮机】 垫片\196.01.71.12</t>
  </si>
  <si>
    <t>【上海电气汽轮机】 平行键\196.07.02.10</t>
  </si>
  <si>
    <t>【上海电气汽轮机】 高温防咬合剂\A196.01.71+3</t>
  </si>
  <si>
    <t>【上海电气汽轮机】 挡板\196.07.02.19</t>
  </si>
  <si>
    <t>【上海电气汽轮机】 调整垫片\196.07.02.31</t>
  </si>
  <si>
    <t>【上海电气汽轮机】 调整垫片\196.07.02.34</t>
  </si>
  <si>
    <t>【上海电气汽轮机】 O形密封圈_FLUOR-KAUTSCHUK_330X4_KUN678.02\19000853</t>
  </si>
  <si>
    <t>【上海电气汽轮机】 缩节\196.07.01.32</t>
  </si>
  <si>
    <t>【上海电气汽轮机】 管夹\S1542.1-36X9</t>
  </si>
  <si>
    <t>【上海电气汽轮机】 99.9%石墨垫圈_70X90X10_KUN678.13\19000840</t>
  </si>
  <si>
    <t>【上海电气汽轮机】 中低压转子联轴器组件\A196.27.02G01</t>
  </si>
  <si>
    <t>【上海电气汽轮机】 推拉杆\196.07.03.17</t>
  </si>
  <si>
    <t>【上海电气汽轮机】 #3轴承座油封（电机端）\196.07.03+5</t>
  </si>
  <si>
    <t>【上海电气汽轮机】 螺纹环装配工具\196.01.75.29G01</t>
  </si>
  <si>
    <t>【上海电气汽轮机】 螺纹环装配工具\196.01.75.31G01</t>
  </si>
  <si>
    <t>【上海电气汽轮机】 连接座\196.91.42.07G01</t>
  </si>
  <si>
    <t>【上海电气汽轮机】 #3轴承座油封（调阀端）\196.07.03+4</t>
  </si>
  <si>
    <t>【上海电气汽轮机】 卡座\196.07.03.31</t>
  </si>
  <si>
    <t>【上海电气汽轮机】 卡座\196.07.03.32</t>
  </si>
  <si>
    <t>【上海电气汽轮机】 螺母\196.07.03.18</t>
  </si>
  <si>
    <t>【上海电气汽轮机】 套筒\196.07.03.20</t>
  </si>
  <si>
    <t>【上海电气汽轮机】 螺母\196.07.03.19</t>
  </si>
  <si>
    <t>【上海电气汽轮机】 阻板\196.07.03.15</t>
  </si>
  <si>
    <t>【上海电气汽轮机】 中压转子现场动平衡块\196.92.21G01</t>
  </si>
  <si>
    <t>【上海电气汽轮机】 调整垫片\196.01.75.03</t>
  </si>
  <si>
    <t>【上海电气汽轮机】 填片\196.01.75.05</t>
  </si>
  <si>
    <t>【上海电气汽轮机】 调整块\196.01.75.07</t>
  </si>
  <si>
    <t>【上海电气汽轮机】 平行键\196.07.03.27</t>
  </si>
  <si>
    <t>【上海电气汽轮机】 填片\196.01.75.04</t>
  </si>
  <si>
    <t>【上海电气汽轮机】 润滑剂\B196.30.61+61</t>
  </si>
  <si>
    <t>【上海电气汽轮机】 六角头螺栓\S1130.4-M56X100</t>
  </si>
  <si>
    <t>【上海电气汽轮机】 支撑块\196.07.03.12</t>
  </si>
  <si>
    <t>【上海电气汽轮机】 螺塞\196.92.21.04G01</t>
  </si>
  <si>
    <t>【上海电气汽轮机】 垫块\196.07.03.05</t>
  </si>
  <si>
    <t>【上海电气汽轮机】 调整块\196.07.03.33</t>
  </si>
  <si>
    <t>【上海电气汽轮机】 填片\196.01.75.08</t>
  </si>
  <si>
    <t>【上海电气汽轮机】 调整片\196.07.03.30</t>
  </si>
  <si>
    <t>【上海电气汽轮机】 焊环\196.07.03.21</t>
  </si>
  <si>
    <t>【上海电气汽轮机】 六角头螺栓\S1130.2-M30X140</t>
  </si>
  <si>
    <t>【上海电气汽轮机】 法兰\S2600.3-DN25XPN40-3.53</t>
  </si>
  <si>
    <t>【上海电气汽轮机】 板\196.07.03.34</t>
  </si>
  <si>
    <t>【上海电气汽轮机】 垫片\196.07.03.06.02</t>
  </si>
  <si>
    <t>【上海电气汽轮机】 垫片\196.07.03.06.01</t>
  </si>
  <si>
    <t>【上海电气汽轮机】 锁紧垫片\196.91.42.10</t>
  </si>
  <si>
    <t>【上海电气汽轮机】 锁紧垫片\196.07.03.35</t>
  </si>
  <si>
    <t>【上海电气汽轮机】 板5x35x61\196.30.60.64</t>
  </si>
  <si>
    <t>【上海电气汽轮机】 板5X39X39\196.30.60.67</t>
  </si>
  <si>
    <t>【上海电气汽轮机】 板4x28x39\196.30.60.65</t>
  </si>
  <si>
    <t>【上海电气汽轮机】 板5X39X45\196.30.60.66</t>
  </si>
  <si>
    <t>【上海电气汽轮机】 99.9%石墨垫圈_80X100X10_KUN678.13\19000842</t>
  </si>
  <si>
    <t>【上海电气汽轮机】 99.9%石墨垫圈_80X100X5_KUN678.13\19000841</t>
  </si>
  <si>
    <t>【上海电气汽轮机】 石墨垫圈_70X90X5\19000839</t>
  </si>
  <si>
    <t>【上海电气汽轮机】 起吊工具\196.90.51G01</t>
  </si>
  <si>
    <t>【上海电气汽轮机】 主汽门调门拆装工具\196.91.30G01</t>
  </si>
  <si>
    <t>【上海电气汽轮机】 联轴器拆装工具\196.91.21(1)G01</t>
  </si>
  <si>
    <t>【上海电气汽轮机】 螺栓加热装置(电加热)\A196.91.51G01</t>
  </si>
  <si>
    <t>【上海电气汽轮机】 主门阀盖螺纹环拆装扳手\196.91.30.09G01</t>
  </si>
  <si>
    <t>【上海电气汽轮机】 再热调门总体吊装工具\196.91.32.16G01</t>
  </si>
  <si>
    <t>【上海电气汽轮机】 调门阀盖螺纹环拆装扳手\196.91.30.47G01</t>
  </si>
  <si>
    <t>【上海电气汽轮机】 主汽门现场泵水工具\196.91.30.62G01</t>
  </si>
  <si>
    <t>【上海电气汽轮机】 主门与调门内阀盖和外阀盖拆装工具\196.91.30.24G01</t>
  </si>
  <si>
    <t>【上海电气汽轮机】 主门与调门阀盖螺纹环起吊工具\196.91.30.67G01</t>
  </si>
  <si>
    <t>【上海电气汽轮机】 再热调门中压进汽口螺纹环安装工具\196.91.32.39G01</t>
  </si>
  <si>
    <t>【上海电气汽轮机】 轴承拆装工具（四）\196.95.12G01</t>
  </si>
  <si>
    <t>【上海电气汽轮机】 螺纹起吊卸扣 M24\196.91.30+9</t>
  </si>
  <si>
    <t>【上海电气汽轮机】 螺纹起吊卸扣 M20\196.91.30+8</t>
  </si>
  <si>
    <t>【上海电气汽轮机】 连接块\B196.91.94.05</t>
  </si>
  <si>
    <t>【上海电气汽轮机】 拆装装置\196.91.30.83G01</t>
  </si>
  <si>
    <t>【上海电气汽轮机】 桥形规1140X280\196.91.03.04</t>
  </si>
  <si>
    <t>【上海电气汽轮机】 缠绕垫片_D775×660×3.2\14001343</t>
  </si>
  <si>
    <t>【上海电气汽轮机】 阀板螺母连接块\B196.91.94.03</t>
  </si>
  <si>
    <t>【上海电气汽轮机】 再热调门阀杆套筒螺纹环拆装扳手\196.91.32.08G01</t>
  </si>
  <si>
    <t>【上海电气汽轮机】 再热主汽门阀杆套筒螺纹环拆装扳手\196.91.32.01G01</t>
  </si>
  <si>
    <t>【上海电气汽轮机】 主门阀杆套筒螺纹环拆装扳手\196.91.30.06G01</t>
  </si>
  <si>
    <t>【上海电气汽轮机】 调门阀杆套筒螺纹环拆装扳手\196.91.30.44G01</t>
  </si>
  <si>
    <t>【上海电气汽轮机】 加装转子平衡块工具\A196.92.24G01</t>
  </si>
  <si>
    <t>【上海电气汽轮机】 低压转子导向装置\196.93.09G01</t>
  </si>
  <si>
    <t>【上海电气汽轮机】 双头螺栓\196.91.94.02(3)</t>
  </si>
  <si>
    <t>【上海电气汽轮机】 双头螺栓\W1703.1-M22X235</t>
  </si>
  <si>
    <t>【上海电气汽轮机】 调门内阀盖拆装工具\196.91.30.52G01</t>
  </si>
  <si>
    <t>【上海电气汽轮机】 六角头螺栓\S1030.3-M20X280</t>
  </si>
  <si>
    <t>【上海电气汽轮机】 双头螺栓\W1703.1-M22X190</t>
  </si>
  <si>
    <t>【上海电气汽轮机】 扳手\196.90.51.05</t>
  </si>
  <si>
    <t>【上海电气汽轮机】 扳手\196.90.51.03</t>
  </si>
  <si>
    <t>【上海电气汽轮机】 六角头螺栓\196.93.09.05</t>
  </si>
  <si>
    <t>【上海电气汽轮机】 六角头螺栓\196.93.09.04</t>
  </si>
  <si>
    <t>【上海电气汽轮机】 圆台\196.93.09.06</t>
  </si>
  <si>
    <t>【上海电气汽轮机】 气动溢流调节阀_Globe/12"/CL300/WC9/BW/SR\12025065</t>
  </si>
  <si>
    <t>【上海电气汽轮机】 手动溢流调节阀_Globe/12"/CL300/WC9/BW\12025066</t>
  </si>
  <si>
    <t>【上海电气汽轮机】 气动供汽调节阀_Globe/4"/CL300/WC9/BW/SR\12025063</t>
  </si>
  <si>
    <t>【上海电气汽轮机】 手动供汽调节阀_Globe/4"/CL300/WC9/BW\12025064</t>
  </si>
  <si>
    <t>【上海电气汽轮机】 法兰\196.60.04.24</t>
  </si>
  <si>
    <t>【上海电气汽轮机】 法兰\196.60.04.06</t>
  </si>
  <si>
    <t>【上海电气汽轮机】 Y型滤网YG200-25-Ⅲ_内10目中30目外10目,350℃,2.5MPa\12028410</t>
  </si>
  <si>
    <t>【上海电气汽轮机】 法兰盖\196.60.04.07</t>
  </si>
  <si>
    <t>【上海电气汽轮机】 法兰\0.2510-93-DN200(A)</t>
  </si>
  <si>
    <t>【上海电气汽轮机】 法兰\0.2505-93-DN150</t>
  </si>
  <si>
    <t>【上海电气汽轮机】 管接头\196.60.04.21</t>
  </si>
  <si>
    <t>【上海电气汽轮机】 管接头\196.60.04.20</t>
  </si>
  <si>
    <t>【上海电气汽轮机】 仪表接头\196.60.04.10</t>
  </si>
  <si>
    <t>【上海电气汽轮机】 管接头\196.60.04.22</t>
  </si>
  <si>
    <t>【上海电气汽轮机】 仪表管φ13.5X2.6X20000\196.60.04(4)+79</t>
  </si>
  <si>
    <t>【上海电气汽轮机】 管接头\196.60.04.25</t>
  </si>
  <si>
    <t>【上海电气汽轮机】 仪表接头\196.60.04.08</t>
  </si>
  <si>
    <t>【上海电气汽轮机】 管接头\196.60.04.23</t>
  </si>
  <si>
    <t>【上海电气汽轮机】 缠绕垫片(外环)_C42-250-25_JB90\14001111</t>
  </si>
  <si>
    <t>【上海电气汽轮机】 仪表接头\196.60.04.14</t>
  </si>
  <si>
    <t>【上海电气汽轮机】 仪表接头\196.60.04.13</t>
  </si>
  <si>
    <t>【上海电气汽轮机】 双头螺栓\W1040.2-M33X3X250</t>
  </si>
  <si>
    <t>【上海电气汽轮机】 管接头\196.60.04.11</t>
  </si>
  <si>
    <t>【上海电气汽轮机】 仪表接头\196.60.04.15</t>
  </si>
  <si>
    <t>【上海电气汽轮机】 六角螺母\W1220.6-M33X3</t>
  </si>
  <si>
    <t>【上海电气汽轮机】 垫片φ210/φ160X3\196.60.04(4)+5</t>
  </si>
  <si>
    <t>【上海电气汽轮机】 45°弯头_R=1.5DN_20#_DN80-D89-T5\12000102</t>
  </si>
  <si>
    <t>【上海电气汽轮机】 垫片φ18/φ9X1\196.60.04(4)+75</t>
  </si>
  <si>
    <t>【上海电气汽轮机】 标准型弹簧垫圈\0.1331-90-33</t>
  </si>
  <si>
    <t>【上海电气汽轮机】 滤网\157.73.28.43(1)</t>
  </si>
  <si>
    <t>【上海电气汽轮机】 滤网法兰盖\157.73.28.37(1)</t>
  </si>
  <si>
    <t>【上海电气汽轮机】 垫片δ2\157.73.28.36(1)</t>
  </si>
  <si>
    <t>【上海电气汽轮机】 手动隔离阀_3.0-11G4CJ-F22 9L/HANDWHEEL\12015610</t>
  </si>
  <si>
    <t>【上海电气汽轮机】 手动隔离阀_2.0-14G4CJ-F91 8G/HANDWHEEL\12015609</t>
  </si>
  <si>
    <t>【上海电气汽轮机】 手动隔离阀_1.5-11G4CJ-F91 6H/HANDWHEEL\12015608</t>
  </si>
  <si>
    <t>【上海电气汽轮机】 疏水隔离阀_1.5-11G4CJ-F22_6H/HAND\12009687</t>
  </si>
  <si>
    <t>【上海电气汽轮机】 滤网_Y50-64-III_60目_法兰按GB9115.14-88-DN50\12016699</t>
  </si>
  <si>
    <t>【上海电气汽轮机】 三通_12Cr1MoV_φ168.3×168.3×14.3\12029278</t>
  </si>
  <si>
    <t>【上海电气汽轮机】 节流阀_L61H-64_DN50\12021098</t>
  </si>
  <si>
    <t>【上海电气汽轮机】 凸面对焊钢制管法兰\0.2508-93-DN50</t>
  </si>
  <si>
    <t>【上海电气汽轮机】 仪表阀_J13W-160_100℃,G1/2_不含铜\12019353</t>
  </si>
  <si>
    <t>【上海电气汽轮机】 管接头\196.60.50.01</t>
  </si>
  <si>
    <t>【上海电气汽轮机】 管接头\196.60.50.02</t>
  </si>
  <si>
    <t>【上海电气汽轮机】 管接头\196.60.50.02(1)</t>
  </si>
  <si>
    <t>【上海电气汽轮机】 管接头\196.60.50.01(1)</t>
  </si>
  <si>
    <t>【上海电气汽轮机】 管接头\196.60.50.08</t>
  </si>
  <si>
    <t>【上海电气汽轮机】 管接头\196.60.50.09</t>
  </si>
  <si>
    <t>【上海电气汽轮机】 缠绕垫片_B42-50-63_JB90\14000601</t>
  </si>
  <si>
    <t>【上海电气汽轮机】 缠绕垫片(外环)_C42-20-25_JB90\14001106</t>
  </si>
  <si>
    <t>【上海电气汽轮机】 六角头螺栓\0.1030-90-M18X115</t>
  </si>
  <si>
    <t>【上海电气汽轮机】 仪表垫片_丁晴橡胶_φ18/φ9\14010396</t>
  </si>
  <si>
    <t>【上海电气汽轮机】 1型六角螺母\0.1200-90-M18</t>
  </si>
  <si>
    <t>【上海电气汽轮机】 垫圈 \0.1300-90-18</t>
  </si>
  <si>
    <t>【上海电气汽轮机】 标准型弹簧垫圈\0.1331-90-18</t>
  </si>
  <si>
    <t>【上海电气汽轮机】 节流阀滤网组件_PFL61W-16P_DN65\12023187</t>
  </si>
  <si>
    <t>【上海电气汽轮机】 压力表\B196.74.01+46</t>
  </si>
  <si>
    <t>【上海电气汽轮机】 温度计\B196.74.01+39</t>
  </si>
  <si>
    <t>【上海电气汽轮机】 温度计\B196.74.01+51</t>
  </si>
  <si>
    <t>【上海电气汽轮机】 金属环垫\B196.74.01+119</t>
  </si>
  <si>
    <t>【上海电气汽轮机】 金属环垫\B196.74.01+91</t>
  </si>
  <si>
    <t>【上海电气汽轮机】 仪表阀\B196.74.01+49</t>
  </si>
  <si>
    <t>【上海电气汽轮机】 法兰垫片φ260/φ220X3\B196.74.01+85</t>
  </si>
  <si>
    <t>【上海电气汽轮机】 法兰螺柱\0.1045B-90-M24X170</t>
  </si>
  <si>
    <t>【上海电气汽轮机】 垫块\168.73.01.194(1)</t>
  </si>
  <si>
    <t>【上海电气汽轮机】 法兰垫片φ140/φ120X3\B196.74.01+107</t>
  </si>
  <si>
    <t>【上海电气汽轮机】 垫片φ120/φ66X3\196.73.01(3)+71</t>
  </si>
  <si>
    <t>【上海电气汽轮机】 1型六角螺母M24\B196.74.01+115</t>
  </si>
  <si>
    <t>【上海电气汽轮机】 垫片φ99/φ62X3\196.73.01(3)+67</t>
  </si>
  <si>
    <t>【上海电气汽轮机】 法兰垫片φ45/φ30X3\B196.74.01+99</t>
  </si>
  <si>
    <t>【上海电气汽轮机】 垫片φ65/φ25X3\196.73.01(3)+118</t>
  </si>
  <si>
    <t>【上海电气汽轮机】 垫片φ22/φ14X1\B196.74.01+40</t>
  </si>
  <si>
    <t>【上海电气汽轮机】 垫片φ18/φ9X1\B196.74.01+47</t>
  </si>
  <si>
    <t>【上海电气汽轮机】 垫片\196.08.02.15.03</t>
  </si>
  <si>
    <t>【上海电气汽轮机】 垫片\196.08.02.15.02</t>
  </si>
  <si>
    <t>【上海电气汽轮机】 垫片\196.08.02.15.01</t>
  </si>
  <si>
    <t>【上海电气汽轮机】 螺纹环精加工图\DR96.01.71.04G01</t>
  </si>
  <si>
    <t>【上海电气汽轮机】 密封环\DR96.30.41.20</t>
  </si>
  <si>
    <t>【上海电气汽轮机】 密封环\DR96.30.41.05</t>
  </si>
  <si>
    <t>【上海电气汽轮机】 压紧环\DR96.01.71.01G01</t>
  </si>
  <si>
    <t>【上海电气汽轮机】 I型密封环\DR96.01.71.11G01</t>
  </si>
  <si>
    <t>【上海电气汽轮机】 阀组块\DR96.07.01.06G02</t>
  </si>
  <si>
    <t>【上海电气汽轮机】 环\DR96.30.41.35G01</t>
  </si>
  <si>
    <t>【上海电气汽轮机】 阀组件\DR96.07.01.06G01</t>
  </si>
  <si>
    <t>【上海电气汽轮机】 内阀盖\DR96.30.41.31G01</t>
  </si>
  <si>
    <t>【上海电气汽轮机】 内阀盖\DR96.30.41.13G01</t>
  </si>
  <si>
    <t>【上海电气汽轮机】 外阀盖\DR96.30.41.37G01</t>
  </si>
  <si>
    <t>【上海电气汽轮机】 衬套\DR96.30.41.34</t>
  </si>
  <si>
    <t>【上海电气汽轮机】 阀组件\DR96.07.02.01G01</t>
  </si>
  <si>
    <t>【上海电气汽轮机】 衬套\DR96.30.41.17</t>
  </si>
  <si>
    <t>【上海电气汽轮机】 外阀盖\DR96.30.41.21G01</t>
  </si>
  <si>
    <t>【上海电气汽轮机】 轴定位法兰（GB）\F195.24.01.01</t>
  </si>
  <si>
    <t>【上海电气汽轮机】 活塞环\DR96.01.71.14</t>
  </si>
  <si>
    <t>【上海电气汽轮机】 盲法兰\DR96.01.71.16</t>
  </si>
  <si>
    <t>【上海电气汽轮机】 盲法兰\F195.01.71.10G01</t>
  </si>
  <si>
    <t>【上海电气汽轮机】 密封条\DR96.01.71.13</t>
  </si>
  <si>
    <t>【上海电气汽轮机】 控制板\D196.30.41.12</t>
  </si>
  <si>
    <t>【上海电气汽轮机】 密封环MSI-006024-09-03-1-SPJ\19008390</t>
  </si>
  <si>
    <t>【上海电气汽轮机】 盖板\D196.30.41.52</t>
  </si>
  <si>
    <t>【上海电气汽轮机】 盖板\D196.30.41.22</t>
  </si>
  <si>
    <t>【上海电气汽轮机】 焊接法兰\DR96.30.41.10</t>
  </si>
  <si>
    <t>【上海电气汽轮机】 环\D196.30.41.15</t>
  </si>
  <si>
    <t>【上海电气汽轮机】 法兰\S2500.2-3"-150LB</t>
  </si>
  <si>
    <t>【上海电气汽轮机】 固定块\DR96.30.41.06</t>
  </si>
  <si>
    <t>【上海电气汽轮机】 键\DR96.01.71.15</t>
  </si>
  <si>
    <t>【上海电气汽轮机】 衬套\D196.30.41.50</t>
  </si>
  <si>
    <t>【上海电气汽轮机】 螺塞\F195.01.71.09</t>
  </si>
  <si>
    <t>【上海电气汽轮机】 压板\D196.30.41.53</t>
  </si>
  <si>
    <t>【上海电气汽轮机】 压板\D196.30.41.23</t>
  </si>
  <si>
    <t>【上海电气汽轮机】 法兰\S2500.2-1.25"-150LB</t>
  </si>
  <si>
    <t>【上海电气汽轮机】 法兰\S2500.2-1.5"-150LB</t>
  </si>
  <si>
    <t>【上海电气汽轮机】 垫块\D196.30.41.31</t>
  </si>
  <si>
    <t>【上海电气汽轮机】 外螺纹接头\S2232.2-L18B-G</t>
  </si>
  <si>
    <t>【上海电气汽轮机】 外螺纹接头\S2230.2-L15M</t>
  </si>
  <si>
    <t>【上海电气汽轮机】 锁紧垫圈_DC01-A_17_DIN432\14194819</t>
  </si>
  <si>
    <t>【上海电气汽轮机】 密封圈\DR96.60.22.63</t>
  </si>
  <si>
    <t>【上海电气汽轮机】 垫片\DR96.60.22.35</t>
  </si>
  <si>
    <t>【上海电气汽轮机】 垫片\DR96.60.22.64</t>
  </si>
  <si>
    <t>【上海电气汽轮机】 垫片\DR96.60.22.54</t>
  </si>
  <si>
    <t>【上海电气汽轮机】 闷头法兰组件\DR96.60.22.60G01</t>
  </si>
  <si>
    <t>【上海电气汽轮机】 垫圈_GRAPHIT+CRNI-STAHL_B311X360X385\14208053</t>
  </si>
  <si>
    <t>【上海电气汽轮机】 垫圈_GRAPHIT+CRNI-STAHL_B265X310X330\14201625</t>
  </si>
  <si>
    <t>【上海电气汽轮机】 盖板\DR96.01.12.03G01</t>
  </si>
  <si>
    <t>【上海电气汽轮机】 连接套筒\F195.07.04.11G01</t>
  </si>
  <si>
    <t>【上海电气汽轮机】 阀组件\DR96.07.03.18G01</t>
  </si>
  <si>
    <t>【上海电气汽轮机】 推拉杆\DR96.07.05.05</t>
  </si>
  <si>
    <t>【上海电气汽轮机】 推拉杆\DR96.07.05.04</t>
  </si>
  <si>
    <t>【上海电气汽轮机】 #6轴承座油封(电机端)\DR96.07.39-1</t>
  </si>
  <si>
    <t>【上海电气汽轮机】 膨胀节\D196.06.50.06G01</t>
  </si>
  <si>
    <t>【上海电气汽轮机】 连杆\DR96.07.06.02</t>
  </si>
  <si>
    <t>【上海电气汽轮机】 补偿器\F195.06.52.02G01</t>
  </si>
  <si>
    <t>【上海电气汽轮机】 法兰\S2500.2-8"-150LB</t>
  </si>
  <si>
    <t>【上海电气汽轮机】 阻板\DR96.07.05.03</t>
  </si>
  <si>
    <t>【上海电气汽轮机】 环\F195.06.52.07</t>
  </si>
  <si>
    <t>【上海电气汽轮机】 环\F195.06.52.06</t>
  </si>
  <si>
    <t>【上海电气汽轮机】 圆盘\DR96.07.06.05</t>
  </si>
  <si>
    <t>【上海电气汽轮机】 密封条\DR96.01.12.06</t>
  </si>
  <si>
    <t>【上海电气汽轮机】 盖板\D196.06.50.07G01</t>
  </si>
  <si>
    <t>【上海电气汽轮机】 盖\F195.07.04.05</t>
  </si>
  <si>
    <t>【上海电气汽轮机】 法兰\S2500.2-2.5"-150LB</t>
  </si>
  <si>
    <t>【上海电气汽轮机】 调整块\DR96.07.06.01</t>
  </si>
  <si>
    <t>【上海电气汽轮机】 固定板\DR96.07.06.04</t>
  </si>
  <si>
    <t>【上海电气汽轮机】 喷嘴_P1/4TT-SS+D10-25HSS\12007787</t>
  </si>
  <si>
    <t>【上海电气汽轮机】 连接板\D196.06.50.08G01</t>
  </si>
  <si>
    <t>【上海电气汽轮机】 垫块\DR96.07.05.01</t>
  </si>
  <si>
    <t>【上海电气汽轮机】 杆\F195.07.04.12</t>
  </si>
  <si>
    <t>【上海电气汽轮机】 油封齿\D196.07.36.01</t>
  </si>
  <si>
    <t>【上海电气汽轮机】 油封齿\D196.07.39.01</t>
  </si>
  <si>
    <t>【上海电气汽轮机】 圆条6X700\13001045</t>
  </si>
  <si>
    <t>【上海电气汽轮机】 六角头螺栓\S1030.1-M24X80</t>
  </si>
  <si>
    <t>【上海电气汽轮机】 垫圈_E-CU57F20_21X30X3_SQZ20.33\14200631</t>
  </si>
  <si>
    <t>【上海电气汽轮机】 垫圈_ARAMID-NBR_2×70×70_SQZ20.14\19008607</t>
  </si>
  <si>
    <t>【上海电气汽轮机】 垫片\DR96.07.05.02.02</t>
  </si>
  <si>
    <t>【上海电气汽轮机】 垫片\DR96.07.05.02.01</t>
  </si>
  <si>
    <t>【上海电气汽轮机】 主门阀盖精加工图\DR96.30.60.11G01</t>
  </si>
  <si>
    <t>【上海电气汽轮机】 调门阀盖精加工图\DR96.30.60.28G01</t>
  </si>
  <si>
    <t>【上海电气汽轮机】 调门阀碟精加工图\DR96.30.60.32G01</t>
  </si>
  <si>
    <t>【上海电气汽轮机】 衬套\DR96.30.60.37</t>
  </si>
  <si>
    <t>【上海电气汽轮机】 衬套\DR96.30.60.38</t>
  </si>
  <si>
    <t>【上海电气汽轮机】 衬套\DR96.30.60.34</t>
  </si>
  <si>
    <t>【上海电气汽轮机】 衬套\DR96.30.60.19</t>
  </si>
  <si>
    <t>【上海电气汽轮机】 #3轴承座油封(电机端)\DR96.07.35-1</t>
  </si>
  <si>
    <t>【上海电气汽轮机】 环\DR96.30.60.35G01</t>
  </si>
  <si>
    <t>【上海电气汽轮机】 L型环\DR96.01.75.06G01</t>
  </si>
  <si>
    <t>【上海电气汽轮机】 螺纹环装配工具\DR96.01.75.14G01</t>
  </si>
  <si>
    <t>【上海电气汽轮机】 盲法兰\DR96.01.75.03G01</t>
  </si>
  <si>
    <t>【上海电气汽轮机】 小阀座\DR96.30.60.18G01</t>
  </si>
  <si>
    <t>【上海电气汽轮机】 定位键\DR96.01.75.02</t>
  </si>
  <si>
    <t>【上海电气汽轮机】 偏心销\DR96.01.75.01</t>
  </si>
  <si>
    <t>【上海电气汽轮机】 调整块\D196.01.75.03</t>
  </si>
  <si>
    <t>【上海电气汽轮机】 平焊法兰\DR96.30.60.36</t>
  </si>
  <si>
    <t>【上海电气汽轮机】 盲法兰\DR96.01.75.04</t>
  </si>
  <si>
    <t>【上海电气汽轮机】 盖板组焊\DR96.07.03.02G01</t>
  </si>
  <si>
    <t>【上海电气汽轮机】 调整块\DR96.01.75.05</t>
  </si>
  <si>
    <t>【上海电气汽轮机】 环\159.30.60.33</t>
  </si>
  <si>
    <t>【上海电气汽轮机】 环\159.30.60.05</t>
  </si>
  <si>
    <t>【上海电气汽轮机】 起重螺栓\S1047.1-M72X6X35X450</t>
  </si>
  <si>
    <t>【上海电气汽轮机】 压板\DR96.07.03.13</t>
  </si>
  <si>
    <t>【上海电气汽轮机】 挡板\DR96.07.03.20</t>
  </si>
  <si>
    <t>【上海电气汽轮机】 填片\D196.01.75.04</t>
  </si>
  <si>
    <t>【上海电气汽轮机】 垫片\DR96.07.03.06</t>
  </si>
  <si>
    <t>【上海电气汽轮机】 内六角螺钉\S1050.3-M16X40</t>
  </si>
  <si>
    <t>【上海电气汽轮机】 锁紧垫片\S1316.3-25</t>
  </si>
  <si>
    <t>【上海电气汽轮机】 阀碟\DR96.30.64.08G01</t>
  </si>
  <si>
    <t>【上海电气汽轮机】 阀盖\DR96.30.64.26G01</t>
  </si>
  <si>
    <t>【上海电气汽轮机】 阀盖\DR96.30.64.36G01</t>
  </si>
  <si>
    <t>【上海电气汽轮机】 阀碟\DR96.30.64.34G01</t>
  </si>
  <si>
    <t>【上海电气汽轮机】 环\DR96.30.64.21G01</t>
  </si>
  <si>
    <t>【上海电气汽轮机】 阀碟衬套\DR96.30.64.39</t>
  </si>
  <si>
    <t>【上海电气汽轮机】 阀碟衬套\DR96.30.64.19</t>
  </si>
  <si>
    <t>【上海电气汽轮机】 支撑块\DR96.01.85.34</t>
  </si>
  <si>
    <t>【上海电气汽轮机】 支撑块\DR96.01.85.33</t>
  </si>
  <si>
    <t>【上海电气汽轮机】 推拉杆\DR96.07.04.06</t>
  </si>
  <si>
    <t>【上海电气汽轮机】 衬套\DR96.30.64.28</t>
  </si>
  <si>
    <t>【上海电气汽轮机】 衬套\DR96.30.64.22</t>
  </si>
  <si>
    <t>【上海电气汽轮机】 #5轴承座油封(电机端)\DR96.07.37-1</t>
  </si>
  <si>
    <t>【上海电气汽轮机】 预启阀座\DR96.30.64.17G01</t>
  </si>
  <si>
    <t>【上海电气汽轮机】 螺纹环装配工具\DR96.01.85.44G01</t>
  </si>
  <si>
    <t>【上海电气汽轮机】 螺纹环装配工具\DR96.01.85.40G01</t>
  </si>
  <si>
    <t>【上海电气汽轮机】 圆筒\DR96.30.64.31G01</t>
  </si>
  <si>
    <t>【上海电气汽轮机】 #4轴承座油封\DR96.07.36-1</t>
  </si>
  <si>
    <t>【上海电气汽轮机】 螺纹环装配工具\DR96.01.85.42G01</t>
  </si>
  <si>
    <t>【上海电气汽轮机】 螺纹环装配工具\DR96.01.85.38G01</t>
  </si>
  <si>
    <t>【上海电气汽轮机】 汽封接管\DR96.01.85.27G01</t>
  </si>
  <si>
    <t>【上海电气汽轮机】 汽封接管\DR96.01.85.24G01</t>
  </si>
  <si>
    <t>【上海电气汽轮机】 盲法兰\DR96.01.85.48</t>
  </si>
  <si>
    <t>【上海电气汽轮机】 垫圈\DR96.01.85.18</t>
  </si>
  <si>
    <t>【上海电气汽轮机】 环\DR96.30.64.38</t>
  </si>
  <si>
    <t>【上海电气汽轮机】 垫圈\DR96.01.85.19</t>
  </si>
  <si>
    <t>【上海电气汽轮机】 联轴器盖板（调阀端）\DR96.24.03.01</t>
  </si>
  <si>
    <t>【上海电气汽轮机】 垫圈\DR96.01.85.17</t>
  </si>
  <si>
    <t>【上海电气汽轮机】 阻板\DR96.07.04.01</t>
  </si>
  <si>
    <t>【上海电气汽轮机】 环\DR96.30.64.47</t>
  </si>
  <si>
    <t>【上海电气汽轮机】 衬套\DR96.30.64.23</t>
  </si>
  <si>
    <t>【上海电气汽轮机】 盖子\DR96.30.64.29</t>
  </si>
  <si>
    <t>【上海电气汽轮机】 调整块\DR96.01.85.01</t>
  </si>
  <si>
    <t>【上海电气汽轮机】 平焊法兰\E195.30.60.30</t>
  </si>
  <si>
    <t>【上海电气汽轮机】 填片\DR96.01.85.46</t>
  </si>
  <si>
    <t>【上海电气汽轮机】 填片\DR96.01.85.03</t>
  </si>
  <si>
    <t>【上海电气汽轮机】 孔塞\DR96.01.85.21</t>
  </si>
  <si>
    <t>【上海电气汽轮机】 衬套\DR96.30.64.30</t>
  </si>
  <si>
    <t>【上海电气汽轮机】 孔塞\DR96.01.85.20</t>
  </si>
  <si>
    <t>【上海电气汽轮机】 调整垫片\DR96.01.85.04</t>
  </si>
  <si>
    <t>【上海电气汽轮机】 垫板\DR96.01.85.02</t>
  </si>
  <si>
    <t>【上海电气汽轮机】 垫片\S1320.1-CEH140X70</t>
  </si>
  <si>
    <t>【上海电气汽轮机】 起重螺栓\S1047.1-M36X15X600</t>
  </si>
  <si>
    <t>【上海电气汽轮机】 中压调门总体吊装工具\DR96.91.34.03G01</t>
  </si>
  <si>
    <t>【上海电气汽轮机】 低压转子托架_SN.DLTJ-120\12025896</t>
  </si>
  <si>
    <t>【上海电气汽轮机】 联轴器拆装工具\DR96.91.21+1</t>
  </si>
  <si>
    <t>【上海电气汽轮机】 联轴器绞孔工具\DR96.91.22+1</t>
  </si>
  <si>
    <t>【上海电气汽轮机】 主门与调门阀盖螺纹环起吊工具\D196.91.30.10G01</t>
  </si>
  <si>
    <t>【上海电气汽轮机】 扭矩扳手_M=2400Nm\12170026</t>
  </si>
  <si>
    <t>【上海电气汽轮机】 可调扳手_KW1500TD_M=0-5500Nm\12169990</t>
  </si>
  <si>
    <t>【上海电气汽轮机】 调门内阀盖拆装工具\DR96.91.30.14G01</t>
  </si>
  <si>
    <t>【上海电气汽轮机】 超薄型液压千斤顶_50t\12173419</t>
  </si>
  <si>
    <t>【上海电气汽轮机】 主门与调门内阀盖和外阀盖拆装工具\DR96.91.30.11G01</t>
  </si>
  <si>
    <t>【上海电气汽轮机】 力矩扳手_M=100-750Nm\12169992</t>
  </si>
  <si>
    <t>【上海电气汽轮机】 高强度弓形卸扣_25t_带螺栓\12110646</t>
  </si>
  <si>
    <t>【上海电气汽轮机】 中压主汽门阀蝶套筒螺纹环拆装扳手\DR96.91.34.01G01</t>
  </si>
  <si>
    <t>【上海电气汽轮机】 主汽门现场泵水工具\D196.91.30.08G01</t>
  </si>
  <si>
    <t>【上海电气汽轮机】 力矩扳手_M=20-220Nm\12169991</t>
  </si>
  <si>
    <t>【上海电气汽轮机】 螺栓\DR96.90.55.03</t>
  </si>
  <si>
    <t>【上海电气汽轮机】 主门阀碟套筒螺纹环拆装扳手\196.91.30.01G01</t>
  </si>
  <si>
    <t>【上海电气汽轮机】 螺栓\DR96.90.55.02</t>
  </si>
  <si>
    <t>【上海电气汽轮机】 六角套筒扳手_S135/63.5\12170029</t>
  </si>
  <si>
    <t>【上海电气汽轮机】 套筒扳手\DR96.90.55.05G01</t>
  </si>
  <si>
    <t>【上海电气汽轮机】 六角套筒扳手_S120/63.5\12170028</t>
  </si>
  <si>
    <t>【上海电气汽轮机】 六角套筒扳手_S=120/38.1\12170013</t>
  </si>
  <si>
    <t>【上海电气汽轮机】 单头套筒扳手_S120_SQZ28.13\12169985</t>
  </si>
  <si>
    <t>【上海电气汽轮机】 扳手\DR96.90.55.04G01</t>
  </si>
  <si>
    <t>【上海电气汽轮机】 护套\196.90.52.65</t>
  </si>
  <si>
    <t>【上海电气汽轮机】 六角套筒扳手_S105/63.5\12170027</t>
  </si>
  <si>
    <t>【上海电气汽轮机】 单头套筒扳手_S115_SQZ28.13\12169984</t>
  </si>
  <si>
    <t>【上海电气汽轮机】 单头套筒扳手_S105_SQZ28.13\12169983</t>
  </si>
  <si>
    <t>【上海电气汽轮机】 六角套筒扳手_S=115/38.1\12170012</t>
  </si>
  <si>
    <t>【上海电气汽轮机】 六角套筒扳手_S=105/38.1\12170011</t>
  </si>
  <si>
    <t>【上海电气汽轮机】 单头套筒扳手_S85_SQZ28.13\12169982</t>
  </si>
  <si>
    <t>【上海电气汽轮机】 拆装装置\D196.91.30.11G01</t>
  </si>
  <si>
    <t>【上海电气汽轮机】 单头套筒扳手_S75_SQZ28.13\12169981</t>
  </si>
  <si>
    <t>【上海电气汽轮机】 六角套筒扳手_S=95/38.1\12170010</t>
  </si>
  <si>
    <t>【上海电气汽轮机】 单头套筒扳手_S70_SQZ28.13\12169980</t>
  </si>
  <si>
    <t>【上海电气汽轮机】 单头套筒扳手_S65_SQZ28.13\12169979</t>
  </si>
  <si>
    <t>【上海电气汽轮机】 六角套筒扳手_S=85/38.1\12170009</t>
  </si>
  <si>
    <t>【上海电气汽轮机】 桥型规1140X265\DR96.91.03.01</t>
  </si>
  <si>
    <t>【上海电气汽轮机】 单头套筒扳手_S60_SQZ28.13\12169978</t>
  </si>
  <si>
    <t>【上海电气汽轮机】 下直梁\196.90.53.03</t>
  </si>
  <si>
    <t>【上海电气汽轮机】 六角套筒扳手_S=75/25.4\12170008</t>
  </si>
  <si>
    <t>【上海电气汽轮机】 中压调门中压进汽口螺纹环安装工具\DR96.91.34.07G01</t>
  </si>
  <si>
    <t>【上海电气汽轮机】 单头套筒扳手_S41_SQZ28.13\12169977</t>
  </si>
  <si>
    <t>【上海电气汽轮机】 六角套筒扳手_S=70/25.4\12170007</t>
  </si>
  <si>
    <t>【上海电气汽轮机】 六角套筒扳手_S=65/25.4\12170006</t>
  </si>
  <si>
    <t>【上海电气汽轮机】 高压调门高压进汽口螺纹环安装工具\DR96.91.32.09G01</t>
  </si>
  <si>
    <t>【上海电气汽轮机】 六角套筒扳手_S=60/25.4\12170005</t>
  </si>
  <si>
    <t>【上海电气汽轮机】 上直梁\196.90.53.02</t>
  </si>
  <si>
    <t>【上海电气汽轮机】 六角套筒扳手_S=55/25.4\12170004</t>
  </si>
  <si>
    <t>【上海电气汽轮机】 护套\DR96.90.52.37</t>
  </si>
  <si>
    <t>【上海电气汽轮机】 护套\DR96.90.52.36</t>
  </si>
  <si>
    <t>【上海电气汽轮机】 调门阀杆套筒螺纹环拆装扳手\D196.91.30.05G01</t>
  </si>
  <si>
    <t>【上海电气汽轮机】 高强度卸扣_S-DW25-1 3/4\13001701</t>
  </si>
  <si>
    <t>【上海电气汽轮机】 螺栓伸长测量装置\W4024-12</t>
  </si>
  <si>
    <t>【上海电气汽轮机】 主门阀杆套筒螺纹环拆装扳手\D196.91.30.01G01</t>
  </si>
  <si>
    <t>【上海电气汽轮机】 六角套筒扳手_S=30/19.05\12169999</t>
  </si>
  <si>
    <t>【上海电气汽轮机】 六角套筒扳手_S=46/25.4\12170003</t>
  </si>
  <si>
    <t>【上海电气汽轮机】 六角套筒扳手_S=41/25.4\12170002</t>
  </si>
  <si>
    <t>【上海电气汽轮机】 六角套筒扳手_S=36/19.05\12170001</t>
  </si>
  <si>
    <t>【上海电气汽轮机】 六角套筒扳手_S=32/19.05\12170000</t>
  </si>
  <si>
    <t>【上海电气汽轮机】 圆柱端紧定螺钉\S1060.1-M36X245</t>
  </si>
  <si>
    <t>【上海电气汽轮机】 六角套筒扳手_S=27/19.05\12169998</t>
  </si>
  <si>
    <t>【上海电气汽轮机】 六角套筒扳手_S=24/19.05\12169997</t>
  </si>
  <si>
    <t>【上海电气汽轮机】 六角套筒扳手_S=19/12.7\12169996</t>
  </si>
  <si>
    <t>【上海电气汽轮机】 六角套筒扳手_S=18/12.7\12169995</t>
  </si>
  <si>
    <t>【上海电气汽轮机】 六角套筒扳手_S=17/12.7\12169994</t>
  </si>
  <si>
    <t>【上海电气汽轮机】 六角套筒扳手_S=14/12.7\12169993</t>
  </si>
  <si>
    <t>【上海电气汽轮机】 轴套\196.90.53.11</t>
  </si>
  <si>
    <t>【上海电气汽轮机】 盖板\196.90.53.10</t>
  </si>
  <si>
    <t>【上海电气汽轮机】 轴\196.90.53.09</t>
  </si>
  <si>
    <t>【上海电气汽轮机】 六角头螺栓\DR96.93.09.04</t>
  </si>
  <si>
    <t>【上海电气汽轮机】 六角头螺栓\DR96.93.09.03</t>
  </si>
  <si>
    <t>【上海电气汽轮机】 专用套筒\DR96.92.24.01</t>
  </si>
  <si>
    <t>【上海电气汽轮机】 半环\196.90.53.04</t>
  </si>
  <si>
    <t>【上海电气汽轮机】 专用套筒\DR96.92.24.05</t>
  </si>
  <si>
    <t>【上海电气汽轮机】 专用螺母\DR96.92.24.03</t>
  </si>
  <si>
    <t>【上海电气汽轮机】 专用螺母\DR96.92.24.07</t>
  </si>
  <si>
    <t>【上海电气汽轮机】 螺纹杆\DR96.92.24.04</t>
  </si>
  <si>
    <t>【上海电气汽轮机】 螺纹杆\DR96.92.24.09</t>
  </si>
  <si>
    <t>【上海电气汽轮机】 调节阀_4"GS-CL300-GLOBE/ WC6/BW/700-100RA\12131792</t>
  </si>
  <si>
    <t>【上海电气汽轮机】 调节阀_4"GS-CL300-GLOBE/ WC6/BW/820\12131795</t>
  </si>
  <si>
    <t>【上海电气汽轮机】 电动闸阀_Z961Y-25I_DN450-φ457.2X9.5_杨修一体化\12179910</t>
  </si>
  <si>
    <t>【上海电气汽轮机】 止回阀_H74J-10_DN200\12117545</t>
  </si>
  <si>
    <t>【上海电气汽轮机】 磁翻柱液位计_UHZ-52YLBGKB-550-1.6-1000/T2配检修阀\12130074</t>
  </si>
  <si>
    <t>【上海电气汽轮机】 波纹管_10BDZ200X4-F\12024687</t>
  </si>
  <si>
    <t>【上海电气汽轮机】 双头螺柱\0.1040-90-M16X65</t>
  </si>
  <si>
    <t>【上海电气汽轮机】 真空表_YE-100/Z/ML(B)/316\12024689</t>
  </si>
  <si>
    <t>【上海电气汽轮机】 法兰\0.2504-93-DN100</t>
  </si>
  <si>
    <t>【上海电气汽轮机】 双头螺柱\0.1040-90-M14X35</t>
  </si>
  <si>
    <t>【上海电气汽轮机】 双金属温度计_WSS-581_0-100℃-L=180\12129358</t>
  </si>
  <si>
    <t>【上海电气汽轮机】 温度计_WSS-581_0-400℃_L=250 M27X2\12010943</t>
  </si>
  <si>
    <t>【上海电气汽轮机】 缠绕垫圈(带内环)_C42-300-25_GB4622.2\14000668</t>
  </si>
  <si>
    <t>【上海电气汽轮机】 金属缠绕垫圈_0Cr18Ni9_φ324/φ254X3_GB4622.3\14202295</t>
  </si>
  <si>
    <t>【上海电气汽轮机】 缠绕垫圈(带内环)_C42-250-25_GB4622.2\14000655</t>
  </si>
  <si>
    <t>【上海电气汽轮机】 缠绕垫圈(带内环)_C42-200-25_GB4622.2\14000643</t>
  </si>
  <si>
    <t>【上海电气汽轮机】 金属缠绕垫圈_0Cr18Ni9_φ270/φ203X3_GB4622.3\14202297</t>
  </si>
  <si>
    <t>【上海电气汽轮机】 金属缠绕垫圈_0Cr18Ni9_φ211/φ154X3_GB4622.3\14202296</t>
  </si>
  <si>
    <t>【上海电气汽轮机】 六角头螺栓\0.1030C-90-M27X120</t>
  </si>
  <si>
    <t>【上海电气汽轮机】 六角头螺栓\0.1030C-90-M24X140</t>
  </si>
  <si>
    <t>【上海电气汽轮机】 金属缠绕垫圈_0Cr18Ni9_φ200/φ103X3_GB4622.3\14202294</t>
  </si>
  <si>
    <t>【上海电气汽轮机】 风机疏水管Ⅱ\DR96.82.10.31</t>
  </si>
  <si>
    <t>【上海电气汽轮机】 缠绕垫圈(带内环)_C42-125-25_GB4622.2\14000625</t>
  </si>
  <si>
    <t>【上海电气汽轮机】 风机疏水管Ⅰ\DR96.82.10.28</t>
  </si>
  <si>
    <t>【上海电气汽轮机】 缠绕垫圈(带内环)_C42-80-25_GB4622.2\14000732</t>
  </si>
  <si>
    <t>【上海电气汽轮机】 六角头螺栓\0.1030C-90-M24X100</t>
  </si>
  <si>
    <t>【上海电气汽轮机】 缠绕垫圈(带内环)_B42-150-40_JB90\14000535</t>
  </si>
  <si>
    <t>【上海电气汽轮机】 垫圈_TS-CARBO_φ16/φ7X2\14020912</t>
  </si>
  <si>
    <t>【上海电气汽轮机】 六角头螺栓\0.1030C-90-M20X100</t>
  </si>
  <si>
    <t>【上海电气汽轮机】 仪表接头\DR96.60.04.01</t>
  </si>
  <si>
    <t>【上海电气汽轮机】 垫圈_TS-CARBO_φ22/φ14X2\14020909</t>
  </si>
  <si>
    <t>【上海电气汽轮机】 金属缠绕垫圈_0Cr18Ni9_φ18/φ9X1_GB4622.3\14202293</t>
  </si>
  <si>
    <t>【上海电气汽轮机】 手动隔离阀_1.5"-F92-2500-BW_Φ48X7\1216811</t>
  </si>
  <si>
    <t>【上海电气汽轮机】 手动隔离阀_2"-F91-2500SPL-BW_Φ60X11\12168609</t>
  </si>
  <si>
    <t>【上海电气汽轮机】 手动隔离阀_1.5"-F91-1500-BW_Φ48X7\12168607</t>
  </si>
  <si>
    <t>【上海电气汽轮机】 手动隔离阀_3"-F22-900-BW_Φ89X5\12168616</t>
  </si>
  <si>
    <t>【上海电气汽轮机】 手动隔离阀_2"-F22-900-BW_Φ60X4\12168615</t>
  </si>
  <si>
    <t>【上海电气汽轮机】 手动隔离阀_1.5"-F22-900-BW_Φ48X4\12168610</t>
  </si>
  <si>
    <t>【上海电气汽轮机】 手动隔离阀_1.5"-F22-900-BW_Φ48X7\12168608</t>
  </si>
  <si>
    <t>【上海电气汽轮机】 手动隔离阀_1"-F22-900-BW_Φ34X3.5\12168617</t>
  </si>
  <si>
    <t>【上海电气汽轮机】 滤网_Y50-64-III_60目_法兰按GB9115.1-PN4.0-DN50\12177267</t>
  </si>
  <si>
    <t>【上海电气汽轮机】 三通_A234-WP92_Φ48.3×7.1_ASME-B16.9\12123816</t>
  </si>
  <si>
    <t>【上海电气汽轮机】 异径三通_A234-WP92_φ48X7Xφ34X6.5_ASME-B16.9\12180592</t>
  </si>
  <si>
    <t>【上海电气汽轮机】 法兰\0.2507-93-DN50</t>
  </si>
  <si>
    <t>【上海电气汽轮机】 异径三通_12Cr1MoV_φ60×4×φ34×3.5\12126874</t>
  </si>
  <si>
    <t>【上海电气汽轮机】 三通_12Cr1MoV_φ60×6.5_GB12459\12180596</t>
  </si>
  <si>
    <t>【上海电气汽轮机】 法兰_20_DN50-PN4.0_GB9115.1\12177268</t>
  </si>
  <si>
    <t>【上海电气汽轮机】 对焊支管座_12Cr1MoVG_φ114X6Xφ48X4_GB19326\12180595</t>
  </si>
  <si>
    <t>【上海电气汽轮机】 三通_12Cr1MoV_φ60×4_GB12459\12122226</t>
  </si>
  <si>
    <t>【上海电气汽轮机】 三通_12Cr1MoV_φ48.3×3.7_GB12459\12019355</t>
  </si>
  <si>
    <t>【上海电气汽轮机】 三通_20_φ60.3×3.9_GB12459\12019359</t>
  </si>
  <si>
    <t>【上海电气汽轮机】 顶轴油泵_T6DY-031_ABB M3JP-250-SMA-4/55KW_168L-YB\12169974</t>
  </si>
  <si>
    <t>【上海电气汽轮机】 冷油器切换阀_LDL200I-CY0040-1.6\12179007</t>
  </si>
  <si>
    <t>【上海电气汽轮机】 汽封环\K156.05.21.10</t>
  </si>
  <si>
    <t>【上海电气汽轮机】 管塞\K156.05.21.07</t>
  </si>
  <si>
    <t>【上海电气汽轮机】 定位键\K156.05.21.13</t>
  </si>
  <si>
    <t>【上海电气汽轮机】 定位键\K156.05.21.06</t>
  </si>
  <si>
    <t>【上海电气汽轮机】 专用定位销\K156.05.21.09</t>
  </si>
  <si>
    <t>【上海电气汽轮机】 垫片\K156.05.21.12</t>
  </si>
  <si>
    <t>【上海电气汽轮机】 锁紧垫片\K156.05.21.08</t>
  </si>
  <si>
    <t>【上海电气汽轮机】 开口销\0.1538-90-5X50</t>
  </si>
  <si>
    <t>【上海电气汽轮机】 弹簧\191.01.48.03</t>
  </si>
  <si>
    <t>【上海电气汽轮机】 半汽封环\K156.01.36.11</t>
  </si>
  <si>
    <t>【上海电气汽轮机】 三通φ32Xφ32X3.5\157.61.21(1)+4</t>
  </si>
  <si>
    <t>【上海电气汽轮机】 缩节φ48Xφ32X4\157.61.21(1)+5</t>
  </si>
  <si>
    <t>【上海电气汽轮机】 定位销组件装配\YZW.01.14.20</t>
  </si>
  <si>
    <t>【上海电气汽轮机】 蜗轮\A902.28.01.03</t>
  </si>
  <si>
    <t>【上海电气汽轮机】 啮合板\A156.28.01.99</t>
  </si>
  <si>
    <t>【上海电气汽轮机】 蜗杆\A902.28.01.02</t>
  </si>
  <si>
    <t>【上海电气汽轮机】 啮合板\A156.28.01.98</t>
  </si>
  <si>
    <t>【上海电气汽轮机】 回转设备马达开关\191.28.01.02G01</t>
  </si>
  <si>
    <t>【上海电气汽轮机】 滤油网框架\A156.28.01.65G01</t>
  </si>
  <si>
    <t>【上海电气汽轮机】 盖\157.28.01.03G01</t>
  </si>
  <si>
    <t>【上海电气汽轮机】 操纵杆\A156.28.01.49</t>
  </si>
  <si>
    <t>【上海电气汽轮机】 操纵杆\A156.28.01.54</t>
  </si>
  <si>
    <t>【上海电气汽轮机】 衬套支座\A156.28.01.137</t>
  </si>
  <si>
    <t>【上海电气汽轮机】 操纵杆\A156.28.01.53</t>
  </si>
  <si>
    <t>【上海电气汽轮机】 盖\A156.28.01.36</t>
  </si>
  <si>
    <t>【上海电气汽轮机】 罩盖\157.28.01.12G01</t>
  </si>
  <si>
    <t>【上海电气汽轮机】 衬套座\A156.28.01.110</t>
  </si>
  <si>
    <t>【上海电气汽轮机】 轴\A156.28.01.109</t>
  </si>
  <si>
    <t>【上海电气汽轮机】 挡块\A156.28.01.40</t>
  </si>
  <si>
    <t>【上海电气汽轮机】 油封护圈\157.28.01.16</t>
  </si>
  <si>
    <t>【上海电气汽轮机】 螺母\A156.28.01.115</t>
  </si>
  <si>
    <t>【上海电气汽轮机】 螺母\A156.28.01.124</t>
  </si>
  <si>
    <t>【上海电气汽轮机】 六角螺母\A156.28.01.97</t>
  </si>
  <si>
    <t>【上海电气汽轮机】 垫片\A156.28.01.126</t>
  </si>
  <si>
    <t>【上海电气汽轮机】 垫片\A156.28.01.50</t>
  </si>
  <si>
    <t>【上海电气汽轮机】 杆\A156.28.01.112</t>
  </si>
  <si>
    <t>【上海电气汽轮机】 手柄\157.28.01.15</t>
  </si>
  <si>
    <t>【上海电气汽轮机】 操纵杆销\A156.28.01.107</t>
  </si>
  <si>
    <t>【上海电气汽轮机】 连杆\A156.28.01.111</t>
  </si>
  <si>
    <t>【上海电气汽轮机】 垫圈\A156.28.01.130</t>
  </si>
  <si>
    <t>【上海电气汽轮机】 连杆\A156.28.01.43</t>
  </si>
  <si>
    <t>【上海电气汽轮机】 固定板\A156.28.01.148</t>
  </si>
  <si>
    <t>【上海电气汽轮机】 挡块\A156.28.01.51</t>
  </si>
  <si>
    <t>【上海电气汽轮机】 连接销\A156.28.01.55</t>
  </si>
  <si>
    <t>【上海电气汽轮机】 圆柱销\A156.28.01.150</t>
  </si>
  <si>
    <t>【上海电气汽轮机】 连接销\A156.28.01.79</t>
  </si>
  <si>
    <t>【上海电气汽轮机】 密封油封\A157.12.12.08G01</t>
  </si>
  <si>
    <t>【上海电气汽轮机】 垫片\191.12.22.14</t>
  </si>
  <si>
    <t>【上海电气汽轮机】 联轴器垫片\191.24.41.02</t>
  </si>
  <si>
    <t>【上海电气汽轮机】 联轴器螺栓\191.24.41.05</t>
  </si>
  <si>
    <t>【上海电气汽轮机】 联轴器螺栓\191.24.41.06</t>
  </si>
  <si>
    <t>【上海电气汽轮机】 布莱登汽封\191.06.61.07</t>
  </si>
  <si>
    <t>【上海电气汽轮机】 支承键（左）\191.06.61.03</t>
  </si>
  <si>
    <t>【上海电气汽轮机】 支承键（右）\191.06.61.02</t>
  </si>
  <si>
    <t>【上海电气汽轮机】 下垫片（左）\191.06.61.05</t>
  </si>
  <si>
    <t>【上海电气汽轮机】 下垫片（右）\191.06.61.04</t>
  </si>
  <si>
    <t>【上海电气汽轮机】 上垫片\191.06.61.06</t>
  </si>
  <si>
    <t>【上海电气汽轮机】 专用销\191.06.61.08.03</t>
  </si>
  <si>
    <t>【上海电气汽轮机】 高压第四级径向汽封环\191.06.41.36</t>
  </si>
  <si>
    <t>【上海电气汽轮机】 密封环\191.01.09.08</t>
  </si>
  <si>
    <t>【上海电气汽轮机】 支撑块\191.01.09.02</t>
  </si>
  <si>
    <t>【上海电气汽轮机】 双头螺栓M72X3X545\191.01.09.12</t>
  </si>
  <si>
    <t>【上海电气汽轮机】 双头螺栓M72X3X525\191.01.09.10</t>
  </si>
  <si>
    <t>【上海电气汽轮机】 双头螺栓M72X3X325\191.01.09.11</t>
  </si>
  <si>
    <t>【上海电气汽轮机】 下垫片(左)\191.01.09.04</t>
  </si>
  <si>
    <t>【上海电气汽轮机】 下垫片(右)\191.01.09.03</t>
  </si>
  <si>
    <t>【上海电气汽轮机】 热电偶套管\191.01.09.13</t>
  </si>
  <si>
    <t>【上海电气汽轮机】 上垫片\191.01.09.05</t>
  </si>
  <si>
    <t>【上海电气汽轮机】 “T”型环装配图\191.01.81.24G01</t>
  </si>
  <si>
    <t>【上海电气汽轮机】 法兰\191.01.81.30G01</t>
  </si>
  <si>
    <t>【上海电气汽轮机】 支撑键\191.01.81.18</t>
  </si>
  <si>
    <t>【上海电气汽轮机】 垫片\191.01.81.19</t>
  </si>
  <si>
    <t>【上海电气汽轮机】 垫片\191.01.81.14</t>
  </si>
  <si>
    <t>【上海电气汽轮机】 垫片\191.01.81.13</t>
  </si>
  <si>
    <t>【上海电气汽轮机】 支撑块\191.01.81.12</t>
  </si>
  <si>
    <t>【上海电气汽轮机】 布莱登汽封\191.06.63.07</t>
  </si>
  <si>
    <t>【上海电气汽轮机】 支承键（左）\191.06.63.03</t>
  </si>
  <si>
    <t>【上海电气汽轮机】 支承键（右）\191.06.63.02</t>
  </si>
  <si>
    <t>【上海电气汽轮机】 下垫片（左）\191.06.63.05</t>
  </si>
  <si>
    <t>【上海电气汽轮机】 下垫片（右）\191.06.63.04</t>
  </si>
  <si>
    <t>【上海电气汽轮机】 上垫片\191.06.63.06</t>
  </si>
  <si>
    <t>【上海电气汽轮机】 专用销\191.06.61.08.02</t>
  </si>
  <si>
    <t>【上海电气汽轮机】 高中压缸端部内汽封体精加工图\191.06.02.01G01</t>
  </si>
  <si>
    <t>【上海电气汽轮机】 支承键\191.06.02.02</t>
  </si>
  <si>
    <t>【上海电气汽轮机】 弹簧\191.06.01.05</t>
  </si>
  <si>
    <t>【上海电气汽轮机】 弹簧\191.06.01.04</t>
  </si>
  <si>
    <t>【上海电气汽轮机】 热电偶套管\191.01.71.03G01</t>
  </si>
  <si>
    <t>【上海电气汽轮机】 堵板\191.01.71.30</t>
  </si>
  <si>
    <t>【上海电气汽轮机】 持环定位销\191.01.71.11G01</t>
  </si>
  <si>
    <t>【上海电气汽轮机】 持环定位销\191.01.71.14G01</t>
  </si>
  <si>
    <t>【上海电气汽轮机】 孔塞\191.01.71.28</t>
  </si>
  <si>
    <t>【上海电气汽轮机】 热电偶套管\191.01.71.44G01</t>
  </si>
  <si>
    <t>【上海电气汽轮机】 孔塞\191.01.71.29</t>
  </si>
  <si>
    <t>【上海电气汽轮机】 热电偶套管\191.01.71.47G01</t>
  </si>
  <si>
    <t>【上海电气汽轮机】 热电偶套管\191.01.71.49G01</t>
  </si>
  <si>
    <t>【上海电气汽轮机】 热电偶套管\191.01.71.41G01</t>
  </si>
  <si>
    <t>【上海电气汽轮机】 专用搭子\K156.01.71.27</t>
  </si>
  <si>
    <t>【上海电气汽轮机】 焊接垫环\191.01.71.51</t>
  </si>
  <si>
    <t>【上海电气汽轮机】 定位销\K156.01.71.07</t>
  </si>
  <si>
    <t>【上海电气汽轮机】 联轴器盖板\191.24.01.05</t>
  </si>
  <si>
    <t>【上海电气汽轮机】 平衡螺塞\191.24.01.06</t>
  </si>
  <si>
    <t>【上海电气汽轮机】 垫片\191.01.96.03</t>
  </si>
  <si>
    <t>【上海电气汽轮机】 垫片\191.01.95.03</t>
  </si>
  <si>
    <t>【上海电气汽轮机】 垫片\191.01.95.04</t>
  </si>
  <si>
    <t>【上海电气汽轮机】 轴承压板\191.07.01.01</t>
  </si>
  <si>
    <t>【上海电气汽轮机】 轴承油挠性导管\157.07.01.29</t>
  </si>
  <si>
    <t>【上海电气汽轮机】 块料\A156.07.01.88</t>
  </si>
  <si>
    <t>【上海电气汽轮机】 螺塞\A156.07.01.87</t>
  </si>
  <si>
    <t>【上海电气汽轮机】 前轴承座(内侧)油封\191.07.31G01</t>
  </si>
  <si>
    <t>【上海电气汽轮机】 垫片\191.07.31.01</t>
  </si>
  <si>
    <t>【上海电气汽轮机】 流量控制阀_MV-600-S_0.375"_内螺纹\12003764</t>
  </si>
  <si>
    <t>【上海电气汽轮机】 90°螺旋弯头\W2252-0.125"NPT</t>
  </si>
  <si>
    <t>【上海电气汽轮机】 压板\A156.09.01.02</t>
  </si>
  <si>
    <t>【上海电气汽轮机】 键\191.09.01.01</t>
  </si>
  <si>
    <t>【上海电气汽轮机】 专用螺母\A156.09.01.07</t>
  </si>
  <si>
    <t>【上海电气汽轮机】 异径接头(1/4"NPT/1/8"NPT)\A156.09.01.03</t>
  </si>
  <si>
    <t>【上海电气汽轮机】 专用垫圈\A156.09.01.08</t>
  </si>
  <si>
    <t>【上海电气汽轮机】 中压第十六级径向汽封\191.06.42.10</t>
  </si>
  <si>
    <t>【上海电气汽轮机】 中压第十五级径向汽封\191.06.42.09</t>
  </si>
  <si>
    <t>【上海电气汽轮机】 中压第十四级径向汽封\191.06.42.08</t>
  </si>
  <si>
    <t>【上海电气汽轮机】 中压第十三级径向汽封\191.06.42.07</t>
  </si>
  <si>
    <t>【上海电气汽轮机】 中压第十二级径向汽封\191.06.42.06</t>
  </si>
  <si>
    <t>【上海电气汽轮机】 支承键\191.01.56.02</t>
  </si>
  <si>
    <t>【上海电气汽轮机】 下垫片（左）\191.01.56.03</t>
  </si>
  <si>
    <t>【上海电气汽轮机】 上垫片\191.01.56.05</t>
  </si>
  <si>
    <t>【上海电气汽轮机】 下垫片（右）\191.01.56.04</t>
  </si>
  <si>
    <t>【上海电气汽轮机】 中压第十八级径向汽封\191.06.43.05</t>
  </si>
  <si>
    <t>【上海电气汽轮机】 中压第十七级径向汽封\191.06.43.04</t>
  </si>
  <si>
    <t>【上海电气汽轮机】 中压第十九级径向汽封\191.06.43.06</t>
  </si>
  <si>
    <t>【上海电气汽轮机】 布莱登汽封\191.06.71.03</t>
  </si>
  <si>
    <t>【上海电气汽轮机】 密封环\191.01.82.10</t>
  </si>
  <si>
    <t>【上海电气汽轮机】 支承键\191.01.82.02</t>
  </si>
  <si>
    <t>【上海电气汽轮机】 扩展盘\191.01.82.09</t>
  </si>
  <si>
    <t>【上海电气汽轮机】 垫片\191.01.82.11</t>
  </si>
  <si>
    <t>【上海电气汽轮机】 持环定位销\191.01.82.03G01</t>
  </si>
  <si>
    <t>【上海电气汽轮机】 平垫圈\191.01.82.13</t>
  </si>
  <si>
    <t>【上海电气汽轮机】 汽封体定位销\191.01.82.06G01</t>
  </si>
  <si>
    <t>【上海电气汽轮机】 密封环安装工具\191.90.51.06G01</t>
  </si>
  <si>
    <t>【上海电气汽轮机】 回转设备专用手柄\A902.90.51.13</t>
  </si>
  <si>
    <t>【上海电气汽轮机】 紧线扣\A156.90.51.50G01</t>
  </si>
  <si>
    <t>【上海电气汽轮机】 平衡旋塞扳手\A156.90.51.39G01</t>
  </si>
  <si>
    <t>【上海电气汽轮机】 法兰盖\0.2161-DN65</t>
  </si>
  <si>
    <t>【上海电气汽轮机】 对焊钢法兰\0.2124-DN15</t>
  </si>
  <si>
    <t>【上海电气汽轮机】 螺栓伸长测量杆\W4020-φ12X980</t>
  </si>
  <si>
    <t>【上海电气汽轮机】 螺栓伸长测量杆\W4020-φ12X970</t>
  </si>
  <si>
    <t>【上海电气汽轮机】 螺栓伸长测量杆\W4020-φ12X940</t>
  </si>
  <si>
    <t>【上海电气汽轮机】 螺栓伸长测量杆\W4020-φ12X860</t>
  </si>
  <si>
    <t>【上海电气汽轮机】 螺栓伸长测量杆\W4020-φ12X810</t>
  </si>
  <si>
    <t>【上海电气汽轮机】 螺栓伸长测量杆\W4020-φ12X730</t>
  </si>
  <si>
    <t>【上海电气汽轮机】 螺栓伸长测量杆\W4020-φ12X700</t>
  </si>
  <si>
    <t>【上海电气汽轮机】 螺栓伸长测量杆\W4020-φ12X670</t>
  </si>
  <si>
    <t>【上海电气汽轮机】 螺栓伸长测量杆\W4020-φ12X490</t>
  </si>
  <si>
    <t>【上海电气汽轮机】 螺栓伸长测量杆\W4020-φ12X470</t>
  </si>
  <si>
    <t>【上海电气汽轮机】 螺栓伸长测量杆\W4020-φ12X450</t>
  </si>
  <si>
    <t>【上海电气汽轮机】 螺栓伸长测量杆\W4020-φ12X1100</t>
  </si>
  <si>
    <t>【上海电气汽轮机】 铂电阻\191.91.10.08G01</t>
  </si>
  <si>
    <t>【上海电气汽轮机】 热电偶(E型,双支,不接地)\191.91.10.06G01</t>
  </si>
  <si>
    <t>【上海电气汽轮机】 热电偶（E型，双支，不接地）\191.91.10.05G01</t>
  </si>
  <si>
    <t>【上海电气汽轮机】 热电偶（E型，双支，不接地）\191.91.10.04G01</t>
  </si>
  <si>
    <t>【上海电气汽轮机】 铂电阻\191.91.10.07G01</t>
  </si>
  <si>
    <t>【上海电气汽轮机】 弹簧箱\191.34.20.16G01</t>
  </si>
  <si>
    <t>【上海电气汽轮机】 阀杆\191.34.20.10</t>
  </si>
  <si>
    <t>【上海电气汽轮机】 压弹簧工具装配\191.34.20.21G01</t>
  </si>
  <si>
    <t>【上海电气汽轮机】 连接杆\191.34.20.28</t>
  </si>
  <si>
    <t>【上海电气汽轮机】 阀盖\191.30.62.01G01</t>
  </si>
  <si>
    <t>【上海电气汽轮机】 弹簧室\191.30.62.12G01</t>
  </si>
  <si>
    <t>【上海电气汽轮机】 套筒\191.30.62.06</t>
  </si>
  <si>
    <t>【上海电气汽轮机】 圆柱型压缩弹簧\191.30.62.11</t>
  </si>
  <si>
    <t>【上海电气汽轮机】 圆柱型压缩弹簧\191.30.62.10</t>
  </si>
  <si>
    <t>【上海电气汽轮机】 圆柱型压缩弹簧\191.30.62.09</t>
  </si>
  <si>
    <t>【上海电气汽轮机】 螺纹涂料\191.30.62+31</t>
  </si>
  <si>
    <t>【上海电气汽轮机】 套筒\191.30.62.17</t>
  </si>
  <si>
    <t>【上海电气汽轮机】 再热调节阀滤网\191.30.60.24G01</t>
  </si>
  <si>
    <t>【上海电气汽轮机】 阀盖\191.30.60.21G01</t>
  </si>
  <si>
    <t>【上海电气汽轮机】 阀臂\191.30.60.28G01</t>
  </si>
  <si>
    <t>【上海电气汽轮机】 杠杆\157.30.60.36</t>
  </si>
  <si>
    <t>【上海电气汽轮机】 轴承盖\191.30.60.29G01</t>
  </si>
  <si>
    <t>【上海电气汽轮机】 衬套\191.30.60.19</t>
  </si>
  <si>
    <t>【上海电气汽轮机】 法兰\191.30.60.34</t>
  </si>
  <si>
    <t>【上海电气汽轮机】 连杆\157.30.60.39</t>
  </si>
  <si>
    <t>【上海电气汽轮机】 衬套\191.30.60.20</t>
  </si>
  <si>
    <t>【上海电气汽轮机】 衬套\191.30.60.18</t>
  </si>
  <si>
    <t>【上海电气汽轮机】 外弹簧\191.30.60.36</t>
  </si>
  <si>
    <t>【上海电气汽轮机】 衬套\191.30.60.37</t>
  </si>
  <si>
    <t>【上海电气汽轮机】 内弹簧\191.30.60.35</t>
  </si>
  <si>
    <t>【上海电气汽轮机】 缠绕式垫圈\191.30.60.38</t>
  </si>
  <si>
    <t>【上海电气汽轮机】 键\157.30.60.37</t>
  </si>
  <si>
    <t>【上海电气汽轮机】 销\157.30.60.49</t>
  </si>
  <si>
    <t>【上海电气汽轮机】 缠绕式垫圈\191.30.60.30</t>
  </si>
  <si>
    <t>【上海电气汽轮机】 轴\191.30.61.01</t>
  </si>
  <si>
    <t>【上海电气汽轮机】 松紧螺套\A156.10.37.04</t>
  </si>
  <si>
    <t>【上海电气汽轮机】 关节轴承_SIL12T/K\12004681</t>
  </si>
  <si>
    <t>【上海电气汽轮机】 关节轴承_SI12T/K\12004678</t>
  </si>
  <si>
    <t>【上海电气汽轮机】 支撑块\191.10.31.01</t>
  </si>
  <si>
    <t>【上海电气汽轮机】 支撑块\191.10.31.07</t>
  </si>
  <si>
    <t>【上海电气汽轮机】 底板\191.09.21.09</t>
  </si>
  <si>
    <t>【上海电气汽轮机】 螺杆\191.10.31.02</t>
  </si>
  <si>
    <t>【上海电气汽轮机】 底板\191.10.31.12</t>
  </si>
  <si>
    <t>【上海电气汽轮机】 螺杆\191.10.31.08</t>
  </si>
  <si>
    <t>【上海电气汽轮机】 撑杆\191.10.31.03G01</t>
  </si>
  <si>
    <t>【上海电气汽轮机】 撑杆\191.10.31.05G01</t>
  </si>
  <si>
    <t>【上海电气汽轮机】 螺杆\191.09.21.02</t>
  </si>
  <si>
    <t>【上海电气汽轮机】 螺杆\191.10.31.09</t>
  </si>
  <si>
    <t>【上海电气汽轮机】 导环\191.09.21.07</t>
  </si>
  <si>
    <t>【上海电气汽轮机】 带内外环金属缠绕垫片\A191.60.22+7</t>
  </si>
  <si>
    <t>【上海电气汽轮机】 主阀阀座\191.30.41.07G01</t>
  </si>
  <si>
    <t>【上海电气汽轮机】 阀盖衬套精加工图\191.30.41.20G01</t>
  </si>
  <si>
    <t>【上海电气汽轮机】 弹簧箱\191.30.41.50G01</t>
  </si>
  <si>
    <t>【上海电气汽轮机】 阀碟精加工图\191.30.41.22G01</t>
  </si>
  <si>
    <t>【上海电气汽轮机】 阀杆\191.30.41.24</t>
  </si>
  <si>
    <t>【上海电气汽轮机】 弹簧座(上)\191.30.41.44</t>
  </si>
  <si>
    <t>【上海电气汽轮机】 弹簧座(下)\191.30.41.43</t>
  </si>
  <si>
    <t>【上海电气汽轮机】 永久滤网\191.30.41.14G01</t>
  </si>
  <si>
    <t>【上海电气汽轮机】 弹簧(外圈)\191.30.41.45</t>
  </si>
  <si>
    <t>【上海电气汽轮机】 弹簧(内圈)\191.30.41.46</t>
  </si>
  <si>
    <t>【上海电气汽轮机】 阀碟螺纹套筒\191.30.41.28</t>
  </si>
  <si>
    <t>【上海电气汽轮机】 盲法兰\191.30.41.41</t>
  </si>
  <si>
    <t>【上海电气汽轮机】 泵水密封螺母\191.30.41.38</t>
  </si>
  <si>
    <t>【上海电气汽轮机】 临时滤网\191.30.41.31</t>
  </si>
  <si>
    <t>【上海电气汽轮机】 盲法兰\191.30.41.40</t>
  </si>
  <si>
    <t>【上海电气汽轮机】 缠绕式垫圈\191.91.91.21</t>
  </si>
  <si>
    <t>【上海电气汽轮机】 螺杆装配\191.10.41.04G01</t>
  </si>
  <si>
    <t>【上海电气汽轮机】 螺杆M12\191.10.41.02</t>
  </si>
  <si>
    <t>【上海电气汽轮机】 螺杆M12(左旋)\191.10.41.03</t>
  </si>
  <si>
    <t>【上海电气汽轮机】 支撑块\191.09.21.01</t>
  </si>
  <si>
    <t>【上海电气汽轮机】 撑杆\191.09.21.06G01</t>
  </si>
  <si>
    <t>【上海电气汽轮机】 撑杆\191.09.21.03G01</t>
  </si>
  <si>
    <t>【上海电气汽轮机】 45°三通168X114\155.60.04.06</t>
  </si>
  <si>
    <t>【上海电气汽轮机】 安全阀\191.60.04+43</t>
  </si>
  <si>
    <t>【上海电气汽轮机】 孔板法兰装配\B156.60.04.25G01</t>
  </si>
  <si>
    <t>【上海电气汽轮机】 蒸汽过滤器\191.60.04+19</t>
  </si>
  <si>
    <t>【上海电气汽轮机】 蒸汽过滤器\191.60.04+31</t>
  </si>
  <si>
    <t>【上海电气汽轮机】 法兰\191.60.04.05</t>
  </si>
  <si>
    <t>【上海电气汽轮机】 夹持器\191.60.04+95</t>
  </si>
  <si>
    <t>【上海电气汽轮机】 三通273X273X8.2\191.60.04+105</t>
  </si>
  <si>
    <t>【上海电气汽轮机】 三通89X60X5.5\191.60.04.06</t>
  </si>
  <si>
    <t>【上海电气汽轮机】 止回阀\191.60.04+92</t>
  </si>
  <si>
    <t>【上海电气汽轮机】 爆破片\191.60.04+49</t>
  </si>
  <si>
    <t>【上海电气汽轮机】 法兰\157.60.04.05</t>
  </si>
  <si>
    <t>【上海电气汽轮机】 缩节φ133Xφ89X130\156.60.04.40(1)</t>
  </si>
  <si>
    <t>【上海电气汽轮机】 止回阀\191.60.04+93</t>
  </si>
  <si>
    <t>【上海电气汽轮机】 法兰\157.60.04.11</t>
  </si>
  <si>
    <t>【上海电气汽轮机】 缩节φ273Xφ133X7\191.60.04+40</t>
  </si>
  <si>
    <t>【上海电气汽轮机】 三通219X133X8.2\191.60.04+107</t>
  </si>
  <si>
    <t>【上海电气汽轮机】 缩节φ89Xφ60X90\156.60.04.46(1)</t>
  </si>
  <si>
    <t>【上海电气汽轮机】 三通273X219X8.2\191.60.04+9</t>
  </si>
  <si>
    <t>【上海电气汽轮机】 三通273X133X8.2\191.60.04+108</t>
  </si>
  <si>
    <t>【上海电气汽轮机】 疏水罐\157.60.04.08G01</t>
  </si>
  <si>
    <t>【上海电气汽轮机】 缩节φ273Xφ219X8\191.60.04+125</t>
  </si>
  <si>
    <t>【上海电气汽轮机】 闷头\191.60.04.01</t>
  </si>
  <si>
    <t>【上海电气汽轮机】 闸阀\191.60.04+101</t>
  </si>
  <si>
    <t>【上海电气汽轮机】 缠绕垫片(内环)_B42-200-40_JB90\14000545</t>
  </si>
  <si>
    <t>【上海电气汽轮机】 45°弯头R=1.5DN,DN=125,D=133,t=6\191.60.04+119</t>
  </si>
  <si>
    <t>【上海电气汽轮机】 45°弯头R=1.5DN,DN=100,D=114,t=6\191.60.04+117</t>
  </si>
  <si>
    <t>【上海电气汽轮机】 90°弯头R=1.5DN,DN=65,D=76,t=6\191.60.04+113</t>
  </si>
  <si>
    <t>【上海电气汽轮机】 45°弯头R=1.5DN,DN=65,D=76,t=6\191.60.04+114</t>
  </si>
  <si>
    <t>【上海电气汽轮机】 30°弯头R=1.5DN,DN=65,D=76,t=6\191.60.04+115</t>
  </si>
  <si>
    <t>【上海电气汽轮机】 缠绕垫片(内环)_C42-125-40_GB4622.2\14000627</t>
  </si>
  <si>
    <t>【上海电气汽轮机】 缠绕垫片(内环)_C42-150-40_GB4622.2\14000633</t>
  </si>
  <si>
    <t>【上海电气汽轮机】 缠绕垫片(内环)_C42-100-40_GB4622.2\14000618</t>
  </si>
  <si>
    <t>【上海电气汽轮机】 缠绕垫片(内环)_B42-65-40_JB90\14000607</t>
  </si>
  <si>
    <t>【上海电气汽轮机】 石墨不锈钢缠绕垫片φ270/φ202X3\157.60.04.01.05</t>
  </si>
  <si>
    <t>【上海电气汽轮机】 缠绕垫片(内环)_B42-20-40_JB90\14000550</t>
  </si>
  <si>
    <t>【上海电气汽轮机】 连通管\A157.82.10.01(3)G01</t>
  </si>
  <si>
    <t>【上海电气汽轮机】 压力真空表_Y-100BFZ_-0.1-0-0.06MPa\12011770</t>
  </si>
  <si>
    <t>【上海电气汽轮机】 法兰盖\0.2161-96-DN25</t>
  </si>
  <si>
    <t>【上海电气汽轮机】 法兰螺柱\0.1045B-90-M36X3X320</t>
  </si>
  <si>
    <t>【上海电气汽轮机】 六角头螺栓\0.1030-90-M20X150</t>
  </si>
  <si>
    <t>【上海电气汽轮机】 标准型弹簧垫圈\0.1331-90-36</t>
  </si>
  <si>
    <t>【上海电气汽轮机】 垫圈\0.1300-90-10</t>
  </si>
  <si>
    <t>【上海电气汽轮机】 球阀\191.60.50(1)+30</t>
  </si>
  <si>
    <t>【上海电气汽轮机】 集管块体\157.60.50.04</t>
  </si>
  <si>
    <t>【上海电气汽轮机】 法兰盖\191.60.50.02</t>
  </si>
  <si>
    <t>【上海电气汽轮机】 法兰\191.60.50.01</t>
  </si>
  <si>
    <t>【上海电气汽轮机】 法兰\191.60.50.03</t>
  </si>
  <si>
    <t>【上海电气汽轮机】 截止阀\191.60.50(1)+29</t>
  </si>
  <si>
    <t>【上海电气汽轮机】 集管块体\A156.60.50.01</t>
  </si>
  <si>
    <t>【上海电气汽轮机】 法兰盖\191.60.50.04</t>
  </si>
  <si>
    <t>【上海电气汽轮机】 截止阀\191.60.50(1)+36</t>
  </si>
  <si>
    <t>【上海电气汽轮机】 三通φ48Xφ48X7\191.60.50.10</t>
  </si>
  <si>
    <t>【上海电气汽轮机】 三通φ48Xφ48X12\191.60.50.09</t>
  </si>
  <si>
    <t>【上海电气汽轮机】 三通φ28Xφ28X7\H156.60.50.08</t>
  </si>
  <si>
    <t>【上海电气汽轮机】 三通φ60Xφ60X8\191.60.50(1)+16</t>
  </si>
  <si>
    <t>【上海电气汽轮机】 三通φ60Xφ60X14\191.60.50.11</t>
  </si>
  <si>
    <t>【上海电气汽轮机】 90°弯头φ60X8\191.60.50(1)+17</t>
  </si>
  <si>
    <t>【上海电气汽轮机】 缩节 φ60Xφ48X40\191.60.50.14</t>
  </si>
  <si>
    <t>【上海电气汽轮机】 缩节φ60Xφ48X8\191.60.50(1)+19</t>
  </si>
  <si>
    <t>【上海电气汽轮机】 缩节 φ60Xφ28X45\191.60.50.13</t>
  </si>
  <si>
    <t>【上海电气汽轮机】 缩节 φ48Xφ28X35\191.60.50.12</t>
  </si>
  <si>
    <t>【上海电气汽轮机】 90°弯头R=1.5DN_1Cr18Ni9Ti-0_DN80-D89-T4\12000365</t>
  </si>
  <si>
    <t>【上海电气汽轮机】 单向阀组件\191.74.12(1)+12</t>
  </si>
  <si>
    <t>【上海电气汽轮机】 溢流阀组件\191.74.12(1)+7</t>
  </si>
  <si>
    <t>【上海电气汽轮机】 过滤器组件\191.74.12(1)+11</t>
  </si>
  <si>
    <t>【上海电气汽轮机】 节流阀阀组件\191.74.12(1)+4</t>
  </si>
  <si>
    <t>【上海电气汽轮机】 球阀组件\191.74.12(1)+10</t>
  </si>
  <si>
    <t>【上海电气汽轮机】 接线盒\G151.36.20G01</t>
  </si>
  <si>
    <t>【上海电气汽轮机】 单向阀组件\191.74.12(1)+5</t>
  </si>
  <si>
    <t>【上海电气汽轮机】 压力表组件\191.74.12(1)+1</t>
  </si>
  <si>
    <t>【上海电气汽轮机】 带孔堵板\B157.74.12.01</t>
  </si>
  <si>
    <t>【上海电气汽轮机】 压力开关截止阀组件\191.74.12(1)+13</t>
  </si>
  <si>
    <t>【上海电气汽轮机】 封板φ100X10\191.74.12(1)+25</t>
  </si>
  <si>
    <t>【上海电气汽轮机】 仪表盒\191.10.16.01G01</t>
  </si>
  <si>
    <t>【上海电气汽轮机】 阀0.25"\A156.74.34.10</t>
  </si>
  <si>
    <t>【上海电气汽轮机】 接头\A902.10.16.06</t>
  </si>
  <si>
    <t>【上海电气汽轮机】 托架\191.08.33.04</t>
  </si>
  <si>
    <t>【上海电气汽轮机】 热电偶_E型_191.08.33.05\12035243</t>
  </si>
  <si>
    <t>【上海电气汽轮机】 插头座_CRE-6JEKA\12001966</t>
  </si>
  <si>
    <t>【上海电气汽轮机】 热电偶_E型_156.08.33.06(1)\12008415</t>
  </si>
  <si>
    <t>【上海电气汽轮机】 热电偶_E型_156.08.33.07(1)\12008416</t>
  </si>
  <si>
    <t>【上海电气汽轮机】 套管\191.08.33.02</t>
  </si>
  <si>
    <t>【上海电气汽轮机】 套管\191.08.33.01</t>
  </si>
  <si>
    <t>【上海电气汽轮机】 2对E型补偿导线_F46PF46Q-8_4×7×0.3_1m\17002684</t>
  </si>
  <si>
    <t>【上海电气汽轮机】 磁翻柱式液位计_UHZ-52YLBGOA-2700-1.6-0.86-T2@\12026664</t>
  </si>
  <si>
    <t>【上海电气汽轮机】 浮球液位控制器_UQK-66C-3\12004333</t>
  </si>
  <si>
    <t>【上海电气汽轮机】 法兰\B157.73.01.05</t>
  </si>
  <si>
    <t>【上海电气汽轮机】 具螺孔法兰\B157.73.01.01</t>
  </si>
  <si>
    <t>【上海电气汽轮机】 液位控制器支座\157.73.01.72</t>
  </si>
  <si>
    <t>【上海电气汽轮机】 垫片φ380/φ330X1\B157.73.01+63</t>
  </si>
  <si>
    <t>【上海电气汽轮机】 法兰盖\0.2161-96-DN50</t>
  </si>
  <si>
    <t>【上海电气汽轮机】 法兰\0.2123-96-DN80</t>
  </si>
  <si>
    <t>【上海电气汽轮机】 法兰\0.2112-96-DN25</t>
  </si>
  <si>
    <t>【上海电气汽轮机】 法兰\0.2111-96-DN15</t>
  </si>
  <si>
    <t>【上海电气汽轮机】 垫片φ35/φ28X1\B157.73.01+118</t>
  </si>
  <si>
    <t>【上海电气汽轮机】 垫片φ40/φ18X1\B157.73.01+89</t>
  </si>
  <si>
    <t>【上海电气汽轮机】 垫片φ135X1\B157.73.01+85</t>
  </si>
  <si>
    <t>【上海电气汽轮机】 垫片φ100/φ60X1\B157.73.01+81</t>
  </si>
  <si>
    <t>【上海电气汽轮机】 垫片φ65/φ25X1\B157.73.01+108</t>
  </si>
  <si>
    <t>【上海电气汽轮机】 无石棉橡胶板_1mm\19001582</t>
  </si>
  <si>
    <t>【上海电气汽轮机】 主油泵\C157.70.01G01</t>
  </si>
  <si>
    <t>【上海电气汽轮机】 吊汽缸工具(高中压外缸)\B191.93.04G01</t>
  </si>
  <si>
    <t>【上海电气汽轮机】 吊转子工具(低压转子)\B191.93.23G01</t>
  </si>
  <si>
    <t>【上海电气汽轮机】 吊转子工具(高中压转子)\B191.93.03G01</t>
  </si>
  <si>
    <t>【上海电气汽轮机】 汽封环\A153.05.21.04</t>
  </si>
  <si>
    <t>【上海电气汽轮机】 专用定位销\A153.05.21.03</t>
  </si>
  <si>
    <t>【上海电气汽轮机】 六角头螺栓\W1030.4-M33X3X95</t>
  </si>
  <si>
    <t>【上海电气汽轮机】 单耳止动垫圈\A153.05.22.26</t>
  </si>
  <si>
    <t>【上海电气汽轮机】 调整销\A153.05.22.25</t>
  </si>
  <si>
    <t>【上海电气汽轮机】 偏心销\A153.05.22.23</t>
  </si>
  <si>
    <t>【上海电气汽轮机】 偏心套筒\A153.05.22.22</t>
  </si>
  <si>
    <t>【上海电气汽轮机】 垫片\180.01.17.03</t>
  </si>
  <si>
    <t>【上海电气汽轮机】 垫片\180.01.14.07(1)</t>
  </si>
  <si>
    <t>【上海电气汽轮机】 垫片\180.01.14.05(1)</t>
  </si>
  <si>
    <t>【上海电气汽轮机】 法兰盖\180.01.14.02(1)G01</t>
  </si>
  <si>
    <t>【上海电气汽轮机】 垫片\180.01.14.03(1)</t>
  </si>
  <si>
    <t>【上海电气汽轮机】 密封环\A153.02.47.07</t>
  </si>
  <si>
    <t>【上海电气汽轮机】 密封环\A153.02.46.07</t>
  </si>
  <si>
    <t>【上海电气汽轮机】 小螺钉M10\180.01.27.51</t>
  </si>
  <si>
    <t>【上海电气汽轮机】 2型六角螺母\0.1202-90-M10</t>
  </si>
  <si>
    <t>【上海电气汽轮机】 内六角圆柱头螺钉\0.1050-90-M20X45</t>
  </si>
  <si>
    <t>【上海电气汽轮机】 偏心垫圈\180.01.27.40</t>
  </si>
  <si>
    <t>【上海电气汽轮机】 偏心衬套\180.01.27.39</t>
  </si>
  <si>
    <t>【上海电气汽轮机】 六角头螺栓\A153.01.27.02</t>
  </si>
  <si>
    <t>【上海电气汽轮机】 套焊式三通接头\153.74.12.01</t>
  </si>
  <si>
    <t>【上海电气汽轮机】 连接螺母\0.2206/2F-DN6</t>
  </si>
  <si>
    <t>【上海电气汽轮机】 波形弹簧\191.01.81.20</t>
  </si>
  <si>
    <t>【上海电气汽轮机】 弹簧垫圈_ESI-015629-14-03-1-APC\14007919</t>
  </si>
  <si>
    <t>【上海电气汽轮机】 垫片φ60X0.8\193.01.71+10</t>
  </si>
  <si>
    <t>【上海电气汽轮机】 平衡管装配图\191.01.71.31G01</t>
  </si>
  <si>
    <t>【上海电气汽轮机】 垫片组\191.01.97.03</t>
  </si>
  <si>
    <t>【上海电气汽轮机】 垫片\191.01.97.02</t>
  </si>
  <si>
    <t>【上海电气汽轮机】 垫片\A156.07.01.99</t>
  </si>
  <si>
    <t>【上海电气汽轮机】 垫片\A156.07.01.97</t>
  </si>
  <si>
    <t>【上海电气汽轮机】 垫片\A156.07.01.95</t>
  </si>
  <si>
    <t>【上海电气汽轮机】 垫片\A156.07.01.93</t>
  </si>
  <si>
    <t>【上海电气汽轮机】 垫片\A156.07.01.90</t>
  </si>
  <si>
    <t>【上海电气汽轮机】 专用螺塞\191.07.31.04</t>
  </si>
  <si>
    <t>【上海电气汽轮机】 阀盖装配\192.34.20.01G01</t>
  </si>
  <si>
    <t>【上海电气汽轮机】 再热主汽门和调节汽阀弹簧支架\190.10.31G01</t>
  </si>
  <si>
    <t>【上海电气汽轮机】 环\180.60.22.08G01</t>
  </si>
  <si>
    <t>【上海电气汽轮机】 垫片\180.60.22.17</t>
  </si>
  <si>
    <t>【上海电气汽轮机】 垫片\180.60.22.16</t>
  </si>
  <si>
    <t>【上海电气汽轮机】 带内外环金属缠绕垫片\C192.60.22+7</t>
  </si>
  <si>
    <t>【上海电气汽轮机】 热电偶套\W2312.1-0.5"NPTX190.5</t>
  </si>
  <si>
    <t>【上海电气汽轮机】 六角头螺栓\0.1030-90-M30X120</t>
  </si>
  <si>
    <t>【上海电气汽轮机】 承插式截止阀Dg15\J61H-40C</t>
  </si>
  <si>
    <t>【上海电气汽轮机】 调阀阀座\192.30.41.05G01</t>
  </si>
  <si>
    <t>【上海电气汽轮机】 弹簧箱装配图\191.30.41.42G01</t>
  </si>
  <si>
    <t>【上海电气汽轮机】 瓦块支撑垫块\191.08.02.09(1)</t>
  </si>
  <si>
    <t>【上海电气汽轮机】 瓦块支撑垫片\191.08.02.08(1)</t>
  </si>
  <si>
    <t>【上海电气汽轮机】 防转销\191.08.02.07(1)</t>
  </si>
  <si>
    <t>【上海电气汽轮机】 管塞\191.08.01.17(1)</t>
  </si>
  <si>
    <t>【上海电气汽轮机】 支撑垫块\191.08.01.08(1)</t>
  </si>
  <si>
    <t>【上海电气汽轮机】 支撑垫片\191.08.01.07(1)</t>
  </si>
  <si>
    <t>【上海电气汽轮机】 推力轴承热电阻\191.08.33(1)G01</t>
  </si>
  <si>
    <t>【上海电气汽轮机】 联轴器盖(电机端内侧)\D156.01.24.13(4)</t>
  </si>
  <si>
    <t>【上海电气汽轮机】 联轴器盖(电机端外侧)\D156.01.24.01(4)</t>
  </si>
  <si>
    <t>【上海电气汽轮机】 六角头螺栓\W1130.1-M39X3X100</t>
  </si>
  <si>
    <t>【上海电气汽轮机】 六角头螺栓\0.1030-90-M42X3X130</t>
  </si>
  <si>
    <t>【上海电气汽轮机】 角接头\A156.01.24.60</t>
  </si>
  <si>
    <t>【上海电气汽轮机】 "O"型密封圈φ50X3.1\C157.07.04+14</t>
  </si>
  <si>
    <t>【上海电气汽轮机】 带凸台法兰盖\C157.07.03.35</t>
  </si>
  <si>
    <t>【上海电气汽轮机】 一端倒角一端平口管φ325X10X398\W2010.13-φ325X10X400</t>
  </si>
  <si>
    <t>【上海电气汽轮机】 一端倒角一端平口管φ168X7X880\W2010.13-φ168X7X880</t>
  </si>
  <si>
    <t>【上海电气汽轮机】 125磅或150磅法兰用垫片\W1345-152.4</t>
  </si>
  <si>
    <t>【上海电气汽轮机】 六角头螺栓\0.1030-90-M48X3X130</t>
  </si>
  <si>
    <t>【上海电气汽轮机】 吊汽缸工具(低压内缸用)\A153.93.26G01</t>
  </si>
  <si>
    <t>【上海电气汽轮机】 吊汽缸工具(低压外缸用)\A153.93.16G01</t>
  </si>
  <si>
    <t>【上海电气汽轮机】 吊转子工具(低压转子用)\A153.93.23G01</t>
  </si>
  <si>
    <t>【上海电气汽轮机】 吊转子工具（高中压转子用）\C192.93.03G01</t>
  </si>
  <si>
    <t>【上海电气汽轮机】 热电偶(K型，双支，不接地)\191.91.10.04(1)G01</t>
  </si>
  <si>
    <t>【上海电气汽轮机】 热电偶(K型，双支，不接地)\191.91.10.03(1)G01</t>
  </si>
  <si>
    <t>【上海电气汽轮机】 热电偶(K型，双支，不接地)\191.91.10.01(1)G01</t>
  </si>
  <si>
    <t>【上海电气汽轮机】 垫片 RD797*920*2\196.01.28+12</t>
  </si>
  <si>
    <t>【上海电气汽轮机】 隔离环\196.01.28.03</t>
  </si>
  <si>
    <t>【上海电气汽轮机】 六角螺母_35_M42_GB6170\14007861</t>
  </si>
  <si>
    <t>【上海电气汽轮机】 双头螺柱_45_M42X140_GB898\14007884</t>
  </si>
  <si>
    <t>【上海电气汽轮机】 无石棉橡胶板_1.5mm\19001583</t>
  </si>
  <si>
    <t>【上海电气汽轮机】 仪表阀_FLJ213H-25_DN5_进口M14×1.5外螺纹/@\12034483</t>
  </si>
  <si>
    <t>【上海电气汽轮机】 双金属温度计WSS-581W_0-200℃-L=150-M27X2\12009863</t>
  </si>
  <si>
    <t>【上海电气汽轮机】 压力真空表_Y-100BFZ_-0.1-0-0.15MPa\12011771</t>
  </si>
  <si>
    <t>【上海电气汽轮机】 磁浮子液位计_UHZ-52A100-A2501000W_DN25\12015034</t>
  </si>
  <si>
    <t>【上海电气汽轮机】 真空闸阀_DKZ61H-16C_DN150_φ159X4.5\12035891</t>
  </si>
  <si>
    <t>【上海电气汽轮机】 电动真空闸阀_DKZ961H-16C_DN300-φ325X10_@\12035890</t>
  </si>
  <si>
    <t>【上海电气汽轮机】 控制水位表\193.80.50.01G01</t>
  </si>
  <si>
    <t>【上海电气汽轮机】 温度计搭子\161.82.31.13</t>
  </si>
  <si>
    <t>【上海电气汽轮机】 垫圈\A153.80.08.180</t>
  </si>
  <si>
    <t>【上海电气汽轮机】 石墨增强垫片D57Xφ82X2\14012927</t>
  </si>
  <si>
    <t>【上海电气汽轮机】 齿形垫圈X3CrNiMo17-13-3-B13X19.5X2.2-KUN607.07\14012924</t>
  </si>
  <si>
    <t>【上海电气汽轮机】 垫片_A2_21_KUN900.10 \14007913</t>
  </si>
  <si>
    <t>【上海电气汽轮机】 垫片_A2_31_KUN900.10 \14007914</t>
  </si>
  <si>
    <t>【上海电气汽轮机】 喷嘴\12014547</t>
  </si>
  <si>
    <t>【上海电气汽轮机】 螺旋管接2"\193.05.22.23</t>
  </si>
  <si>
    <t>【上海电气汽轮机】 托架\193.05.22.14</t>
  </si>
  <si>
    <t>【上海电气汽轮机】 托架\C195.01.12.13</t>
  </si>
  <si>
    <t>【上海电气汽轮机】 支管φ32×3\C195.01.12.07</t>
  </si>
  <si>
    <t>【上海电气汽轮机】 接头\196.01.24.21</t>
  </si>
  <si>
    <t>【上海电气汽轮机】 导向螺栓\196.01.30.59</t>
  </si>
  <si>
    <t>【上海电气汽轮机】 垫片\196.01.30.58</t>
  </si>
  <si>
    <t>【上海电气汽轮机】 弧块\196.01.30.54</t>
  </si>
  <si>
    <t>【上海电气汽轮机】 垫片\196.01.30.52</t>
  </si>
  <si>
    <t>【上海电气汽轮机】 保护管\C195.01.30.17</t>
  </si>
  <si>
    <t>【上海电气汽轮机】 保护管（调阀端）\C195.01.30.13G01</t>
  </si>
  <si>
    <t>【上海电气汽轮机】 保护管（电机端）\C195.01.30.01G01</t>
  </si>
  <si>
    <t>【上海电气汽轮机】 低压转子导向装置\195.93.09G01</t>
  </si>
  <si>
    <t>【上海电气汽轮机】 高压缸轴承\196.08.01G01</t>
  </si>
  <si>
    <t>【上海电气汽轮机】 镍抗咬合剂_77124_乐泰\15001560</t>
  </si>
  <si>
    <t>【上海电气汽轮机】 密封胶_BIRKOSIT_进口\15000829</t>
  </si>
  <si>
    <t>【上海电气汽轮机】 运输环（电机端）\196.01.71.30</t>
  </si>
  <si>
    <t>【上海电气汽轮机】 运输环（调阀端）\196.01.71.29</t>
  </si>
  <si>
    <t>【上海电气汽轮机】 密封条L=215\196.01.71.21</t>
  </si>
  <si>
    <t>【上海电气汽轮机】 盖板\196.34.30.21</t>
  </si>
  <si>
    <t>【上海电气汽轮机】 盖板\196.34.30.20</t>
  </si>
  <si>
    <t>【上海电气汽轮机】 阀盖\196.34.30.18G01</t>
  </si>
  <si>
    <t>【上海电气汽轮机】 套筒\196.34.30.12</t>
  </si>
  <si>
    <t>【上海电气汽轮机】 套筒\196.34.30.09</t>
  </si>
  <si>
    <t>【上海电气汽轮机】 套筒\196.34.30.07</t>
  </si>
  <si>
    <t>【上海电气汽轮机】 高排逆止阀_FFRCV_ 28"/CL600 SPL/WC6\12014522</t>
  </si>
  <si>
    <t>【上海电气汽轮机】 阀盖精加工图\196.30.60.49G01</t>
  </si>
  <si>
    <t>【上海电气汽轮机】 盖子\196.30.60.40</t>
  </si>
  <si>
    <t>【上海电气汽轮机】 盖子\196.30.60.34</t>
  </si>
  <si>
    <t>【上海电气汽轮机】 阀盖精加工图\196.30.60.20G01</t>
  </si>
  <si>
    <t>【上海电气汽轮机】 扩散器\196.30.60.13G01</t>
  </si>
  <si>
    <t>【上海电气汽轮机】 密封环B80X100\195.30.61+79</t>
  </si>
  <si>
    <t>【上海电气汽轮机】 孔板\196.60.22.76</t>
  </si>
  <si>
    <t>【上海电气汽轮机】 六角头螺栓\196.60.22.75</t>
  </si>
  <si>
    <t>【上海电气汽轮机】 导块\196.60.22.71</t>
  </si>
  <si>
    <t>【上海电气汽轮机】 导向螺栓\196.60.22.23</t>
  </si>
  <si>
    <t>【上海电气汽轮机】 闷头法兰\195.60.22.55G01</t>
  </si>
  <si>
    <t>【上海电气汽轮机】 补偿器\195.60.22.09</t>
  </si>
  <si>
    <t>【上海电气汽轮机】 补偿器\195.60.22.07</t>
  </si>
  <si>
    <t>【上海电气汽轮机】 补偿器\195.60.22.06</t>
  </si>
  <si>
    <t>【上海电气汽轮机】 法兰DN1800\195.60.22.01</t>
  </si>
  <si>
    <t>【上海电气汽轮机】 密封圈\C195.60.22.19</t>
  </si>
  <si>
    <t>【上海电气汽轮机】 密封圈\C195.60.22.18</t>
  </si>
  <si>
    <t>【上海电气汽轮机】 环\C195.60.22.17</t>
  </si>
  <si>
    <t>【上海电气汽轮机】 环\C195.60.22.13</t>
  </si>
  <si>
    <t>【上海电气汽轮机】 支撑环室\C195.60.22.04G01</t>
  </si>
  <si>
    <t>【上海电气汽轮机】 进汽口补偿器\C195.60.22.02</t>
  </si>
  <si>
    <t>【上海电气汽轮机】 法兰DN1800\C195.60.22.01</t>
  </si>
  <si>
    <t>【上海电气汽轮机】 主汽门调门拆装工具\195.91.30G01</t>
  </si>
  <si>
    <t>【上海电气汽轮机】 密封填料10X2500\196.30.41.39</t>
  </si>
  <si>
    <t>【上海电气汽轮机】 焊接法兰\196.30.41.09</t>
  </si>
  <si>
    <t>【上海电气汽轮机】 外阀盖\195.30.41.51G01</t>
  </si>
  <si>
    <t>【上海电气汽轮机】 外阀盖\195.30.41.29G01</t>
  </si>
  <si>
    <t>【上海电气汽轮机】 内阀盖\195.30.41.11G01</t>
  </si>
  <si>
    <t>【上海电气汽轮机】 缠绕垫圈(带内环)_C42-80-40_GB4622.2\14000734</t>
  </si>
  <si>
    <t>【上海电气汽轮机】 铂电阻_WZP2-7301_700X550P-M33X2\12001658</t>
  </si>
  <si>
    <t>【上海电气汽轮机】 喷雾喷嘴_FULLJET_3/4 HH-SS 7\12014624</t>
  </si>
  <si>
    <t>【上海电气汽轮机】 椭圆封头\C195.80.07.06</t>
  </si>
  <si>
    <t>【上海电气汽轮机】 扩散盘\C195.80.07.01</t>
  </si>
  <si>
    <t>【上海电气汽轮机】 法兰盖\0.2164-96-DN80(B)</t>
  </si>
  <si>
    <t>【上海电气汽轮机】 法兰\0.2125-96-DN80(B)</t>
  </si>
  <si>
    <t>【上海电气汽轮机】 法兰\0.2125-96-DN80(A)</t>
  </si>
  <si>
    <t>【上海电气汽轮机】 90°弯头_1.5DN_20_Φ89×4.5\12000391</t>
  </si>
  <si>
    <t>【上海电气汽轮机】 缩节_20_φ114X6Xφ89X4\12033921</t>
  </si>
  <si>
    <t>【上海电气汽轮机】 90°弯头_1.5DN_20_Φ114×6\12000401</t>
  </si>
  <si>
    <t>【上海电气汽轮机】 三通_20_Φ114×6\12008811</t>
  </si>
  <si>
    <t>【上海电气汽轮机】 异径三通_20_φ114X6Xφ89X5\12029768</t>
  </si>
  <si>
    <t>【上海电气汽轮机】 真空截止阀_NKJ61H-64 DN100-φ114X6\12014477</t>
  </si>
  <si>
    <t>【上海电气汽轮机】 节流阀_L61H-64_DN100-φ114X6\12034064</t>
  </si>
  <si>
    <t>【上海电气汽轮机】 径向推力联合轴承\196.08.02G01</t>
  </si>
  <si>
    <t>【上海电气汽轮机】 径向轴承\195.08.05G01</t>
  </si>
  <si>
    <t>【上海电气汽轮机】 90°弯头_1.5DN_20_Φ168×7\12000410</t>
  </si>
  <si>
    <t>【上海电气汽轮机】 节流阀_L61H-64_DN150-φ168X7\12034065</t>
  </si>
  <si>
    <t>【上海电气汽轮机】 真空截止阀_NKJ61H-64_DN150-φ168X7\12034066</t>
  </si>
  <si>
    <t>【上海电气汽轮机】 危急油泵\C195.70.11G01</t>
  </si>
  <si>
    <t>【上海电气汽轮机】 液压开缸装置\196.95.08G01</t>
  </si>
  <si>
    <t>【上海电气汽轮机】 管夹_BTLPG1-012\12015757</t>
  </si>
  <si>
    <t>【上海电气汽轮机】 短管夹_SD2-377\12015760</t>
  </si>
  <si>
    <t>【上海电气汽轮机】 短管夹_SD2-219\12015761</t>
  </si>
  <si>
    <t>【上海电气汽轮机】 短管夹_SD2-108\12015762</t>
  </si>
  <si>
    <t>【上海电气汽轮机】 短管夹_SD2-76\12015758</t>
  </si>
  <si>
    <t>【上海电气汽轮机】 短管夹_SD2-60\12015759</t>
  </si>
  <si>
    <t>【上海电气汽轮机】 阻燃导线管_PVC_φ20X10m(配管夹)\19001205</t>
  </si>
  <si>
    <t>【上海电气汽轮机】 阻燃导线管_PVC_φ40X10m(配管夹)\19001204</t>
  </si>
  <si>
    <t>【上海电气汽轮机】 阻燃导线管_PVC_φ60X5m(配管夹)\19021203</t>
  </si>
  <si>
    <t>【上海电气汽轮机】 双金属温度计_WSS-481YB_0-100℃,L=200\12016593</t>
  </si>
  <si>
    <t>【上海电气汽轮机】 液位计_UHZ-52A100_PN1.6 DN25 L=1600_配检修阀,从@\12015849</t>
  </si>
  <si>
    <t>【上海电气汽轮机】 除油雾器_DS-01-1\12016578</t>
  </si>
  <si>
    <t>【上海电气汽轮机】 温度开关_ATHS-SW-22/au_(Jumo,60/00397053),带@\12015847</t>
  </si>
  <si>
    <t>【上海电气汽轮机】 液位变送器_FMI51-A1EGEJB3A1A_L=1250\12028570</t>
  </si>
  <si>
    <t>【上海电气汽轮机】 排油烟风机_OEB-02.20-013.0-02\12016577</t>
  </si>
  <si>
    <t>【上海电气汽轮机】 顶轴油油过滤器_HH4741G240RTWM\12016579</t>
  </si>
  <si>
    <t>【上海电气汽轮机】 阀块组件_1256605-A_\12016581</t>
  </si>
  <si>
    <t>【上海电气汽轮机】 顶轴油泵_DENISON-T6DY-028\12016576</t>
  </si>
  <si>
    <t>【上海电气汽轮机】 三通温度调节阀_AMOT-8BRDC-120-07-00-AAF\12016580</t>
  </si>
  <si>
    <t>【上海电气汽轮机】 垫片φ255/φ210X3\196.73.01(3)+7</t>
  </si>
  <si>
    <t>【上海电气汽轮机】 垫片φ40/φ35X2\196.73.01(3)+42</t>
  </si>
  <si>
    <t>【上海电气汽轮机】 垫片φ265/φ222X3\196.73.01(3)+16</t>
  </si>
  <si>
    <t>【上海电气汽轮机】 垫块20X20X20\196.73.01(3)+15</t>
  </si>
  <si>
    <t>【上海电气汽轮机】 垫片φ40/φ30X2\196.73.01(3)+103</t>
  </si>
  <si>
    <t>【上海电气汽轮机】 压力开关管路Ⅱ\196.73.01.17(2)G01</t>
  </si>
  <si>
    <t>【上海电气汽轮机】 压力开关管路Ⅲ\196.73.01.16(2)G01</t>
  </si>
  <si>
    <t>【上海电气汽轮机】 压力开关管路Ⅰ\196.73.01.15(2)G01</t>
  </si>
  <si>
    <t>【上海电气汽轮机】 压力开关管路(主油泵Ⅰ)\195.73.01.14G01</t>
  </si>
  <si>
    <t>【上海电气汽轮机】 压力开关管路(主油泵Ⅱ)\195.73.01.13G01</t>
  </si>
  <si>
    <t>【上海电气汽轮机】 压力开关管路(直流泵)\195.73.01.12G01</t>
  </si>
  <si>
    <t>【上海电气汽轮机】 集油盘放油管\168.73.01.25(2)G01</t>
  </si>
  <si>
    <t>【上海电气汽轮机】 润滑油过滤器底盘\168.73.01.14(2)G01</t>
  </si>
  <si>
    <t>【上海电气汽轮机】 顶轴油过滤器底盘\168.73.01.200(1)G01</t>
  </si>
  <si>
    <t>【上海电气汽轮机】 导线\168.73.01.191(1)</t>
  </si>
  <si>
    <t>【上海电气汽轮机】 金属环垫\168.73.01.178(1)</t>
  </si>
  <si>
    <t>【上海电气汽轮机】 润滑油回油管\168.73.01.143(1)G01</t>
  </si>
  <si>
    <t>【上海电气汽轮机】 排油烟入口管\168.73.01.128(1)G01</t>
  </si>
  <si>
    <t>【上海电气汽轮机】 垫片\168.73.01.114(1)</t>
  </si>
  <si>
    <t>【上海电气汽轮机】 垫片\168.73.01.113(1)</t>
  </si>
  <si>
    <t>【上海电气汽轮机】 冷油器切换阀_LDL200B\12016592</t>
  </si>
  <si>
    <t>【上海电气汽轮机】 主油泵\C195.70.01G01</t>
  </si>
  <si>
    <t>【上海电气汽轮机】 轴承拆装工具（二）\196.95.10G01</t>
  </si>
  <si>
    <t>【上海电气汽轮机】 轴承拆装工具（三）\196.95.11G01</t>
  </si>
  <si>
    <t>【上海电气汽轮机】 轴承拆装工具(四)\195.95.12G01</t>
  </si>
  <si>
    <t>【上海电气汽轮机】 轴承拆装工具（一）\196.95.09G01</t>
  </si>
  <si>
    <t>【上海电气汽轮机】 垫片_DC01-A_8.4_KUN900.10\14007916</t>
  </si>
  <si>
    <t>【上海电气汽轮机】 管接头_BU20-26.7X3.91-G1A_P250GH_KUN675.05\12004753</t>
  </si>
  <si>
    <t>【上海电气汽轮机】 高压缸轴承\196.07.01+105</t>
  </si>
  <si>
    <t>【上海电气汽轮机】 #1轴承座油封\196.07.01+104</t>
  </si>
  <si>
    <t>【上海电气汽轮机】 管夹及附件 36*9BK\196.07.01+54</t>
  </si>
  <si>
    <t>【上海电气汽轮机】 #1轴承座油封\196.07.31G01</t>
  </si>
  <si>
    <t>【上海电气汽轮机】 垫片_A2_58_KUN900.10\14007915</t>
  </si>
  <si>
    <t>【上海电气汽轮机】 #2轴承座油封（电机端）\196.07.02+104</t>
  </si>
  <si>
    <t>【上海电气汽轮机】 #2轴承座油封（调阀端）\196.07.02+103</t>
  </si>
  <si>
    <t>【上海电气汽轮机】 #2轴承座油封（电机端）\195.07.33G01</t>
  </si>
  <si>
    <t>【上海电气汽轮机】 #2轴承座油封(调阀端)\196.07.32G01</t>
  </si>
  <si>
    <t>【上海电气汽轮机】 #3#4轴承座油封(电机端)\195.07.35G01</t>
  </si>
  <si>
    <t>【上海电气汽轮机】 锁紧垫片_DC01-A_10.5\14007940</t>
  </si>
  <si>
    <t>【上海电气汽轮机】 锁紧垫片_82DC01-AKUN900.10\14007938</t>
  </si>
  <si>
    <t>【上海电气汽轮机】 底板\196.07.03.28</t>
  </si>
  <si>
    <t>【上海电气汽轮机】 垫圈\196.07.03.16</t>
  </si>
  <si>
    <t>【上海电气汽轮机】 接合法兰\196.07.03.03</t>
  </si>
  <si>
    <t>【上海电气汽轮机】 中压缸轴承\195.07.03+6</t>
  </si>
  <si>
    <t>【上海电气汽轮机】 #3轴承座油封（电机端）\195.07.03+5</t>
  </si>
  <si>
    <t>【上海电气汽轮机】 #3轴承座油封（调阀端）\195.07.03+4</t>
  </si>
  <si>
    <t>【上海电气汽轮机】 #3轴承座油封(调阀端)\196.07.34G01</t>
  </si>
  <si>
    <t>【上海电气汽轮机】 #4#5轴承座油封(调阀端)\195.07.36G01</t>
  </si>
  <si>
    <t>【上海电气汽轮机】 #5轴承座油封（电机端）\195.07.05+4</t>
  </si>
  <si>
    <t>【上海电气汽轮机】 #5轴承座油封（调阀端）\195.07.05+3</t>
  </si>
  <si>
    <t>【上海电气汽轮机】 垫片\195.07.05.03.02</t>
  </si>
  <si>
    <t>【上海电气汽轮机】 垫片\195.07.05.03.01</t>
  </si>
  <si>
    <t>【上海电气汽轮机】 垫块\195.07.05.02</t>
  </si>
  <si>
    <t>【上海电气汽轮机】 #5轴承座油封(电机端)\195.07.39G01</t>
  </si>
  <si>
    <t>【上海电气汽轮机】 螺栓加热及伸长测量装置\C195.91.51G01</t>
  </si>
  <si>
    <t>【上海电气汽轮机】 起吊工具\C195.90.52G01</t>
  </si>
  <si>
    <t>【上海电气汽轮机】 桥形规\C195.91.03G01</t>
  </si>
  <si>
    <t>【上海电气汽轮机】 垫片\195.01.12.03(1)</t>
  </si>
  <si>
    <t>【上海电气汽轮机】 垫片_ARAMID-NBR_2×70×70\19001172</t>
  </si>
  <si>
    <t>【上海电气汽轮机】 嵌条\195.02.46.18.01</t>
  </si>
  <si>
    <t>【上海电气汽轮机】 汽封齿\195.02.46.17.02</t>
  </si>
  <si>
    <t>【上海电气汽轮机】 汽封齿\195.02.46.17.01</t>
  </si>
  <si>
    <t>【上海电气汽轮机】 嵌条\195.02.46.18.02</t>
  </si>
  <si>
    <t>【上海电气汽轮机】 汽封齿\195.02.46.17.03</t>
  </si>
  <si>
    <t>【上海电气汽轮机】 低压缸喷水控制阀_VFK50-220VAC NC/DN50/PN64\12018834</t>
  </si>
  <si>
    <t>【上海电气汽轮机】 低压缸喷水控制阀_VFK50-24VDC NC/DN50/PN64\12025389</t>
  </si>
  <si>
    <t>【上海电气汽轮机】 双头螺柱\195.30.61.03(2)</t>
  </si>
  <si>
    <t>【上海电气汽轮机】 法兰DN125\196.60.22.07</t>
  </si>
  <si>
    <t>【上海电气汽轮机】 法兰DN125\196.60.22.06</t>
  </si>
  <si>
    <t>【上海电气汽轮机】 密封圈\195.60.22.28</t>
  </si>
  <si>
    <t>【上海电气汽轮机】 密封圈\195.60.22.27</t>
  </si>
  <si>
    <t>【上海电气汽轮机】 环\195.60.22.26</t>
  </si>
  <si>
    <t>【上海电气汽轮机】 环\195.60.22.25</t>
  </si>
  <si>
    <t>【上海电气汽轮机】 环\195.60.22.22</t>
  </si>
  <si>
    <t>【上海电气汽轮机】 垫片\195.60.22.18</t>
  </si>
  <si>
    <t>【上海电气汽轮机】 进汽口补偿器\195.60.22.10</t>
  </si>
  <si>
    <t>【上海电气汽轮机】 补偿器\195.60.22.08</t>
  </si>
  <si>
    <t>【上海电气汽轮机】 法兰DN1300\195.60.22.05</t>
  </si>
  <si>
    <t>【上海电气汽轮机】 法兰DN1800\195.60.22.04</t>
  </si>
  <si>
    <t>【上海电气汽轮机】 法兰DN1800\195.60.22.03</t>
  </si>
  <si>
    <t>【上海电气汽轮机】 汽缸补偿器\196.06.52G01</t>
  </si>
  <si>
    <t>【上海电气汽轮机】 管帽_0Cr18Ni9_φ76×4\12025499</t>
  </si>
  <si>
    <t>【上海电气汽轮机】 缩节_0Cr18Ni9_φ114×φ60×4\12025908</t>
  </si>
  <si>
    <t>【上海电气汽轮机】 异径三通_0Cr18Ni9_φ76×32×4\12025506</t>
  </si>
  <si>
    <t>【上海电气汽轮机】 管帽_0Cr18Ni9_φ159×4.5\12025497</t>
  </si>
  <si>
    <t>【上海电气汽轮机】 球阀_Q11F-16P_DN32\12025905</t>
  </si>
  <si>
    <t>【上海电气汽轮机】 管帽_0Cr18Ni9_φ273×6\12025498</t>
  </si>
  <si>
    <t>【上海电气汽轮机】 齿轮泵_2CY-8/3.3-1\12023383</t>
  </si>
  <si>
    <t>【上海电气汽轮机】 接头\196.74.20.01(2)</t>
  </si>
  <si>
    <t>【上海电气汽轮机】 垫片φ17/φ10X2\D195.74.20+41</t>
  </si>
  <si>
    <t>【上海电气汽轮机】 垫片φ95/φ52X2\D195.74.20+38</t>
  </si>
  <si>
    <t>【上海电气汽轮机】 垫片φ46/φ38X2\D195.74.20+3</t>
  </si>
  <si>
    <t>【上海电气汽轮机】 垫片φ100/φ55X2\D195.74.20+16</t>
  </si>
  <si>
    <t>【上海电气汽轮机】 危急油泵\168.70.11G01</t>
  </si>
  <si>
    <t>【上海电气汽轮机】 除油雾器\196.73.01(1)+5</t>
  </si>
  <si>
    <t>【上海电气汽轮机】 电加热器\196.73.01(1)+6</t>
  </si>
  <si>
    <t>【上海电气汽轮机】 顶轴油过滤器\196.73.01(1)+36</t>
  </si>
  <si>
    <t>【上海电气汽轮机】 冷油器切换阀\196.73.01(1)+22</t>
  </si>
  <si>
    <t>【上海电气汽轮机】 阀块组件\196.73.01(1)+37</t>
  </si>
  <si>
    <t>【上海电气汽轮机】 顶轴油泵\196.73.01(1)+24</t>
  </si>
  <si>
    <t>【上海电气汽轮机】 润滑油过滤器\196.73.01(1)+14</t>
  </si>
  <si>
    <t>【上海电气汽轮机】 交流润滑油泵\196.73.01(1)+26</t>
  </si>
  <si>
    <t>【上海电气汽轮机】 直流润滑油泵\196.73.01(1)+25</t>
  </si>
  <si>
    <t>【上海电气汽轮机】 垫片φ120/φ66X3\196.73.01(1)+71</t>
  </si>
  <si>
    <t>【上海电气汽轮机】 垫片φ255/φ210X3\196.73.01(1)+7</t>
  </si>
  <si>
    <t>【上海电气汽轮机】 垫片φ99/φ62X3\196.73.01(1)+67</t>
  </si>
  <si>
    <t>【上海电气汽轮机】 垫片φ265/φ222X3\196.73.01(1)+16</t>
  </si>
  <si>
    <t>【上海电气汽轮机】 垫块20X20X20\196.73.01(1)+131</t>
  </si>
  <si>
    <t>【上海电气汽轮机】 垫片φ65/φ25X3\196.73.01(1)+118</t>
  </si>
  <si>
    <t>【上海电气汽轮机】 垫片φ155/φ110X3\196.73.01(1)+106</t>
  </si>
  <si>
    <t>【上海电气汽轮机】 垫片φ40/φ30X2\196.73.01(1)+103</t>
  </si>
  <si>
    <t>【上海电气汽轮机】 六角头螺栓 M20X80\196.73.01(1)+52</t>
  </si>
  <si>
    <t>【上海电气汽轮机】 主油泵\168.70.01G01</t>
  </si>
  <si>
    <t>【上海电气汽轮机】 垫片\196.07.04.06</t>
  </si>
  <si>
    <t>【上海电气汽轮机】 中压缸轴承\195.07.04+5</t>
  </si>
  <si>
    <t>【上海电气汽轮机】 #4轴承座油封（电机端）\195.07.04+4</t>
  </si>
  <si>
    <t>【上海电气汽轮机】 #4轴承座油封（调阀端）\195.07.04+3</t>
  </si>
  <si>
    <t>【上海电气汽轮机】 螺栓加热及伸长测量装置\195.91.51G01</t>
  </si>
  <si>
    <t>【上海电气汽轮机】 起吊工具\195.90.52G01</t>
  </si>
  <si>
    <t>【上海电气汽轮机】 桥型规\195.91.03G01</t>
  </si>
  <si>
    <t>【上海电气汽轮机】 下半垫片\A156.01.36.08</t>
  </si>
  <si>
    <t>【上海电气汽轮机】 下半垫片\A156.01.36.07</t>
  </si>
  <si>
    <t>【上海电气汽轮机】 上半垫片\A156.01.36.06</t>
  </si>
  <si>
    <t>【上海电气汽轮机】 定位销装配\B155.01.14.05G01</t>
  </si>
  <si>
    <t>【上海电气汽轮机】 键\B155.01.14.04</t>
  </si>
  <si>
    <t>【上海电气汽轮机】 弹簧垫圈16\191.01.93.07</t>
  </si>
  <si>
    <t>【上海电气汽轮机】 弹簧垫圈27\191.01.93.06</t>
  </si>
  <si>
    <t>【上海电气汽轮机】 调整块\191.01.93.05</t>
  </si>
  <si>
    <t>【上海电气汽轮机】 偏心定位销\191.01.93.04</t>
  </si>
  <si>
    <t>【上海电气汽轮机】 垫片\191.01.93.02</t>
  </si>
  <si>
    <t>【上海电气汽轮机】 垫片\191.01.93.01</t>
  </si>
  <si>
    <t>【上海电气汽轮机】 弹簧销\W1506-10X100</t>
  </si>
  <si>
    <t>【上海电气汽轮机】 圆柱销\W1500-12X100</t>
  </si>
  <si>
    <t>【上海电气汽轮机】 垫片\A156.01.93.08</t>
  </si>
  <si>
    <t>【上海电气汽轮机】 垫片\A156.01.93.07</t>
  </si>
  <si>
    <t>【上海电气汽轮机】 垫片\D156.01.24.32(4)</t>
  </si>
  <si>
    <t>【上海电气汽轮机】 环夹\D156.01.24.31(4)</t>
  </si>
  <si>
    <t>【上海电气汽轮机】 内六角圆柱头螺钉\0.1050-90-M20X70</t>
  </si>
  <si>
    <t>【上海电气汽轮机】 压环(出汽侧)\SPG.01.81.12</t>
  </si>
  <si>
    <t>【上海电气汽轮机】 漏汽密封压环\SPG.01.81.11</t>
  </si>
  <si>
    <t>【上海电气汽轮机】 漏汽密封环\SPG.01.81.10</t>
  </si>
  <si>
    <t>【上海电气汽轮机】 定位销\MTU616-07-φ50(L=165)</t>
  </si>
  <si>
    <t>【上海电气汽轮机】 六角头螺栓\MTU421-11-M24(A=275)</t>
  </si>
  <si>
    <t>【上海电气汽轮机】 平端紧定螺钉\0.1063B-90-M3X8</t>
  </si>
  <si>
    <t>【上海电气汽轮机】 开槽圆柱头螺钉\0.1051C-90-M10X25</t>
  </si>
  <si>
    <t>【上海电气汽轮机】 内六角圆柱头螺钉\0.1050C-90-M20X50</t>
  </si>
  <si>
    <t>【上海电气汽轮机】 双头螺栓M90X4 (A=755)\SPG.01.71.11(2)</t>
  </si>
  <si>
    <t>【上海电气汽轮机】 定位键\SPG.01.71.03(2)</t>
  </si>
  <si>
    <t>【上海电气汽轮机】 偏心套筒\SPG.01.71.08(1)</t>
  </si>
  <si>
    <t>【上海电气汽轮机】 垫片\SPG.01.71.12</t>
  </si>
  <si>
    <t>【上海电气汽轮机】 螺塞\SPG.01.71.10</t>
  </si>
  <si>
    <t>【上海电气汽轮机】 定位销\SPG.01.71.09</t>
  </si>
  <si>
    <t>【上海电气汽轮机】 横向定位键\SPG.01.71.08</t>
  </si>
  <si>
    <t>【上海电气汽轮机】 法兰\C152.01.71.13</t>
  </si>
  <si>
    <t>【上海电气汽轮机】 纵向定位键法兰(下半)\C152.01.71.12</t>
  </si>
  <si>
    <t>【上海电气汽轮机】 纵向定位键法兰(上半)\C152.01.71.11</t>
  </si>
  <si>
    <t>【上海电气汽轮机】 锁紧螺母M24\MTU126-11-M24</t>
  </si>
  <si>
    <t>【上海电气汽轮机】 圆螺母\MTU122-13-M30X3</t>
  </si>
  <si>
    <t>【上海电气汽轮机】 螺母\MTU111-13-M30X3</t>
  </si>
  <si>
    <t>【上海电气汽轮机】 圆螺母罩M64\MTU151-26-M64</t>
  </si>
  <si>
    <t>【上海电气汽轮机】 螺母罩壳M30\MTU151-16-M30</t>
  </si>
  <si>
    <t>【上海电气汽轮机】 双头螺栓\MTU222-13-M30X3(A=168)</t>
  </si>
  <si>
    <t>【上海电气汽轮机】 双头螺栓\MTU222-13-M30X3(A=148)</t>
  </si>
  <si>
    <t>【上海电气汽轮机】 螺栓\MTU212-11-M24(A=156)</t>
  </si>
  <si>
    <t>【上海电气汽轮机】 热电偶套管\W2312.2/1-0.5"NPTX187</t>
  </si>
  <si>
    <t>【上海电气汽轮机】 两端带螺纹管子\W2012-φ28X4X165</t>
  </si>
  <si>
    <t>【上海电气汽轮机】 两端带螺纹管子\W2012-φ22X3.5X155</t>
  </si>
  <si>
    <t>【上海电气汽轮机】 焊接接头\W2237-0.625"</t>
  </si>
  <si>
    <t>【上海电气汽轮机】 罩螺母\W1209.2-0.5"NPT</t>
  </si>
  <si>
    <t>【上海电气汽轮机】 法兰盖\0.2534D1-93-DN50</t>
  </si>
  <si>
    <t>【上海电气汽轮机】 开口销\0.1538-90-6.3X80</t>
  </si>
  <si>
    <t>【上海电气汽轮机】 2型六角螺母\0.1202C-90-M18</t>
  </si>
  <si>
    <t>【上海电气汽轮机】 平端紧定螺钉\0.1063B-90-M8X16</t>
  </si>
  <si>
    <t>【上海电气汽轮机】 开槽沉头螺钉\0.1052B-90-M10X25</t>
  </si>
  <si>
    <t>【上海电气汽轮机】 双头螺柱\0.1040D-90-M18X70</t>
  </si>
  <si>
    <t>【上海电气汽轮机】 内缸压力接头\A156.01.71.62</t>
  </si>
  <si>
    <t>【上海电气汽轮机】 高压油泵_LDX/FLY45-54X2_YB30kW/2950r/min\12023520</t>
  </si>
  <si>
    <t>【上海电气汽轮机】 高压油泵_LDX/FLY45-54X2_YB30KW/415V/2950r/min\12027127</t>
  </si>
  <si>
    <t>【上海电气汽轮机】 安全阀_A48SH-25/1.34MPA_DN150X100X200_配供反\12031842</t>
  </si>
  <si>
    <t>【上海电气汽轮机】 安全阀_A48SH-25/1.41MPA_DN150X100X200_配供反\12031843</t>
  </si>
  <si>
    <t>【上海电气汽轮机】 安全阀_A48Y-16C/0.67MPA_DN350X220X500_配供反\12031844</t>
  </si>
  <si>
    <t>【上海电气汽轮机】 安全阀_A48Y-16C/0.70MPA_DN350X220X500_配供反\12031845</t>
  </si>
  <si>
    <t>【上海电气汽轮机】 螺纹涂料\K156.30.60+54</t>
  </si>
  <si>
    <t>【上海电气汽轮机】 支承块\K156.10.31.10</t>
  </si>
  <si>
    <t>【上海电气汽轮机】 螺杆\K156.10.31.09</t>
  </si>
  <si>
    <t>【上海电气汽轮机】 螺杆\K156.10.31.07</t>
  </si>
  <si>
    <t>【上海电气汽轮机】 螺杆\K156.10.31.06</t>
  </si>
  <si>
    <t>【上海电气汽轮机】 开口销\W1538.1-3X20</t>
  </si>
  <si>
    <t>【上海电气汽轮机】 销轴\W1503.2-10X80</t>
  </si>
  <si>
    <t>【上海电气汽轮机】 带销孔螺杆M52X3(左旋)\A156.10.31.11</t>
  </si>
  <si>
    <t>【上海电气汽轮机】 六角厚螺母M39X3(左旋)\A156.10.31.09</t>
  </si>
  <si>
    <t>【上海电气汽轮机】 导向环\A156.10.31.05</t>
  </si>
  <si>
    <t>【上海电气汽轮机】 垫片\A156.10.31.04</t>
  </si>
  <si>
    <t>【上海电气汽轮机】 销轴12X152\A156.10.31.03</t>
  </si>
  <si>
    <t>【上海电气汽轮机】 再热主汽门开关匣支架及连杆\A156.10.37</t>
  </si>
  <si>
    <t>【上海电气汽轮机】 环\155.60.22.48</t>
  </si>
  <si>
    <t>【上海电气汽轮机】 金属缠绕垫片II\E152.60.22+9</t>
  </si>
  <si>
    <t>【上海电气汽轮机】 金属缠绕垫片I\E152.60.22+6</t>
  </si>
  <si>
    <t>【上海电气汽轮机】 碟阀配对法兰\E152.60.22+5</t>
  </si>
  <si>
    <t>【上海电气汽轮机】 法兰盖\E152.60.22+3</t>
  </si>
  <si>
    <t>【上海电气汽轮机】 低压缸法兰\E152.60.22+12</t>
  </si>
  <si>
    <t>【上海电气汽轮机】 垫圈\0.1300-90-39</t>
  </si>
  <si>
    <t>【上海电气汽轮机】 1型六角螺母\0.1200A-90-M39X3</t>
  </si>
  <si>
    <t>【上海电气汽轮机】 六角头螺栓\0.1030B-90-M39X3X180</t>
  </si>
  <si>
    <t>【上海电气汽轮机】 磁翻柱式液位计_UHZ-52A100-0_DN25 L=450\12024688</t>
  </si>
  <si>
    <t>【上海电气汽轮机】 2型六角螺母\0.1202-90-M36X3</t>
  </si>
  <si>
    <t>【上海电气汽轮机】 六角头螺栓\0.1030-90-M36X3X210</t>
  </si>
  <si>
    <t>【上海电气汽轮机】 连通管\A153.82.10.09G01</t>
  </si>
  <si>
    <t>【上海电气汽轮机】 无石棉橡胶板_2mm\19001584</t>
  </si>
  <si>
    <t>【上海电气汽轮机】 截止阀_J61H-320C_DN10-φ16X2\12019920</t>
  </si>
  <si>
    <t>【上海电气汽轮机】 截止阀_J61H-320C_DN20-φ28X4\12019921</t>
  </si>
  <si>
    <t>【上海电气汽轮机】 带滤网逆止阀\156.74.12.01G01</t>
  </si>
  <si>
    <t>【上海电气汽轮机】 危急油泵\D152.70.11G01</t>
  </si>
  <si>
    <t>【上海电气汽轮机】 垫片φ53/φ20X2\D152.73.01(1)+29</t>
  </si>
  <si>
    <t>【上海电气汽轮机】 液位计UHZ-52A100-100860W_PN1.6 DN25 L=2700@\12023468</t>
  </si>
  <si>
    <t>【上海电气汽轮机】 滤网\F156.73.01.61G01</t>
  </si>
  <si>
    <t>【上海电气汽轮机】 垫片φ215/φ155X2\D152.73.01(1)+6</t>
  </si>
  <si>
    <t>【上海电气汽轮机】 垫片φ50/φ27X2\D152.73.01(1)+3</t>
  </si>
  <si>
    <t>【上海电气汽轮机】 垫片φ35/φ28X1\D152.73.01(1)+18</t>
  </si>
  <si>
    <t>【上海电气汽轮机】 双头螺栓\0.1040-90-M20X75</t>
  </si>
  <si>
    <t>【上海电气汽轮机】 轴承油泵\D152.70.12G01</t>
  </si>
  <si>
    <t>【上海电气汽轮机】 主油泵\D152.70.01G01</t>
  </si>
  <si>
    <t>【上海电气汽轮机】 键\C152.01.42.02</t>
  </si>
  <si>
    <t>【上海电气汽轮机】 压板\1.1416C-90-29X16</t>
  </si>
  <si>
    <t>【上海电气汽轮机】 垫片\1.1305-90-16X11</t>
  </si>
  <si>
    <t>【上海电气汽轮机】 垫片\1.1303-90-16X11</t>
  </si>
  <si>
    <t>【上海电气汽轮机】 圆锥销\0.1510-90-10X55</t>
  </si>
  <si>
    <t>【上海电气汽轮机】 开槽沉头螺钉\0.1052-90-M8X45</t>
  </si>
  <si>
    <t>【上海电气汽轮机】 内六角圆柱头螺钉\0.1050-90-M8X20</t>
  </si>
  <si>
    <t>【上海电气汽轮机】 内六角圆柱头螺钉\0.1050-90-M12X25</t>
  </si>
  <si>
    <t>【上海电气汽轮机】 开槽沉头螺钉M8X65\14013575</t>
  </si>
  <si>
    <t>【上海电气汽轮机】 垫片\D152.01.60.04</t>
  </si>
  <si>
    <t>【上海电气汽轮机】 垫片\D152.01.60.03</t>
  </si>
  <si>
    <t>【上海电气汽轮机】 悬挂销\D152.01.60.02</t>
  </si>
  <si>
    <t>【上海电气汽轮机】 圆锥销\0.1510-90-12X55</t>
  </si>
  <si>
    <t>【上海电气汽轮机】 内六角圆柱头螺钉\0.1050-90-M10X20</t>
  </si>
  <si>
    <t>【上海电气汽轮机】 垫板\155.01.95.03</t>
  </si>
  <si>
    <t>【上海电气汽轮机】 垫片\155.01.95.01</t>
  </si>
  <si>
    <t>【上海电气汽轮机】 杆534X12X3\D152.01.92+12</t>
  </si>
  <si>
    <t>【上海电气汽轮机】 定中心梁\D152.01.92.01</t>
  </si>
  <si>
    <t>【上海电气汽轮机】 销φ27X140\A156.01.95.06</t>
  </si>
  <si>
    <t>【上海电气汽轮机】 销φ27X160\A156.01.95.05</t>
  </si>
  <si>
    <t>【上海电气汽轮机】 衬套\A156.01.95.04</t>
  </si>
  <si>
    <t>【上海电气汽轮机】 垫板\A156.01.95.03</t>
  </si>
  <si>
    <t>【上海电气汽轮机】 垫片φ60X0.8\D152.01.72+64</t>
  </si>
  <si>
    <t>【上海电气汽轮机】 热电偶套\W2312.2-0.5"NPTX244</t>
  </si>
  <si>
    <t>【上海电气汽轮机】 两端带螺纹管子\W2012-φ28X4X135</t>
  </si>
  <si>
    <t>【上海电气汽轮机】 平垫圈\W1300.1-16</t>
  </si>
  <si>
    <t>【上海电气汽轮机】 六角螺母\W1220.6-M16</t>
  </si>
  <si>
    <t>【上海电气汽轮机】 开槽圆柱头螺钉\0.1051B-90-M8X20</t>
  </si>
  <si>
    <t>【上海电气汽轮机】 垫片1.0\155.01.97.03-1.0</t>
  </si>
  <si>
    <t>【上海电气汽轮机】 垫片0.5\155.01.97.03-0.5</t>
  </si>
  <si>
    <t>【上海电气汽轮机】 垫片0.3\155.01.97.03-0.3</t>
  </si>
  <si>
    <t>【上海电气汽轮机】 垫片0.2\155.01.97.03-0.2</t>
  </si>
  <si>
    <t>【上海电气汽轮机】 垫片0.1\155.01.97.03-0.1</t>
  </si>
  <si>
    <t>【上海电气汽轮机】 垫片\155.01.97.02</t>
  </si>
  <si>
    <t>【上海电气汽轮机】 垫片组\155.01.97.03</t>
  </si>
  <si>
    <t>【上海电气汽轮机】 键\155.01.97.01</t>
  </si>
  <si>
    <t>【上海电气汽轮机】 双头螺栓\D152.01.97.01</t>
  </si>
  <si>
    <t>【上海电气汽轮机】 方头紧定螺钉\W1067-M14X38</t>
  </si>
  <si>
    <t>【上海电气汽轮机】 圆柱销\0.1500-90-12X90</t>
  </si>
  <si>
    <t>【上海电气汽轮机】 圆柱销\0.1500-90-12X150</t>
  </si>
  <si>
    <t>【上海电气汽轮机】 垫片1.0\A156.01.97.05-1</t>
  </si>
  <si>
    <t>【上海电气汽轮机】 垫片0.5\A156.01.97.05-0.5</t>
  </si>
  <si>
    <t>【上海电气汽轮机】 垫片0.3\A156.01.97.05-0.3</t>
  </si>
  <si>
    <t>【上海电气汽轮机】 垫片0.2\A156.01.97.05-0.2</t>
  </si>
  <si>
    <t>【上海电气汽轮机】 垫片0.1\A156.01.97.05-0.1</t>
  </si>
  <si>
    <t>【上海电气汽轮机】 垫片组\A156.01.97.05</t>
  </si>
  <si>
    <t>【上海电气汽轮机】 垫片\A156.01.97.04</t>
  </si>
  <si>
    <t>【上海电气汽轮机】 键\A156.01.97.03</t>
  </si>
  <si>
    <t>【上海电气汽轮机】 螺母M64X3\A156.01.97.02</t>
  </si>
  <si>
    <t>【上海电气汽轮机】 中座架\157.09.14</t>
  </si>
  <si>
    <t>【上海电气汽轮机】 推力轴承\A157.08.03</t>
  </si>
  <si>
    <t>【上海电气汽轮机】 推力轴承热电阻\D152.08.33G01</t>
  </si>
  <si>
    <t>【上海电气汽轮机】 前轴承座(内侧)油封\157.07.01.30</t>
  </si>
  <si>
    <t>【上海电气汽轮机】 90°螺旋弯头\W2252.1-0.125"NPT</t>
  </si>
  <si>
    <t>【上海电气汽轮机】 管接头\0.2204F-90-DN10</t>
  </si>
  <si>
    <t>【上海电气汽轮机】 外螺纹三通接头\A156.74.02.38</t>
  </si>
  <si>
    <t>【上海电气汽轮机】 牛油嘴_NYZ-GB1152-Z_铜_1/8"-M10×1_直式\13000648</t>
  </si>
  <si>
    <t>【上海电气汽轮机】 联轴器护罩\157.07.21.79</t>
  </si>
  <si>
    <t>【上海电气汽轮机】 轴承挡油环\157.07.21.106</t>
  </si>
  <si>
    <t>【上海电气汽轮机】 挠性软管\157.07.21.101</t>
  </si>
  <si>
    <t>【上海电气汽轮机】 90°螺旋弯头\W2251.1-2.5"NPT</t>
  </si>
  <si>
    <t>【上海电气汽轮机】 吊汽缸工具(中压外缸用)\D152.93.06G01</t>
  </si>
  <si>
    <t>【上海电气汽轮机】 吊汽缸工具I(高压外缸)\C152.93.04G01</t>
  </si>
  <si>
    <t>【上海电气汽轮机】 吊转子工具（低压转子用）\K156.93.23G01</t>
  </si>
  <si>
    <t>【上海电气汽轮机】 吊转子工具(高压转子用)\D152.93.03G01</t>
  </si>
  <si>
    <t>【上海电气汽轮机】 吊转子工具(中压转子用)\D152.93.05G01</t>
  </si>
  <si>
    <t>【上海电气汽轮机】 回转设备\A156.28.01</t>
  </si>
  <si>
    <t>【上海电气汽轮机】 联轴器护罩\E156.12.12</t>
  </si>
  <si>
    <t>【上海电气汽轮机】 螺栓加热伸长测量装置\E152.91.51G01</t>
  </si>
  <si>
    <t>【上海电气汽轮机】 汽封阀门站截止阀\D152.61.23G03</t>
  </si>
  <si>
    <t>【上海电气汽轮机】 桥形规\E152.91.03G01</t>
  </si>
  <si>
    <t>【上海电气汽轮机】 旋转隔板调节杠杆\D152.34.09G01</t>
  </si>
  <si>
    <t>【上海电气汽轮机】 压力调节阀_YTKD741-16C_DN1400\12030095</t>
  </si>
  <si>
    <t>【上海电气汽轮机】 导向杆\A153.05.22.27</t>
  </si>
  <si>
    <t>【上海电气汽轮机】 低压缸轴承(电机端)\A153.08.21G01</t>
  </si>
  <si>
    <t>【上海电气汽轮机】 低压缸轴承(调阀端)\A153.08.20G01</t>
  </si>
  <si>
    <t>【上海电气汽轮机】 垫片\B153.01.14.03</t>
  </si>
  <si>
    <t>【上海电气汽轮机】 内六角螺母\W1228.1-M45X3X350</t>
  </si>
  <si>
    <t>【上海电气汽轮机】 垫片\B153.01.14.05</t>
  </si>
  <si>
    <t>【上海电气汽轮机】 罩螺母\W1208.6-M45X3X105</t>
  </si>
  <si>
    <t>【上海电气汽轮机】 定位双头螺柱\W1043.1-50X270</t>
  </si>
  <si>
    <t>【上海电气汽轮机】 双头螺柱\W1703.3-M52X3X300</t>
  </si>
  <si>
    <t>【上海电气汽轮机】 排大汽隔膜阀盖\180.01.27.52</t>
  </si>
  <si>
    <t>【上海电气汽轮机】 支撑键\A156.01.09.04</t>
  </si>
  <si>
    <t>【上海电气汽轮机】 支撑键\A156.01.09.05</t>
  </si>
  <si>
    <t>【上海电气汽轮机】 圆柱销\W1500-10X55</t>
  </si>
  <si>
    <t>【上海电气汽轮机】 六角头起重螺钉\W1060-M27X610</t>
  </si>
  <si>
    <t>【上海电气汽轮机】 保护闷头\A156.01.81.01(1)</t>
  </si>
  <si>
    <t>【上海电气汽轮机】 一端倒角一端平口管\W2010.3-φ22X3.5X152.4</t>
  </si>
  <si>
    <t>【上海电气汽轮机】 两端倒角管\W2010.2-φ48X5X152.4</t>
  </si>
  <si>
    <t>【上海电气汽轮机】 两端倒角管\W2010.2-φ60X5.5X152.4</t>
  </si>
  <si>
    <t>【上海电气汽轮机】 平垫圈\W1300.2-20</t>
  </si>
  <si>
    <t>【上海电气汽轮机】 内六角螺旋管塞\W1075.3-0.25"NPT</t>
  </si>
  <si>
    <t>【上海电气汽轮机】 两端带螺纹管子\W2012-φ28X4X155</t>
  </si>
  <si>
    <t>【上海电气汽轮机】 套焊式接头\W2239.4-1.5"</t>
  </si>
  <si>
    <t>【上海电气汽轮机】 两端带螺纹管子28X4X158\155.01.71.86</t>
  </si>
  <si>
    <t>【上海电气汽轮机】 热电偶套管\W2312.2/1-0.5"NPTX244</t>
  </si>
  <si>
    <t>【上海电气汽轮机】 热电偶套管\W2312.1/1-0.5"NPTX330.2</t>
  </si>
  <si>
    <t>【上海电气汽轮机】 热电偶套管0.5"NPTX318\155.01.71.39</t>
  </si>
  <si>
    <t>【上海电气汽轮机】 紧定螺钉M6X10\A156.01.71.71</t>
  </si>
  <si>
    <t>【上海电气汽轮机】 垫片\155.01.71.31</t>
  </si>
  <si>
    <t>【上海电气汽轮机】 专用销\A155.01.71.11(1)</t>
  </si>
  <si>
    <t>【上海电气汽轮机】 垫片\155.01.71.83</t>
  </si>
  <si>
    <t>【上海电气汽轮机】 焊接衬环\155.01.71.89</t>
  </si>
  <si>
    <t>【上海电气汽轮机】 平衡孔盖\A155.01.71.13(1)</t>
  </si>
  <si>
    <t>【上海电气汽轮机】 两端带螺纹管子φ22X3.5X100\155.01.71.38</t>
  </si>
  <si>
    <t>【上海电气汽轮机】 两端带螺纹管子φ22X3.5X203\155.01.71.35</t>
  </si>
  <si>
    <t>【上海电气汽轮机】 平衡孔盖\155.01.71.32</t>
  </si>
  <si>
    <t>【上海电气汽轮机】 节流孔板\155.01.71.78</t>
  </si>
  <si>
    <t>【上海电气汽轮机】 垫圈\155.01.71.79</t>
  </si>
  <si>
    <t>【上海电气汽轮机】 定位销装配\155.01.71.02(1)G01</t>
  </si>
  <si>
    <t>【上海电气汽轮机】 套筒\155.01.71.07</t>
  </si>
  <si>
    <t>【上海电气汽轮机】 大凸槽对焊法兰\153.01.71.03</t>
  </si>
  <si>
    <t>【上海电气汽轮机】 连通管压力调节阀\155.30.81</t>
  </si>
  <si>
    <t>【上海电气汽轮机】 开口销\W1538.2-6X45</t>
  </si>
  <si>
    <t>【上海电气汽轮机】 开口销\W1538.1-6X50</t>
  </si>
  <si>
    <t>【上海电气汽轮机】 开口销\W1538.1-5X70</t>
  </si>
  <si>
    <t>【上海电气汽轮机】 圆柱端紧定螺钉\0.1065C-90-M12X20</t>
  </si>
  <si>
    <t>【上海电气汽轮机】 螺钉\W1050.2-M5X12</t>
  </si>
  <si>
    <t>【上海电气汽轮机】 平垫圈\W1300.2-39</t>
  </si>
  <si>
    <t>【上海电气汽轮机】 圆锥销\0.1510-90-6X80</t>
  </si>
  <si>
    <t>【上海电气汽轮机】 螺钉 M8X12\A156.34.21.02(1)</t>
  </si>
  <si>
    <t>【上海电气汽轮机】 复合轴承_SF-1_44×40×50\12004396</t>
  </si>
  <si>
    <t>【上海电气汽轮机】 复合轴承_SF-1_55×50×45\12004401</t>
  </si>
  <si>
    <t>【上海电气汽轮机】 复合轴承_SF-1_70×65×45\12004408</t>
  </si>
  <si>
    <t>【上海电气汽轮机】 焊接衬环\A156.34.21.42+1</t>
  </si>
  <si>
    <t>【上海电气汽轮机】 焊接衬环\A156.34.21.44+1</t>
  </si>
  <si>
    <t>【上海电气汽轮机】 焊接衬环25.4\A156.34.21.42</t>
  </si>
  <si>
    <t>【上海电气汽轮机】 焊接衬套38.1\A156.34.21.44</t>
  </si>
  <si>
    <t>【上海电气汽轮机】 大凸缘对焊法兰\W2154.2-DN1.5"</t>
  </si>
  <si>
    <t>【上海电气汽轮机】 油动机执行机构支架\A156.34.21.27</t>
  </si>
  <si>
    <t>【上海电气汽轮机】 压缩弹簧(内圈)\A156.34.21.02</t>
  </si>
  <si>
    <t>【上海电气汽轮机】 压缩弹簧(外圈)\A156.34.21.01</t>
  </si>
  <si>
    <t>【上海电气汽轮机】 杠杆\A156.34.21.39</t>
  </si>
  <si>
    <t>【上海电气汽轮机】 弹簧座\A156.34.21.11</t>
  </si>
  <si>
    <t>【上海电气汽轮机】 油动机执行机构支架\A156.34.20.02</t>
  </si>
  <si>
    <t>【上海电气汽轮机】 圆柱销\0.1501-90-10X26</t>
  </si>
  <si>
    <t>【上海电气汽轮机】 圆环\A156.30.62.04(2)+1</t>
  </si>
  <si>
    <t>【上海电气汽轮机】 支承搭子\A156.30.62.21</t>
  </si>
  <si>
    <t>【上海电气汽轮机】 滤网(永久性)\A156.30.62.26</t>
  </si>
  <si>
    <t>【上海电气汽轮机】 孔板(临时滤网)\A156.30.62.25</t>
  </si>
  <si>
    <t>【上海电气汽轮机】 硬壳液压配件\W4011-0.25NPT</t>
  </si>
  <si>
    <t>【上海电气汽轮机】 螺纹涂料(矿物油)\A156.30.61(2)+60</t>
  </si>
  <si>
    <t>【上海电气汽轮机】 圆环\A156.30.60.05(2)+1</t>
  </si>
  <si>
    <t>【上海电气汽轮机】 限止块\A156.30.60.30</t>
  </si>
  <si>
    <t>【上海电气汽轮机】 法兰\A156.30.60.06</t>
  </si>
  <si>
    <t>【上海电气汽轮机】 法兰\A156.30.60.08</t>
  </si>
  <si>
    <t>【上海电气汽轮机】 摇臂\A156.30.60.27+2</t>
  </si>
  <si>
    <t>【上海电气汽轮机】 轴承盖\A156.30.60.44</t>
  </si>
  <si>
    <t>【上海电气汽轮机】 轴\A156.30.61.01(2)</t>
  </si>
  <si>
    <t>【上海电气汽轮机】 再热主汽门热段接管\C153.03.04G01</t>
  </si>
  <si>
    <t>【上海电气汽轮机】 再热主汽门与调节阀弹簧支架\A156.10.31</t>
  </si>
  <si>
    <t>【上海电气汽轮机】 六角头圆柱端紧定螺钉\0.1060-90-M10X20</t>
  </si>
  <si>
    <t>【上海电气汽轮机】 六角头螺栓\0.1030-90-M30X70</t>
  </si>
  <si>
    <t>【上海电气汽轮机】 六角头螺栓\0.1030-90-M30X100</t>
  </si>
  <si>
    <t>【上海电气汽轮机】 垫片\155.60.22.36</t>
  </si>
  <si>
    <t>【上海电气汽轮机】 垫片\155.60.22.50</t>
  </si>
  <si>
    <t>【上海电气汽轮机】 球座\155.60.22.10(1)G01</t>
  </si>
  <si>
    <t>【上海电气汽轮机】 球面支座\B153.60.22.14</t>
  </si>
  <si>
    <t>【上海电气汽轮机】 立柱\155.60.22.13(1)G01</t>
  </si>
  <si>
    <t>【上海电气汽轮机】 开口销\W1538.1-8X70</t>
  </si>
  <si>
    <t>【上海电气汽轮机】 圆柱销\W1501.1-10X50</t>
  </si>
  <si>
    <t>【上海电气汽轮机】 六角头螺栓\W1036-M6X45</t>
  </si>
  <si>
    <t>【上海电气汽轮机】 两端带螺纹管子\W2012-φ28X2.8X205</t>
  </si>
  <si>
    <t>【上海电气汽轮机】 复合轴承_SF-1_55×50×55\12004403</t>
  </si>
  <si>
    <t>【上海电气汽轮机】 销\0.1500-90-φ16X70</t>
  </si>
  <si>
    <t>【上海电气汽轮机】 罩螺母\W1209.1-1.5"NPT</t>
  </si>
  <si>
    <t>【上海电气汽轮机】 圆环\A156.30.41.02(2)+1</t>
  </si>
  <si>
    <t>【上海电气汽轮机】 圆环\A156.30.41.02(2)+2</t>
  </si>
  <si>
    <t>【上海电气汽轮机】 碟形弹簧\A156.30.41.51</t>
  </si>
  <si>
    <t>【上海电气汽轮机】 销\A156.30.41.44</t>
  </si>
  <si>
    <t>【上海电气汽轮机】 滤网\A156.30.41.25</t>
  </si>
  <si>
    <t>【上海电气汽轮机】 杆\A156.30.41.43</t>
  </si>
  <si>
    <t>【上海电气汽轮机】 座圈\A156.30.41.42</t>
  </si>
  <si>
    <t>【上海电气汽轮机】 压缩弹簧\A156.30.41.17</t>
  </si>
  <si>
    <t>【上海电气汽轮机】 压缩弹簧\A156.30.41.27</t>
  </si>
  <si>
    <t>【上海电气汽轮机】 压缩弹簧\A156.30.41.28</t>
  </si>
  <si>
    <t>【上海电气汽轮机】 压缩弹簧\A156.30.41.30</t>
  </si>
  <si>
    <t>【上海电气汽轮机】 主阀杆\A156.30.41.38+1</t>
  </si>
  <si>
    <t>【上海电气汽轮机】 弹簧座盖\A156.30.42.03</t>
  </si>
  <si>
    <t>【上海电气汽轮机】 临时滤网孔板\A156.30.41.40</t>
  </si>
  <si>
    <t>【上海电气汽轮机】 弹簧座\A156.30.41.32</t>
  </si>
  <si>
    <t>【上海电气汽轮机】 圆柱销\0.1500-90-16X60</t>
  </si>
  <si>
    <t>【上海电气汽轮机】 圆柱销\0.1500-90-16X70</t>
  </si>
  <si>
    <t>【上海电气汽轮机】 热电偶套\W2312.2-0.5"NPTX342.9</t>
  </si>
  <si>
    <t>【上海电气汽轮机】 主汽门开关匣支架及连杆\A156.10.41</t>
  </si>
  <si>
    <t>【上海电气汽轮机】 六角头螺栓\0.1030C-90-M16X120</t>
  </si>
  <si>
    <t>【上海电气汽轮机】 双头螺栓\0.1040-90-M20X120</t>
  </si>
  <si>
    <t>【上海电气汽轮机】 双头螺栓\0.1040-90-M20X100</t>
  </si>
  <si>
    <t>【上海电气汽轮机】 止回阀\H156.61.22(1)+32</t>
  </si>
  <si>
    <t>【上海电气汽轮机】 闸阀\H156.61.22(1)+34</t>
  </si>
  <si>
    <t>【上海电气汽轮机】 截止阀\H156.61.22(1)+3</t>
  </si>
  <si>
    <t>【上海电气汽轮机】 截止阀\H156.61.22(1)+18</t>
  </si>
  <si>
    <t>【上海电气汽轮机】 闸阀\H156.61.22(1)+44</t>
  </si>
  <si>
    <t>【上海电气汽轮机】 电动截止阀\H156.61.22(1)+33</t>
  </si>
  <si>
    <t>【上海电气汽轮机】 电动截止阀\H156.61.22(1)+43</t>
  </si>
  <si>
    <t>【上海电气汽轮机】 电动截止阀\H156.61.22(1)+45</t>
  </si>
  <si>
    <t>【上海电气汽轮机】 电动截止阀\H156.61.22(1)+17</t>
  </si>
  <si>
    <t>【上海电气汽轮机】 六角头螺栓\0.1030-90-M36X3X240</t>
  </si>
  <si>
    <t>【上海电气汽轮机】 浮球液位控制器\C152.82.10+22</t>
  </si>
  <si>
    <t>【上海电气汽轮机】 风机(11KW)\C152.82.10+12</t>
  </si>
  <si>
    <t>【上海电气汽轮机】 衬胶蝶阀\C152.82.10+18</t>
  </si>
  <si>
    <t>【上海电气汽轮机】 垫片φ49/φ32X3\C153.74.12+17</t>
  </si>
  <si>
    <t>【上海电气汽轮机】 垫片φ78Xφ32X1\C153.74.12+34</t>
  </si>
  <si>
    <t>【上海电气汽轮机】 截止阀\C153.74.12+2</t>
  </si>
  <si>
    <t>【上海电气汽轮机】 螺纹密封剂569\C153.74.12+45</t>
  </si>
  <si>
    <t>【上海电气汽轮机】 针阀\C153.74.12+42</t>
  </si>
  <si>
    <t>【上海电气汽轮机】 法兰\A157.74.12.03(2)</t>
  </si>
  <si>
    <t>【上海电气汽轮机】 法兰\A157.74.12.01(2)</t>
  </si>
  <si>
    <t>【上海电气汽轮机】 螺塞\156.74.12.12</t>
  </si>
  <si>
    <t>【上海电气汽轮机】 焊接式直通管接头\C153.74.12+30</t>
  </si>
  <si>
    <t>【上海电气汽轮机】 接线盒\G151.36.20</t>
  </si>
  <si>
    <t>【上海电气汽轮机】 角式截止阀(油)\C153.74.12+6</t>
  </si>
  <si>
    <t>【上海电气汽轮机】 角式截止阀(油)\C153.74.12+31</t>
  </si>
  <si>
    <t>【上海电气汽轮机】 冷油器\C153.76.01G01</t>
  </si>
  <si>
    <t>【上海电气汽轮机】 90°弯头R=1.5DN,DN100,D=108,t=4\K156.73.01+30</t>
  </si>
  <si>
    <t>【上海电气汽轮机】 法兰\0.2123-96-DN25</t>
  </si>
  <si>
    <t>【上海电气汽轮机】 起吊板\F156.73.01.48</t>
  </si>
  <si>
    <t>【上海电气汽轮机】 支承键\C153.01.56.03</t>
  </si>
  <si>
    <t>【上海电气汽轮机】 圆柱销\W1500-10X75</t>
  </si>
  <si>
    <t>【上海电气汽轮机】 推力轴承\B153.08.03G01</t>
  </si>
  <si>
    <t>【上海电气汽轮机】 125磅或150磅法兰用垫片\W1345-12.7</t>
  </si>
  <si>
    <t>【上海电气汽轮机】 吊汽缸工具（高中压外缸用）\A155.93.04(1)G01</t>
  </si>
  <si>
    <t>【上海电气汽轮机】 换向阀\B156.61.13</t>
  </si>
  <si>
    <t>【上海电气汽轮机】 螺栓加热及伸长测量装置\C153.91.51G01</t>
  </si>
  <si>
    <t>【上海电气汽轮机】 起吊设备（高中压转子用）\A155.93.03(1)G01</t>
  </si>
  <si>
    <t>【上海电气汽轮机】 桥形规\B153.91.03G01</t>
  </si>
  <si>
    <t>【上海电气汽轮机】 EH油箱铂电阻\H156.91.10.05(3)</t>
  </si>
  <si>
    <t>【上海电气汽轮机】 高压排汽热电偶(K型、三支、不接地)\B153.91.10.03</t>
  </si>
  <si>
    <t>【上海电气汽轮机】 热电偶(K型、双支、不接地)\B153.91.10.01G01</t>
  </si>
  <si>
    <t>【上海电气汽轮机】 热电偶(K型、双支、不接地)\B153.91.10.02G01</t>
  </si>
  <si>
    <t>【上海电气汽轮机】 铂电阻\A153.91.10.01G01</t>
  </si>
  <si>
    <t>【上海电气汽轮机】 转子接地装置\A153.91.81G01</t>
  </si>
  <si>
    <t>【上海电气汽轮机】 安全阀_A48SH-40I/2.405MPa(a)_DN100\12111776</t>
  </si>
  <si>
    <t>【上海电气汽轮机】 安全阀_A48Y-16C/0.687MPa(a)_DN200\12111777</t>
  </si>
  <si>
    <t>【上海电气汽轮机】 双头螺柱\W1801.22-M72X3X320</t>
  </si>
  <si>
    <t>【上海电气汽轮机】 定位双头螺柱\W1882.3-φ50X285</t>
  </si>
  <si>
    <t>【上海电气汽轮机】 定位双头螺柱\W1882.3-φ78X365</t>
  </si>
  <si>
    <t>【上海电气汽轮机】 垫片\C155.01.14.03</t>
  </si>
  <si>
    <t>【上海电气汽轮机】 双头螺柱\W1801.28-M48X3X285</t>
  </si>
  <si>
    <t>【上海电气汽轮机】 双头螺柱\W1801.28-M80X3X520</t>
  </si>
  <si>
    <t>【上海电气汽轮机】 双头螺柱\W1801.28-M80X3X635</t>
  </si>
  <si>
    <t>【上海电气汽轮机】 双头螺柱\W1801.28-M80X3X845</t>
  </si>
  <si>
    <t>【上海电气汽轮机】 定位双头螺柱\W1855.28-φ146X1135</t>
  </si>
  <si>
    <t>【上海电气汽轮机】 双头螺柱\W1830.28-M125X4X1075</t>
  </si>
  <si>
    <t>【上海电气汽轮机】 双头螺柱\W1830.28-M125X4X1000</t>
  </si>
  <si>
    <t>【上海电气汽轮机】 内六角螺钉\W1050.11-M20X30</t>
  </si>
  <si>
    <t>【上海电气汽轮机】 球面垫圈\W1316.3-36</t>
  </si>
  <si>
    <t>【上海电气汽轮机】 球面垫圈\W1316.3-48</t>
  </si>
  <si>
    <t>【上海电气汽轮机】 密封圈\159.01.81.25</t>
  </si>
  <si>
    <t>【上海电气汽轮机】 密封圈\159.01.81.26</t>
  </si>
  <si>
    <t>【上海电气汽轮机】 定位双头螺柱\W1855.23-φ86X1230</t>
  </si>
  <si>
    <t>【上海电气汽轮机】 双头螺柱\W1703.2-M52X3X315</t>
  </si>
  <si>
    <t>【上海电气汽轮机】 双头螺柱\W1703.2-M76X3X865</t>
  </si>
  <si>
    <t>【上海电气汽轮机】 定位双头螺柱\W1706-φ58X375</t>
  </si>
  <si>
    <t>【上海电气汽轮机】 双头螺柱\W1703.2-M90X3X505</t>
  </si>
  <si>
    <t>【上海电气汽轮机】 双头螺柱\W1703.2-M90X3X1385</t>
  </si>
  <si>
    <t>【上海电气汽轮机】 定位双头螺柱\W1855.23-φ166X1405</t>
  </si>
  <si>
    <t>【上海电气汽轮机】 定位双头螺柱\W1855.23-φ106X1120</t>
  </si>
  <si>
    <t>【上海电气汽轮机】 双头螺柱\W1801.23-M160X4X1320</t>
  </si>
  <si>
    <t>【上海电气汽轮机】 持环定位销\C155.01.71.03G01</t>
  </si>
  <si>
    <t>【上海电气汽轮机】 持环定位销\C155.01.71.04G01</t>
  </si>
  <si>
    <t>【上海电气汽轮机】 定位销\C155.01.71.05</t>
  </si>
  <si>
    <t>【上海电气汽轮机】 定位销\C155.01.71.06</t>
  </si>
  <si>
    <t>【上海电气汽轮机】 法兰盖\C155.01.71.14</t>
  </si>
  <si>
    <t>【上海电气汽轮机】 垫片φ60X0.8\C155.01.71+32</t>
  </si>
  <si>
    <t>【上海电气汽轮机】 再热主汽门和调节阀弹簧支架\K156.10.31(1)G01</t>
  </si>
  <si>
    <t>【上海电气汽轮机】 法兰\C155.60.22+3</t>
  </si>
  <si>
    <t>【上海电气汽轮机】 金属缠绕垫圈\C155.60.22+4</t>
  </si>
  <si>
    <t>【上海电气汽轮机】 法兰\C155.60.22+17</t>
  </si>
  <si>
    <t>【上海电气汽轮机】 汽封系统阀门站截止阀\K156.61.23G03</t>
  </si>
  <si>
    <t>【上海电气汽轮机】 缩节_0Cr18Ni9_Φ60×Φ28×4\12022432</t>
  </si>
  <si>
    <t>【上海电气汽轮机】 异径三通_0Cr18Ni9_Φ60X5XΦ28X4\12022373</t>
  </si>
  <si>
    <t>【上海电气汽轮机】 冷油器(板式)\C155.76.01G02</t>
  </si>
  <si>
    <t>【上海电气汽轮机】 危急油泵\A153.70.11G01</t>
  </si>
  <si>
    <t>【上海电气汽轮机】 六角头螺栓\0.1030-90-M20X50</t>
  </si>
  <si>
    <t>【上海电气汽轮机】 标准型弹簧垫圈\0.1331-90-8</t>
  </si>
  <si>
    <t>【上海电气汽轮机】 垫片φ215/φ155X2\E152.73.01+11</t>
  </si>
  <si>
    <t>【上海电气汽轮机】 垫片φ50/φ27X2\E152.73.01+15</t>
  </si>
  <si>
    <t>【上海电气汽轮机】 垫片φ120/φ70X2\E152.73.01+19</t>
  </si>
  <si>
    <t>【上海电气汽轮机】 垫片φ120/φ80X1\E152.73.01+24</t>
  </si>
  <si>
    <t>【上海电气汽轮机】 垫片φ425/φ400X2\E152.73.01+27</t>
  </si>
  <si>
    <t>【上海电气汽轮机】 垫片φ533/φ460X2\E152.73.01+29</t>
  </si>
  <si>
    <t>【上海电气汽轮机】 垫片φ210/φ161X2\E152.73.01+6</t>
  </si>
  <si>
    <t>【上海电气汽轮机】 垫片φ35/φ28X1\E152.73.01+9</t>
  </si>
  <si>
    <t>【上海电气汽轮机】 轴承油泵\A153.70.12G01</t>
  </si>
  <si>
    <t>【上海电气汽轮机】 主油泵\B902.70.01G01</t>
  </si>
  <si>
    <t>【上海电气汽轮机】 双头螺柱\W1703.1-M48X3X300</t>
  </si>
  <si>
    <t>【上海电气汽轮机】 双头螺柱\W1703.1-M45X3X495</t>
  </si>
  <si>
    <t>【上海电气汽轮机】 定位双头螺柱\W1705.1-φ45X330</t>
  </si>
  <si>
    <t>【上海电气汽轮机】 双头螺柱\W1703.1-M45X3X310</t>
  </si>
  <si>
    <t>【上海电气汽轮机】 双头螺柱\W1703.1-M42X3X320</t>
  </si>
  <si>
    <t>【上海电气汽轮机】 内六角螺母\W1228.2-M42X3X89</t>
  </si>
  <si>
    <t>【上海电气汽轮机】 垫片(上半)\K156.01.58.02</t>
  </si>
  <si>
    <t>【上海电气汽轮机】 下垫片(右)\K156.01.58.03</t>
  </si>
  <si>
    <t>【上海电气汽轮机】 下垫片(左)\K156.01.58.04</t>
  </si>
  <si>
    <t>【上海电气汽轮机】 支承键\K156.01.58.05</t>
  </si>
  <si>
    <t>【上海电气汽轮机】 径向轴承14"X0.7\SH08J4.14.01G01</t>
  </si>
  <si>
    <t>【上海电气汽轮机】 推力轴承\155.08.03</t>
  </si>
  <si>
    <t>【上海电气汽轮机】 推力轴承热电偶\K156.08.33(1)G01</t>
  </si>
  <si>
    <t>【上海电气汽轮机】 垫片\C155.07.31.02</t>
  </si>
  <si>
    <t>【上海电气汽轮机】 吊汽缸工具(低压内缸用)\C155.93.26G01</t>
  </si>
  <si>
    <t>【上海电气汽轮机】 吊汽缸工具(低压外缸上半用)\C155.93.16G01</t>
  </si>
  <si>
    <t>【上海电气汽轮机】 吊汽缸工具(高中压外缸用)\159.93.04G01</t>
  </si>
  <si>
    <t>【上海电气汽轮机】 吊转子工具(低压转子用)\C155.93.23G01</t>
  </si>
  <si>
    <t>【上海电气汽轮机】 吊转子工具(高中压转子用)\C155.93.03G01</t>
  </si>
  <si>
    <t>【上海电气汽轮机】 高温润滑脂_LC-250\15000416</t>
  </si>
  <si>
    <t>【上海电气汽轮机】 回转设备\153.28.01</t>
  </si>
  <si>
    <t>【上海电气汽轮机】 联轴器护罩\F156.12.12</t>
  </si>
  <si>
    <t>【上海电气汽轮机】 螺栓加热及伸长测量装置\C155.91.51G01</t>
  </si>
  <si>
    <t>【上海电气汽轮机】 桥形规\C155.91.03G01</t>
  </si>
  <si>
    <t>【上海电气汽轮机】 液压开缸装置\159.90.52G01</t>
  </si>
  <si>
    <t>【上海电气汽轮机】 抽汽阀操纵座\A156.30.69</t>
  </si>
  <si>
    <t>【上海电气汽轮机】 抽汽阀操纵座\A156.30.68</t>
  </si>
  <si>
    <t>【上海电气汽轮机】 抽汽阀操纵座\A156.30.67</t>
  </si>
  <si>
    <t>【上海电气汽轮机】 垫片\A156.01.17.02</t>
  </si>
  <si>
    <t>【上海电气汽轮机】 标准焊接螺栓\A156.01.17.03</t>
  </si>
  <si>
    <t>【上海电气汽轮机】 垫片\A156.01.17.05</t>
  </si>
  <si>
    <t>【上海电气汽轮机】 锥螺纹内六角螺钉\W1151.3</t>
  </si>
  <si>
    <t>【上海电气汽轮机】 定位双头螺柱\W1705.5-φ38X305</t>
  </si>
  <si>
    <t>【上海电气汽轮机】 双头螺柱\W1703.5-M52X3X320</t>
  </si>
  <si>
    <t>【上海电气汽轮机】 锥面垫圈\0.1315V-90-52</t>
  </si>
  <si>
    <t>【上海电气汽轮机】 球面垫圈\0.1314V-90-52</t>
  </si>
  <si>
    <t>【上海电气汽轮机】 定位双头螺柱φ66.5X396\B156.01.09.11</t>
  </si>
  <si>
    <t>【上海电气汽轮机】 双头螺柱M72X3X541\B156.01.09.08</t>
  </si>
  <si>
    <t>【上海电气汽轮机】 双头螺柱M72X3X388\B156.01.09.07</t>
  </si>
  <si>
    <t>【上海电气汽轮机】 双头螺柱M72X3X471\B156.01.09.06</t>
  </si>
  <si>
    <t>【上海电气汽轮机】 双头螺柱M72X3X726\B156.01.09.04</t>
  </si>
  <si>
    <t>【上海电气汽轮机】 双头螺柱M52X3X540\B156.01.09.03</t>
  </si>
  <si>
    <t>【上海电气汽轮机】 热电偶套管\W2312.2/1-0.5"NPTX405</t>
  </si>
  <si>
    <t>【上海电气汽轮机】 热电偶套管\W2312.1/1-0.5"NPTX393.7</t>
  </si>
  <si>
    <t>【上海电气汽轮机】 两端带螺纹管子\W2012-φ22X3.5X105</t>
  </si>
  <si>
    <t>【上海电气汽轮机】 圆柱销\W1500-6X45</t>
  </si>
  <si>
    <t>【上海电气汽轮机】 圆柱销\W1500-12X110</t>
  </si>
  <si>
    <t>【上海电气汽轮机】 圆柱销\W1500-10X70</t>
  </si>
  <si>
    <t>【上海电气汽轮机】 半圆头槽钉\0.1534-φ3X6</t>
  </si>
  <si>
    <t>【上海电气汽轮机】 定位销\A156.01.71.10</t>
  </si>
  <si>
    <t>【上海电气汽轮机】 法兰盖\A156.01.71.86</t>
  </si>
  <si>
    <t>【上海电气汽轮机】 孔板\A156.01.71.81</t>
  </si>
  <si>
    <t>【上海电气汽轮机】 套筒\A156.01.71.65</t>
  </si>
  <si>
    <t>【上海电气汽轮机】 汽缸抽汽插管\A156.01.71.63</t>
  </si>
  <si>
    <t>【上海电气汽轮机】 双头螺柱\W1703.5-M33X3X285</t>
  </si>
  <si>
    <t>【上海电气汽轮机】 双头螺柱\W1703.5-M30X3X170</t>
  </si>
  <si>
    <t>【上海电气汽轮机】 螺栓M30X3X170\A156.30.60.01(1)</t>
  </si>
  <si>
    <t>【上海电气汽轮机】 衬套\A156.30.60.21</t>
  </si>
  <si>
    <t>【上海电气汽轮机】 球面垫圈\A156.30.60.25</t>
  </si>
  <si>
    <t>【上海电气汽轮机】 衬套\A156.30.60.24</t>
  </si>
  <si>
    <t>【上海电气汽轮机】 轴\A156.30.60.17</t>
  </si>
  <si>
    <t>【上海电气汽轮机】 双头螺柱\W1703.5-M64X3X410</t>
  </si>
  <si>
    <t>【上海电气汽轮机】 专用双头螺栓\A156.30.41.02(1)</t>
  </si>
  <si>
    <t>【上海电气汽轮机】 止动螺钉\A156.30.41.01(1)</t>
  </si>
  <si>
    <t>【上海电气汽轮机】 主阀碟锻件\A156.30.41.20</t>
  </si>
  <si>
    <t>【上海电气汽轮机】 衬套SF-1 5045\A156.30.41(4)+61</t>
  </si>
  <si>
    <t>【上海电气汽轮机】 衬套SF-1 5055\A156.30.41(4)+65</t>
  </si>
  <si>
    <t>【上海电气汽轮机】 衬套\A156.30.41.02(3)</t>
  </si>
  <si>
    <t>【上海电气汽轮机】 弹簧座盖\A156.30.41.26</t>
  </si>
  <si>
    <t>【上海电气汽轮机】 六角头螺栓\W1130.2-M30X3X205</t>
  </si>
  <si>
    <t>【上海电气汽轮机】 六角头螺栓\W1030.1-M20X150</t>
  </si>
  <si>
    <t>【上海电气汽轮机】 六角头螺栓\W1030.1-M14X45</t>
  </si>
  <si>
    <t>【上海电气汽轮机】 六角螺母(精制)\0.1203-M20</t>
  </si>
  <si>
    <t>【上海电气汽轮机】 六角头螺栓\0.1032-M20X70</t>
  </si>
  <si>
    <t>【上海电气汽轮机】 带滤网逆止阀\156.74.12.01</t>
  </si>
  <si>
    <t>【上海电气汽轮机】 调整环\156.74.12.20</t>
  </si>
  <si>
    <t>【上海电气汽轮机】 圆柱销\0.1501-90-5X35</t>
  </si>
  <si>
    <t>【上海电气汽轮机】 开槽沉头螺钉\0.1052-90-M3X12</t>
  </si>
  <si>
    <t>【上海电气汽轮机】 衬套\156.73.01.88(1)</t>
  </si>
  <si>
    <t>【上海电气汽轮机】 垫片 φ307/φ445X1\156.73.01.87(1)</t>
  </si>
  <si>
    <t>【上海电气汽轮机】 垫片 φ255/φ323X1\156.73.01.86(1)</t>
  </si>
  <si>
    <t>【上海电气汽轮机】 销\156.73.01.84(1)</t>
  </si>
  <si>
    <t>【上海电气汽轮机】 衬套\156.73.01.81(1)</t>
  </si>
  <si>
    <t>【上海电气汽轮机】 垫片\156.73.01.175(1)</t>
  </si>
  <si>
    <t>【上海电气汽轮机】 法兰\C156.73.01.09</t>
  </si>
  <si>
    <t>【上海电气汽轮机】 外齿弹性垫圈\W1340-10</t>
  </si>
  <si>
    <t>【上海电气汽轮机】 六角锁紧螺母\W1226-M6</t>
  </si>
  <si>
    <t>【上海电气汽轮机】 六角锁紧螺母\W1226-M10</t>
  </si>
  <si>
    <t>【上海电气汽轮机】 六角头螺栓\W1030.1-M22X110</t>
  </si>
  <si>
    <t>【上海电气汽轮机】 六角头螺栓\W1030.1-M20X95</t>
  </si>
  <si>
    <t>【上海电气汽轮机】 锥栓\0.2430/2-90</t>
  </si>
  <si>
    <t>【上海电气汽轮机】 垫圈\0.2401/3-90-DN10</t>
  </si>
  <si>
    <t>【上海电气汽轮机】 圆锥销\0.1510-90-3X16</t>
  </si>
  <si>
    <t>【上海电气汽轮机】 小垫圈\0.1302-90-12</t>
  </si>
  <si>
    <t>【上海电气汽轮机】 开槽圆柱头螺钉\0.1051-90-M6X20</t>
  </si>
  <si>
    <t>【上海电气汽轮机】 开槽圆柱头螺钉\0.1051-90-M10X30</t>
  </si>
  <si>
    <t>【上海电气汽轮机】 双头螺柱\0.1040-90-M16X35</t>
  </si>
  <si>
    <t>【上海电气汽轮机】 双头螺柱\0.1040-90-M16X120</t>
  </si>
  <si>
    <t>【上海电气汽轮机】 双头螺柱\0.1040-90-M14X40</t>
  </si>
  <si>
    <t>【上海电气汽轮机】 双头螺柱\0.1040-90-M14X30</t>
  </si>
  <si>
    <t>【上海电气汽轮机】 六角头螺栓\0.1030-90-M12X30</t>
  </si>
  <si>
    <t>【上海电气汽轮机】 六角头螺栓\0.1030-90-M12X100</t>
  </si>
  <si>
    <t>【上海电气汽轮机】 三通219X219X8\156.73.01.37(1)+15</t>
  </si>
  <si>
    <t>【上海电气汽轮机】 轴承滑油泵\156.70.12(1)</t>
  </si>
  <si>
    <t>【上海电气汽轮机】 主油泵\A156.70.01</t>
  </si>
  <si>
    <t>【上海电气汽轮机】 罩螺母\0.1208-M45X3X105</t>
  </si>
  <si>
    <t>【上海电气汽轮机】 销\A156.01.82.07</t>
  </si>
  <si>
    <t>【上海电气汽轮机】 桥形规\B156.91.03</t>
  </si>
  <si>
    <t>【上海电气汽轮机】 联轴器护罩\A156.12.12</t>
  </si>
  <si>
    <t>【上海电气汽轮机】 螺栓加热伸长测量装置\A156.91.51(1)</t>
  </si>
  <si>
    <t>【上海电气汽轮机】 起吊设备\A156.93.20</t>
  </si>
  <si>
    <t>【上海电气汽轮机】 热电偶\A156.91.10</t>
  </si>
  <si>
    <t>【上海电气汽轮机】 调节汽阀开关匣支架及连杆\A156.10.40</t>
  </si>
  <si>
    <t>【上海电气汽轮机】 外缸接地装置\A156.91.82</t>
  </si>
  <si>
    <t>【上海电气汽轮机】 垫片\A157.01.17.07</t>
  </si>
  <si>
    <t>【上海电气汽轮机】 垫片\A156.01.14.34</t>
  </si>
  <si>
    <t>【上海电气汽轮机】 圆柱销\W1501.1-12X120</t>
  </si>
  <si>
    <t>【上海电气汽轮机】 垫片 φ49/φ32X3\H156.74.12(2)+17</t>
  </si>
  <si>
    <t>【上海电气汽轮机】 焊接式直通管接头\H156.74.12(2)+11</t>
  </si>
  <si>
    <t>【上海电气汽轮机】 焊接式直通管接头\H156.74.12(2)+26</t>
  </si>
  <si>
    <t>【上海电气汽轮机】 压力开关 0~100Psi\J402-555-9908</t>
  </si>
  <si>
    <t>【上海电气汽轮机】 内螺纹针阀\H156.74.12(2)+2</t>
  </si>
  <si>
    <t>【上海电气汽轮机】 角式截止阀\H156.74.12(2)+6</t>
  </si>
  <si>
    <t>【上海电气汽轮机】 压力表\H156.74.12(2)+1</t>
  </si>
  <si>
    <t>【上海电气汽轮机】 直通单向阀（油）\H156.74.12(2)+20</t>
  </si>
  <si>
    <t>【上海电气汽轮机】 截止阀\H156.74.12(2)+33</t>
  </si>
  <si>
    <t>【上海电气汽轮机】 角式截止阀（油）\H156.74.12(2)+14</t>
  </si>
  <si>
    <t>【上海电气汽轮机】 压力开关 200~3000Psi\J402-612-9784</t>
  </si>
  <si>
    <t>【上海电气汽轮机】 溢流阀\H156.74.12(2)+12</t>
  </si>
  <si>
    <t>【上海电气汽轮机】 高压泵\A902.70.13</t>
  </si>
  <si>
    <t>【上海电气汽轮机】 缩节φ89Xφ76X4\H156.74.20+7</t>
  </si>
  <si>
    <t>【上海电气汽轮机】 缩节φ89Xφ45X4\H156.74.20+6</t>
  </si>
  <si>
    <t>【上海电气汽轮机】 压力表\H156.74.20+8</t>
  </si>
  <si>
    <t>【上海电气汽轮机】 缩节φ114Xφ89X4\H156.74.20+10</t>
  </si>
  <si>
    <t>【上海电气汽轮机】 螺纹管件\A902.73.62.47(1)G01</t>
  </si>
  <si>
    <t>【上海电气汽轮机】 顶板\H156.73.01.01(1)G01</t>
  </si>
  <si>
    <t>【上海电气汽轮机】 双头螺柱\W1703.8-M52X3X305</t>
  </si>
  <si>
    <t>【上海电气汽轮机】 支承键(右)\N156.01.09.03</t>
  </si>
  <si>
    <t>【上海电气汽轮机】 支承键(左)\N156.01.09.02</t>
  </si>
  <si>
    <t>【上海电气汽轮机】 双头螺柱\W1713.5-M72X3X395</t>
  </si>
  <si>
    <t>【上海电气汽轮机】 双头螺柱\W1713.5-M72X3X475</t>
  </si>
  <si>
    <t>【上海电气汽轮机】 双头螺柱\W1713.5-M72X3X730</t>
  </si>
  <si>
    <t>【上海电气汽轮机】 垫片\N156.01.81.02</t>
  </si>
  <si>
    <t>【上海电气汽轮机】 支承键\N156.01.81.03</t>
  </si>
  <si>
    <t>【上海电气汽轮机】 定位销装配\90.156.01.71.01(1)G01</t>
  </si>
  <si>
    <t>【上海电气汽轮机】 定位销装配\90.156.01.71.02(1)G01</t>
  </si>
  <si>
    <t>【上海电气汽轮机】 定位销装配\90.156.01.71.06(1)G01</t>
  </si>
  <si>
    <t>【上海电气汽轮机】 套筒\90.156.01.71.14(1)</t>
  </si>
  <si>
    <t>【上海电气汽轮机】 定位销装配\90.156.01.71.03(1)G01</t>
  </si>
  <si>
    <t>【上海电气汽轮机】 定位销装配\90.156.01.71.04(1)G01</t>
  </si>
  <si>
    <t>【上海电气汽轮机】 定位销装配\90.156.01.71.05(1)G01</t>
  </si>
  <si>
    <t>【上海电气汽轮机】 汽封环压圈\90.156.01.71.09(1)G01</t>
  </si>
  <si>
    <t>【上海电气汽轮机】 汽封环\90.156.01.71.07(1)G01</t>
  </si>
  <si>
    <t>【上海电气汽轮机】 1型六角螺母\0.1200-90-M39X3</t>
  </si>
  <si>
    <t>【上海电气汽轮机】 冷紧限位垫片\A155.60.22.36</t>
  </si>
  <si>
    <t>【上海电气汽轮机】 法兰\H156.60.22.04(1)</t>
  </si>
  <si>
    <t>【上海电气汽轮机】 法兰\A155.60.22.34</t>
  </si>
  <si>
    <t>【上海电气汽轮机】 法兰\A156.60.22.46</t>
  </si>
  <si>
    <t>【上海电气汽轮机】 密封隔板\N156.60.22.04G01</t>
  </si>
  <si>
    <t>【上海电气汽轮机】 主油泵\90.156.70.01G01</t>
  </si>
  <si>
    <t>【上海电气汽轮机】 定位双头螺柱\W1705.1-φ58X405</t>
  </si>
  <si>
    <t>【上海电气汽轮机】 定位双头螺柱\W1705.1-φ65X375</t>
  </si>
  <si>
    <t>【上海电气汽轮机】 双头螺柱\W1703.1-M60X3X395</t>
  </si>
  <si>
    <t>【上海电气汽轮机】 双头螺柱\W1713.5-M60X3X315</t>
  </si>
  <si>
    <t>【上海电气汽轮机】 支承键\N156.01.56.02</t>
  </si>
  <si>
    <t>【上海电气汽轮机】 密封键\N156.01.58.02</t>
  </si>
  <si>
    <t>【上海电气汽轮机】 双头螺柱\W1703.1-M39X3X260</t>
  </si>
  <si>
    <t>【上海电气汽轮机】 挠性热电偶套管\12031766</t>
  </si>
  <si>
    <t>【上海电气汽轮机】 套焊式接头\90.A156.01.71.10(2)</t>
  </si>
  <si>
    <t>【上海电气汽轮机】 定位销组合\90.A156.01.71.05(2)G01</t>
  </si>
  <si>
    <t>【上海电气汽轮机】 热电偶套管装配\90.A156.01.71.06(2)G01</t>
  </si>
  <si>
    <t>【上海电气汽轮机】 套筒\90.A156.01.71.08(2)</t>
  </si>
  <si>
    <t>【上海电气汽轮机】 双头螺柱\W1703.6-M45X3X330</t>
  </si>
  <si>
    <t>【上海电气汽轮机】 螺栓加热伸长测量装置\Q156.91.51G01</t>
  </si>
  <si>
    <t>【上海电气汽轮机】 起吊工具\Q156.93.20G01</t>
  </si>
  <si>
    <t>【上海电气汽轮机】 起吊梁组件(高中压转子)HYA30/1(1)\12029917</t>
  </si>
  <si>
    <t>【上海电气汽轮机】 双头螺柱\S1702.2-M72X6X295</t>
  </si>
  <si>
    <t>【上海电气汽轮机】 齿形垫圈X3CrNiMo17-13-3-B13X19.5X2.2-SQZ20.09\14194835</t>
  </si>
  <si>
    <t>【上海电气汽轮机】 垫片_A2_21_DIN432-1983\14194833</t>
  </si>
  <si>
    <t>【上海电气汽轮机】 垫片_A2_31_DIN432-1983\14194834</t>
  </si>
  <si>
    <t>【上海电气汽轮机】 垫片_GRAPHIT+CRNI-STAHL_RD57X82X2_SQZ20.14\14196024</t>
  </si>
  <si>
    <t>【上海电气汽轮机】 隔离环\F195.01.28.03</t>
  </si>
  <si>
    <t>【上海电气汽轮机】 低压缸轴封补偿器\D196.06.50G01</t>
  </si>
  <si>
    <t>【上海电气汽轮机】 垫片\D196.01.30.47</t>
  </si>
  <si>
    <t>【上海电气汽轮机】 保护管\D196.01.30.46</t>
  </si>
  <si>
    <t>【上海电气汽轮机】 保护管(前端)\D196.01.30.39G01</t>
  </si>
  <si>
    <t>【上海电气汽轮机】 保护管(前端)\D196.01.30.23G01</t>
  </si>
  <si>
    <t>【上海电气汽轮机】 保护管(后端)\D196.01.30.06G01</t>
  </si>
  <si>
    <t>【上海电气汽轮机】 保护管(后端)\D196.01.30.01G01</t>
  </si>
  <si>
    <t>【上海电气汽轮机】 盲法兰\F195.01.71.12</t>
  </si>
  <si>
    <t>【上海电气汽轮机】 锁定块\F195.01.71.07</t>
  </si>
  <si>
    <t>【上海电气汽轮机】 调整螺栓\F195.01.71.05</t>
  </si>
  <si>
    <t>【上海电气汽轮机】 键\F195.01.71.04</t>
  </si>
  <si>
    <t>【上海电气汽轮机】 内弹簧圈\D196.01.71.30</t>
  </si>
  <si>
    <t>【上海电气汽轮机】 盲法兰\D196.01.71.13G01</t>
  </si>
  <si>
    <t>【上海电气汽轮机】 密封条L=215\D196.01.71.12</t>
  </si>
  <si>
    <t>【上海电气汽轮机】 活塞环\D196.01.71.11</t>
  </si>
  <si>
    <t>【上海电气汽轮机】 活塞环\D196.01.71.09G01</t>
  </si>
  <si>
    <t>【上海电气汽轮机】 调整垫块\D196.01.71.07</t>
  </si>
  <si>
    <t>【上海电气汽轮机】 固定块\D196.01.71.06</t>
  </si>
  <si>
    <t>【上海电气汽轮机】 U型密封环\D196.01.71.05G01</t>
  </si>
  <si>
    <t>【上海电气汽轮机】 U型密封环\D196.01.71.04G01</t>
  </si>
  <si>
    <t>【上海电气汽轮机】 压紧环\D196.01.71.03G01</t>
  </si>
  <si>
    <t>【上海电气汽轮机】 I型密封环\D196.01.71.02G01</t>
  </si>
  <si>
    <t>【上海电气汽轮机】 垫片\D196.01.71.08</t>
  </si>
  <si>
    <t>【上海电气汽轮机】 高中压转子联轴器组件\D196.27.01+1</t>
  </si>
  <si>
    <t>【上海电气汽轮机】 环\D196.34.30.01G01</t>
  </si>
  <si>
    <t>【上海电气汽轮机】 螺纹环\F195.30.60.46G01</t>
  </si>
  <si>
    <t>【上海电气汽轮机】 环\E195.30.60.19G01</t>
  </si>
  <si>
    <t>【上海电气汽轮机】 螺纹环\E195.30.60.16G01</t>
  </si>
  <si>
    <t>【上海电气汽轮机】 阀杆\E195.30.60.15G01</t>
  </si>
  <si>
    <t>【上海电气汽轮机】 阀碟\E195.30.60.14G01</t>
  </si>
  <si>
    <t>【上海电气汽轮机】 环\E195.30.60.10G01</t>
  </si>
  <si>
    <t>【上海电气汽轮机】 法兰DN125\F195.60.22.58</t>
  </si>
  <si>
    <t>【上海电气汽轮机】 法兰DN125\F195.60.22.57</t>
  </si>
  <si>
    <t>【上海电气汽轮机】 环\D196.60.22.60</t>
  </si>
  <si>
    <t>【上海电气汽轮机】 环\D196.60.22.56</t>
  </si>
  <si>
    <t>【上海电气汽轮机】 环\D196.60.22.53</t>
  </si>
  <si>
    <t>【上海电气汽轮机】 闷头法兰\D196.60.22.44G01</t>
  </si>
  <si>
    <t>【上海电气汽轮机】 进汽口补偿器\D196.60.22.09</t>
  </si>
  <si>
    <t>【上海电气汽轮机】 补偿器\D196.60.22.08</t>
  </si>
  <si>
    <t>【上海电气汽轮机】 补偿器\D196.60.22.07</t>
  </si>
  <si>
    <t>【上海电气汽轮机】 补偿器\D196.60.22.06</t>
  </si>
  <si>
    <t>【上海电气汽轮机】 法兰DN1650\D196.60.22.05</t>
  </si>
  <si>
    <t>【上海电气汽轮机】 法兰DN2000\D196.60.22.04</t>
  </si>
  <si>
    <t>【上海电气汽轮机】 法兰DN2000\D196.60.22.03</t>
  </si>
  <si>
    <t>【上海电气汽轮机】 中低压转子联轴器组件\D196.27.02+1</t>
  </si>
  <si>
    <t>【上海电气汽轮机】 滤网装配图\D196.30.41.03(1)G01</t>
  </si>
  <si>
    <t>【上海电气汽轮机】 内阀盖\D196.30.41.02(1)G01</t>
  </si>
  <si>
    <t>【上海电气汽轮机】 外阀盖\D196.30.41.56G01</t>
  </si>
  <si>
    <t>【上海电气汽轮机】 密封环\D196.30.41.55</t>
  </si>
  <si>
    <t>【上海电气汽轮机】 螺纹环\D196.30.41.54G01</t>
  </si>
  <si>
    <t>【上海电气汽轮机】 环\D196.30.41.46G01</t>
  </si>
  <si>
    <t>【上海电气汽轮机】 衬套\D196.30.41.45</t>
  </si>
  <si>
    <t>【上海电气汽轮机】 阀杆阀碟\D196.30.41.44G01</t>
  </si>
  <si>
    <t>【上海电气汽轮机】 内阀盖\D196.30.41.42G01</t>
  </si>
  <si>
    <t>【上海电气汽轮机】 外阀盖\D196.30.41.26G01</t>
  </si>
  <si>
    <t>【上海电气汽轮机】 密封环\D196.30.41.25</t>
  </si>
  <si>
    <t>【上海电气汽轮机】 螺纹环\D196.30.41.24G01</t>
  </si>
  <si>
    <t>【上海电气汽轮机】 阀杆衬套\D196.30.41.19</t>
  </si>
  <si>
    <t>【上海电气汽轮机】 固定块\D196.30.41.18</t>
  </si>
  <si>
    <t>【上海电气汽轮机】 衬套\D196.30.41.14</t>
  </si>
  <si>
    <t>【上海电气汽轮机】 阀杆\D196.30.41.10G01</t>
  </si>
  <si>
    <t>【上海电气汽轮机】 阀碟\D196.30.41.09G01</t>
  </si>
  <si>
    <t>【上海电气汽轮机】 螺纹插管\D196.30.41.04G01</t>
  </si>
  <si>
    <t>【上海电气汽轮机】 圆柱销\S1500.3-20X90</t>
  </si>
  <si>
    <t>【上海电气汽轮机】 法兰\0.2502-93-DN200</t>
  </si>
  <si>
    <t>【上海电气汽轮机】 高排通风阀_Globe/6"/CL900/WC9/BW/SR\196.61.25(2)G01</t>
  </si>
  <si>
    <t>【上海电气汽轮机】 顶轴油泵\F195.09.07G01</t>
  </si>
  <si>
    <t>【上海电气汽轮机】 顶轴油过滤器\168.63.04G01</t>
  </si>
  <si>
    <t>【上海电气汽轮机】 冷油器(板式)\D196.76.01(4)G01</t>
  </si>
  <si>
    <t>【上海电气汽轮机】 润滑油过滤器\F195.63.03G01</t>
  </si>
  <si>
    <t>【上海电气汽轮机】 危急油泵\F196.70.11G01</t>
  </si>
  <si>
    <t>【上海电气汽轮机】 主油泵\F196.70.01G01</t>
  </si>
  <si>
    <t>【上海电气汽轮机】 运输环\F195.01.75.21</t>
  </si>
  <si>
    <t>【上海电气汽轮机】 调整块\D196.01.75.19</t>
  </si>
  <si>
    <t>【上海电气汽轮机】 支撑块\D196.01.75.17G01</t>
  </si>
  <si>
    <t>【上海电气汽轮机】 支撑块\D196.01.75.15G01</t>
  </si>
  <si>
    <t>【上海电气汽轮机】 法兰\D196.01.75.14G01</t>
  </si>
  <si>
    <t>【上海电气汽轮机】 螺纹环装配工具\D196.01.75.13G01</t>
  </si>
  <si>
    <t>【上海电气汽轮机】 垫圈\D196.01.75.11</t>
  </si>
  <si>
    <t>【上海电气汽轮机】 螺纹环\D196.01.75.09G01</t>
  </si>
  <si>
    <t>【上海电气汽轮机】 L型环\D196.01.75.07G01</t>
  </si>
  <si>
    <t>【上海电气汽轮机】 #1低压缸轴承\196.08.04G01</t>
  </si>
  <si>
    <t>【上海电气汽轮机】 轴承体\196.08.04.01G01</t>
  </si>
  <si>
    <t>【上海电气汽轮机】 轴承体\196.08.05.01G01</t>
  </si>
  <si>
    <t>【上海电气汽轮机】 垫圈\196.08.02.16</t>
  </si>
  <si>
    <t>【上海电气汽轮机】 锁销\196.08.02.14</t>
  </si>
  <si>
    <t>【上海电气汽轮机】 中压缸轴承精加工图\196.08.03.01G01</t>
  </si>
  <si>
    <t>【上海电气汽轮机】 柱面垫\196.08.03.06</t>
  </si>
  <si>
    <t>【上海电气汽轮机】 垫圈\DR96.07.01.01(1)</t>
  </si>
  <si>
    <t>【上海电气汽轮机】 阀组件\F195.07.01.01G02</t>
  </si>
  <si>
    <t>【上海电气汽轮机】 缩节\F195.07.01.23</t>
  </si>
  <si>
    <t>【上海电气汽轮机】 垫片\F195.07.01.04</t>
  </si>
  <si>
    <t>【上海电气汽轮机】 内六角螺钉\A196.07.01.02</t>
  </si>
  <si>
    <t>【上海电气汽轮机】 法兰\A196.07.01.01</t>
  </si>
  <si>
    <t>【上海电气汽轮机】 #1轴承座油封\F195.07.31G01</t>
  </si>
  <si>
    <t>【上海电气汽轮机】 垫片\F195.07.02.12</t>
  </si>
  <si>
    <t>【上海电气汽轮机】 垫片\F195.07.03.50</t>
  </si>
  <si>
    <t>【上海电气汽轮机】 滑板\F195.07.03.29</t>
  </si>
  <si>
    <t>【上海电气汽轮机】 底板\F195.07.03.28</t>
  </si>
  <si>
    <t>【上海电气汽轮机】 #4#5轴承座油封(调阀端)\D196.07.36G01</t>
  </si>
  <si>
    <t>【上海电气汽轮机】 推拉杆\F195.07.04.10</t>
  </si>
  <si>
    <t>【上海电气汽轮机】 推拉杆\F195.07.04.09</t>
  </si>
  <si>
    <t>【上海电气汽轮机】 #5轴承座油封(电机端)\D196.07.39G01</t>
  </si>
  <si>
    <t>【上海电气汽轮机】 扳手 L=800\196.90.51.04</t>
  </si>
  <si>
    <t>【上海电气汽轮机】 扳手 L=500\196.90.51.02</t>
  </si>
  <si>
    <t>【上海电气汽轮机】 扳手\196.90.51.01</t>
  </si>
  <si>
    <t>【上海电气汽轮机】 六角头扳手KUN804.05-85\A196.90.51+9</t>
  </si>
  <si>
    <t>【上海电气汽轮机】 六角头扳手KUN804.05-75\A196.90.51+8</t>
  </si>
  <si>
    <t>【上海电气汽轮机】 六角套筒-135\A196.90.51+74</t>
  </si>
  <si>
    <t>【上海电气汽轮机】 六角套筒-120\A196.90.51+73</t>
  </si>
  <si>
    <t>【上海电气汽轮机】 六角套筒-105\A196.90.51+72</t>
  </si>
  <si>
    <t>【上海电气汽轮机】 六角头扳手KUN804.05-70\A196.90.51+7</t>
  </si>
  <si>
    <t>【上海电气汽轮机】 接长杆-3/2",L=380\A196.90.51+68</t>
  </si>
  <si>
    <t>【上海电气汽轮机】 接长杆-3/2",L=250\A196.90.51+67</t>
  </si>
  <si>
    <t>【上海电气汽轮机】 接长杆-1",L=200\A196.90.51+66</t>
  </si>
  <si>
    <t>【上海电气汽轮机】 接长杆-1",L=400\A196.90.51+65</t>
  </si>
  <si>
    <t>【上海电气汽轮机】 接长杆-3/4",L=400\A196.90.51+64</t>
  </si>
  <si>
    <t>【上海电气汽轮机】 接长杆-3/4",L=200\A196.90.51+63</t>
  </si>
  <si>
    <t>【上海电气汽轮机】 六角头扳手KUN804.05-65\A196.90.51+6</t>
  </si>
  <si>
    <t>【上海电气汽轮机】 六角套筒-S=120\A196.90.51+56</t>
  </si>
  <si>
    <t>【上海电气汽轮机】 六角套筒-S=115\A196.90.51+55</t>
  </si>
  <si>
    <t>【上海电气汽轮机】 六角套筒-S=105\A196.90.51+54</t>
  </si>
  <si>
    <t>【上海电气汽轮机】 六角套筒-S=95\A196.90.51+53</t>
  </si>
  <si>
    <t>【上海电气汽轮机】 六角套筒-S=85\A196.90.51+52</t>
  </si>
  <si>
    <t>【上海电气汽轮机】 六角套筒-S=75\A196.90.51+51</t>
  </si>
  <si>
    <t>【上海电气汽轮机】 六角套筒-S=70\A196.90.51+50</t>
  </si>
  <si>
    <t>【上海电气汽轮机】 六角头扳手KUN804.05-60\A196.90.51+5</t>
  </si>
  <si>
    <t>【上海电气汽轮机】 六角套筒-S=65\A196.90.51+49</t>
  </si>
  <si>
    <t>【上海电气汽轮机】 六角套筒-S=60\A196.90.51+48</t>
  </si>
  <si>
    <t>【上海电气汽轮机】 六角套筒-S=55\A196.90.51+47</t>
  </si>
  <si>
    <t>【上海电气汽轮机】 六角套筒-S=46\A196.90.51+46</t>
  </si>
  <si>
    <t>【上海电气汽轮机】 六角套筒-S=41\A196.90.51+45</t>
  </si>
  <si>
    <t>【上海电气汽轮机】 六角套筒-S=36\A196.90.51+44</t>
  </si>
  <si>
    <t>【上海电气汽轮机】 六角套筒-S=32\A196.90.51+43</t>
  </si>
  <si>
    <t>【上海电气汽轮机】 六角套筒-S=30\A196.90.51+42</t>
  </si>
  <si>
    <t>【上海电气汽轮机】 六角套筒-S=27\A196.90.51+41</t>
  </si>
  <si>
    <t>【上海电气汽轮机】 六角套筒-S=24\A196.90.51+40</t>
  </si>
  <si>
    <t>【上海电气汽轮机】 六角头扳手KUN804.05-41\A196.90.51+4</t>
  </si>
  <si>
    <t>【上海电气汽轮机】 六角套筒-S=19\A196.90.51+39</t>
  </si>
  <si>
    <t>【上海电气汽轮机】 六角套筒-S=18\A196.90.51+38</t>
  </si>
  <si>
    <t>【上海电气汽轮机】 六角套筒-S=17\A196.90.51+37</t>
  </si>
  <si>
    <t>【上海电气汽轮机】 六角套筒-S=14\A196.90.51+36</t>
  </si>
  <si>
    <t>【上海电气汽轮机】 弯头螺钉刀扳手DIN5200-A2.5X14\A196.90.51+3</t>
  </si>
  <si>
    <t>【上海电气汽轮机】 起吊卸扣KUN693.11-WBG-15000KG-M56\A196.90.51+23</t>
  </si>
  <si>
    <t>【上海电气汽轮机】 起吊卸扣KUN693.11-WBG-10000KG-M42\A196.90.51+22</t>
  </si>
  <si>
    <t>【上海电气汽轮机】 起吊卸扣KUN693.11-WBG-8000KG-M36\A196.90.51+21</t>
  </si>
  <si>
    <t>【上海电气汽轮机】 起吊卸扣KUN693.10-VLBG-20000KG-M48X117\A196.90.51+20</t>
  </si>
  <si>
    <t>【上海电气汽轮机】 弯头螺钉刀扳手DIN5200-A1.6X10\A196.90.51+2</t>
  </si>
  <si>
    <t>【上海电气汽轮机】 起吊卸扣KUN693.10-VLBG-5000KG-M30X110\A196.90.51+19</t>
  </si>
  <si>
    <t>【上海电气汽轮机】 起吊卸扣KUN693.10-VLBG-4000KG-M24X80\A196.90.51+18</t>
  </si>
  <si>
    <t>【上海电气汽轮机】 起吊卸扣KUN693.10-VLBG-2500KG-M20X75\A196.90.51+17</t>
  </si>
  <si>
    <t>【上海电气汽轮机】 起吊卸扣KUN693.10-VLBG-1500KG-M16X60\A196.90.51+16</t>
  </si>
  <si>
    <t>【上海电气汽轮机】 起吊卸扣KUN693.10-VLBG-1000KG-M12X50\A196.90.51+15</t>
  </si>
  <si>
    <t>【上海电气汽轮机】 起吊卸扣KUN693.10-VLBG-630KG-M10X45\A196.90.51+14</t>
  </si>
  <si>
    <t>【上海电气汽轮机】 起吊卸扣KUN693.10-VLBG-300KG-M8X40\A196.90.51+13</t>
  </si>
  <si>
    <t>【上海电气汽轮机】 六角头扳手KUN804.05-120\A196.90.51+12</t>
  </si>
  <si>
    <t>【上海电气汽轮机】 六角头扳手KUN804.05-115\A196.90.51+11</t>
  </si>
  <si>
    <t>【上海电气汽轮机】 六角头扳手KUN804.05-105\A196.90.51+10</t>
  </si>
  <si>
    <t>【上海电气汽轮机】 弯头螺钉刀扳手DIN5200-A1.2X8\A196.90.51+1</t>
  </si>
  <si>
    <t>【上海电气汽轮机】 转换头-3/2"X1"\A196.90.51+60</t>
  </si>
  <si>
    <t>【上海电气汽轮机】 转换头-1"X3/2"\A196.90.51+59</t>
  </si>
  <si>
    <t>【上海电气汽轮机】 换向阀\H195.61.13G03</t>
  </si>
  <si>
    <t>【上海电气汽轮机】 回转设备\F195.28.01G01</t>
  </si>
  <si>
    <t>【上海电气汽轮机】 螺栓电加热器\A196.91.51+1</t>
  </si>
  <si>
    <t>【上海电气汽轮机】 电加热器交流供电箱_LJ-1\12003091</t>
  </si>
  <si>
    <t>【上海电气汽轮机】 起吊工具\D196.90.52G01</t>
  </si>
  <si>
    <t>【上海电气】 螺纹杆\196.91.30.61</t>
  </si>
  <si>
    <t>【上海电气】 螺纹杆\196.91.30.59</t>
  </si>
  <si>
    <t>【上海电气】 螺纹杆\196.91.30.43</t>
  </si>
  <si>
    <t>【上海电气】 螺纹杆\196.91.30.60</t>
  </si>
  <si>
    <t>【上海电气】 六角头螺栓\S1030.2-M24X80</t>
  </si>
  <si>
    <t>【上海电气】 板\196.01.30.51</t>
  </si>
  <si>
    <t>【上海电气】 板\196.01.30.57</t>
  </si>
  <si>
    <t>【上海电气】 双头螺柱\S1712.2-M42X200</t>
  </si>
  <si>
    <t>【上海电气】 密封环710×6\196.06.52+4</t>
  </si>
  <si>
    <t>【上海电气】 密封环452×6\196.06.52+11</t>
  </si>
  <si>
    <t>【上海电气】 锁紧垫片B21×30.7×3.7\196.06.52+14</t>
  </si>
  <si>
    <t>【上海电气】 圆台∮65×20\196.06.23+9</t>
  </si>
  <si>
    <t>【上海电气】 支架\196.07.02.35</t>
  </si>
  <si>
    <t>【上海电气】 支架\196.07.02.30</t>
  </si>
  <si>
    <t>【上海电气】 六角头螺栓\S1030.2-M24×80</t>
  </si>
  <si>
    <t>【上海电气】 双头螺柱\S1712.2-M42×200</t>
  </si>
  <si>
    <t>【上海电气】 双头螺柱M90×6\D196.30.99.01(1)</t>
  </si>
  <si>
    <t>【上海电气】 罩螺母M90×6\D196.30.99.02</t>
  </si>
  <si>
    <t>【上海电气】 螺塞M33（螺栓用）\D196.30.99.03</t>
  </si>
  <si>
    <t>【上海电气】 螺塞M52（螺母用）\D196.30.99.04</t>
  </si>
  <si>
    <t>【上海电气】 双头螺柱M72×6\D196.30.99.02(1)</t>
  </si>
  <si>
    <t>【上海电气】 罩螺母M72×6\D196.30.99.06</t>
  </si>
  <si>
    <t>【上海电气】 螺塞M27（螺栓用）\D196.30.99.07</t>
  </si>
  <si>
    <t>【上海电气】 螺栓加热控制柜\12197891</t>
  </si>
  <si>
    <t>【上海电气】 加热棒\1.2311(4)-φ19X300</t>
  </si>
  <si>
    <t>【上海电气】 加热棒\1.2311(4)-φ24X400</t>
  </si>
  <si>
    <t>【上海电气】 伸长量测量工具\W4029</t>
  </si>
  <si>
    <t>【上海电气】 高压内缸疏水管\159.01.81.18G01</t>
  </si>
  <si>
    <t>【上海电气】 测压管左侧φ22*5*839\159.01.81.21</t>
  </si>
  <si>
    <t>【上海电气】 测压管右侧φ22*5*839\159.01.81.22</t>
  </si>
  <si>
    <t>【上海电气】 橡胶绳-φ10\13000907</t>
  </si>
  <si>
    <t>【上海电气】 平垫块\SH08J3.17.01.11</t>
  </si>
  <si>
    <t>【上海电气】 球面垫块\SH08J3.17.01.12</t>
  </si>
  <si>
    <t>【上海电气】 垫圈\K156.30.41.45</t>
  </si>
  <si>
    <t>【上海电气汽轮机】 上海电气汽轮机超超临界机组的汽轮机阀座现场修理（1个阀门）
\详见技术协议</t>
  </si>
  <si>
    <t>【上海电气汽轮机】 上海电气汽轮机超超临界机组的汽轮机主阀芯（阀碟）返厂检修（1个阀门）
\详见技术协议</t>
  </si>
  <si>
    <t>【上海电气汽轮机】指示盘\B902.70.01.15</t>
  </si>
  <si>
    <t>【上海电气汽轮机】轴承端盖(带测温引线出口)\SH08J4.20.02.03G01</t>
  </si>
  <si>
    <t>【上海电气汽轮机】轴承端盖\SH08J4.20.02.06G01</t>
  </si>
  <si>
    <t>【上海电气汽轮机】二半密封环(左旋)\B902.70.01.08G01</t>
  </si>
  <si>
    <t>【上海电气汽轮机】二半密封环(右旋)\B902.70.01.11G01</t>
  </si>
  <si>
    <t>【上海电气汽轮机】后挡油环\SH08J4.13.01.05G01</t>
  </si>
  <si>
    <t>【上海电气汽轮机】前挡油环\SH08J4.13.01.13G01</t>
  </si>
  <si>
    <t>【上海电气汽轮机】瓦块支撑垫块\SH08J4.15.01.12</t>
  </si>
  <si>
    <t>【上海电气汽轮机】油封环\SH08J4.13.01.03G01</t>
  </si>
  <si>
    <t>【上海电气汽轮机】套管\A156.70.03.04</t>
  </si>
  <si>
    <t>【上海电气汽轮机】瓦块支撑垫块\SH08J4.13.01.20</t>
  </si>
  <si>
    <t>【上海电气汽轮机】二半密封环(左旋)\B902.70.01.04G01</t>
  </si>
  <si>
    <t>【上海电气汽轮机】二半密封环(右旋)\B902.70.01.12G01</t>
  </si>
  <si>
    <t>【上海电气汽轮机】带滤网逆止阀\S03.74.12.01G01</t>
  </si>
  <si>
    <t>【上海电气汽轮机】带凸台对焊法兰\W2124-DN6"</t>
  </si>
  <si>
    <t>【上海电气汽轮机】油封环(左旋)\SH08T1.17.01.12G01</t>
  </si>
  <si>
    <t>【上海电气汽轮机】油封环(右旋)\SH08T1.17.01.13G01</t>
  </si>
  <si>
    <t>【上海电气汽轮机】轴延伸盘\B902.70.01.18</t>
  </si>
  <si>
    <t>【上海电气汽轮机】支撑垫片(带节流孔)\SH08J4.20.01.24</t>
  </si>
  <si>
    <t>【上海电气汽轮机】电缆接头\SH08J4.20.01.29G01</t>
  </si>
  <si>
    <t>【上海电气汽轮机】衬环\SH08T1.17.01.03G01</t>
  </si>
  <si>
    <t>【上海电气汽轮机】管接头\S03.74.12.06G01</t>
  </si>
  <si>
    <t>【上海电气汽轮机】自动跳闸重锤\B902.70.01.16G01</t>
  </si>
  <si>
    <t>【上海电气汽轮机】平衡块\B902.70.01.22G01</t>
  </si>
  <si>
    <t>【上海电气汽轮机】瓦块支撑垫片\SH08J4.20.01.08</t>
  </si>
  <si>
    <t>【上海电气汽轮机】垫片\B902.70.01.23</t>
  </si>
  <si>
    <t>【上海电气汽轮机】支撑垫片(带节流孔)\SH08J4.20.01.23</t>
  </si>
  <si>
    <t>【上海电气汽轮机】支撑垫片(带节流孔)\SH08J4.20.01.25</t>
  </si>
  <si>
    <t>【上海电气汽轮机】支撑垫片(带节流孔)\SH08J4.20.01.26</t>
  </si>
  <si>
    <t>【上海电气汽轮机】支撑垫块(带节流孔)\SH08J4.20.01.22</t>
  </si>
  <si>
    <t>【上海电气汽轮机】节流孔板\SH08J4.20.01.27</t>
  </si>
  <si>
    <t>【上海电气汽轮机】六角头螺栓-全螺纹\0.1031-90-M10X25</t>
  </si>
  <si>
    <t>【上海电气汽轮机】压环\B902.70.01.20</t>
  </si>
  <si>
    <t>【上海电气汽轮机】电缆接头\SH08J4.13.01.16G01</t>
  </si>
  <si>
    <t>【上海电气汽轮机】调整垫环\SH08T1.17.01.14G01</t>
  </si>
  <si>
    <t>【上海电气汽轮机】带孔堵板\A157.74.12.02(2)</t>
  </si>
  <si>
    <t>【上海电气汽轮机】控制盘\A156.70.03.15</t>
  </si>
  <si>
    <t>【上海电气汽轮机】拉杆螺栓\A156.70.03.05</t>
  </si>
  <si>
    <t>【上海电气汽轮机】防转销\SH08J4.15.01.11</t>
  </si>
  <si>
    <t>【上海电气汽轮机】衬垫\B902.70.01.07</t>
  </si>
  <si>
    <t>【上海电气汽轮机】防转销\SH08J4.20.01.07</t>
  </si>
  <si>
    <t>【上海电气汽轮机】弹簧保存环\B902.70.01.14</t>
  </si>
  <si>
    <t>【上海电气汽轮机】瓦块支点限位销(带顶轴油接口)\SH08J4.20.01.10</t>
  </si>
  <si>
    <t>【上海电气汽轮机】节流孔板\SH08J4.15.01.13</t>
  </si>
  <si>
    <t>【上海电气汽轮机】插销\B902.70.01.17</t>
  </si>
  <si>
    <t>【上海电气汽轮机】特制螺母\A156.70.03.10</t>
  </si>
  <si>
    <t>【上海电气汽轮机】紧定螺钉M8X19(左旋)\B902.70.01.21</t>
  </si>
  <si>
    <t>【上海电气汽轮机】托架\156.08.33.04(1)</t>
  </si>
  <si>
    <t>【上海电气汽轮机】管接\0.2205/1F-90-DN10</t>
  </si>
  <si>
    <t>【上海电气汽轮机】防转销\SH08J4.13.01.01</t>
  </si>
  <si>
    <t>【上海电气汽轮机】均压垫块\SH08T1.17.01.05</t>
  </si>
  <si>
    <t>【上海电气汽轮机】均压垫块\SH08T1.17.01.06</t>
  </si>
  <si>
    <t>【上海电气汽轮机】紧钉螺钉M27\SH08T1.17.01.20</t>
  </si>
  <si>
    <t>【上海电气汽轮机】瓦块支撑垫片\SH08J4.13.01.21</t>
  </si>
  <si>
    <t>【上海电气汽轮机】圆柱销\0.1501-90-6X20</t>
  </si>
  <si>
    <t>【上海电气汽轮机】圆柱销\0.1501-90-12X30</t>
  </si>
  <si>
    <t>【上海电气汽轮机】圆柱销\0.1501-90-16X40</t>
  </si>
  <si>
    <t>【上海电气汽轮机】内六角圆柱头螺钉\0.1050-90-M16X50</t>
  </si>
  <si>
    <t>【上海电气汽轮机】内六角圆柱头螺钉\0.1050-90-M16X65</t>
  </si>
  <si>
    <t>【上海电气汽轮机】O型圈\SH08J4.13.01.11</t>
  </si>
  <si>
    <t>【上海电气汽轮机】开槽圆柱头螺钉\0.1051-90-M3X6</t>
  </si>
  <si>
    <t>【上海电气汽轮机】圆柱销\0.1501-90-20X50</t>
  </si>
  <si>
    <t>【上海电气汽轮机】圆柱销\0.1501-90-12X40</t>
  </si>
  <si>
    <t>【上海电气汽轮机】内六角圆柱头螺钉\0.1050-90-M10X30</t>
  </si>
  <si>
    <t>【上海电气汽轮机】内六角圆柱头螺钉\0.1050-90-M20X50</t>
  </si>
  <si>
    <t>【上海电气汽轮机】内六角圆柱头螺钉\0.1050-90-M14X30</t>
  </si>
  <si>
    <t>【上海电气汽轮机】圆柱销25X50\0.1500-90-25X50</t>
  </si>
  <si>
    <t>【上海电气汽轮机】螺栓M14X60\0.1031-90-M14X60</t>
  </si>
  <si>
    <t>【上海电气汽轮机】螺栓M10X20\0.1031-90-M10X20</t>
  </si>
  <si>
    <t>【上海电气汽轮机】螺钉M8X30\0.1051-90-M8X30</t>
  </si>
  <si>
    <t>【上海电气汽轮机】管塞1/8"NPT\SH08T1.17.01.19</t>
  </si>
  <si>
    <t>【上海电气汽轮机】定位销\SH08T1.17.01.04</t>
  </si>
  <si>
    <t>【上海电气汽轮机】定位螺钉\SH08T1.17.01.15</t>
  </si>
  <si>
    <t>【上海电气汽轮机】开槽圆柱头螺钉\0.1051-90-M4X14</t>
  </si>
  <si>
    <t>【上海电气汽轮机】开槽圆柱头螺钉\0.1051-90-M3X10</t>
  </si>
  <si>
    <t>【上海电气汽轮机】垫圈\0.1300-90-3</t>
  </si>
  <si>
    <t>【上海电气汽轮机】垫圈\0.1300-90-4</t>
  </si>
  <si>
    <t>【上海电气汽轮机】螺钉M27X170\0.1050-90-M27X170</t>
  </si>
  <si>
    <t>【上海电气汽轮机】内六角圆柱头螺钉\0.1050-90-M30X100</t>
  </si>
  <si>
    <t>【上海电气汽轮机】内六角圆柱头螺钉\0.1050-90-M30X95</t>
  </si>
  <si>
    <t>【上海电气汽轮机】内六角紧定螺钉\W1163-M10X25</t>
  </si>
  <si>
    <t>【上海电气汽轮机】套管\SH08T1.17.01.18</t>
  </si>
  <si>
    <t>【上海电气汽轮机】套管\SH08T1.17.01.17</t>
  </si>
  <si>
    <t>【上海电气汽轮机】弹簧座\SH08J4.20.01.21</t>
  </si>
  <si>
    <t>【上海电气汽轮机】衬套1/2"NPT\SH08T1.17.01.16</t>
  </si>
  <si>
    <t>【上海电气汽轮机】螺钉M27X75\0.1050-90-M27X75</t>
  </si>
  <si>
    <t>【上海电气汽轮机】导线压板\156.08.33.05(1)</t>
  </si>
  <si>
    <t>【上海电气汽轮机】定位键\SH08T1.17.01.02</t>
  </si>
  <si>
    <t>【上海电气汽轮机】排大气隔膜阀\191.01.24.07G01</t>
  </si>
  <si>
    <t>【上海电气汽轮机】低压第四级隔板汽封环\191.06.44.07</t>
  </si>
  <si>
    <t>【上海电气汽轮机】低压第五级隔板汽封环\191.06.44.08</t>
  </si>
  <si>
    <t>【上海电气汽轮机】低压第三级隔板汽封环\191.06.44.06</t>
  </si>
  <si>
    <t>【上海电气汽轮机】低压第二级隔板汽封环\191.06.44.05</t>
  </si>
  <si>
    <t>【上海电气汽轮机】推力轴承疏水盘\191.01.27.29G01</t>
  </si>
  <si>
    <t>【上海电气汽轮机】联轴器盖板\191.24.03.06</t>
  </si>
  <si>
    <t>【上海电气汽轮机】联轴器螺栓\191.24.03.05</t>
  </si>
  <si>
    <t>【上海电气汽轮机】转子位移监测器支架(右侧)\191.01.27.44G01</t>
  </si>
  <si>
    <t>【上海电气汽轮机】转子位移监测器支架(左侧)\191.01.27.15G01</t>
  </si>
  <si>
    <t>【上海电气汽轮机】内六角螺钉\W1050.1-M52X3X400</t>
  </si>
  <si>
    <t>【上海电气汽轮机】热电偶套\W2312.1-0.5"NPTX203.2</t>
  </si>
  <si>
    <t>【上海电气汽轮机】柱塞\191.05.21.05</t>
  </si>
  <si>
    <t>【上海电气汽轮机】弹簧\191.06.44.09</t>
  </si>
  <si>
    <t>【上海电气汽轮机】弹簧\191.06.44.10</t>
  </si>
  <si>
    <t>【上海电气汽轮机】键\191.01.14.10</t>
  </si>
  <si>
    <t>【上海电气汽轮机】螺旋接头\W2223.1-20X0.75"NPT</t>
  </si>
  <si>
    <t>【上海电气汽轮机】专用定位销\191.05.21.04</t>
  </si>
  <si>
    <t>【上海电气汽轮机】螺旋管塞\W1076-3.5"NPT</t>
  </si>
  <si>
    <t>【上海电气汽轮机】锁紧垫片\191.05.21.06</t>
  </si>
  <si>
    <t>【上海电气汽轮机】垫片\191.01.27.59</t>
  </si>
  <si>
    <t>【上海电气汽轮机】垫片\191.05.21.03</t>
  </si>
  <si>
    <t>【上海电气汽轮机】螺纹接套管\W2233.2-3"NPTX152.4</t>
  </si>
  <si>
    <t>【上海电气汽轮机】密封键\157.28.01.20</t>
  </si>
  <si>
    <t>【上海电气汽轮机】键\157.28.01.19</t>
  </si>
  <si>
    <t>【上海电气汽轮机】"O"型密封圈φ60X3.1\191.01.30+64</t>
  </si>
  <si>
    <t>【上海电气汽轮机】油用"O"形密封圈47.5(内径)X2.65\191.01.27+75</t>
  </si>
  <si>
    <t>【上海电气汽轮机】两端螺纹管\191.01.24.20</t>
  </si>
  <si>
    <t>【上海电气汽轮机】外螺纹管接头\W2231.1-12X0.5"NPT</t>
  </si>
  <si>
    <t>【上海电气汽轮机】外齿弹性垫圈\W1340-16</t>
  </si>
  <si>
    <t>【上海电气汽轮机】油封片\191.07.32.01</t>
  </si>
  <si>
    <t>【上海电气汽轮机】托架\191.01.27.02</t>
  </si>
  <si>
    <t>【上海电气汽轮机】内六角螺钉\W1050.2-M16X45</t>
  </si>
  <si>
    <t>【上海电气汽轮机】六角头螺栓\W1030.1-M14X30</t>
  </si>
  <si>
    <t>【上海电气汽轮机】六角头螺栓\W1030.1-M16X40</t>
  </si>
  <si>
    <t>【上海电气汽轮机】内六角螺钉\W1050.2-M6X25</t>
  </si>
  <si>
    <t>【上海电气汽轮机】开槽圆柱头螺钉\0.1051-90-M5X16</t>
  </si>
  <si>
    <t>【上海电气汽轮机】两端平口管\W2010.1-φ34X3.5X216</t>
  </si>
  <si>
    <t>【上海电气汽轮机】内六角紧定螺钉\W1163-M8X12</t>
  </si>
  <si>
    <t>【上海电气汽轮机】开口销\W1538.2-6X50</t>
  </si>
  <si>
    <t>【上海电气汽轮机】外齿弹性垫圈\W1340-14</t>
  </si>
  <si>
    <t>【上海电气汽轮机】双头螺柱\W1801.23-M64X3X305</t>
  </si>
  <si>
    <t>【上海电气汽轮机】平垫圈\W1300.11-160</t>
  </si>
  <si>
    <t>【上海电气汽轮机】平垫圈\W1300.11-140</t>
  </si>
  <si>
    <t>【上海电气汽轮机】平垫圈\W1300.11-125</t>
  </si>
  <si>
    <t>【上海电气汽轮机】热电偶套\W2312.3-0.5"NPTX378</t>
  </si>
  <si>
    <t>【上海电气汽轮机】热电偶套\W2312.1-0.5"NPTX381</t>
  </si>
  <si>
    <t>【上海电气汽轮机】热电偶套\W2312.1-0.5"NPTX362</t>
  </si>
  <si>
    <t>【上海电气汽轮机】热电偶套\W2312.1-0.5"NPTX248</t>
  </si>
  <si>
    <t>【上海电气汽轮机】平垫圈\W1300.11-90</t>
  </si>
  <si>
    <t>【上海电气汽轮机】平垫圈\W1300.11-100</t>
  </si>
  <si>
    <t>【上海电气汽轮机】六角螺栓\W1130.2-M39X3X90</t>
  </si>
  <si>
    <t>【上海电气汽轮机】平垫圈\W1300.11-56</t>
  </si>
  <si>
    <t>【上海电气汽轮机】带套管和管螺纹凸台\W2213.3-0.75"</t>
  </si>
  <si>
    <t>【上海电气汽轮机】一端螺纹一端平口管子\W2020.2-φ22X3.5X178</t>
  </si>
  <si>
    <t>【上海电气汽轮机】两端带螺纹管子\W2012-φ22X3.5X216</t>
  </si>
  <si>
    <t>【上海电气汽轮机】套筒\191.01.95.05</t>
  </si>
  <si>
    <t>【上海电气汽轮机】平垫圈\W1300.14-24</t>
  </si>
  <si>
    <t>【上海电气汽轮机】螺旋弯头\W2253-0.125"NPT</t>
  </si>
  <si>
    <t>【上海电气汽轮机】两端带螺纹管子\W2012-φ28X4X216</t>
  </si>
  <si>
    <t>【上海电气汽轮机】平垫圈\W1300.11-36</t>
  </si>
  <si>
    <t>【上海电气汽轮机】内六角螺钉\W1050.2-M14X50</t>
  </si>
  <si>
    <t>【上海电气汽轮机】油封片\191.07.31.03</t>
  </si>
  <si>
    <t>【上海电气汽轮机】两端带螺纹管子\W2012-φ10.3X1.73X1170</t>
  </si>
  <si>
    <t>【上海电气汽轮机】平垫圈\W1300.11-30</t>
  </si>
  <si>
    <t>【上海电气汽轮机】六角螺纹管套\W2321-12.7X6.4</t>
  </si>
  <si>
    <t>【上海电气汽轮机】两端带螺纹管子\W2012-φ10.3X1.73X990</t>
  </si>
  <si>
    <t>【上海电气汽轮机】销\WE1508-25.4X160</t>
  </si>
  <si>
    <t>【上海电气汽轮机】销\WE1508-25.4X140</t>
  </si>
  <si>
    <t>【上海电气汽轮机】销\WE1508-25.4X127</t>
  </si>
  <si>
    <t>【上海电气汽轮机】螺纹接套管\W2233.1-0.125"NPTX63.5</t>
  </si>
  <si>
    <t>【上海电气汽轮机】两端带螺纹管子\W2012-φ10.3X1.73X117</t>
  </si>
  <si>
    <t>【上海电气汽轮机】销\WE1508-25.4X120</t>
  </si>
  <si>
    <t>【上海电气汽轮机】两端带螺纹管子\W2012-φ10.3X1.73X60</t>
  </si>
  <si>
    <t>【上海电气汽轮机】垫片\WE1348-4"</t>
  </si>
  <si>
    <t>【上海电气汽轮机】圆柱销\0.1501-φ25X50</t>
  </si>
  <si>
    <t>【上海电气汽轮机】内六角螺钉\W1050.2-M5X10</t>
  </si>
  <si>
    <t>【上海电气汽轮机】固定板485X12.5X3\191.01.96+11</t>
  </si>
  <si>
    <t>【上海电气汽轮机】固定板485X12.5X3\191.01.95+11</t>
  </si>
  <si>
    <t>【上海电气汽轮机】内六角紧定螺钉\W1163-M6X20</t>
  </si>
  <si>
    <t>【上海电气汽轮机】垫片φ60X0.8\B191.01.71+13</t>
  </si>
  <si>
    <t>【上海电气汽轮机】控制套\SH06.90.09.02</t>
  </si>
  <si>
    <t>【上海电气汽轮机】低压汽封蒸汽铂电阻\191.91.10.09</t>
  </si>
  <si>
    <t>【上海电气汽轮机】热电偶套\W2312.2-0.5"NPTX413</t>
  </si>
  <si>
    <t>【上海电气汽轮机】六角扳手\0.8002-90-95</t>
  </si>
  <si>
    <t>【上海电气汽轮机】弯头套筒扳手\W8013.1-65</t>
  </si>
  <si>
    <t>【上海电气汽轮机】外环垫片\A191.60.22+1</t>
  </si>
  <si>
    <t>【上海电气汽轮机】六角螺母\W1220.1-M52(左)</t>
  </si>
  <si>
    <t>【上海电气汽轮机】螺杆(左旋)\A156.10.37.06</t>
  </si>
  <si>
    <t>【上海电气汽轮机】内六角接杆\W8016-22X95</t>
  </si>
  <si>
    <t>【上海电气汽轮机】六角螺母\W1220.1-M52</t>
  </si>
  <si>
    <t>【上海电气汽轮机】螺杆\191.09.21.05</t>
  </si>
  <si>
    <t>【上海电气汽轮机】螺杆\A156.10.37.03</t>
  </si>
  <si>
    <t>【上海电气汽轮机】螺柱\A156.10.37.07</t>
  </si>
  <si>
    <t>【上海电气汽轮机】内六角扳手\W8010-30</t>
  </si>
  <si>
    <t>【上海电气汽轮机】六角螺母\W1220.1-M39</t>
  </si>
  <si>
    <t>【上海电气汽轮机】六角螺母\W1220.1-M39(左)</t>
  </si>
  <si>
    <t>【上海电气汽轮机】内环垫片\A191.60.22+3</t>
  </si>
  <si>
    <t>【上海电气汽轮机】平衡旋塞扳手\191.90.51.28G01</t>
  </si>
  <si>
    <t>【上海电气汽轮机】热电偶套管\157.30.41.78</t>
  </si>
  <si>
    <t>【上海电气汽轮机】内六角接杆\W8016-41X130</t>
  </si>
  <si>
    <t>【上海电气汽轮机】内六角接杆\W8016-36X130</t>
  </si>
  <si>
    <t>【上海电气汽轮机】销轴\W1503.1-12X155</t>
  </si>
  <si>
    <t>【上海电气汽轮机】内六角接杆\W8016-32X100</t>
  </si>
  <si>
    <t>【上海电气汽轮机】内六角接杆\W8016-36X70</t>
  </si>
  <si>
    <t>【上海电气汽轮机】销轴\W1503.2-10X75</t>
  </si>
  <si>
    <t>【上海电气汽轮机】销轴\W1503.2-12X150</t>
  </si>
  <si>
    <t>【上海电气汽轮机】垫片\WE1348-1.5"</t>
  </si>
  <si>
    <t>【上海电气汽轮机】六角内接头DN25\191.60.29+3</t>
  </si>
  <si>
    <t>【上海电气汽轮机】内六角接杆\W8016-27X65</t>
  </si>
  <si>
    <t>【上海电气汽轮机】开口销\W1538.1-4X20</t>
  </si>
  <si>
    <t>【上海电气汽轮机】开口销\0.1538-90-2.5X20</t>
  </si>
  <si>
    <t>【上海电气汽轮机】垫片\191.10.31.10</t>
  </si>
  <si>
    <t>【上海电气汽轮机】六角头螺栓\WE1036-0.25"X12</t>
  </si>
  <si>
    <t>【上海电气汽轮机】压板\191.10.31.11</t>
  </si>
  <si>
    <t>【上海电气汽轮机】六角头螺栓\0.1030-90-M16X40</t>
  </si>
  <si>
    <t>【上海电气汽轮机】垫圈\191.09.21.08</t>
  </si>
  <si>
    <t>【上海电气汽轮机】内六角接杆\W8016-19X50</t>
  </si>
  <si>
    <t>【上海电气汽轮机】弹簧垫圈\191.30.41.10+34</t>
  </si>
  <si>
    <t>【上海电气汽轮机】弹簧垫圈\191.30.41.10+33</t>
  </si>
  <si>
    <t>【上海电气汽轮机】电动截止阀_J961Y-250_DN80_澳托克整体型\12002902</t>
  </si>
  <si>
    <t>【上海电气汽轮机】电动截止阀_J941H-40_DN150_澳托克\12002857</t>
  </si>
  <si>
    <t>【上海电气汽轮机】气动薄膜调节阀\157.60.55(2)+4</t>
  </si>
  <si>
    <t>【上海电气汽轮机】过滤减压器\157.60.55(2)+1</t>
  </si>
  <si>
    <t>【上海电气汽轮机】法兰\0.2124-96-DN200</t>
  </si>
  <si>
    <t>【上海电气汽轮机】截止阀\157.60.55(2)+10</t>
  </si>
  <si>
    <t>【上海电气汽轮机】节流阀\157.60.55(2)+17</t>
  </si>
  <si>
    <t>【上海电气汽轮机】法兰\0.2124-96-DN65</t>
  </si>
  <si>
    <t>【上海电气汽轮机】六角头螺栓\0.1030C-90-M30X170</t>
  </si>
  <si>
    <t>【上海电气汽轮机】六角头螺栓\0.1030C-90-M27X150</t>
  </si>
  <si>
    <t>【上海电气汽轮机】六角头螺栓\0.1030C-90-M27X170</t>
  </si>
  <si>
    <t>【上海电气汽轮机】鞍形锥螺纹接头\W2325.1-0.5"X80</t>
  </si>
  <si>
    <t>【上海电气汽轮机】带套管和管螺纹凸台\W2213.1-1"</t>
  </si>
  <si>
    <t>【上海电气汽轮机】热电偶套管L=225\157.60.04.06</t>
  </si>
  <si>
    <t>【上海电气汽轮机】衬套\W2234.2-50.8X31.8(Ⅲ)</t>
  </si>
  <si>
    <t>【上海电气汽轮机】衬套\W2234.2-50.8X25.4(Ⅲ)</t>
  </si>
  <si>
    <t>【上海电气汽轮机】螺塞\W2312.1/2-0.5"NPT</t>
  </si>
  <si>
    <t>【上海电气汽轮机】六角头螺栓\0.1030C-90-M16X80</t>
  </si>
  <si>
    <t>【上海电气汽轮机】法兰螺柱\0.1045-90-M22X200</t>
  </si>
  <si>
    <t>【上海电气汽轮机】一端螺纹一端平口管子\W2020.2-φ22X3.5X153</t>
  </si>
  <si>
    <t>【上海电气汽轮机】垫圈\0.1300G-90-27</t>
  </si>
  <si>
    <t>【上海电气汽轮机】缠绕垫片(基本型)_A42-32-40_JB90\14000426</t>
  </si>
  <si>
    <t>【上海电气汽轮机】主蒸汽管放汽阀\191.61.05(6)+7</t>
  </si>
  <si>
    <t>【上海电气汽轮机】90°弯头φ48X12\191.60.50.08</t>
  </si>
  <si>
    <t>【上海电气汽轮机】90°弯头φ60X14\191.60.50.07</t>
  </si>
  <si>
    <t>【上海电气汽轮机】90°弯头φ48X10\191.60.50.15</t>
  </si>
  <si>
    <t>【上海电气汽轮机】90°弯头φ48X7\191.60.50(1)+39</t>
  </si>
  <si>
    <t>【上海电气汽轮机】垫片\0.2138I-96-DN40</t>
  </si>
  <si>
    <t>【上海电气汽轮机】六通阀-FCLT-200/1.0-952B\12023377</t>
  </si>
  <si>
    <t>【上海电气汽轮机】转子延伸轴\191.70.01.01G01</t>
  </si>
  <si>
    <t>【上海电气汽轮机】套管装配11\191.74.01.50G01</t>
  </si>
  <si>
    <t>【上海电气汽轮机】叶轮\191.70.01.02G01</t>
  </si>
  <si>
    <t>【上海电气汽轮机】扩散管\191.70.03.01G01</t>
  </si>
  <si>
    <t>【上海电气汽轮机】电加热器_SRY4_380/6KW\12003088</t>
  </si>
  <si>
    <t>【上海电气汽轮机】套管装配8A\191.74.01.40G01</t>
  </si>
  <si>
    <t>【上海电气汽轮机】冲洗装置\157.74.01.56(3)G01</t>
  </si>
  <si>
    <t>【上海电气汽轮机】磁翻柱式液位计DN25，L=1700\157.73.28.01(1)+50</t>
  </si>
  <si>
    <t>【上海电气汽轮机】冲洗装置\157.74.01.67(3)G01</t>
  </si>
  <si>
    <t>【上海电气汽轮机】冲洗装置\157.74.01.68(3)G01</t>
  </si>
  <si>
    <t>【上海电气汽轮机】连接管\191.74.01.03(2)G01</t>
  </si>
  <si>
    <t>【上海电气汽轮机】Y型过滤器\190.74.20+36</t>
  </si>
  <si>
    <t>【上海电气汽轮机】滤网\157.73.28.46(1)G01</t>
  </si>
  <si>
    <t>【上海电气汽轮机】止回阀\190.74.20+18</t>
  </si>
  <si>
    <t>【上海电气汽轮机】调速体\A157.70.01.03G01</t>
  </si>
  <si>
    <t>【上海电气汽轮机】闸阀\190.74.20+2</t>
  </si>
  <si>
    <t>【上海电气汽轮机】套管\A157.70.03.07</t>
  </si>
  <si>
    <t>【上海电气汽轮机】液位控制器_UQK-66L-3\12031035</t>
  </si>
  <si>
    <t>【上海电气汽轮机】滤网法兰盖\157.73.28.40(1)</t>
  </si>
  <si>
    <t>【上海电气汽轮机】闸阀\190.74.20+31</t>
  </si>
  <si>
    <t>【上海电气汽轮机】轴延伸盘\156.70.01.14(1)</t>
  </si>
  <si>
    <t>【上海电气汽轮机】闸阀\190.74.20+4</t>
  </si>
  <si>
    <t>【上海电气汽轮机】喷嘴\191.70.03.03</t>
  </si>
  <si>
    <t>【上海电气汽轮机】90°弯头DN100,R=1.0DN,D=114,t=6\191.74.01(15)+24</t>
  </si>
  <si>
    <t>【上海电气汽轮机】90°弯头DN150,R=1.5DN,D=168,t=7\191.74.01(15)+28</t>
  </si>
  <si>
    <t>【上海电气汽轮机】90°弯头DN200,R=1.0DN,D=219,t=8\191.74.01(15)+27</t>
  </si>
  <si>
    <t>【上海电气汽轮机】90°弯头DN50,R=1.5DN,D=60,t=5\191.74.01(15)+26</t>
  </si>
  <si>
    <t>【上海电气汽轮机】双头螺柱\0.1040-90-M12X25</t>
  </si>
  <si>
    <t>【上海电气汽轮机】安全阀\190.74.20+14</t>
  </si>
  <si>
    <t>【上海电气汽轮机】平衡块\156.70.01.23(1)G01</t>
  </si>
  <si>
    <t>【上海电气汽轮机】缩节φ219/φ168X8\191.74.01(15)+25</t>
  </si>
  <si>
    <t>【上海电气汽轮机】垫片\156.70.01.15(1)</t>
  </si>
  <si>
    <t>【上海电气汽轮机】法兰\157.74.20.01(2)</t>
  </si>
  <si>
    <t>【上海电气汽轮机】缩节φ273/φ168X8\190.74.20+38</t>
  </si>
  <si>
    <t>【上海电气汽轮机】压环\156.70.01.13(1)</t>
  </si>
  <si>
    <t>【上海电气汽轮机】缩节φ89/φ76X4\190.74.20+17</t>
  </si>
  <si>
    <t>【上海电气汽轮机】三通φ108Xφ108X4\190.74.20+35</t>
  </si>
  <si>
    <t>【上海电气汽轮机】电缆接头\A156.08.71.23G01</t>
  </si>
  <si>
    <t>【上海电气汽轮机】控制盘\A157.70.03.11(1)</t>
  </si>
  <si>
    <t>【上海电气汽轮机】三通φ89Xφ89X5\190.74.20+19</t>
  </si>
  <si>
    <t>【上海电气汽轮机】双头螺柱\0.1040-90-M27X80</t>
  </si>
  <si>
    <t>【上海电气汽轮机】滤网\A157.70.03.12G01</t>
  </si>
  <si>
    <t>【上海电气汽轮机】垫片φ18/φ8X0.5\191.10.16+3</t>
  </si>
  <si>
    <t>【上海电气汽轮机】单耳止动垫圈\0.1311-90-5</t>
  </si>
  <si>
    <t>【上海电气汽轮机】拉杆螺栓\A157.70.03.08</t>
  </si>
  <si>
    <t>【上海电气汽轮机】插销\156.70.01.11(1)</t>
  </si>
  <si>
    <t>【上海电气汽轮机】紧定螺钉(左)M8X19\156.70.01.24(1)</t>
  </si>
  <si>
    <t>【上海电气汽轮机】法兰\0.2123-96-DN15</t>
  </si>
  <si>
    <t>【上海电气汽轮机】法兰\0.2123-96-DN50</t>
  </si>
  <si>
    <t>【上海电气汽轮机】缩节φ108/φ89X4\190.74.20+32</t>
  </si>
  <si>
    <t>【上海电气汽轮机】固定线φ2X2000\191.70.03+11</t>
  </si>
  <si>
    <t>【上海电气汽轮机】缩节φ89/φ60X4\190.74.20+33</t>
  </si>
  <si>
    <t>【上海电气汽轮机】绝缘体\191.08.33+4</t>
  </si>
  <si>
    <t>【上海电气汽轮机】弹簧座\A156.08.71.22</t>
  </si>
  <si>
    <t>【上海电气汽轮机】垫片δ2\157.73.28.39(1)</t>
  </si>
  <si>
    <t>【上海电气汽轮机】1型六角螺母\0.1200-90-M6</t>
  </si>
  <si>
    <t>【上海电气汽轮机】1型六角螺母\0.1200-90-M14</t>
  </si>
  <si>
    <t>【上海电气汽轮机】六角头螺栓-全螺纹\0.1031-90-M6X12</t>
  </si>
  <si>
    <t>【上海电气汽轮机】O形圈\191.08.20.23(1)</t>
  </si>
  <si>
    <t>【上海电气汽轮机】O形圈\191.08.02.23(1)</t>
  </si>
  <si>
    <t>【上海电气汽轮机】O型圈\191.08.01.10(1)</t>
  </si>
  <si>
    <t>【上海电气汽轮机】内六角圆柱头螺钉\0.1050-90-M16X55</t>
  </si>
  <si>
    <t>【上海电气汽轮机】双头螺柱\0.1040-90-M12X30</t>
  </si>
  <si>
    <t>【上海电气汽轮机】圆柱销\0.1501-90-16X35</t>
  </si>
  <si>
    <t>【上海电气汽轮机】六角头螺栓\0.1030-90-M14X45</t>
  </si>
  <si>
    <t>【上海电气汽轮机】内六角圆柱头螺钉\0.1050-90-M20X60</t>
  </si>
  <si>
    <t>【上海电气汽轮机】六角头螺栓\0.1030-90-M10X35</t>
  </si>
  <si>
    <t>【上海电气汽轮机】半圆头铆钉\0.1610-90-3X8</t>
  </si>
  <si>
    <t>【上海电气汽轮机】紧定螺钉\W1164-M6X20</t>
  </si>
  <si>
    <t>【上海电气汽轮机】环\C195.60.22.16</t>
  </si>
  <si>
    <t>【上海电气汽轮机】补偿器\F195.60.22.06</t>
  </si>
  <si>
    <t>【上海电气汽轮机】补偿器\F195.60.22.07</t>
  </si>
  <si>
    <t>【上海电气汽轮机】补偿器\F195.60.22.09</t>
  </si>
  <si>
    <t>【上海电气汽轮机】法兰DN1800\F195.60.22.01</t>
  </si>
  <si>
    <t>【上海电气汽轮机】法兰DN1800\H195.60.22.01</t>
  </si>
  <si>
    <t>【上海电气汽轮机】进汽口补偿器\H195.60.22.02</t>
  </si>
  <si>
    <t>【上海电气汽轮机】密封圈\H195.60.22.19</t>
  </si>
  <si>
    <t>【上海电气汽轮机】环\H195.60.22.17</t>
  </si>
  <si>
    <t>【上海电气汽轮机】密封圈\H195.60.22.18</t>
  </si>
  <si>
    <t>【上海电气汽轮机】环\H195.60.22.13</t>
  </si>
  <si>
    <t>【上海电气汽轮机】法兰\S2600.3-DN150XPN40</t>
  </si>
  <si>
    <t>【上海电气汽轮机】导块\F195.60.22.67</t>
  </si>
  <si>
    <t>【上海电气汽轮机】法兰盖\S2613.2-DN200XPN40</t>
  </si>
  <si>
    <t>【上海电气汽轮机】孔板\F195.60.22.69</t>
  </si>
  <si>
    <t>【上海电气汽轮机】导向螺栓\F195.60.22.59</t>
  </si>
  <si>
    <t>【上海电气汽轮机】径向轴承φ475X0.9\SH08J7.48.52G01+LL</t>
  </si>
  <si>
    <t>【上海电气汽轮机】盖板\C195.01.24.21G01</t>
  </si>
  <si>
    <t>【上海电气汽轮机】盖板\C195.01.24.19G01</t>
  </si>
  <si>
    <t>【上海电气汽轮机】膨胀节\C195.06.50.06G01</t>
  </si>
  <si>
    <t>【上海电气汽轮机】焊入式凸台\C195.01.25.02(1)</t>
  </si>
  <si>
    <t>【上海电气汽轮机】汽封板\A157.02.46.06G01</t>
  </si>
  <si>
    <t>【上海电气汽轮机】低压缸压力测量装置\C195.92.01G01</t>
  </si>
  <si>
    <t>【上海电气汽轮机】#4#5轴承座油封(调阀端)\F195.07.36G01+LL</t>
  </si>
  <si>
    <t>【上海电气汽轮机】盖板\C195.01.12.05G01</t>
  </si>
  <si>
    <t>【上海电气汽轮机】法兰\S2600.2-DN800XPN10</t>
  </si>
  <si>
    <t>【上海电气汽轮机】挡油盘\F195.07.03.14G01</t>
  </si>
  <si>
    <t>【上海电气汽轮机】#5轴承座油封(电机端)\F195.07.39G01+LL</t>
  </si>
  <si>
    <t>【上海电气汽轮机】法兰\C195.01.24.08</t>
  </si>
  <si>
    <t>【上海电气汽轮机】弧块\F195.01.30.56</t>
  </si>
  <si>
    <t>【上海电气汽轮机】套焊式三通接头\C195.01.12.08</t>
  </si>
  <si>
    <t>【上海电气汽轮机】补偿器\C195.06.52.01G01</t>
  </si>
  <si>
    <t>【上海电气汽轮机】连杆\F195.07.05.04</t>
  </si>
  <si>
    <t>【上海电气汽轮机】螺旋管接2"\193.05.22.23G01</t>
  </si>
  <si>
    <t>【上海电气汽轮机】套焊式三通接头\193.05.22.12</t>
  </si>
  <si>
    <t>【上海电气汽轮机】联轴器盖板\196.24.03.01</t>
  </si>
  <si>
    <t>【上海电气汽轮机】导向螺栓\F195.01.12.17</t>
  </si>
  <si>
    <t>【上海电气汽轮机】润滑板70X260X12\F195.01.30.59</t>
  </si>
  <si>
    <t>【上海电气汽轮机】塞紧条\F195.06.23.03</t>
  </si>
  <si>
    <t>【上海电气汽轮机】阻板\F195.07.04.15</t>
  </si>
  <si>
    <t>【上海电气汽轮机】垫片\F195.01.30.42</t>
  </si>
  <si>
    <t>【上海电气汽轮机】套焊式90°弯头\193.05.22.22</t>
  </si>
  <si>
    <t>【上海电气汽轮机】导向螺栓\C195.01.12.04(1)</t>
  </si>
  <si>
    <t>【上海电气汽轮机】法兰\S2500.1-8"-150LB</t>
  </si>
  <si>
    <t>【上海电气汽轮机】塞紧条\F195.06.23.05</t>
  </si>
  <si>
    <t>【上海电气汽轮机】平衡块(一体式)\196.92.22.05</t>
  </si>
  <si>
    <t>【上海电气汽轮机】导向螺栓\F195.01.30.61</t>
  </si>
  <si>
    <t>【上海电气汽轮机】膨胀节STF，DN100\F195.01.30.70</t>
  </si>
  <si>
    <t>【上海电气汽轮机】膨胀节STF，DN80\F195.01.30.71</t>
  </si>
  <si>
    <t>【上海电气汽轮机】起重螺栓\S1047.1-M72X6X50X350</t>
  </si>
  <si>
    <t>【上海电气汽轮机】块\F195.07.04.04</t>
  </si>
  <si>
    <t>【上海电气汽轮机】键\F195.07.03.26</t>
  </si>
  <si>
    <t>【上海电气汽轮机】圆盘\F195.07.05.06</t>
  </si>
  <si>
    <t>【上海电气汽轮机】垫片\C195.01.12.02(1)</t>
  </si>
  <si>
    <t>【上海电气汽轮机】起重螺栓\S1047.2-M80X6X20X185</t>
  </si>
  <si>
    <t>【上海电气汽轮机】接合法兰\F195.07.05.01</t>
  </si>
  <si>
    <t>【上海电气汽轮机】垫片\F195.07.03.49</t>
  </si>
  <si>
    <t>【上海电气汽轮机】垫片_ARAMID-NBR_RD797X920X2_SQZ20.14\14188406</t>
  </si>
  <si>
    <t>【上海电气汽轮机】法兰盖\S2613.1-DN125XPN16</t>
  </si>
  <si>
    <t>【上海电气汽轮机】法兰\F195.01.12.15</t>
  </si>
  <si>
    <t>【上海电气汽轮机】调整垫片\F195.07.03.01.05</t>
  </si>
  <si>
    <t>【上海电气汽轮机】接合法兰\F195.07.03.03</t>
  </si>
  <si>
    <t>【上海电气汽轮机】调整垫片\F195.07.03.01.04</t>
  </si>
  <si>
    <t>【上海电气汽轮机】紧定螺钉\F195.07.04.02</t>
  </si>
  <si>
    <t>【上海电气汽轮机】密封环_丁腈橡胶-N_710X6_KUN678.04\19004557</t>
  </si>
  <si>
    <t>【上海电气汽轮机】圆台\196.01.24.15</t>
  </si>
  <si>
    <t>【上海电气汽轮机】垫块\F195.07.03.10</t>
  </si>
  <si>
    <t>【上海电气汽轮机】法兰\S2500.1-2.5"-150LB</t>
  </si>
  <si>
    <t>【上海电气汽轮机】法兰\F195.01.25.28</t>
  </si>
  <si>
    <t>【上海电气汽轮机】垫块\F195.07.05.02</t>
  </si>
  <si>
    <t>【上海电气汽轮机】圆环\196.01.28.04</t>
  </si>
  <si>
    <t>【上海电气汽轮机】垫片\C195.01.12.01(1)</t>
  </si>
  <si>
    <t>【上海电气汽轮机】起重螺栓\S1047.1-M48X20X300</t>
  </si>
  <si>
    <t>【上海电气汽轮机】垫片\F195.01.30.60</t>
  </si>
  <si>
    <t>【上海电气汽轮机】法兰\S2500.1-1.5"-150LB</t>
  </si>
  <si>
    <t>【上海电气汽轮机】调整片\F195.07.03.23</t>
  </si>
  <si>
    <t>【上海电气汽轮机】肋板\196.01.25.29</t>
  </si>
  <si>
    <t>【上海电气汽轮机】锁紧螺栓\F195.01.12.16</t>
  </si>
  <si>
    <t>【上海电气汽轮机】接头\S2223.1-G0.75"X110</t>
  </si>
  <si>
    <t>【上海电气汽轮机】六角头螺栓\S1030.1-M36X70</t>
  </si>
  <si>
    <t>【上海电气汽轮机】垫片\S1320.2-CDA84X20</t>
  </si>
  <si>
    <t>【上海电气汽轮机】凸台\196.01.24.16</t>
  </si>
  <si>
    <t>【上海电气汽轮机】垫片\S1320.2-CDA84X15</t>
  </si>
  <si>
    <t>【上海电气汽轮机】密封环_丁腈橡胶-N_452X6_KUN678.04\19004558</t>
  </si>
  <si>
    <t>【上海电气汽轮机】六角头螺栓\S1030.1-M30X90</t>
  </si>
  <si>
    <t>【上海电气汽轮机】起重螺栓\S1047.1-M30X10X200</t>
  </si>
  <si>
    <t>【上海电气汽轮机】调整垫片\F195.07.03.01.03</t>
  </si>
  <si>
    <t>【上海电气汽轮机】汽封片\F195.06.23.04</t>
  </si>
  <si>
    <t>【上海电气汽轮机】垫圈_A2_17_KUN900.10\14007912</t>
  </si>
  <si>
    <t>【上海电气汽轮机】垫片\C195.01.12.05(1)</t>
  </si>
  <si>
    <t>【上海电气汽轮机】圆柱端紧定螺钉\S1060.1-M24X100</t>
  </si>
  <si>
    <t>【上海电气汽轮机】圆柱端紧定螺钉\S1060.1-M30X140</t>
  </si>
  <si>
    <t>【上海电气汽轮机】六角头螺栓\S1030.1-M24X50</t>
  </si>
  <si>
    <t>【上海电气汽轮机】圆形强性密封带_FLUOR-KAUTSCHUK-GN_φ8_SQZ20.08\12104613</t>
  </si>
  <si>
    <t>【上海电气汽轮机】氟橡胶条_FLUOR-KAUTSCHUK-GN_ROUND6_KUN565.04\19001611</t>
  </si>
  <si>
    <t>【上海电气汽轮机】焊环\S2217.1-M10</t>
  </si>
  <si>
    <t>【上海电气汽轮机】六角头螺栓\S1030.1-M24X60</t>
  </si>
  <si>
    <t>【上海电气汽轮机】锁紧垫片B21X30.7X3.7\14018480</t>
  </si>
  <si>
    <t>【上海电气汽轮机】螺塞\S1057.1-G0.75"</t>
  </si>
  <si>
    <t>【上海电气汽轮机】六角螺母\S1200.1-M24</t>
  </si>
  <si>
    <t>【上海电气汽轮机】汽封片\F195.06.23.02</t>
  </si>
  <si>
    <t>【上海电气汽轮机】垫圈_E-CU57F20_21X30X3\14007917</t>
  </si>
  <si>
    <t>【上海电气汽轮机】双头螺栓\S1043.1-M16X160</t>
  </si>
  <si>
    <t>【上海电气汽轮机】圆柱销\0.1501B-90-25X150</t>
  </si>
  <si>
    <t>【上海电气汽轮机】六角头螺栓\S1030.1-M20X50</t>
  </si>
  <si>
    <t>【上海电气汽轮机】调整垫片\F195.07.03.01.02</t>
  </si>
  <si>
    <t>【上海电气汽轮机】六角头螺栓\S1030.7-M16X70</t>
  </si>
  <si>
    <t>【上海电气汽轮机】圆柱销\S1506.1-20X80</t>
  </si>
  <si>
    <t>【上海电气汽轮机】汽封环垫片\S1304.1-33X39</t>
  </si>
  <si>
    <t>【上海电气汽轮机】垫片\S1330.1-102X130X1</t>
  </si>
  <si>
    <t>【上海电气汽轮机】调整垫片\F195.07.03.01.01</t>
  </si>
  <si>
    <t>【上海电气汽轮机】平端紧定螺钉\S1063.4-M10X20</t>
  </si>
  <si>
    <t>【上海电气汽轮机】镀锌鞍形弹簧垫圈_A24_DIN128\14002527</t>
  </si>
  <si>
    <t>【上海电气汽轮机】垫片\S1330.1-102X130X0.5</t>
  </si>
  <si>
    <t>【上海电气汽轮机】垫圈\S1300.1-25</t>
  </si>
  <si>
    <t>【上海电气汽轮机】垫片\S1330.1-102X130X0.2</t>
  </si>
  <si>
    <t>【上海电气汽轮机】平端紧定螺钉\S1063.4-M8X15</t>
  </si>
  <si>
    <t>【上海电气汽轮机】垫片\S1330.1-102X130X0.1</t>
  </si>
  <si>
    <t>【上海电气汽轮机】锁紧垫片\S1316.3-31</t>
  </si>
  <si>
    <t>【上海电气汽轮机】锁紧垫片\S1316.3-6.4</t>
  </si>
  <si>
    <t>【上海电气汽轮机】镀锌鞍形弹簧垫圈_A8_DIN128\14002531</t>
  </si>
  <si>
    <t>【上海电气汽轮机】垫片\F195.07.05.03.02</t>
  </si>
  <si>
    <t>【上海电气汽轮机】垫片\F195.07.05.03.01</t>
  </si>
  <si>
    <t>【上海电气汽轮机】径向推力联合轴承\SH08L3.38.51G01+LL</t>
  </si>
  <si>
    <t>【上海电气汽轮机】内阀盖\F195.30.41.21G01</t>
  </si>
  <si>
    <t>【上海电气汽轮机】外阀盖\F195.30.41.40G01</t>
  </si>
  <si>
    <t>【上海电气汽轮机】内阀盖\F195.30.41.57G01</t>
  </si>
  <si>
    <t>【上海电气汽轮机】外阀盖\F195.30.41.72G01</t>
  </si>
  <si>
    <t>【上海电气汽轮机】回转设备\B196.28.01G01</t>
  </si>
  <si>
    <t>【上海电气汽轮机】阀盖\F195.34.30.30G01</t>
  </si>
  <si>
    <t>【上海电气汽轮机】高压缸轴承\SH08J0.25.51G01+LL</t>
  </si>
  <si>
    <t>【上海电气汽轮机】阀组件\196.07.01.01(1)G01</t>
  </si>
  <si>
    <t>【上海电气汽轮机】盲法兰\E195.01.71.32G01</t>
  </si>
  <si>
    <t>【上海电气汽轮机】防护装置\F195.07.02.21G01</t>
  </si>
  <si>
    <t>【上海电气汽轮机】油马达_INM5-1600FD47_协议\12012782</t>
  </si>
  <si>
    <t>【上海电气汽轮机】法兰盖\F195.28.01.04</t>
  </si>
  <si>
    <t>【上海电气汽轮机】支撑环\F195.28.01.06</t>
  </si>
  <si>
    <t>【上海电气汽轮机】#2轴承座油封(电机端)\196.07.33G01+LL</t>
  </si>
  <si>
    <t>【上海电气汽轮机】传动法兰\F195.28.01.02</t>
  </si>
  <si>
    <t>【上海电气汽轮机】盲法兰\196.01.71.25</t>
  </si>
  <si>
    <t>【上海电气汽轮机】盲法兰\196.01.71.23G01</t>
  </si>
  <si>
    <t>【上海电气汽轮机】压块\F195.07.02.30</t>
  </si>
  <si>
    <t>【上海电气汽轮机】连接缸\F195.28.01.13</t>
  </si>
  <si>
    <t>【上海电气汽轮机】平行键\196.01.71.14G01</t>
  </si>
  <si>
    <t>【上海电气汽轮机】盖板\F195.30.41.44</t>
  </si>
  <si>
    <t>【上海电气汽轮机】支撑键\F195.07.01.34G01</t>
  </si>
  <si>
    <t>【上海电气汽轮机】支撑键\F195.07.02.32G01</t>
  </si>
  <si>
    <t>【上海电气汽轮机】调整块\F195.07.01.11G01</t>
  </si>
  <si>
    <t>【上海电气汽轮机】调整块\F195.07.02.06G01</t>
  </si>
  <si>
    <t>【上海电气汽轮机】挡板\F195.34.30.39</t>
  </si>
  <si>
    <t>【上海电气汽轮机】盖板\F195.34.30.33</t>
  </si>
  <si>
    <t>【上海电气汽轮机】锁定块\196.01.71.18</t>
  </si>
  <si>
    <t>【上海电气汽轮机】调整块\F195.07.02.09G01</t>
  </si>
  <si>
    <t>【上海电气汽轮机】孔盖\F195.30.41.43</t>
  </si>
  <si>
    <t>【上海电气汽轮机】固定块\E195.01.71.06</t>
  </si>
  <si>
    <t>【上海电气汽轮机】调整块\F195.07.01.08G01</t>
  </si>
  <si>
    <t>【上海电气汽轮机】螺栓\F195.07.02.03</t>
  </si>
  <si>
    <t>【上海电气汽轮机】法兰\F195.34.30.10</t>
  </si>
  <si>
    <t>【上海电气汽轮机】密封垫片MSI-002940-09-03-1-SPJ\14007932</t>
  </si>
  <si>
    <t>【上海电气汽轮机】焊接法兰\F195.30.41.15</t>
  </si>
  <si>
    <t>【上海电气汽轮机】螺栓\F195.07.01.28</t>
  </si>
  <si>
    <t>【上海电气汽轮机】盖板\F195.34.30.34</t>
  </si>
  <si>
    <t>【上海电气汽轮机】调整垫块\E195.01.71.07</t>
  </si>
  <si>
    <t>【上海电气汽轮机】销子\F195.07.02.35</t>
  </si>
  <si>
    <t>【上海电气汽轮机】键\196.01.71.09</t>
  </si>
  <si>
    <t>【上海电气汽轮机】高温清漆 Supertherm_800_Sliber\15000415</t>
  </si>
  <si>
    <t>【上海电气汽轮机】挡板\F195.34.30.40</t>
  </si>
  <si>
    <t>【上海电气汽轮机】键\196.01.71.08</t>
  </si>
  <si>
    <t>【上海电气汽轮机】螺栓\F195.07.02.31</t>
  </si>
  <si>
    <t>【上海电气汽轮机】调整块\F195.07.02.14G01</t>
  </si>
  <si>
    <t>【上海电气汽轮机】压板\F195.07.02.39</t>
  </si>
  <si>
    <t>【上海电气汽轮机】支撑块\F195.07.01.37</t>
  </si>
  <si>
    <t>【上海电气汽轮机】压板\F195.07.01.30</t>
  </si>
  <si>
    <t>【上海电气汽轮机】锁定块\196.01.71.16</t>
  </si>
  <si>
    <t>【上海电气汽轮机】调整垫片\F195.07.01.27</t>
  </si>
  <si>
    <t>【上海电气汽轮机】法兰\S2500.1-3"-150LB</t>
  </si>
  <si>
    <t>【上海电气汽轮机】压板\F195.07.02.43</t>
  </si>
  <si>
    <t>【上海电气汽轮机】起重螺栓\S1047.1-M64X40X400</t>
  </si>
  <si>
    <t>【上海电气汽轮机】压板\F195.07.02.29</t>
  </si>
  <si>
    <t>【上海电气汽轮机】起重螺栓\S1047.1-M64X35X350</t>
  </si>
  <si>
    <t>【上海电气汽轮机】销子\F195.07.01.25</t>
  </si>
  <si>
    <t>【上海电气汽轮机】垫片\F195.07.02.04</t>
  </si>
  <si>
    <t>【上海电气汽轮机】起重螺栓\S1047.1-M36X10X750</t>
  </si>
  <si>
    <t>【上海电气汽轮机】垫片\E195.01.71.08</t>
  </si>
  <si>
    <t>【上海电气汽轮机】锁定块\196.01.71.04</t>
  </si>
  <si>
    <t>【上海电气汽轮机】垫块\196.01.71.07</t>
  </si>
  <si>
    <t>【上海电气汽轮机】套筒扳手\S8013.1-55X150</t>
  </si>
  <si>
    <t>【上海电气汽轮机】垫片\F195.07.01.14</t>
  </si>
  <si>
    <t>【上海电气汽轮机】键\F195.07.01.18</t>
  </si>
  <si>
    <t>【上海电气汽轮机】平行键\F195.07.02.11</t>
  </si>
  <si>
    <t>【上海电气汽轮机】挡板\F195.07.02.20</t>
  </si>
  <si>
    <t>【上海电气汽轮机】法兰\S2500.1-1.25"-150LB</t>
  </si>
  <si>
    <t>【上海电气汽轮机】螺纹锁紧胶_LOCTITE 243_24333_LOCTITE\15003630</t>
  </si>
  <si>
    <t>【上海电气汽轮机】密封填料10X2500\F195.30.41.42</t>
  </si>
  <si>
    <t>【上海电气汽轮机】内六角螺钉\S1050.6-M20X70</t>
  </si>
  <si>
    <t>【上海电气汽轮机】起重螺栓\S1047.1-M30X10X140</t>
  </si>
  <si>
    <t>【上海电气汽轮机】锁紧垫圈_DC01-A_17_KUN900.10\14010395</t>
  </si>
  <si>
    <t>【上海电气汽轮机】外螺纹接头\S2231.1-L15RB</t>
  </si>
  <si>
    <t>【上海电气汽轮机】外螺纹接头\S2230.1-L15M</t>
  </si>
  <si>
    <t>【上海电气汽轮机】齿形垫圈_A10.7X16.6X2.5_KUN607.07\14008105</t>
  </si>
  <si>
    <t>【上海电气汽轮机】六角头螺栓\S1030.3-M16X100</t>
  </si>
  <si>
    <t>【上海电气汽轮机】节流孔板\F195.07.01.24</t>
  </si>
  <si>
    <t>【上海电气汽轮机】内六角圆柱头螺钉\0.1050B-90-M10X100</t>
  </si>
  <si>
    <t>【上海电气汽轮机】锁紧垫片\S1316.3-50</t>
  </si>
  <si>
    <t>【上海电气汽轮机】密封环B50X70\14007966</t>
  </si>
  <si>
    <t>【上海电气汽轮机】密封环A50X70\14007967</t>
  </si>
  <si>
    <t>【上海电气汽轮机】密封环_99.9%石墨_A60×80_KUN678.13\14008211</t>
  </si>
  <si>
    <t>【上海电气汽轮机】螺塞(公制螺纹)\0.1054A-90-M20X1.5</t>
  </si>
  <si>
    <t>【上海电气汽轮机】锁紧垫片\S1316.3-19</t>
  </si>
  <si>
    <t>【上海电气汽轮机】O形密封圈_丁晴橡胶_261×2.65_GB3452.1\19004598</t>
  </si>
  <si>
    <t>【上海电气汽轮机】密封环_99.9%石墨_B60×80_KUN678.13\14008210</t>
  </si>
  <si>
    <t>【上海电气汽轮机】弹簧垫片A8\14007909</t>
  </si>
  <si>
    <t>【上海电气汽轮机】扩散器\C195.30.60.04G01</t>
  </si>
  <si>
    <t>【上海电气汽轮机】径向轴承φ450X1.0\SH08J7.45.51G01+LL</t>
  </si>
  <si>
    <t>【上海电气汽轮机】阀碟精加工图\C195.30.60.17G01</t>
  </si>
  <si>
    <t>【上海电气汽轮机】阀碟\C195.30.60.10G01</t>
  </si>
  <si>
    <t>【上海电气汽轮机】环\C195.30.60.07G01</t>
  </si>
  <si>
    <t>【上海电气汽轮机】阀杆\C195.30.60.19G01</t>
  </si>
  <si>
    <t>【上海电气汽轮机】阀杆\C195.30.60.11G01</t>
  </si>
  <si>
    <t>【上海电气汽轮机】推拉杆\F195.07.03.17</t>
  </si>
  <si>
    <t>【上海电气汽轮机】环\C195.30.60.22G01</t>
  </si>
  <si>
    <t>【上海电气汽轮机】汽封接管\F195.01.75.26G01</t>
  </si>
  <si>
    <t>【上海电气汽轮机】汽封接管\F195.01.75.23G01</t>
  </si>
  <si>
    <t>【上海电气汽轮机】#3#4轴承座油封(电机端)\F195.07.35G01+LL</t>
  </si>
  <si>
    <t>【上海电气汽轮机】法兰\F195.01.75.32G01</t>
  </si>
  <si>
    <t>【上海电气汽轮机】#3轴承座油封(调阀端)\F195.07.34G01+LL</t>
  </si>
  <si>
    <t>【上海电气汽轮机】螺纹环装配工具\F195.01.75.30G01</t>
  </si>
  <si>
    <t>【上海电气汽轮机】螺纹环装配工具\F195.01.75.28G01</t>
  </si>
  <si>
    <t>【上海电气汽轮机】法兰\F195.28.02.01G01</t>
  </si>
  <si>
    <t>【上海电气汽轮机】螺母\F195.07.03.18</t>
  </si>
  <si>
    <t>【上海电气汽轮机】螺母\F195.07.03.19</t>
  </si>
  <si>
    <t>【上海电气汽轮机】卡座\F195.07.03.31</t>
  </si>
  <si>
    <t>【上海电气汽轮机】卡座\F195.07.03.32</t>
  </si>
  <si>
    <t>【上海电气汽轮机】套筒\F195.07.03.20</t>
  </si>
  <si>
    <t>【上海电气汽轮机】盖子\F195.30.60.18</t>
  </si>
  <si>
    <t>【上海电气汽轮机】棘爪\F195.28.02.04</t>
  </si>
  <si>
    <t>【上海电气汽轮机】螺塞\196.92.21.01G01</t>
  </si>
  <si>
    <t>【上海电气汽轮机】阻板\F195.07.03.15</t>
  </si>
  <si>
    <t>【上海电气汽轮机】盖子\F195.30.60.13</t>
  </si>
  <si>
    <t>【上海电气汽轮机】起重螺栓\S1047.1-M72X6X95X800</t>
  </si>
  <si>
    <t>【上海电气汽轮机】起重螺栓\S1047.1-M72X6X35X750</t>
  </si>
  <si>
    <t>【上海电气汽轮机】六角头螺柱\S1731.2-M52X270</t>
  </si>
  <si>
    <t>【上海电气汽轮机】锁紧垫片\F195.07.03.35</t>
  </si>
  <si>
    <t>【上海电气汽轮机】孔塞\F195.01.75.20</t>
  </si>
  <si>
    <t>【上海电气汽轮机】接合法兰\F195.07.03.04</t>
  </si>
  <si>
    <t>【上海电气汽轮机】平焊法兰\C195.30.60.24</t>
  </si>
  <si>
    <t>【上海电气汽轮机】法兰盖\F195.28.02.02</t>
  </si>
  <si>
    <t>【上海电气汽轮机】平衡块(一体式)\F195.24.02.02</t>
  </si>
  <si>
    <t>【上海电气汽轮机】起重螺栓\S1047.2-M64X50X250</t>
  </si>
  <si>
    <t>【上海电气汽轮机】法兰盖\S2613.1-DN80XPN16</t>
  </si>
  <si>
    <t>【上海电气汽轮机】平衡块(一体式)\F195.24.03.02</t>
  </si>
  <si>
    <t>【上海电气汽轮机】盖\S2580.1-372X288X13</t>
  </si>
  <si>
    <t>【上海电气汽轮机】法兰\S2600.12-DN25XPN40-3.53</t>
  </si>
  <si>
    <t>【上海电气汽轮机】支撑块\F195.07.03.12</t>
  </si>
  <si>
    <t>【上海电气汽轮机】调整块\F195.07.03.33</t>
  </si>
  <si>
    <t>【上海电气汽轮机】套筒扳手\S8013.1-70X160</t>
  </si>
  <si>
    <t>【上海电气汽轮机】起重螺栓\S1047.1-M48X20X500</t>
  </si>
  <si>
    <t>【上海电气汽轮机】垫块\F195.07.03.05</t>
  </si>
  <si>
    <t>【上海电气汽轮机】法兰盖\S2613.1-DN65XPN16-4</t>
  </si>
  <si>
    <t>【上海电气汽轮机】垫块\F195.30.60.19</t>
  </si>
  <si>
    <t>【上海电气汽轮机】垫片\S1320.1-CEH140X35</t>
  </si>
  <si>
    <t>【上海电气汽轮机】锁紧垫片\S1307.2-16X70</t>
  </si>
  <si>
    <t>【上海电气汽轮机】六角头螺栓\S1030.1-M24X140</t>
  </si>
  <si>
    <t>【上海电气汽轮机】垫片\F195.07.03.06.02</t>
  </si>
  <si>
    <t>【上海电气汽轮机】板5X35X61\F195.30.60.06</t>
  </si>
  <si>
    <t>【上海电气汽轮机】板5X39X45\F195.30.60.28</t>
  </si>
  <si>
    <t>【上海电气汽轮机】板5X39X39\F195.30.60.34</t>
  </si>
  <si>
    <t>【上海电气汽轮机】板4X28X39\F195.30.60.10</t>
  </si>
  <si>
    <t>【上海电气汽轮机】螺纹钢芯_AM16X24_INCONEL-X750_DIN8140\10018600</t>
  </si>
  <si>
    <t>【上海电气汽轮机】垫片\F195.07.03.06.01</t>
  </si>
  <si>
    <t>【上海电气汽轮机】六角头螺栓\S1030.3-M12X90</t>
  </si>
  <si>
    <t>【上海电气汽轮机】平端紧定螺钉\S1063.4-M10X18</t>
  </si>
  <si>
    <t>【上海电气汽轮机】螺栓电加热器_用于H195.91.51G01\12167105</t>
  </si>
  <si>
    <t>【上海电气汽轮机】主门阀盖螺纹环拆装扳手\195.91.30.06G01</t>
  </si>
  <si>
    <t>【上海电气汽轮机】主门与调门内阀盖和外阀盖拆装工具\195.91.30.19G01</t>
  </si>
  <si>
    <t>【上海电气汽轮机】套筒扳手\F195.91.33.02G01</t>
  </si>
  <si>
    <t>【上海电气汽轮机】主门内阀盖拆装工具\195.91.30.12G01</t>
  </si>
  <si>
    <t>【上海电气汽轮机】主门与调门阀盖螺纹环起吊工具\F195.91.30.02G01</t>
  </si>
  <si>
    <t>【上海电气汽轮机】调门内阀盖拆装工具\195.91.30.24G01</t>
  </si>
  <si>
    <t>【上海电气汽轮机】超薄型液压千斤顶_SCL-502H\12032599</t>
  </si>
  <si>
    <t>【上海电气汽轮机】可调扳手*KAT.-NR.31141-KW1500TD\12122643</t>
  </si>
  <si>
    <t>【上海电气汽轮机】力矩扳手*KAT.-NR.2623/1-100-750NM\12122645</t>
  </si>
  <si>
    <t>【上海电气汽轮机】力矩扳手*KAT.-NR.2393/220-20-220MM\12122644</t>
  </si>
  <si>
    <t>【上海电气汽轮机】扳手_3/4",L=400_KAT.-NR.1533\12036156</t>
  </si>
  <si>
    <t>【上海电气汽轮机】扳手_3/4",L=200_KAT.-NR.1531\12036155</t>
  </si>
  <si>
    <t>【上海电气汽轮机】扳手_3/2"X1"_KAT.-NR.27700-4\12122704</t>
  </si>
  <si>
    <t>【上海电气汽轮机】扳手_3/2"，L=380_KAT.-NR.27110\12122707</t>
  </si>
  <si>
    <t>【上海电气汽轮机】扳手_3/2"，L=250_KAT.-NR.27100\12122706</t>
  </si>
  <si>
    <t>【上海电气汽轮机】扳手_1"X3/2"_KAT.-NR.26700-5\12122705</t>
  </si>
  <si>
    <t>【上海电气汽轮机】扳手*KAT.-NR.29000-S=95\12122659</t>
  </si>
  <si>
    <t>【上海电气汽轮机】扳手*KAT.-NR.29000-S=130\12122661</t>
  </si>
  <si>
    <t>【上海电气汽轮机】扳手*KAT.-NR.29000-S=115\12122660</t>
  </si>
  <si>
    <t>【上海电气汽轮机】扳手*KAT.-NR.27000-120\12122648</t>
  </si>
  <si>
    <t>【上海电气汽轮机】扳手*KAT.-NR.27000-115\12122647</t>
  </si>
  <si>
    <t>【上海电气汽轮机】扳手*KAT.-NR.27000-105\12122646</t>
  </si>
  <si>
    <t>【上海电气汽轮机】扳手*KAT.-NR.2500KWNSR-KWN2400SR;1:12;M=2400NM\12122654</t>
  </si>
  <si>
    <t>【上海电气汽轮机】扳手*KAT.-NR.1633-1";L=400\12122653</t>
  </si>
  <si>
    <t>【上海电气汽轮机】扳手*KAT.-NR.1631-1";L=200\12122652</t>
  </si>
  <si>
    <t>【上海电气汽轮机】支吊架\C195.90.55.01G01</t>
  </si>
  <si>
    <t>【上海电气汽轮机】轴封体起吊工具\C195.90.53G01</t>
  </si>
  <si>
    <t>【上海电气汽轮机】扳手 L=800\F195.90.51.04</t>
  </si>
  <si>
    <t>【上海电气汽轮机】扳手 L=500\F195.90.51.02</t>
  </si>
  <si>
    <t>【上海电气汽轮机】支撑盖\195.91.91.04</t>
  </si>
  <si>
    <t>【上海电气汽轮机】扳手_S=95_KAT.-NR.27000\12036621</t>
  </si>
  <si>
    <t>【上海电气汽轮机】扳手_S=85_KAT.-NR.27000\12036620</t>
  </si>
  <si>
    <t>【上海电气汽轮机】扳手_S=75_KAT.-NR.1600\12036615</t>
  </si>
  <si>
    <t>【上海电气汽轮机】花篮螺丝UU型\196.90.52.72</t>
  </si>
  <si>
    <t>【上海电气汽轮机】扳手\F195.90.51.01</t>
  </si>
  <si>
    <t>【上海电气汽轮机】主门阀碟套筒螺纹环拆装扳手\195.91.30.01G01</t>
  </si>
  <si>
    <t>【上海电气汽轮机】配套电线_WIRE_10m-12根\17002663</t>
  </si>
  <si>
    <t>【上海电气汽轮机】保护盖\195.91.91.05</t>
  </si>
  <si>
    <t>【上海电气汽轮机】接头\F195.90.55.02</t>
  </si>
  <si>
    <t>【上海电气汽轮机】扳手_S=70_KAT.-NR.1600\12036614</t>
  </si>
  <si>
    <t>【上海电气汽轮机】扳手_S=65_KAT.-NR.1600\12036613</t>
  </si>
  <si>
    <t>【上海电气汽轮机】扳手_S=60_KAT.-NR.1600\12036612</t>
  </si>
  <si>
    <t>【上海电气汽轮机】再热主汽门阀蝶套筒螺纹环拆装扳手\196.91.32.04G01</t>
  </si>
  <si>
    <t>【上海电气汽轮机】单头直扳手_120_KUN804.05\12122641</t>
  </si>
  <si>
    <t>【上海电气汽轮机】扳手_S=55_KAT.-NR.1600\12036611</t>
  </si>
  <si>
    <t>【上海电气汽轮机】扳手_S=46_KAT.-NR.1600\12036609</t>
  </si>
  <si>
    <t>【上海电气汽轮机】扳手_S=41_KAT.-NR.1600\12036608</t>
  </si>
  <si>
    <t>【上海电气汽轮机】单头直扳手_115_KUN804.05\12036262</t>
  </si>
  <si>
    <t>【上海电气汽轮机】扳手_S=36_KAT.-NR.1510\12036603</t>
  </si>
  <si>
    <t>【上海电气汽轮机】扳手_S=32_KAT.-NR.1510\12036602</t>
  </si>
  <si>
    <t>【上海电气汽轮机】扳手_S=30_KAT.-NR.1510\12036601</t>
  </si>
  <si>
    <t>【上海电气汽轮机】回转吊环_M56_KUN693.11\12040810</t>
  </si>
  <si>
    <t>【上海电气汽轮机】回转吊环_M42_KUN693.11\12015986</t>
  </si>
  <si>
    <t>【上海电气汽轮机】回转吊环_M36_KUN693.11\12015987</t>
  </si>
  <si>
    <t>【上海电气汽轮机】再热调门阀蝶套筒螺纹环拆装扳手\196.91.32.11G01</t>
  </si>
  <si>
    <t>【上海电气汽轮机】单头直扳手_105_KUN804.05\12036261</t>
  </si>
  <si>
    <t>【上海电气汽轮机】螺栓\195.90.55.07</t>
  </si>
  <si>
    <t>【上海电气汽轮机】扳手_S=27_KAT.-NR.1510\12036600</t>
  </si>
  <si>
    <t>【上海电气汽轮机】扳手_S=24_KAT.-NR.1510\12036599</t>
  </si>
  <si>
    <t>【上海电气汽轮机】拆装装置\F195.91.30.03G01</t>
  </si>
  <si>
    <t>【上海电气汽轮机】堵板\195.91.91.02</t>
  </si>
  <si>
    <t>【上海电气汽轮机】主汽门现场泵水工具\195.91.30.31G01</t>
  </si>
  <si>
    <t>【上海电气汽轮机】套筒扳手\C195.90.55.03G01</t>
  </si>
  <si>
    <t>【上海电气汽轮机】螺栓\E195.90.55.01</t>
  </si>
  <si>
    <t>【上海电气汽轮机】连杆_WR100-20\12019801</t>
  </si>
  <si>
    <t>【上海电气汽轮机】环\195.91.91.03</t>
  </si>
  <si>
    <t>【上海电气汽轮机】高压软接管_SMA 3-400\12036327</t>
  </si>
  <si>
    <t>【上海电气汽轮机】扳手_S=19_KAT.-NR.1410\12036598</t>
  </si>
  <si>
    <t>【上海电气汽轮机】扳手_S=18_KAT.-NR.1410\12036597</t>
  </si>
  <si>
    <t>【上海电气汽轮机】扳手_S=17_KAT.-NR.1410\12036596</t>
  </si>
  <si>
    <t>【上海电气汽轮机】扳手_S=14_KAT.-NR.1410\12036594</t>
  </si>
  <si>
    <t>【上海电气汽轮机】单头直扳手_85_KUN804.05\12122703</t>
  </si>
  <si>
    <t>【上海电气汽轮机】主门阀杆套筒螺纹环拆装扳手\F195.91.30.01G01</t>
  </si>
  <si>
    <t>【上海电气汽轮机】主门阀杆套筒螺纹环拆装扳手\195.91.30.03G01</t>
  </si>
  <si>
    <t>【上海电气汽轮机】扳手\F195.90.51.03</t>
  </si>
  <si>
    <t>【上海电气汽轮机】扳手\F195.90.51.05</t>
  </si>
  <si>
    <t>【上海电气汽轮机】单头直扳手_75_KUN804.05\12036259</t>
  </si>
  <si>
    <t>【上海电气汽轮机】单头直扳手_70_KUN804.05\12036258</t>
  </si>
  <si>
    <t>【上海电气汽轮机】再热调门中压进汽口螺纹环安装工具\F195.91.32.06G01</t>
  </si>
  <si>
    <t>【上海电气汽轮机】扳手\C195.90.55.02G01</t>
  </si>
  <si>
    <t>【上海电气汽轮机】桥形规1140X225\H195.91.03.01</t>
  </si>
  <si>
    <t>【上海电气汽轮机】销扳手\F195.91.33.01G01</t>
  </si>
  <si>
    <t>【上海电气汽轮机】桥形规1140X237.5\196.91.03.03</t>
  </si>
  <si>
    <t>【上海电气汽轮机】单头直扳手_65_KUN804.05\12036257</t>
  </si>
  <si>
    <t>【上海电气汽轮机】再热调门阀杆套筒螺纹环拆装扳手\F195.91.32.02G01</t>
  </si>
  <si>
    <t>【上海电气汽轮机】桥形规1250X190\196.91.03.02</t>
  </si>
  <si>
    <t>【上海电气汽轮机】再热主汽门阀杆套筒螺纹环拆装扳手\F195.91.32.01G01</t>
  </si>
  <si>
    <t>【上海电气汽轮机】单头直扳手_60_KUN804.05\12036256</t>
  </si>
  <si>
    <t>【上海电气汽轮机】锁闭杆\F195.90.55.01</t>
  </si>
  <si>
    <t>【上海电气汽轮机】石墨垫圈625X510X3.2\19002754</t>
  </si>
  <si>
    <t>【上海电气汽轮机】螺钉\F195.90.55.03</t>
  </si>
  <si>
    <t>【上海电气汽轮机】桥形规750X125\196.91.03.01</t>
  </si>
  <si>
    <t>【上海电气汽轮机】双头螺栓\W1703.1-M22X165</t>
  </si>
  <si>
    <t>【上海电气汽轮机】单头直扳手_41_KUN804.05\12036255</t>
  </si>
  <si>
    <t>【上海电气汽轮机】圆柱端紧定螺钉\S1060.1-M36X220</t>
  </si>
  <si>
    <t>【上海电气汽轮机】套筒\W4023-φ39</t>
  </si>
  <si>
    <t>【上海电气汽轮机】螺栓伸长测量杆\W4020-φ18X600</t>
  </si>
  <si>
    <t>【上海电气汽轮机】螺栓伸长测量杆\W4020-φ18X650</t>
  </si>
  <si>
    <t>【上海电气汽轮机】螺栓伸长测量杆\W4020-φ18X720</t>
  </si>
  <si>
    <t>【上海电气汽轮机】螺栓伸长测量杆\W4020-φ18X770</t>
  </si>
  <si>
    <t>【上海电气汽轮机】螺栓伸长测量杆\W4020-φ18X890</t>
  </si>
  <si>
    <t>【上海电气汽轮机】扳手_3/4"X1"_KAT.-NR.1539\12036239</t>
  </si>
  <si>
    <t>【上海电气汽轮机】扳手_1"X3/4"_KAT.-NR.1640\12036280</t>
  </si>
  <si>
    <t>【上海电气汽轮机】扳手_1/2"X3/4"_KAT.-NR.1439\12036238</t>
  </si>
  <si>
    <t>【上海电气汽轮机】扳手*KAT.-NR.1540-3/4"*1/2"\12122650</t>
  </si>
  <si>
    <t>【上海电气汽轮机】专用套筒\A196.92.24.01</t>
  </si>
  <si>
    <t>【上海电气汽轮机】双头螺栓\W1703.1-M22X135</t>
  </si>
  <si>
    <t>【上海电气汽轮机】螺纹杆\A196.92.24.12</t>
  </si>
  <si>
    <t>【上海电气汽轮机】套筒\W4023-φ32</t>
  </si>
  <si>
    <t>【上海电气汽轮机】专用螺母\A196.92.24.03</t>
  </si>
  <si>
    <t>【上海电气汽轮机】六角头螺栓\S1030.3-M16X280</t>
  </si>
  <si>
    <t>【上海电气汽轮机】套筒\W4023-φ28.5</t>
  </si>
  <si>
    <t>【上海电气汽轮机】螺栓伸长测量杆\W4020-φ12X560</t>
  </si>
  <si>
    <t>【上海电气汽轮机】螺栓伸长测量杆\W4020-φ12X720</t>
  </si>
  <si>
    <t>【上海电气汽轮机】螺栓伸长测量杆\W4020-φ12X530</t>
  </si>
  <si>
    <t>【上海电气汽轮机】专用套筒\A196.92.24.08</t>
  </si>
  <si>
    <t>【上海电气汽轮机】专用螺母\A196.92.24.07</t>
  </si>
  <si>
    <t>【上海电气汽轮机】专用螺母\A196.92.24.10</t>
  </si>
  <si>
    <t>【上海电气汽轮机】专用螺母\A196.92.24.14</t>
  </si>
  <si>
    <t>【上海电气汽轮机】专用螺钉\A196.92.24.06</t>
  </si>
  <si>
    <t>【上海电气汽轮机】专用螺钉\A196.92.24.13</t>
  </si>
  <si>
    <t>【上海电气汽轮机】六角头螺栓\S1030.1-M30X200</t>
  </si>
  <si>
    <t>【上海电气汽轮机】垫圈\S1301.1-10</t>
  </si>
  <si>
    <t>【上海电气汽轮机】内六角螺钉\W1050.4-M14X40</t>
  </si>
  <si>
    <t>【上海电气汽轮机】螺纹杆\A196.92.24.05</t>
  </si>
  <si>
    <t>【上海电气汽轮机】圆柱端紧定螺钉\S1060.3-M30X120</t>
  </si>
  <si>
    <t>【上海电气汽轮机】圆柱端紧定螺钉\S1060.3-M20X140</t>
  </si>
  <si>
    <t>【上海电气汽轮机】圆柱端紧定螺钉\S1060.3-M30X100</t>
  </si>
  <si>
    <t>【上海电气汽轮机】垫片\S1331.2-26X110X15</t>
  </si>
  <si>
    <t>【上海电气汽轮机】垫圈\S1301.1-24</t>
  </si>
  <si>
    <t>【上海电气汽轮机】垫圈\S1301.1-30</t>
  </si>
  <si>
    <t>【上海电气汽轮机】圆台\F195.93.09.03</t>
  </si>
  <si>
    <t>【上海电气汽轮机】调节阀_12"X8"-EWD/CL600/WC9/Manual\12015573</t>
  </si>
  <si>
    <t>【上海电气汽轮机】调节阀_4"ED/CL600/WC9/667-45\12015576</t>
  </si>
  <si>
    <t>【上海电气汽轮机】调节阀_4"ED/CL600/WC9/Manual\12015577</t>
  </si>
  <si>
    <t>【上海电气汽轮机】冷油器切换阀_LDL200H-CY0040-1.6\12131243</t>
  </si>
  <si>
    <t>【上海电气汽轮机】冷油器切换阀_LDL200B-CY0040-1.6\12035070</t>
  </si>
  <si>
    <t>【上海电气汽轮机】闸阀_Z61Y-25I_DN450-φ457.2×9.5\12013246</t>
  </si>
  <si>
    <t>【上海电气汽轮机】冷油器切换阀_LDL200E-CY0040-1.6\12037820</t>
  </si>
  <si>
    <t>【上海电气汽轮机】风机\196.82.10(2)+15</t>
  </si>
  <si>
    <t>【上海电气汽轮机】闸阀_Z61Y-25I_DN400-φ406.4×9.5\12013245</t>
  </si>
  <si>
    <t>【上海电气汽轮机】闸阀_Z61Y-25I_DN300-φ323.9×9.5\12013244</t>
  </si>
  <si>
    <t>【上海电气汽轮机】抽气管路\A196.82.10.11G01</t>
  </si>
  <si>
    <t>【上海电气汽轮机】三通_12Cr1MoV_φ457.2×9.5\12019959</t>
  </si>
  <si>
    <t>【上海电气汽轮机】异径三通_12Cr1MoV_φ323.9×9.5×φ273.1×9.3\12025921</t>
  </si>
  <si>
    <t>【上海电气汽轮机】三通_12Cr1MoV_φ406.4×9.5\12019958</t>
  </si>
  <si>
    <t>【上海电气汽轮机】差压变送器_7MF4433-1DA02-2AB1-Z-A01-Y01-10-9@\12001974</t>
  </si>
  <si>
    <t>【上海电气汽轮机】闸阀_Z61Y-25I_DN100-φ114.3×6\12013243</t>
  </si>
  <si>
    <t>【上海电气汽轮机】三通_12Cr1MoV_φ219×8\12024228</t>
  </si>
  <si>
    <t>【上海电气汽轮机】六角头螺栓\0.1030-90-M20X110</t>
  </si>
  <si>
    <t>【上海电气汽轮机】法兰\196.60.04.16</t>
  </si>
  <si>
    <t>【上海电气汽轮机】三通_12Cr1MoV_φ323.9×9.5\12019538</t>
  </si>
  <si>
    <t>【上海电气汽轮机】三通_12Cr1MoV_323.9X9.5X168X7\12019543</t>
  </si>
  <si>
    <t>【上海电气汽轮机】蝶阀_D71H-10V_DN150\12003582</t>
  </si>
  <si>
    <t>【上海电气汽轮机】异径三通_12Cr1MoV_φ323.9×9.5×φ219×8\12021066</t>
  </si>
  <si>
    <t>【上海电气汽轮机】对夹圆片式止回阀\196.82.10(2)+35</t>
  </si>
  <si>
    <t>【上海电气汽轮机】法兰盖\196.60.04.19</t>
  </si>
  <si>
    <t>【上海电气汽轮机】异径三通_12Cr1MoV_φ273×9×φ168×7\12019960</t>
  </si>
  <si>
    <t>【上海电气汽轮机】异径三通_12Cr1MoV_φ273X9Xφ114X6\12025863</t>
  </si>
  <si>
    <t>【上海电气汽轮机】液位开关_UQK-01-dⅡ BT3_PN4.0 DN150\12028045</t>
  </si>
  <si>
    <t>【上海电气汽轮机】蝶阀_D71H-10V_DN100\12003581</t>
  </si>
  <si>
    <t>【上海电气汽轮机】法兰盖\196.60.04.17</t>
  </si>
  <si>
    <t>【上海电气汽轮机】异径三通_A234WP91_φ114.3×6.02×φ48.3×3.68_AS@\12030845</t>
  </si>
  <si>
    <t>【上海电气汽轮机】Y型滤网_Y100-40-III_60目,330℃,2.5MPa\12020068</t>
  </si>
  <si>
    <t>【上海电气汽轮机】三通_20_Φ168×7\12008812</t>
  </si>
  <si>
    <t>【上海电气汽轮机】法兰\196.60.04.03</t>
  </si>
  <si>
    <t>【上海电气汽轮机】法兰\196.60.04.04</t>
  </si>
  <si>
    <t>【上海电气汽轮机】异径三通_A234WP91_φ88.9×5.49×φ33.4×3.38_ASM@\12030909</t>
  </si>
  <si>
    <t>【上海电气汽轮机】法兰\196.60.04.01</t>
  </si>
  <si>
    <t>【上海电气汽轮机】热电偶_WRNR2-16A_L=560×220-1"NPT\12023748</t>
  </si>
  <si>
    <t>【上海电气汽轮机】热电偶_WRNR2-16A_L=440×190-1"NPT\12023749</t>
  </si>
  <si>
    <t>【上海电气汽轮机】波纹管\196.82.10(2)+29</t>
  </si>
  <si>
    <t>【上海电气汽轮机】异径三通_12Cr1MoV_φ219X8Xφ168X7\12019542</t>
  </si>
  <si>
    <t>【上海电气汽轮机】热电偶_WRNR2-16A_L=480×160-1"NPT\12023750</t>
  </si>
  <si>
    <t>【上海电气汽轮机】异径三通_20_φ273×9×φ168×7\12012616</t>
  </si>
  <si>
    <t>【上海电气汽轮机】法兰\0.2504-93-DN200</t>
  </si>
  <si>
    <t>【上海电气汽轮机】异径三通_A234-WP92_φ60.3X3.9Xφ42.2X3.6_ASME@\12126189</t>
  </si>
  <si>
    <t>【上海电气汽轮机】法兰盖\196.60.04.05</t>
  </si>
  <si>
    <t>【上海电气汽轮机】法兰盖\196.60.04.02</t>
  </si>
  <si>
    <t>【上海电气汽轮机】热电偶_WRNR2-16A_L=445×85-1"NPT\12023751</t>
  </si>
  <si>
    <t>【上海电气汽轮机】真空表\196.82.10(2)+28</t>
  </si>
  <si>
    <t>【上海电气汽轮机】三通_12Cr1MoV_168X7X114X6\12019540</t>
  </si>
  <si>
    <t>【上海电气汽轮机】六角头螺栓\0.1030-90-M14X35</t>
  </si>
  <si>
    <t>【上海电气汽轮机】法兰盖\0.2531-93-DN150</t>
  </si>
  <si>
    <t>【上海电气汽轮机】法兰\0.2503-93-DN100</t>
  </si>
  <si>
    <t>【上海电气汽轮机】蝶阀_D71H-10C_DN80\12003579</t>
  </si>
  <si>
    <t>【上海电气汽轮机】异径三通_A234-WP91_3X1 1/2"-STD\12020083</t>
  </si>
  <si>
    <t>【上海电气汽轮机】异径三通_A234-WP91_2X1 1/2"-STD\12020084</t>
  </si>
  <si>
    <t>【上海电气汽轮机】异径三通_20_φ219×8×φ168×7_GB12459\12037714</t>
  </si>
  <si>
    <t>【上海电气汽轮机】法兰\0.2505-93-DN100</t>
  </si>
  <si>
    <t>【上海电气汽轮机】温度计 M27X2\196.82.10(2)+6</t>
  </si>
  <si>
    <t>【上海电气汽轮机】温度计 M27X2\196.82.10(2)+26</t>
  </si>
  <si>
    <t>【上海电气汽轮机】法兰\0.2503-93-DN150</t>
  </si>
  <si>
    <t>【上海电气汽轮机】风机疏水管Ⅰ\A196.82.10.30</t>
  </si>
  <si>
    <t>【上海电气汽轮机】垫片φ265/φ222X2\196.82.10(2)+14</t>
  </si>
  <si>
    <t>【上海电气汽轮机】异径三通_20_φ168×7×φ114×6\12012615</t>
  </si>
  <si>
    <t>【上海电气汽轮机】异径三通_20_φ168X7Xφ89X4.5\12125146</t>
  </si>
  <si>
    <t>【上海电气汽轮机】法兰\0.2503-93-DN80</t>
  </si>
  <si>
    <t>【上海电气汽轮机】仪表接头\196.60.04.09</t>
  </si>
  <si>
    <t>【上海电气汽轮机】缠绕式垫片\JB/T90-94-B42-150-40</t>
  </si>
  <si>
    <t>【上海电气汽轮机】法兰盖\0.2531-93-DN80</t>
  </si>
  <si>
    <t>【上海电气汽轮机】仪表接头\196.60.04.12</t>
  </si>
  <si>
    <t>【上海电气汽轮机】仪表接头\196.60.04.18</t>
  </si>
  <si>
    <t>【上海电气汽轮机】双头螺栓\W1041.2-M20X140</t>
  </si>
  <si>
    <t>【上海电气汽轮机】仪表接头\196.60.04.26</t>
  </si>
  <si>
    <t>【上海电气汽轮机】仪表接头\196.60.04.27</t>
  </si>
  <si>
    <t>【上海电气汽轮机】风机疏水管Ⅱ\A196.82.10.36</t>
  </si>
  <si>
    <t>【上海电气汽轮机】双头螺栓\W1041.2-M20X165</t>
  </si>
  <si>
    <t>【上海电气汽轮机】缠绕垫圈(带外环)_C42-100-25_JB90\14001073</t>
  </si>
  <si>
    <t>【上海电气汽轮机】双头螺柱\0.1040C-90-M24X150</t>
  </si>
  <si>
    <t>【上海电气汽轮机】双头螺栓\W1041.2-M20X215</t>
  </si>
  <si>
    <t>【上海电气汽轮机】垫片φ22/φ14X2\196.82.10(2)+7</t>
  </si>
  <si>
    <t>【上海电气汽轮机】垫片φ16/φ7X2\196.82.10(2)+27</t>
  </si>
  <si>
    <t>【上海电气汽轮机】缠绕垫圈(带外环)_C42-80-25_JB90\14001170</t>
  </si>
  <si>
    <t>【上海电气汽轮机】管接头(管螺纹)\0.2203G-90-DN10</t>
  </si>
  <si>
    <t>【上海电气汽轮机】压板\168.73.01.193(1)</t>
  </si>
  <si>
    <t>【上海电气汽轮机】六角头螺栓\0.1030-90-M24X130</t>
  </si>
  <si>
    <t>【上海电气汽轮机】六角头螺栓\0.1030-90-M24X65</t>
  </si>
  <si>
    <t>【上海电气汽轮机】六角头螺栓\0.1030-90-M24X110</t>
  </si>
  <si>
    <t>【上海电气汽轮机】六角头螺栓\0.1030-90-M16X85</t>
  </si>
  <si>
    <t>【上海电气汽轮机】耐高温非石棉垫片φ18/φ9X1\H195.60.04+111</t>
  </si>
  <si>
    <t>【上海电气汽轮机】齿轮泵_2CY-8/3.3-1_左旋\12173713</t>
  </si>
  <si>
    <t>【上海电气汽轮机】异径三通_0Cr18Ni9_φ273X168X6\12037473</t>
  </si>
  <si>
    <t>【上海电气汽轮机】异径三通_0Cr18Ni9_φ159×φ114×4\12025503</t>
  </si>
  <si>
    <t>【上海电气汽轮机】异径三通_0Cr18Ni9_φ114×φ60×4\12025502</t>
  </si>
  <si>
    <t>【上海电气汽轮机】三通_0Cr18Ni9_φ114×4\12025500</t>
  </si>
  <si>
    <t>【上海电气汽轮机】法兰\196.74.20.06(2)</t>
  </si>
  <si>
    <t>【上海电气汽轮机】异径三通_0Cr18Ni9_φ76×φ60×4\12025505</t>
  </si>
  <si>
    <t>【上海电气汽轮机】法兰\196.74.20.04(2)</t>
  </si>
  <si>
    <t>【上海电气汽轮机】六角头螺栓_45(镀锌)_M16×65_GB5782\14014218</t>
  </si>
  <si>
    <t>【上海电气汽轮机】双头螺柱_45(镀锌)_M12×40_GB897\14014217</t>
  </si>
  <si>
    <t>【上海电气汽轮机】镀锌钢六角螺母_Q235-A(镀锌)_M12_GB6170\14010136</t>
  </si>
  <si>
    <t>【上海电气汽轮机】垫片φ100/φ55X2\14196052</t>
  </si>
  <si>
    <t>【上海电气汽轮机】垫片φ95/φ52X2\14196053</t>
  </si>
  <si>
    <t>【上海电气汽轮机】垫片φ17/φ10X2\14196054</t>
  </si>
  <si>
    <t>【上海电气汽轮机】六角螺母_Q235-A(镀锌)_M16_GB6170\14010038</t>
  </si>
  <si>
    <t>【上海电气汽轮机】润滑油过滤器_21FV1317-1700，51-25\12131415</t>
  </si>
  <si>
    <t>【上海电气汽轮机】手动隔离阀_2"-F91-4500SPL-BW/Φ60.3X14.34\12131309</t>
  </si>
  <si>
    <t>【上海电气汽轮机】手动隔离阀_2"-F92-2500-BW/Φ60.3X8.74\12131313</t>
  </si>
  <si>
    <t>【上海电气汽轮机】手动隔离阀_2"-F91-2500SPL-BW/Φ60.3X8.74\12131311</t>
  </si>
  <si>
    <t>【上海电气汽轮机】手动隔离阀_2"-F91-2500-BW/Φ60.3X8.74\12131312</t>
  </si>
  <si>
    <t>【上海电气汽轮机】手动隔离阀_1.5"-F22-2500-BW_φ48.3X7.14\12131310</t>
  </si>
  <si>
    <t>【上海电气汽轮机】排油烟风机_OEB-02.20-013.0-02\12004305</t>
  </si>
  <si>
    <t>【上海电气汽轮机】节流阀_L61H-64P_DN50\12019167</t>
  </si>
  <si>
    <t>【上海电气汽轮机】三通_A234-WP92_Φ60.3×8.7_ASME-B16.9\12123806</t>
  </si>
  <si>
    <t>【上海电气汽轮机】三通_A234WP91_Φ60.3×8.8\12018698</t>
  </si>
  <si>
    <t>【上海电气汽轮机】异径三通_A234-WP92_φ48.3X7.1Xφ33.4X6.3_ASME@\12123808</t>
  </si>
  <si>
    <t>【上海电气汽轮机】异径三通_A234-WP91_φ60.3X11.1Xφ48.3X10.1_AS@\12123813</t>
  </si>
  <si>
    <t>【上海电气汽轮机】三通_A234-WP91_φ60.3×11.1_ASME-B16.9\12123811</t>
  </si>
  <si>
    <t>【上海电气汽轮机】三通_A234-WP91_φ60.3×14.3_ASME-B16.9\12019360</t>
  </si>
  <si>
    <t>【上海电气汽轮机】三通_A234-WP92_φ48.3X3.68_ASME-B16.9\12170841</t>
  </si>
  <si>
    <t>【上海电气汽轮机】对焊支管座_A234W-P91_φ219X8Xφ60.3X14.3_GB19326\12172056</t>
  </si>
  <si>
    <t>【上海电气汽轮机】法兰\196.60.50.05</t>
  </si>
  <si>
    <t>【上海电气汽轮机】对焊支管座_12Cr1MoVG_φ168X15Xφ48X10_GB19326\12172055</t>
  </si>
  <si>
    <t>【上海电气汽轮机】三通_12Cr1MoV_φ34X3.5_GB12459\12122228</t>
  </si>
  <si>
    <t>【上海电气汽轮机】孔板\196.60.50.06</t>
  </si>
  <si>
    <t>【上海电气汽轮机】管接头\196.60.50.07</t>
  </si>
  <si>
    <t>【上海电气汽轮机】缠绕垫片_C42-20-25_JBT90-1994_带外加强环\14201068</t>
  </si>
  <si>
    <t>【上海电气汽轮机】1型六角螺母\0.1200C-90-M16</t>
  </si>
  <si>
    <t>【上海电气汽轮机】双头螺栓\W1040.3-M16X130</t>
  </si>
  <si>
    <t>【上海电气汽轮机】异径插入接头_MSS SP-79_1/2×1/4_2型\12019369</t>
  </si>
  <si>
    <t>【上海电气汽轮机】滤网\191.73.28.40G01</t>
  </si>
  <si>
    <t>【上海电气汽轮机】液位计_UHZ-52A100-A100860W_DN25/L=1840\12033740</t>
  </si>
  <si>
    <t>【上海电气汽轮机】异径三通_0Cr18Ni9_φ356×φ219×6_GB12459\12015797</t>
  </si>
  <si>
    <t>【上海电气汽轮机】三通_0Cr18Ni9_φ219×6\12015808</t>
  </si>
  <si>
    <t>【上海电气汽轮机】节流阀滤网组件_PFL61W-16P_DN80\12023188</t>
  </si>
  <si>
    <t>【上海电气汽轮机】法兰\B196.74.01.01</t>
  </si>
  <si>
    <t>【上海电气汽轮机】节流阀滤网组件_PFL61W-16P_DN50\12023186</t>
  </si>
  <si>
    <t>【上海电气汽轮机】节流阀滤网组件_PFL61W-16P_DN40\12036177</t>
  </si>
  <si>
    <t>【上海电气汽轮机】蝶阀_D71H-10P_DN40\12003580</t>
  </si>
  <si>
    <t>【上海电气汽轮机】压力表_Y-150B-FZ_0-0.4MPa G1/2\12018844</t>
  </si>
  <si>
    <t>【上海电气汽轮机】法兰盖\B196.74.01.02</t>
  </si>
  <si>
    <t>【上海电气汽轮机】节流阀滤网组件_PFL61W-16P_DN20\12023185</t>
  </si>
  <si>
    <t>【上海电气汽轮机】空气滤清器\12007229</t>
  </si>
  <si>
    <t>【上海电气汽轮机】异径三通_0Cr18Ni9_φ48×6×φ34×5_GB12459\12035788</t>
  </si>
  <si>
    <t>【上海电气汽轮机】异径三通_0Cr18Ni9_φ48×6×φ22×4_GB12459\12035789</t>
  </si>
  <si>
    <t>【上海电气汽轮机】滤网法兰盖\191.73.28.34</t>
  </si>
  <si>
    <t>【上海电气汽轮机】温度计_WSS-581_0-100℃ G3/4　L=110\12018842</t>
  </si>
  <si>
    <t>【上海电气汽轮机】压力表_Y-150B-FZ_0-0.6MPa G1/2\12036376</t>
  </si>
  <si>
    <t>【上海电气汽轮机】异径三通_0Cr18Ni9_φ168×φ73×4_GB12459\12015801</t>
  </si>
  <si>
    <t>【上海电气汽轮机】仪表接头\196.74.01.03</t>
  </si>
  <si>
    <t>【上海电气汽轮机】导向块\196.74.40.01</t>
  </si>
  <si>
    <t>【上海电气汽轮机】温度计_WSS-581_0-100℃ G3/4　L=180\12018843</t>
  </si>
  <si>
    <t>【上海电气汽轮机】法兰\B196.74.01.08</t>
  </si>
  <si>
    <t>【上海电气汽轮机】仪表阀_J11H-16P_DN10 G1/2\12018835</t>
  </si>
  <si>
    <t>【上海电气汽轮机】管接头\196.74.01.13</t>
  </si>
  <si>
    <t>【上海电气汽轮机】异径三通_0Cr18Ni9_φ114X4Xφ48X3_GB12459\12015803</t>
  </si>
  <si>
    <t>【上海电气汽轮机】管接头\196.74.01.02</t>
  </si>
  <si>
    <t>【上海电气汽轮机】法兰盖\0.2529-93-DN100</t>
  </si>
  <si>
    <t>【上海电气汽轮机】仪表接头\196.74.01.06</t>
  </si>
  <si>
    <t>【上海电气汽轮机】仪表接头\196.74.01.07</t>
  </si>
  <si>
    <t>【上海电气汽轮机】仪表接头\196.74.01.08</t>
  </si>
  <si>
    <t>【上海电气汽轮机】仪表接头\196.74.01.15</t>
  </si>
  <si>
    <t>【上海电气汽轮机】仪表接头\196.74.01.18</t>
  </si>
  <si>
    <t>【上海电气汽轮机】管接头\196.74.01.12</t>
  </si>
  <si>
    <t>【上海电气汽轮机】垫片\191.73.28.33</t>
  </si>
  <si>
    <t>【上海电气汽轮机】管接头\H195.74.01.01</t>
  </si>
  <si>
    <t>【上海电气汽轮机】管接头\196.74.01.01</t>
  </si>
  <si>
    <t>【上海电气汽轮机】异径三通_0Cr18Ni9_φ42×φ27×3_GB12459\12015796</t>
  </si>
  <si>
    <t>【上海电气汽轮机】外螺纹接头_0Cr18Ni9_G1/2A-G1/2A\12015768</t>
  </si>
  <si>
    <t>【上海电气汽轮机】管接头\196.74.01.16</t>
  </si>
  <si>
    <t>【上海电气汽轮机】管接头\196.74.01.19</t>
  </si>
  <si>
    <t>【上海电气汽轮机】罩螺母2"NPT\196.74.01.33</t>
  </si>
  <si>
    <t>【上海电气汽轮机】垫片_TS-CARBO_φ84/φ46X2\14195195</t>
  </si>
  <si>
    <t>【上海电气汽轮机】垫圈_TS-CARBO_φ140/φ120X3\14008803</t>
  </si>
  <si>
    <t>【上海电气汽轮机】垫片\196.74.40.02.06</t>
  </si>
  <si>
    <t>【上海电气汽轮机】垫片\196.74.40.02.01</t>
  </si>
  <si>
    <t>【上海电气汽轮机】垫片\196.74.40.02.02</t>
  </si>
  <si>
    <t>【上海电气汽轮机】垫片\196.74.40.02.03</t>
  </si>
  <si>
    <t>【上海电气汽轮机】垫片\196.74.40.02.04</t>
  </si>
  <si>
    <t>【上海电气汽轮机】垫片\196.74.40.02.05</t>
  </si>
  <si>
    <t>【上海电气汽轮机】垫片_TS-CARBO_φ125/φ90X1\14018179</t>
  </si>
  <si>
    <t>【上海电气汽轮机】汽封环垫片\S1304.1-14X18</t>
  </si>
  <si>
    <t>【上海电气汽轮机】垫片φ22/φ14X1\14188823</t>
  </si>
  <si>
    <t>【上海电气汽轮机】双头螺柱\0.1040-90-M16X50</t>
  </si>
  <si>
    <t>【上海电气汽轮机】六角头螺栓-全螺纹\0.1031-90-M12X40</t>
  </si>
  <si>
    <t>【上海电气汽轮机】镀锌钢垫圈_Q235-A(镀锌)_16_GB97.2\14010036</t>
  </si>
  <si>
    <t>【上海电气汽轮机】垫圈\0.1300-90-12</t>
  </si>
  <si>
    <t>【上海电气汽轮机】六角头螺栓_45(镀锌)_M16×80_GB5782\14010041</t>
  </si>
  <si>
    <t>【上海电气汽轮机】六角头螺栓_45(镀锌)_M16×110_GB5782\14010040</t>
  </si>
  <si>
    <t>【上海电气汽轮机】衬瓦\SH08L3.38.51.21G01</t>
  </si>
  <si>
    <t>【上海电气汽轮机】推力瓦块组件\SH08L3.38.51.08G01</t>
  </si>
  <si>
    <t>【上海电气汽轮机】推力瓦块组件\SH08L3.38.51.11G01</t>
  </si>
  <si>
    <t>【上海电气汽轮机】推力瓦块组件\SH08L3.38.51.13G01</t>
  </si>
  <si>
    <t>【上海电气汽轮机】推力瓦块组件\SH08L3.38.51.15G01</t>
  </si>
  <si>
    <t>【上海电气汽轮机】支承垫块\SH08J7.48.51.04</t>
  </si>
  <si>
    <t>【上海电气汽轮机】球形垫块\SH08J0.25.51.02</t>
  </si>
  <si>
    <t>【上海电气汽轮机】大螺栓张紧器M56\SH08J7.48.52.02G01</t>
  </si>
  <si>
    <t>【上海电气汽轮机】O形密封圈_FLUOR-KAUTSCHUK_16X3_KUN678.02\19004001</t>
  </si>
  <si>
    <t>【上海电气汽轮机】O型圈_内径80×3.55\19003440</t>
  </si>
  <si>
    <t>【上海电气汽轮机】导流管\SH08J7.56.53.02G01</t>
  </si>
  <si>
    <t>【上海电气汽轮机】锁销\SH08L3.38.51.18</t>
  </si>
  <si>
    <t>【上海电气汽轮机】垫圈\SH08L3.38.51.20</t>
  </si>
  <si>
    <t>【上海电气汽轮机】弹簧片\SH08L3.38.51.17</t>
  </si>
  <si>
    <t>【上海电气汽轮机】垫片\SH08J7.48.51.02</t>
  </si>
  <si>
    <t>【上海电气汽轮机】垫片\SH08J7.48.51.03.01</t>
  </si>
  <si>
    <t>【上海电气汽轮机】垫片\SH08J7.48.51.03.02</t>
  </si>
  <si>
    <t>【上海电气汽轮机】垫片\SH08J7.48.51.03.03</t>
  </si>
  <si>
    <t>【上海电气汽轮机】垫片\SH08J7.48.51.03.04</t>
  </si>
  <si>
    <t>【上海电气汽轮机】垫片\SH08J7.48.51.05.01</t>
  </si>
  <si>
    <t>【上海电气汽轮机】垫片\SH08J7.48.51.05.02</t>
  </si>
  <si>
    <t>【上海电气汽轮机】垫片\SH08J7.48.51.05.03</t>
  </si>
  <si>
    <t>【上海电气汽轮机】垫片\SH08J7.48.51.05.04</t>
  </si>
  <si>
    <t>【上海电气汽轮机】大螺栓张紧器\S4100.1-M30</t>
  </si>
  <si>
    <t>【上海电气汽轮机】方头螺旋管塞\W1074.2-2.5"NPT</t>
  </si>
  <si>
    <t>【上海电气汽轮机】垫片\SH08L3.38.51.19.03</t>
  </si>
  <si>
    <t>【上海电气汽轮机】垫片\SH08L3.38.51.19.02</t>
  </si>
  <si>
    <t>【上海电气汽轮机】垫片\SH08J0.25.51.04.02</t>
  </si>
  <si>
    <t>【上海电气汽轮机】垫片\SH08J0.25.51.04.03</t>
  </si>
  <si>
    <t>【上海电气汽轮机】垫片\SH08J0.25.51.04.04</t>
  </si>
  <si>
    <t>【上海电气汽轮机】垫片\SH08J0.25.51.05.02</t>
  </si>
  <si>
    <t>【上海电气汽轮机】垫片\SH08J0.25.51.05.03</t>
  </si>
  <si>
    <t>【上海电气汽轮机】垫片\SH08J0.25.51.05.04</t>
  </si>
  <si>
    <t>【上海电气汽轮机】垫片\SH08L3.38.51.19.01</t>
  </si>
  <si>
    <t>【上海电气汽轮机】垫片\SH08J0.25.51.05.01</t>
  </si>
  <si>
    <t>【上海电气汽轮机】垫片\SH08J0.25.51.03</t>
  </si>
  <si>
    <t>【上海电气汽轮机】垫片\SH08J0.25.51.04.01</t>
  </si>
  <si>
    <t>【上海电气汽轮机】内六角圆柱头螺钉\0.1050-90-M12X60</t>
  </si>
  <si>
    <t>【上海电气汽轮机】补偿器\196.60.22.13G01</t>
  </si>
  <si>
    <t>【上海电气汽轮机】补偿器\196.60.22.08G01</t>
  </si>
  <si>
    <t>【上海电气汽轮机】补偿器\196.60.22.11G01</t>
  </si>
  <si>
    <t>【上海电气汽轮机】补偿器\196.60.22.16G01</t>
  </si>
  <si>
    <t>【上海电气汽轮机】进汽口补偿器\196.60.22.19G01</t>
  </si>
  <si>
    <t>【上海电气汽轮机】法兰DN1650\196.60.22.05</t>
  </si>
  <si>
    <t>【上海电气汽轮机】闷头法兰\196.60.22.65G01</t>
  </si>
  <si>
    <t>【上海电气汽轮机】密封圈\196.60.22.85</t>
  </si>
  <si>
    <t>【上海电气汽轮机】密封圈\196.60.22.84</t>
  </si>
  <si>
    <t>【上海电气汽轮机】垫片B160X190X225\196.60.22+104</t>
  </si>
  <si>
    <t>【上海电气汽轮机】垫片IBC200PN40X2\196.60.22+33</t>
  </si>
  <si>
    <t>【上海电气汽轮机】板\196.60.27.77</t>
  </si>
  <si>
    <t>【上海电气汽轮机】低低压转子联轴器组件\A196.27.03G01</t>
  </si>
  <si>
    <t>【上海电气汽轮机】低压电机转子联轴器组件\A196.27.04G01</t>
  </si>
  <si>
    <t>【上海电气汽轮机】#2低压内缸隔热罩\196.12.16G01</t>
  </si>
  <si>
    <t>【上海电气汽轮机】#1低压内缸隔热罩\196.12.15G01</t>
  </si>
  <si>
    <t>【上海电气汽轮机】#2低压转子现场动平衡块\196.92.23G01</t>
  </si>
  <si>
    <t>【上海电气汽轮机】#1低压转子现场动平衡块\196.92.22G01</t>
  </si>
  <si>
    <t>【上海电气汽轮机】连接套筒\196.07.04.11G01</t>
  </si>
  <si>
    <t>【上海电气汽轮机】法兰\196.01.24.23</t>
  </si>
  <si>
    <t>【上海电气汽轮机】推拉杆\196.07.04.10</t>
  </si>
  <si>
    <t>【上海电气汽轮机】推拉杆\196.07.04.09</t>
  </si>
  <si>
    <t>【上海电气汽轮机】#5轴承座油封(电机端)\196.07.05+4</t>
  </si>
  <si>
    <t>【上海电气汽轮机】#4轴承座油封(电机端)\196.07.04+4</t>
  </si>
  <si>
    <t>【上海电气汽轮机】低压缸压力测量装置\196.92.01G01</t>
  </si>
  <si>
    <t>【上海电气汽轮机】盖板\196.01.12.21G01</t>
  </si>
  <si>
    <t>【上海电气汽轮机】法兰\196.01.24.19</t>
  </si>
  <si>
    <t>【上海电气汽轮机】挡油盘\196.07.03.14G01</t>
  </si>
  <si>
    <t>【上海电气汽轮机】#4轴承座油封(调阀端)\196.07.04+3</t>
  </si>
  <si>
    <t>【上海电气汽轮机】#5轴承座油封(调阀端)\196.07.05+3</t>
  </si>
  <si>
    <t>【上海电气汽轮机】连杆\196.07.05.04</t>
  </si>
  <si>
    <t>【上海电气汽轮机】垫片\196.01.30.61</t>
  </si>
  <si>
    <t>【上海电气汽轮机】阻板\196.07.04.08</t>
  </si>
  <si>
    <t>【上海电气汽轮机】盖\196.07.04.05</t>
  </si>
  <si>
    <t>【上海电气汽轮机】导向螺栓\196.01.12.12</t>
  </si>
  <si>
    <t>【上海电气汽轮机】接合法兰\196.07.03.04</t>
  </si>
  <si>
    <t>【上海电气汽轮机】六角螺母\196.07.03.13</t>
  </si>
  <si>
    <t>【上海电气汽轮机】平衡块(一体式)\196.92.22.03</t>
  </si>
  <si>
    <t>【上海电气汽轮机】汽封齿\196.02.46.01.01</t>
  </si>
  <si>
    <t>【上海电气汽轮机】汽封齿\196.02.46.01.02</t>
  </si>
  <si>
    <t>【上海电气汽轮机】汽封齿\196.02.46.01.03</t>
  </si>
  <si>
    <t>【上海电气汽轮机】汽封齿\196.02.46.01.04</t>
  </si>
  <si>
    <t>【上海电气汽轮机】汽封齿\196.02.46.01.05</t>
  </si>
  <si>
    <t>【上海电气汽轮机】键\196.07.03.26</t>
  </si>
  <si>
    <t>【上海电气汽轮机】塞紧条\196.06.23.03</t>
  </si>
  <si>
    <t>【上海电气汽轮机】垫片IBC100PN40X2\196.01.30+67</t>
  </si>
  <si>
    <t>【上海电气汽轮机】垫片17\196.01.30+19</t>
  </si>
  <si>
    <t>【上海电气汽轮机】块\196.07.04.04</t>
  </si>
  <si>
    <t>【上海电气汽轮机】垫片\196.07.03.49</t>
  </si>
  <si>
    <t>【上海电气汽轮机】圆盘\196.07.05.06</t>
  </si>
  <si>
    <t>【上海电气汽轮机】垫片\196.01.12.04</t>
  </si>
  <si>
    <t>【上海电气汽轮机】塞紧条\196.06.23.04.01</t>
  </si>
  <si>
    <t>【上海电气汽轮机】嵌条\196.02.46.02.03</t>
  </si>
  <si>
    <t>【上海电气汽轮机】杆\196.07.04.12</t>
  </si>
  <si>
    <t>【上海电气汽轮机】盖\196.01.25.26G01</t>
  </si>
  <si>
    <t>【上海电气汽轮机】法兰\196.01.12.14</t>
  </si>
  <si>
    <t>【上海电气汽轮机】垫块\196.07.04.01</t>
  </si>
  <si>
    <t>【上海电气汽轮机】垫块\196.07.03.10</t>
  </si>
  <si>
    <t>【上海电气汽轮机】嵌条\196.02.46.02.04</t>
  </si>
  <si>
    <t>【上海电气汽轮机】调整垫片\196.07.03.01.05</t>
  </si>
  <si>
    <t>【上海电气汽轮机】堵板\196.24.03.02</t>
  </si>
  <si>
    <t>【森本】免维护节能防爆LED灯\FGQ1205-LED20\220V、50Hz 180～260VAC、50/60Hz 20W WF2 IP66 ExdⅡCT6Gb;ExtDA21IP66T80℃</t>
  </si>
  <si>
    <t>森本照明有限公司</t>
  </si>
  <si>
    <t>森本</t>
  </si>
  <si>
    <t>WZSCCG-2020-BJ-001</t>
  </si>
  <si>
    <t>森本照明灯具备品备件铺货长协采购框架协议</t>
  </si>
  <si>
    <t>【森本】免维护节能防爆LED灯\FGQ1205-LED30\220V、50Hz 
180～260VAC、50/60Hz 
30W
 WF2 
IP66 
ExdⅡCT6Gb;ExtDA21IP66T80℃</t>
  </si>
  <si>
    <t>【森本】免维护节能防爆LED灯\FGQ1205-LED40\220V、50Hz 
180～260VAC、50/60Hz 
40W
 WF2 
IP66 
ExdⅡCT6Gb;ExtDA21IP66T80℃</t>
  </si>
  <si>
    <t>【森本】免维护节能防爆LED灯\FGQ1205-LED50\220V、50Hz 
180～260VAC、50/60Hz 
50W
 WF2 
IP66 
ExdⅡCT6Gb;ExtDA21IP66T80℃</t>
  </si>
  <si>
    <t>【森本】免维护节能防爆LED灯\FGQ1205-LED60\220V、50Hz 
180～260VAC、50/60Hz 
60W
 WF2 
IP66 
ExdⅡCT6Gb;ExtDA21IP66T80℃</t>
  </si>
  <si>
    <t>【森本】免维护节能防爆LED灯\FGQ1205-LED70\220V、50Hz 
180～260VAC、50/60Hz 
70W
 WF2 
IP66 
ExdⅡCT6Gb;ExtDA21IP66T80℃</t>
  </si>
  <si>
    <t>【森本】免维护节能防爆LED灯\FGQ1205-LED80\220V、50Hz 
180～260VAC、50/60Hz 
80W
 WF2 
IP66 
ExdⅡCT6Gb;ExtDA21IP66T80℃</t>
  </si>
  <si>
    <t>【森本】免维护节能防爆LED灯\FGQ1205-LED100\220V、50Hz 
180～260VAC、50/60Hz 
100W
 WF2 
IP66 
ExdⅡCT6Gb;ExtDA21IP66T80℃</t>
  </si>
  <si>
    <t>【森本】免维护节能防爆LED灯\FGQ1205-LED120\220V、50Hz 
180～260VAC、50/60Hz 
120W
 WF2 
IP66 
ExdⅡCT6Gb;ExtDA21IP66T80℃</t>
  </si>
  <si>
    <t>【森本】免维护节能防爆LED灯\FGV1206-LED20\220V、50/60Hz 
180～260VAC、50/60Hz 
20W
 WF2 
IP66 
ExnRⅡCT6Gc;ExtDA21IP66T80℃</t>
  </si>
  <si>
    <t>【森本】免维护节能防爆LED灯\FGV1206-LED30\220V、50/60Hz 
180～260VAC、50/60Hz 
30W
 WF2 
IP66 
ExnRⅡCT6Gc;ExtDA21IP66T80℃</t>
  </si>
  <si>
    <t>【森本】免维护节能防爆LED灯\FGV1206-LED40\220V、50/60Hz 
180～260VAC、50/60Hz 
40W
 WF2 
IP66 
ExnRⅡCT6Gc;ExtDA21IP66T80℃</t>
  </si>
  <si>
    <t>【森本】免维护节能防爆LED灯\FGV1206-LED50\220V、50/60Hz 
180～260VAC、50/60Hz 
50W
 WF2 
IP66 
ExnRⅡCT6Gc;ExtDA21IP66T80℃</t>
  </si>
  <si>
    <t>【森本】免维护节能防爆LED灯\FGV1207-LED20\220V、50/60Hz 
180～260VAC、50/60Hz 
20W
 WF2 
IP66 
ExnRⅡCT6Gc;ExtDA21IP66T80℃</t>
  </si>
  <si>
    <t>【森本】免维护节能防爆LED灯\FGV1207-LED30\220V、50/60Hz 
180～260VAC、50/60Hz 
30W
 WF2 
IP66 
ExnRⅡCT6Gc;ExtDA21IP66T80℃</t>
  </si>
  <si>
    <t>【森本】免维护节能防爆LED灯\FGV1207-LED40\220V、50/60Hz 
180～260VAC、50/60Hz 
40W
 WF2 
IP66 
ExnRⅡCT6Gc;ExtDA21IP66T80℃</t>
  </si>
  <si>
    <t>【森本】免维护节能防爆LED灯\FGV1207-LED50\220V、50/60Hz 
180～260VAC、50/60Hz 
50W
 WF2 
IP66 
ExnRⅡCT6Gc;ExtDA21IP66T80℃</t>
  </si>
  <si>
    <t>【森本】免维护节能防爆LED灯\FGV1208-LED60\220V、50/60Hz 
180～260VAC、50/60Hz 
60W
 WF2 
IP66 
ExnRⅡCT5Gc;ExtDA21IP66T95℃</t>
  </si>
  <si>
    <t>【森本】免维护节能防爆LED灯\FGV1208-LED70\220V、50/60Hz 
180～260VAC、50/60Hz 
70W
 WF2 
IP66 
ExnRⅡCT5Gc;ExtDA21IP66T95℃</t>
  </si>
  <si>
    <t>【森本】免维护节能防爆LED灯\FGV1208-LED80\220V、50/60Hz 
180～260VAC、50/60Hz 
80W
 WF2 
IP66 
ExnRⅡCT5Gc;ExtDA21IP66T95℃</t>
  </si>
  <si>
    <t>【森本】免维护节能防爆LED灯\FGV1208-LED100\220V、50/60Hz 
180～260VAC、50/60Hz 
100W
 WF2 
IP66 
ExnRⅡCT5Gc;ExtDA21IP66T95℃</t>
  </si>
  <si>
    <t>【森本】免维护节能防爆LED灯\FGV1216-LED120\220V、50/60Hz 
180～260VAC、50/60Hz 
120W
 WF2 
IP66 
ExnRⅡCT5Gc;ExtDA21IP66T95℃</t>
  </si>
  <si>
    <t>【森本】免维护节能防爆LED灯\FGV1216-LED150\220V、50/60Hz 
180～260VAC、50/60Hz 
150W；
 WF2 
IP66 
ExnRⅡCT5Gc;ExtDA21IP66T95℃</t>
  </si>
  <si>
    <t>【森本】免维护节能防爆LED灯\FGQ1235-LED20\220V、50Hz 
180～260VAC、50/60Hz 
20W
 WF2 
IP66 
ExdⅡCT6Gb;ExtDA21IP66T80℃</t>
  </si>
  <si>
    <t>【森本】免维护节能防爆LED灯\FGQ1235-LED30\220V、50Hz 
180～260VAC、50/60Hz 
30W
 WF2 
IP66 
ExdⅡCT6Gb;ExtDA21IP66T80℃</t>
  </si>
  <si>
    <t>【森本】免维护节能防爆LED灯\FGQ1235-LED40\220V、50Hz 
180～260VAC、50/60Hz 
40W
 WF2 
IP66 
ExdⅡCT6Gb;ExtDA21IP66T80℃</t>
  </si>
  <si>
    <t>【森本】免维护节能防爆LED灯\FGQ1235-LED50\220V、50Hz 
180～260VAC、50/60Hz 
50W
 WF2 
IP66 
ExdⅡCT6Gb;ExtDA21IP66T80℃</t>
  </si>
  <si>
    <t>【森本】免维护节能防爆LED灯\FGQ1235-LED60\220V、50Hz 
180～260VAC、50/60Hz 
60W
 WF2 
IP66 
ExdⅡCT6Gb;ExtDA21IP66T80℃</t>
  </si>
  <si>
    <t>【森本】免维护节能防爆LED灯\FGQ1235-LED70\220V、50Hz 
180～260VAC、50/60Hz 
70W
 WF2 
IP66 
ExdⅡCT6Gb;ExtDA21IP66T80℃</t>
  </si>
  <si>
    <t>【森本】免维护节能防爆LED灯\FGQ1235-LED80\220V、50Hz 
180～260VAC、50/60Hz 
80W
 WF2 
IP66 
ExdⅡCT6Gb;ExtDA21IP66T80℃</t>
  </si>
  <si>
    <t>【森本】免维护节能防爆LED灯\FGQ1235-LED100\220V、50Hz 
180～260VAC、50/60Hz 
100W
 WF2 
IP66 
ExdⅡCT6Gb;ExtDA21IP66T80℃</t>
  </si>
  <si>
    <t>【森本】免维护节能防爆LED灯\GQ1235-LED120\220V、50Hz 
180～260VAC、50/60Hz 
120W
 WF2 
IP66 
ExdⅡCT6Gb;ExtDA21IP66T80℃</t>
  </si>
  <si>
    <t>【森本】免维护节能防爆LED灯\FGV1237-LED120\220V、50Hz 
180～260VAC、50Hz 
120W
 WF1 
IP66 
ExnRⅡCT5Gc；ExtDA21IP66T95℃</t>
  </si>
  <si>
    <t>【森本】免维护节能防爆LED灯\FGV1246-LED20\220V、50/60Hz 
180～260VAC、50/60Hz 
20W
 WF2 
IP66 
ExnRⅡCT6Gc;ExtDA21IP66T80℃</t>
  </si>
  <si>
    <t>【森本】免维护节能防爆LED灯\FGV1246-LED30\220V、50/60Hz 
180～260VAC、50/60Hz 
30W
 WF2 
IP66 
ExnRⅡCT6Gc;ExtDA21IP66T80℃</t>
  </si>
  <si>
    <t>【森本】免维护节能防爆LED灯\FGV1246-LED40\220V、50/60Hz 
180～260VAC、50/60Hz 
40W
 WF2 
IP66 
ExnRⅡCT6Gc;ExtDA21IP66T80℃</t>
  </si>
  <si>
    <t>【森本】免维护节能防爆LED灯\FGV1246-LED50\220V、50/60Hz 
180～260VAC、50/60Hz 
50W
 WF2 
IP66 
ExnRⅡCT6Gc;ExtDA21IP66T80℃</t>
  </si>
  <si>
    <t>【森本】免维护节能防爆LED灯\FGV1248-LED50\220V、50/60Hz 
180～260VAC、50/60Hz 
50W
 WF2 
IP66 
ExnCnRⅡCT6Gc;ExtDA21IP66T80℃</t>
  </si>
  <si>
    <t>【森本】免维护节能防爆LED灯\FGV1248-LED60\220V、50/60Hz 
180～260VAC、50/60Hz 
60W
 WF2 
IP66 
ExnCnRⅡCT6Gc;ExtDA21IP66T80℃</t>
  </si>
  <si>
    <t>【森本】免维护节能防爆LED灯\FGV1248-LED80\220V、50/60Hz 
180～260VAC、50/60Hz 
80W
 WF2 
IP66 
ExnCnRⅡCT6Gc;ExtDA21IP66T80℃</t>
  </si>
  <si>
    <t>【森本】免维护节能防爆LED灯\FGV1248-LED100\220V、50/60Hz 
180～260VAC、50/60Hz 
100W
 WF2 
IP66 
ExnCnRⅡCT6Gc;ExtDA21IP66T80℃</t>
  </si>
  <si>
    <t>【森本】免维护节能防爆LED灯\FGV1248-LED120\220V、50/60Hz 
180～260VAC、50/60Hz 
120W
 WF2 
IP66 
ExnCnRⅡCT6Gc;ExtDA21IP66T80℃</t>
  </si>
  <si>
    <t>【森本】免维护节能防爆LED灯\FGV1248-LED150\220V、50/60Hz 
180～260VAC、50/60Hz 
150W
 WF2 
IP66 
ExnCnRⅡCT6Gc;ExtDA21IP66T80℃</t>
  </si>
  <si>
    <t>【森本】免维护节能防爆LED灯\FGV1248-LED180\220V、50/60Hz 
180～260VAC、50/60Hz 
180W
 WF2 
IP66 
ExnCnRⅡCT6Gc;ExtDA21IP66T80℃</t>
  </si>
  <si>
    <t>【森本】免维护节能防爆LED灯\FGV1248-LED200\220V、50/60Hz 
180～260VAC、50/60Hz 
200W
 WF2 
IP66 
ExnCnRⅡCT6Gc;ExtDA21IP66T80℃</t>
  </si>
  <si>
    <t>【森本】免维护节能防爆LED灯\FGV1248-LED240\220V、50/60Hz 
180～260VAC、50/60Hz 
240W
 WF2 
IP66 
ExnCnRⅡCT6Gc;ExtDA21IP66T80℃</t>
  </si>
  <si>
    <t>【森本】免维护节能防爆LED灯\FGV1248-LED300\220V、50/60Hz 
180～260VAC、50/60Hz 
300W
 WF2 
IP66 
ExnCnRⅡCT5Gc;ExtDA21IP66T95℃</t>
  </si>
  <si>
    <t>【森本】免维护节能防爆LED灯\FGQ1263-LED12\220V、50/60Hz 
180～260VAC、50/60Hz 
12W
 WF1 
IP66 
ExnRⅡCT6Gc;ExtDA21IP66T80℃</t>
  </si>
  <si>
    <t>【森本】免维护节能防爆LED灯\FGQ1263-LED20\220V、50/60Hz 
180～260VAC、50/60Hz 
20W
 WF1 
IP66 
ExnRⅡCT6Gc;ExtDA21IP66T80℃</t>
  </si>
  <si>
    <t>【森本】免维护节能防爆LED灯\FGQ1263-LED36\220V、50/60Hz 
180～260VAC、50/60Hz 
36W
 WF1 
IP66 
ExnRⅡCT6Gc;ExtDA21IP66T80℃</t>
  </si>
  <si>
    <t>【森本】免维护节能防爆LED灯\FGQ1263-LED48\220V、50/60Hz 
180～260VAC、50/60Hz 
48W
 WF1 
IP66 
ExnRⅡCT6Gc;ExtDA21IP66T80℃</t>
  </si>
  <si>
    <t>【森本】免维护节能防爆LED灯\FGV1278-LED100\220V、50/60Hz 
180～260VAC、50/60Hz 
100W
 WF2 
IP66 
ExnCnRⅡCT6Gc;ExtDA21IP66T80℃</t>
  </si>
  <si>
    <t>【森本】免维护节能防爆LED灯\FGV1278-LED120\220V、50/60Hz 
180～260VAC、50/60Hz 
120W
 WF2 
IP66 
ExnCnRⅡCT6Gc;ExtDA21IP66T80℃</t>
  </si>
  <si>
    <t>【森本】免维护节能防爆LED灯\FGV1278-LED150\220V、50/60Hz 
180～260VAC、50/60Hz 
150W
 WF2 
IP66 
ExnCnRⅡCT6Gc;ExtDA21IP66T80℃</t>
  </si>
  <si>
    <t>【森本】免维护节能防爆无极灯\FGQ1103-QL40\220V、50Hz 
180～260VAC、50Hz 
电磁感应灯50W；
 WF2 
IP66 
ExdeⅡCT4Gb;ExtDA21IP66T80℃</t>
  </si>
  <si>
    <t>【森本】免维护节能防爆无极灯\FGQ1103-QL50\220V、50Hz 
180～260VAC、50Hz 
电磁感应灯50W；
 WF2 
IP66 
ExdeⅡCT4Gb;ExtDA21IP66T80℃</t>
  </si>
  <si>
    <t>【森本】免维护节能防爆无极灯\FGV1109-QL65\220V、50/60Hz 
220VAC、50Hz 
电磁感应灯65W、80W；
 WF2 
IP66 
ExnRⅡCT5Gc；ExtDA21IP66T95℃</t>
  </si>
  <si>
    <t>【森本】免维护节能防爆无极灯\FGV1109-QL80\220V、50/60Hz 
220VAC、50Hz 
电磁感应灯65W、80W；
 WF2 
IP66 
ExnRⅡCT5Gc；ExtDA21IP66T95℃</t>
  </si>
  <si>
    <t>【森本】免维护节能防水防尘防腐灯\FGV6206-LED20\220V、50/60Hz 
180～260VAC、50/60Hz 
20W；30W；40W；50W；
 WF2 
IP65</t>
  </si>
  <si>
    <t>【森本】免维护节能防水防尘防腐灯\FGV6206-LED30\220V、50/60Hz 
180～260VAC、50/60Hz 
20W；30W；40W；50W；
 WF2 
IP65</t>
  </si>
  <si>
    <t>【森本】免维护节能防水防尘防腐灯\FGV6206-LED40\220V、50/60Hz 
180～260VAC、50/60Hz 
20W；30W；40W；50W；
 WF2 
IP65</t>
  </si>
  <si>
    <t>【森本】免维护节能防水防尘防腐灯\FGV6206-LED50\220V、50/60Hz 
180～260VAC、50/60Hz 
20W；30W；40W；50W；
 WF2 
IP65</t>
  </si>
  <si>
    <t>【森本】免维护节能防水防尘防腐灯\FGV6207-LED20\220V、50Hz 
180～260VAC、50Hz 
20W；30W；40W；50W；
 WF2 
IP65</t>
  </si>
  <si>
    <t>【森本】免维护节能防水防尘防腐灯\FGV6207-LED30\220V、50Hz 
180～260VAC、50Hz 
20W；30W；40W；50W；
 WF2 
IP65</t>
  </si>
  <si>
    <t>【森本】免维护节能防水防尘防腐灯\FGV6207-LED40\220V、50Hz 
180～260VAC、50Hz 
20W；30W；40W；50W；
 WF2 
IP65</t>
  </si>
  <si>
    <t>【森本】免维护节能防水防尘防腐灯\FGV6207-LED50\220V、50Hz 
180～260VAC、50Hz 
20W；30W；40W；50W；
 WF2 
IP65</t>
  </si>
  <si>
    <t>【森本】免维护节能防水防尘防腐灯\FGV6208-LED60\220V、50/60Hz 
180～260VAC、50/60Hz 
60W；70W；80W；100W；
 WF1 
IP66</t>
  </si>
  <si>
    <t>【森本】免维护节能防水防尘防腐灯\FGV6208-LED70\220V、50/60Hz 
180～260VAC、50/60Hz 
60W；70W；80W；100W；
 WF1 
IP66</t>
  </si>
  <si>
    <t>【森本】免维护节能防水防尘防腐灯\FGV6208-LED80\220V、50/60Hz 
180～260VAC、50/60Hz 
60W；70W；80W；100W；
 WF1 
IP66</t>
  </si>
  <si>
    <t>【森本】免维护节能防水防尘防腐灯\FGV6208-LED100\220V、50/60Hz 
180～260VAC、50/60Hz 
60W；70W；80W；100W；
 WF1 
IP66</t>
  </si>
  <si>
    <t>【森本】免维护节能防水防尘防腐灯\FGV6209-LED60\220V、50/60Hz 
180～260VAC、50/60Hz 
60W；70W；80W；100W；
 WF2 
IP66</t>
  </si>
  <si>
    <t>【森本】免维护节能防水防尘防腐灯\FGV6209-LED70\220V、50/60Hz 
180～260VAC、50/60Hz 
60W；70W；80W；100W；
 WF2 
IP66</t>
  </si>
  <si>
    <t>【森本】免维护节能防水防尘防腐灯\FGV6209-LED80\220V、50/60Hz 
180～260VAC、50/60Hz 
60W；70W；80W；100W；
 WF2 
IP66</t>
  </si>
  <si>
    <t>【森本】免维护节能防水防尘防腐灯\FGV6209-LED100\220V、50/60Hz 
180～260VAC、50/60Hz 
60W；70W；80W；100W；
 WF2 
IP66</t>
  </si>
  <si>
    <t>【森本】免维护节能防水防尘防腐灯\FGV6216-LED120\220V、50/60Hz 
180～260VAC、50/60Hz 
60W；70W；80W；100W；
 WF2 
IP66</t>
  </si>
  <si>
    <t>【森本】免维护节能防水防尘防腐灯\FGV6216-LED150\220V、50/60Hz 
180～260VAC、50/60Hz 
120W；150W；
 WF2 
IP66</t>
  </si>
  <si>
    <t>【森本】免维护节能防水防尘防腐灯\FGV6218-LED120\220V、50/60Hz 
180～260VAC、50/60Hz 
120W；150W；200W
 WF1 
IP66</t>
  </si>
  <si>
    <t>【森本】免维护节能防水防尘防腐灯\FGV6218-LED150\220V、50/60Hz 
180～260VAC、50/60Hz 
120W；150W；200W
 WF1 
IP66</t>
  </si>
  <si>
    <t>【森本】免维护节能防水防尘防腐灯\FGV6218-LED200\220V、50/60Hz 
180～260VAC、50/60Hz 
120W；150W；200W
 WF1 
IP66</t>
  </si>
  <si>
    <t>【森本】免维护节能防水防尘防腐工厂灯\FGQ6223A-LED60\220V、50/60Hz 
180～260VAC、50/60Hz 
60W～300W；
 WF1 
IP65</t>
  </si>
  <si>
    <t>【森本】免维护节能防水防尘防腐工厂灯\FGQ6223A-LED70\220V、50/60Hz 
180～260VAC、50/60Hz 
60W～300W；
 WF1 
IP65</t>
  </si>
  <si>
    <t>【森本】免维护节能防水防尘防腐工厂灯\FGQ6223A-LED80\220V、50/60Hz 
180～260VAC、50/60Hz 
60W～300W；
 WF1 
IP65</t>
  </si>
  <si>
    <t>【森本】免维护节能防水防尘防腐工厂灯\FGQ6223B-LED100\220V、50/60Hz 
180～260VAC、50/60Hz 
60W～300W；
 WF1 
IP65</t>
  </si>
  <si>
    <t>【森本】免维护节能防水防尘防腐工厂灯\FGQ6223B-LED120\220V、50/60Hz 
180～260VAC、50/60Hz 
60W～300W；
 WF1 
IP65</t>
  </si>
  <si>
    <t>【森本】免维护节能防水防尘防腐工厂灯\FGQ6223B-LED150\220V、50/60Hz 
180～260VAC、50/60Hz 
60W～300W；
 WF1 
IP65</t>
  </si>
  <si>
    <t>【森本】免维护节能防水防尘防腐工厂灯\FGQ6223C-LED200\220V、50/60Hz 
180～260VAC、50/60Hz 
60W～300W；
 WF1 
IP65</t>
  </si>
  <si>
    <t>【森本】免维护节能防水防尘防腐工厂灯\FGQ6223C-LED240\220V、50/60Hz 
180～260VAC、50/60Hz 
60W～300W；
 WF1 
IP65</t>
  </si>
  <si>
    <t>【森本】免维护节能防水防尘防腐工厂灯\FGQ6223C-LED300\220V、50/60Hz 
180～260VAC、50/60Hz 
60W～300W；
 WF1 
IP65</t>
  </si>
  <si>
    <t>【森本】免维护节能防水防尘防腐工厂灯\FGV6227-LED60\220V、50/60Hz 
180～260VAC、50/60Hz 
60W；70W；80W；100W；120W；150W；200W
 WF1 
IP66</t>
  </si>
  <si>
    <t>【森本】免维护节能防水防尘防腐工厂灯\FGV6227-LED70\220V、50/60Hz 
180～260VAC、50/60Hz 
60W；70W；80W；100W；120W；150W；200W
 WF1 
IP66</t>
  </si>
  <si>
    <t>【森本】免维护节能防水防尘防腐工厂灯\FGV6227-LED80\220V、50/60Hz 
180～260VAC、50/60Hz 
60W；70W；80W；100W；120W；150W；200W
 WF1 
IP66</t>
  </si>
  <si>
    <t>【森本】免维护节能防水防尘防腐工厂灯\FGV6227-LED100\220V、50/60Hz 
180～260VAC、50/60Hz 
60W；70W；80W；100W；120W；150W；200W
 WF1 
IP66</t>
  </si>
  <si>
    <t>【森本】免维护节能防水防尘防腐工厂灯\FGV6227-LED120\220V、50/60Hz 
180～260VAC、50/60Hz 
60W；70W；80W；100W；120W；150W；200W
 WF1 
IP66</t>
  </si>
  <si>
    <t>【森本】免维护节能防水防尘防腐工厂灯\FGV6227-LED150\220V、50/60Hz 
180～260VAC、50/60Hz 
60W；70W；80W；100W；120W；150W；200W
 WF1 
IP66</t>
  </si>
  <si>
    <t>【森本】免维护节能防水防尘防腐工厂灯\FGV6227-LED200\220V、50/60Hz 
180～260VAC、50/60Hz 
60W；70W；80W；100W；120W；150W；200W
 WF1 
IP66</t>
  </si>
  <si>
    <t>【森本】免维护节能防水防尘防腐投光灯\FGV6237-LED60\220V、50/60Hz 
180～260VAC、50/60Hz 
60W；70W；80W；100W；120W；150W；200W
 WF1 
IP66</t>
  </si>
  <si>
    <t>【森本】免维护节能防水防尘防腐投光灯\FGV6237-LED70\220V、50/60Hz 
180～260VAC、50/60Hz 
60W；70W；80W；100W；120W；150W；200W
 WF1 
IP66</t>
  </si>
  <si>
    <t>【森本】免维护节能防水防尘防腐投光灯\FGV6237-LED80\220V、50/60Hz 
180～260VAC、50/60Hz 
60W；70W；80W；100W；120W；150W；200W
 WF1 
IP66</t>
  </si>
  <si>
    <t>【森本】免维护节能防水防尘防腐投光灯\FGV6237-LED100\220V、50/60Hz 
180～260VAC、50/60Hz 
60W；70W；80W；100W；120W；150W；200W
 WF1 
IP66</t>
  </si>
  <si>
    <t>【森本】免维护节能防水防尘防腐投光灯\FGV6237-LED120\220V、50/60Hz 
180～260VAC、50/60Hz 
60W；70W；80W；100W；120W；150W；200W
 WF1 
IP66</t>
  </si>
  <si>
    <t>【森本】免维护节能防水防尘防腐投光灯\FGV6237-LED150\220V、50/60Hz 
180～260VAC、50/60Hz 
60W；70W；80W；100W；120W；150W；200W
 WF1 
IP66</t>
  </si>
  <si>
    <t>【森本】免维护节能防水防尘防腐投光灯\FGV6237-LED200\220V、50/60Hz 
180～260VAC、50/60Hz 
60W；70W；80W；100W；120W；150W；200W
 WF1 
IP66</t>
  </si>
  <si>
    <t>【森本】免维护节能防水防尘防腐泛光灯\FGV6246-LED20\220V、50Hz 
180～260VAC、50Hz 
20W；30W；40W；50W；
 WF2 
IP65</t>
  </si>
  <si>
    <t>【森本】免维护节能防水防尘防腐泛光灯\FGV6246-LED30\220V、50Hz 
180～260VAC、50Hz 
20W；30W；40W；50W；
 WF2 
IP65</t>
  </si>
  <si>
    <t>【森本】免维护节能防水防尘防腐泛光灯\FGV6246-LED40\220V、50Hz 
180～260VAC、50Hz 
20W；30W；40W；50W；
 WF2 
IP65</t>
  </si>
  <si>
    <t>【森本】免维护节能防水防尘防腐泛光灯\FGV6246-LED50\220V、50Hz 
180～260VAC、50Hz 
20W；30W；40W；50W；
 WF2 
IP65</t>
  </si>
  <si>
    <t>【森本】免维护节能防水防尘防腐泛光灯/隧道灯\FGV6248-LED50\220V、50/60Hz 
180～260VAC、50/60Hz 
50W～600W
 WF1 
IP66</t>
  </si>
  <si>
    <t>【森本】免维护节能防水防尘防腐泛光灯/隧道灯\FGV6248-LED60\220V、50/60Hz 
180～260VAC、50/60Hz 
50W～600W
 WF1 
IP66</t>
  </si>
  <si>
    <t>【森本】免维护节能防水防尘防腐泛光灯/隧道灯\FGV6248-LED80\220V、50/60Hz 
180～260VAC、50/60Hz 
50W～600W
 WF1 
IP66</t>
  </si>
  <si>
    <t>【森本】免维护节能防水防尘防腐泛光灯/隧道灯\FGV6248-LED100\220V、50/60Hz 
180～260VAC、50/60Hz 
50W～600W
 WF1 
IP66</t>
  </si>
  <si>
    <t>【森本】免维护节能防水防尘防腐泛光灯/隧道灯\FGV6248-LED120\220V、50/60Hz 
180～260VAC、50/60Hz 
50W～600W
 WF1 
IP66</t>
  </si>
  <si>
    <t>【森本】免维护节能防水防尘防腐泛光灯/隧道灯\FGV6248-LED150\220V、50/60Hz 
180～260VAC、50/60Hz 
50W～600W
 WF1 
IP66</t>
  </si>
  <si>
    <t>【森本】免维护节能防水防尘防腐泛光灯/隧道灯\FGV6248-LED180\220V、50/60Hz 
180～260VAC、50/60Hz 
50W～600W
 WF1 
IP66</t>
  </si>
  <si>
    <t>【森本】免维护节能防水防尘防腐泛光灯/隧道灯\FGV6248-LED200\220V、50/60Hz 
180～260VAC、50/60Hz 
50W～600W
 WF1 
IP66</t>
  </si>
  <si>
    <t>【森本】免维护节能防水防尘防腐泛光灯/隧道灯\FGV6248-LED240\220V、50/60Hz 
180～260VAC、50/60Hz 
50W～600W
 WF1 
IP66</t>
  </si>
  <si>
    <t>【森本】免维护节能防水防尘防腐泛光灯/隧道灯\FGV6248-LED300\220V、50/60Hz 
180～260VAC、50/60Hz 
50W～600W
 WF1 
IP66</t>
  </si>
  <si>
    <t>【森本】免维护节能防水防尘防腐泛光灯/隧道灯\FGV6248-LED360\220V、50/60Hz 
180～260VAC、50/60Hz 
50W～600W
 WF1 
IP66</t>
  </si>
  <si>
    <t>【森本】免维护节能防水防尘防腐泛光灯/隧道灯\FGV6248-LED400\220V、50/60Hz 
180～260VAC、50/60Hz 
50W～600W
 WF1 
IP66</t>
  </si>
  <si>
    <t>【森本】免维护节能防水防尘防腐泛光灯/隧道灯\FGV6248-LED480\220V、50/60Hz 
180～260VAC、50/60Hz 
50W～600W
 WF1 
IP66</t>
  </si>
  <si>
    <t>【森本】免维护节能防水防尘防腐泛光灯/隧道灯\FGV6248-LED600\220V、50/60Hz 
180～260VAC、50/60Hz 
50W～600W
 WF1 
IP66</t>
  </si>
  <si>
    <t>【森本】免维护节能防水防尘防腐支架灯\FGQ6263-LED12\220V、50/60Hz 
180～260VAC、50/60Hz 
12W；20W；36W；48W；
 WF1 
IP66</t>
  </si>
  <si>
    <t>【森本】免维护节能防水防尘防腐支架灯\FGQ6263-LED20\220V、50/60Hz 
180～260VAC、50/60Hz 
12W；20W；36W；48W；
 WF1 
IP65</t>
  </si>
  <si>
    <t>【森本】免维护节能防水防尘防腐支架灯\FGQ6263-LED36\220V、50/60Hz 
180～260VAC、50/60Hz 
12W；20W；36W；48W；
 WF1 
IP65</t>
  </si>
  <si>
    <t>【森本】免维护节能防水防尘防腐支架灯\FGQ6263-LED48\220V、50/60Hz 
180～260VAC、50/60Hz 
12W；20W；36W；48W；
 WF1 
IP65</t>
  </si>
  <si>
    <t>【森本】免维护节能防水防尘防腐道路灯灯具\FGV6278-LED100\220V、50/60Hz 
180～260VAC、50/60Hz 
50W～150W
 WF2 
IP65</t>
  </si>
  <si>
    <t>【森本】免维护节能防水防尘防腐道路灯灯具\FGV6278-LED120\220V、50/60Hz 
180～260VAC、50/60Hz 
50W～150W
 WF2 
IP65</t>
  </si>
  <si>
    <t>【森本】免维护节能防水防尘防腐道路灯灯具\FGV6278-LED150\220V、50/60Hz 
180～260VAC、50/60Hz 
50W～150W
 WF2 
IP65</t>
  </si>
  <si>
    <t>【森本】防水防尘防腐吸顶灯\SBF7205-LED12W\220VAC
85～265VAC、50/60Hz 
12W；15W；21W；24W；
 WF2 
IP65</t>
  </si>
  <si>
    <t>【森本】防水防尘防腐吸顶灯\SBF7205-LED15W\220VAC
85～265VAC、50/60Hz 
12W；15W；21W；24W；
 WF2 
IP65</t>
  </si>
  <si>
    <t>【森本】防水防尘防腐吸顶灯\SBF7205-LED21W\220VAC
85～265VAC、50/60Hz 
12W；15W；21W；24W；
 WF2 
IP65</t>
  </si>
  <si>
    <t>【森本】防水防尘防腐吸顶灯\SBF7205-LED24W\220VAC
85～265VAC、50/60Hz 
12W；15W；21W；24W；
 WF2 
IP65</t>
  </si>
  <si>
    <t>【森本】防水防尘防腐支架灯\SBF7268-LED9\220V、50/60Hz 
180～260VAC、50/60Hz 
9W18W36W
 WF1 
IP66</t>
  </si>
  <si>
    <t>【森本】防水防尘防腐支架灯\SBF7268-LED18\220V、50/60Hz 
180～260VAC、50/60Hz 
9W18W36W
 WF1 
IP66</t>
  </si>
  <si>
    <t>【森本】防水防尘防腐支架灯\SBF7268-LED36\220V、50/60Hz 
180～260VAC、50/60Hz 
9W18W36W
 WF1 
IP66</t>
  </si>
  <si>
    <t>【森本】防水防尘防腐支架灯\SBF7268-LED9Y\220V、50/60Hz 
180～260VAC、50/60Hz 
9W18W36W
 WF1 
IP66</t>
  </si>
  <si>
    <t>【森本】防水防尘防腐支架灯\SBF7268-LED18Y\220V、50/60Hz 
180～260VAC、50/60Hz 
9W18W36W
 WF1 
IP66</t>
  </si>
  <si>
    <t>【森本】防水防尘防腐支架灯\SBF7268-LED36Y\220V、50/60Hz 
180～260VAC、50/60Hz 
9W18W36W
 WF1 
IP66</t>
  </si>
  <si>
    <t>【森本】节能平板灯\SBF8236-LED12\IP20 220V、50Hz 18W40W48W</t>
  </si>
  <si>
    <t>【森本】节能平板灯\SBF8236-LED20\IP20 
220V、50Hz 18W40W48W</t>
  </si>
  <si>
    <t>【森本】节能平板灯\SBF8236-LED40\尺寸600*600 IP20 220V、50Hz 18W40W48W</t>
  </si>
  <si>
    <t>【森本】节能平板灯\SBF8236-LED40\尺寸300*1200 IP20 220V、50Hz 18W40W48W</t>
  </si>
  <si>
    <t>【森本】节能平板灯\SBF8236-LED48\IP20 
220V、50Hz 18W40W48W</t>
  </si>
  <si>
    <t>【森本】节能支架灯\SBF8268-LED9\220V、50Hz 180～260VAC、50/60Hz 9W18W36W IP40</t>
  </si>
  <si>
    <t>【森本】节能支架灯\SBF8268-LED18\220V、50Hz
 180～260VAC、50/60Hz
 9W18W36W
 IP40</t>
  </si>
  <si>
    <t>【森本】节能支架灯\SBF8268-LED36\220V、50Hz
 180～260VAC、50/60Hz
 9W18W36W
 IP40</t>
  </si>
  <si>
    <t>【森本】节能支架灯\SBF8268-LED9Y\220V、50Hz
 180～260VAC、50/60Hz
 9W18W36W
 IP40</t>
  </si>
  <si>
    <t>【森本】节能支架灯\SBF8268-LED18Y\220V、50Hz
 180～260VAC、50/60Hz
 9W18W36W
 IP40</t>
  </si>
  <si>
    <t>【森本】节能支架灯\SBF8268-LED36Y\220V、50Hz
 180～260VAC、50/60Hz
 9W18W36W
 IP40</t>
  </si>
  <si>
    <t>【森本】免维护节能防爆高杆灯\FGQ1292-LED\8米配1套 180~260V、50/60Hz LED IP65 WF1 -40℃～+45℃ φ9～φ12.5mm</t>
  </si>
  <si>
    <t>【森本】免维护节能防爆高杆灯\FGQ1292-LED\8米配2套 180~260V、50/60Hz
 LED
 IP65
 WF1
 -40℃～+45℃
 φ9～φ12.5mm</t>
  </si>
  <si>
    <t>【森本】免维护节能防爆高杆灯\FGQ1292-LED\8米配3套 180~260V、50/60Hz
 LED
 IP65
 WF1
 -40℃～+45℃
 φ9～φ12.5mm</t>
  </si>
  <si>
    <t>【森本】免维护节能防爆高杆灯\FGQ1292-LED\10米配1套 180~260V、50/60Hz
 LED
 IP65
 WF1
 -40℃～+45℃
 φ9～φ12.5mm</t>
  </si>
  <si>
    <t>【森本】免维护节能防爆高杆灯\FGQ1292-LED\10米配2套 180~260V、50/60Hz
 LED
 IP65
 WF1
 -40℃～+45℃
 φ9～φ12.5mm</t>
  </si>
  <si>
    <t>【森本】免维护节能防爆高杆灯\FGQ1292-LED\10米配3套 180~260V、50/60Hz
 LED
 IP65
 WF1
 -40℃～+45℃
 φ9～φ12.5mm</t>
  </si>
  <si>
    <t>【森本】免维护节能防爆高杆灯\FGQ1292-LED\12米配1套 180~260V、50/60Hz
 LED
 IP65
 WF1
 -40℃～+45℃
 φ9～φ12.5mm</t>
  </si>
  <si>
    <t>【森本】免维护节能防爆高杆灯\FGQ1292-LED\12米配2套 180~260V、50/60Hz
 LED
 IP65
 WF1
 -40℃～+45℃
 φ9～φ12.5mm</t>
  </si>
  <si>
    <t>【森本】免维护节能防爆高杆灯\FGQ1292-LED\12米配3套 180~260V、50/60Hz
 LED
 IP65
 WF1
 -40℃～+45℃
 φ9～φ12.5mm</t>
  </si>
  <si>
    <t>【森本】免维护节能防爆高杆灯\FGQ1292-LED\15米配1套 180~260V、50/60Hz
 LED
 IP65
 WF1
 -40℃～+45℃
 φ9～φ12.5mm</t>
  </si>
  <si>
    <t>【森本】免维护节能防爆高杆灯\FGQ1292-LED\15米配2套 180~260V、50/60Hz
 LED
 IP65
 WF1
 -40℃～+45℃
 φ9～φ12.5mm</t>
  </si>
  <si>
    <t>【森本】免维护节能防爆高杆灯\FGQ1292-LED\15米配3套 180~260V、50/60Hz
 LED
 IP65
 WF1
 -40℃～+45℃
 φ9～φ12.5mm</t>
  </si>
  <si>
    <t>【森本】免维护节能防爆高杆灯\FGQ1292-LED\造型半圆另加 180~260V、50/60Hz LED IP65 WF1 -40℃～+45℃ φ9～φ12.5mm</t>
  </si>
  <si>
    <t>【森本】免维护节能防爆高杆灯\FGQ1292-LED\15米防爆升降路 180~260V、50/60Hz
 LED
 IP65
 WF1
 -40℃～+45℃
 φ9～φ12.5mm</t>
  </si>
  <si>
    <t>【森本】免维护节能防爆高杆灯\FGQ1292-LED\防爆接线箱 180~260V、50/60Hz
 LED
 IP65
 WF1
 -40℃～+45℃
 φ9～φ12.5mm</t>
  </si>
  <si>
    <t>【森本】免维护节能防水防尘防腐高杆灯\FGQ6292-LED\8米配1套 220V、50/60Hz;380V50/60Hz WF1。 IP65。</t>
  </si>
  <si>
    <t>【森本】免维护节能防水防尘防腐高杆灯\FGQ6292-LED\8米配2套 220V、50/60Hz;380V50/60Hz WF1。
 IP65。</t>
  </si>
  <si>
    <t>【森本】免维护节能防水防尘防腐高杆灯\FGQ6292-LED\8米配3套 220V、50/60Hz;380V50/60Hz WF1。
 IP65。</t>
  </si>
  <si>
    <t>【森本】免维护节能防水防尘防腐高杆灯\FGQ6292-LED\10米配1套 220V、50/60Hz;380V50/60Hz WF1。
 IP65。</t>
  </si>
  <si>
    <t>【森本】免维护节能防水防尘防腐高杆灯\FGQ6292-LED\10米配2套 220V、50/60Hz;380V50/60Hz WF1。
 IP65。</t>
  </si>
  <si>
    <t>【森本】免维护节能防水防尘防腐高杆灯\FGQ6292-LED\10米配3套 220V、50/60Hz;380V50/60Hz WF1。
 IP65。</t>
  </si>
  <si>
    <t>【森本】免维护节能防水防尘防腐高杆灯\FGQ6292-LED\12米配1套 220V、50/60Hz;380V50/60Hz WF1。
 IP65。</t>
  </si>
  <si>
    <t>【森本】免维护节能防水防尘防腐高杆灯\FGQ6292-LED\12米配2套 220V、50/60Hz;380V50/60Hz WF1。
 IP65。</t>
  </si>
  <si>
    <t>【森本】免维护节能防水防尘防腐高杆灯\FGQ6292-LED\12米配3套 220V、50/60Hz;380V50/60Hz WF1。
 IP65。</t>
  </si>
  <si>
    <t>【森本】免维护节能防水防尘防腐高杆灯\FGQ6292-LED\15米配1套 220V、50/60Hz;380V50/60Hz WF1。
 IP65。</t>
  </si>
  <si>
    <t>【森本】免维护节能防水防尘防腐高杆灯\FGQ6292-LED\15米配2套 220V、50/60Hz;380V50/60Hz WF1。
 IP65。</t>
  </si>
  <si>
    <t>【森本】免维护节能防水防尘防腐高杆灯\FGQ6292-LED\15米配3套 220V、50/60Hz;380V50/60Hz WF1。
 IP65。</t>
  </si>
  <si>
    <t>【森本】免维护节能防水防尘防腐高杆灯\FGQ6292-LED\造型半圆另加 220V、50/60Hz;380V50/60Hz WF1。
 IP65。</t>
  </si>
  <si>
    <t>【森本】免维护节能防水防尘防腐高杆灯\FGQ6292-LED\15米三防升降路 220V、50/60Hz;380V50/60Hz WF1。
 IP65。</t>
  </si>
  <si>
    <t>【森本】灯具支架\A</t>
  </si>
  <si>
    <t>【森本】灯具支架\B</t>
  </si>
  <si>
    <t>【森本】灯具支架\B1</t>
  </si>
  <si>
    <t>【森本】灯具支架\C</t>
  </si>
  <si>
    <t>【森本】灯具支架\C1</t>
  </si>
  <si>
    <t>【森本】灯具支架\C2</t>
  </si>
  <si>
    <t>【森本】灯具支架\D</t>
  </si>
  <si>
    <t>【森本】灯具支架\E</t>
  </si>
  <si>
    <t>【森本】防爆接线盒\SBH-3/4(二通平)</t>
  </si>
  <si>
    <t>【森本】防爆接线盒\SBH-3/4(二通吊)</t>
  </si>
  <si>
    <t>【森本】防爆接线盒\SBH-3/4(三通平)</t>
  </si>
  <si>
    <t>【森本】防爆接线盒\SBH-3/4(三通吊)</t>
  </si>
  <si>
    <t>【森本】防爆接线盒\SBH-3/4(四通平)</t>
  </si>
  <si>
    <t>【森本】防爆接线盒\SBH-3/4(四通吊)</t>
  </si>
  <si>
    <t>【森本】增安型防爆接线盒\SBH-E</t>
  </si>
  <si>
    <t>【森本】防爆单臂路灯杆\SBD-A6   6米</t>
  </si>
  <si>
    <t>【森本】防爆单臂路灯杆\SBD-A8   8米</t>
  </si>
  <si>
    <t>【森本】防爆单臂路灯杆\SBD-A10   10米</t>
  </si>
  <si>
    <t>【森本】防爆双臂路灯杆\SBD-B6   6米</t>
  </si>
  <si>
    <t>【森本】防爆双臂路灯杆\SBD-B8   8米</t>
  </si>
  <si>
    <t>【森本】防爆双臂路灯杆\SBD-B10   10米</t>
  </si>
  <si>
    <t>【森本】防爆接线箱\免维护节能防爆路灯灯杆</t>
  </si>
  <si>
    <t>【森本】三防单臂路灯杆\SBF-E6   6米</t>
  </si>
  <si>
    <t>【森本】三防单臂路灯杆\SBF-E8   8米</t>
  </si>
  <si>
    <t>【森本】三防单臂路灯杆\SBF-E10   10米</t>
  </si>
  <si>
    <t>【森本】三防双臂路灯杆\SBF-F6   6米</t>
  </si>
  <si>
    <t>【森本】三防双臂路灯杆\SBF-F8   8米</t>
  </si>
  <si>
    <t>【森本】三防双臂路灯杆\SBF-F10   10米</t>
  </si>
  <si>
    <t>【森本】基础座\SBD-A/B/C 4米-9米</t>
  </si>
  <si>
    <t>【森本】基础座\SBD-A/B/C 10米-12米</t>
  </si>
  <si>
    <t>【森本】基础座\SBF-D/E/F/G 4米-9米</t>
  </si>
  <si>
    <t>【森本】基础座\SBF-D/E/F/G 10米-12米</t>
  </si>
  <si>
    <t>【豪顿】导向销\4009343-0</t>
  </si>
  <si>
    <t>豪顿华工程有限公司</t>
  </si>
  <si>
    <t>豪顿</t>
  </si>
  <si>
    <t>WZSCCG-2020-BJ-034</t>
  </si>
  <si>
    <t>豪顿华工程有限公司空预器、风机备件商城铺货长协采购框架协议</t>
  </si>
  <si>
    <t>【豪顿】导向销\XS031020500</t>
  </si>
  <si>
    <t>【豪顿】导向销\XS031060500</t>
  </si>
  <si>
    <t>【豪顿】导向销滑套\90090002</t>
  </si>
  <si>
    <t>【豪顿】导向销滑套\9003167-5</t>
  </si>
  <si>
    <t>【豪顿】导向销滑套\90090008</t>
  </si>
  <si>
    <t>【豪顿】轴承箱空气过滤器\90100001</t>
  </si>
  <si>
    <t>【豪顿】轴承箱空气过滤器\9004816-5</t>
  </si>
  <si>
    <t>【豪顿】轴承箱空气过滤器\9114722-5</t>
  </si>
  <si>
    <t>【豪顿】滑靴\XS031062700\豪顿华工程有限公司</t>
  </si>
  <si>
    <t>【豪顿】滑靴\4142368-0\豪顿华工程有限公司</t>
  </si>
  <si>
    <t>【豪顿】滑靴\4109705-0\豪顿华工程有限公司</t>
  </si>
  <si>
    <t>【豪顿】滑靴\XS031042700\豪顿华工程有限公司</t>
  </si>
  <si>
    <t>【豪顿】滑靴\4108091-0\豪顿华工程有限公司</t>
  </si>
  <si>
    <t>【豪顿】滑靴\XS031022700\豪顿华工程有限公司</t>
  </si>
  <si>
    <t>【豪顿】滑靴\4008930-0\豪顿华工程有限公司</t>
  </si>
  <si>
    <t>【豪顿】滑靴\4008931-0\豪顿华工程有限公司</t>
  </si>
  <si>
    <t>【豪顿】滑靴\5110846-0\豪顿华工程有限公司</t>
  </si>
  <si>
    <t>【豪顿】滑靴\4110819-0\豪顿华工程有限公司</t>
  </si>
  <si>
    <t>【豪顿】轮毂内圈滑套\90090007</t>
  </si>
  <si>
    <t>【豪顿】轮毂内圈滑套\4121761-0</t>
  </si>
  <si>
    <t>【豪顿】轮毂内圈滑套\9103481-5</t>
  </si>
  <si>
    <t>【豪顿】轮毂内圈滑套\90090005</t>
  </si>
  <si>
    <t>【豪顿】轮毂内圈滑套\4137794-0</t>
  </si>
  <si>
    <t>【豪顿】轮毂内圈滑套\90090001</t>
  </si>
  <si>
    <t>【豪顿】轮毂内圈滑套\4102359-0</t>
  </si>
  <si>
    <t>【豪顿】轮毂内圈滑套\9009751-5</t>
  </si>
  <si>
    <t>【豪顿】轮毂内圈滑套\4110842-0</t>
  </si>
  <si>
    <t>【豪顿】轮毂外圈滑套\XS031060400</t>
  </si>
  <si>
    <t>【豪顿】轮毂外圈滑套\4108154-0</t>
  </si>
  <si>
    <t>【豪顿】轮毂外圈滑套\4101310-0</t>
  </si>
  <si>
    <t>【豪顿】轮毂外圈滑套\XS031040400</t>
  </si>
  <si>
    <t>【豪顿】轮毂外圈滑套\XS031020400</t>
  </si>
  <si>
    <t>【豪顿】轮毂外圈滑套\4054501-0</t>
  </si>
  <si>
    <t>【豪顿】轮毂外圈滑套\9109489-5</t>
  </si>
  <si>
    <t>【豪顿】轮毂外圈滑套\4123314-0</t>
  </si>
  <si>
    <t>【豪顿】轮毂外圈滑套\4123127-0</t>
  </si>
  <si>
    <t>【豪顿】锁条\XS031062100</t>
  </si>
  <si>
    <t>【豪顿】锁条\4121716-0</t>
  </si>
  <si>
    <t>【豪顿】锁条\4086024-0</t>
  </si>
  <si>
    <t>【豪顿】锁条\XS031042100</t>
  </si>
  <si>
    <t>【豪顿】锁条\4137833-0</t>
  </si>
  <si>
    <t>【豪顿】锁条\90050001</t>
  </si>
  <si>
    <t>【豪顿】锁条\4019155-0</t>
  </si>
  <si>
    <t>【豪顿】锁条\4110836-0</t>
  </si>
  <si>
    <t>【豪顿】特氟龙环\XS031060800</t>
  </si>
  <si>
    <t>【豪顿】特氟龙环\4221434-0</t>
  </si>
  <si>
    <t>【豪顿】特氟龙环\XS031040800</t>
  </si>
  <si>
    <t>【豪顿】特氟龙环\4108140-0</t>
  </si>
  <si>
    <t>【豪顿】特氟龙环\XS031020800</t>
  </si>
  <si>
    <t>【豪顿】特氟龙环\4010499-0</t>
  </si>
  <si>
    <t>【豪顿】特氟龙环\4101316-0</t>
  </si>
  <si>
    <t>【豪顿】特氟龙环\4109839-0</t>
  </si>
  <si>
    <t>【豪顿】支撑盖O型圈\9147069-5</t>
  </si>
  <si>
    <t>【豪顿】支撑盖O型圈\9108083-5</t>
  </si>
  <si>
    <t>【豪顿】支撑盖O型圈\9110774-5</t>
  </si>
  <si>
    <t>【豪顿】支撑盖O型圈\9109833-5</t>
  </si>
  <si>
    <t>【豪顿】紧固管O型圈\9015105-5</t>
  </si>
  <si>
    <t>【豪顿】紧固管O型圈\9108085-5</t>
  </si>
  <si>
    <t>【豪顿】紧固管O型圈\9110776-5</t>
  </si>
  <si>
    <t>【豪顿】轮毂O型圈\9243829-5</t>
  </si>
  <si>
    <t>【豪顿】轮毂O型圈\9108343-5</t>
  </si>
  <si>
    <t>【豪顿】轮毂O型圈\9015107-5</t>
  </si>
  <si>
    <t>【豪顿】轮毂O型圈\9110773-5</t>
  </si>
  <si>
    <t>【豪顿】叶柄轴O型圈\9015104-5</t>
  </si>
  <si>
    <t>【豪顿】叶柄轴O型圈\9108097-5</t>
  </si>
  <si>
    <t>【豪顿】叶柄轴O型圈\9110775-5</t>
  </si>
  <si>
    <t>【豪顿】叶柄轴承O型圈\90030007</t>
  </si>
  <si>
    <t>【豪顿】叶柄轴承O型圈\90030004</t>
  </si>
  <si>
    <t>【豪顿】叶柄轴承O型圈\90030001</t>
  </si>
  <si>
    <t>【豪顿】叶柄轴承O型圈\9008282-5</t>
  </si>
  <si>
    <t>【豪顿】叶柄轴承O型圈\9009754-5</t>
  </si>
  <si>
    <t>【豪顿】液压缸\219132-9/5T</t>
  </si>
  <si>
    <t>【豪顿】液压缸\2029182-9</t>
  </si>
  <si>
    <t>【豪顿】液压缸\1145770-0</t>
  </si>
  <si>
    <t>【豪顿】液压缸\3147889-9</t>
  </si>
  <si>
    <t>【豪顿】液压缸\1243557-0</t>
  </si>
  <si>
    <t>【豪顿】液压缸\1220036-0</t>
  </si>
  <si>
    <t>【豪顿】液压缸\3070613-9</t>
  </si>
  <si>
    <t>【豪顿】液压缸\5108748-0</t>
  </si>
  <si>
    <t>【豪顿】液压缸\1116124-9</t>
  </si>
  <si>
    <t>【豪顿】旋转油封\2226470-S</t>
  </si>
  <si>
    <t>【豪顿】旋转油封\2220461-0</t>
  </si>
  <si>
    <t>【豪顿】旋转油封铜垫\4048457-0</t>
  </si>
  <si>
    <t>【豪顿】旋转油封液压油管\X05014-3001</t>
  </si>
  <si>
    <t>【豪顿】旋转油封液压油管\XS3020101</t>
  </si>
  <si>
    <t>【豪顿】旋转油封液压油管\C016363-3001</t>
  </si>
  <si>
    <t>【豪顿】旋转油封液压油管\C015710-3001</t>
  </si>
  <si>
    <t>【豪顿】旋转油封液压油管\XS3020154</t>
  </si>
  <si>
    <t>【豪顿】旋转油封液压油管\4076478-0</t>
  </si>
  <si>
    <t>【豪顿】旋转油封液压油管\C002325-3001</t>
  </si>
  <si>
    <t>【豪顿】旋转油封液压油管\C002326-3001</t>
  </si>
  <si>
    <t>【豪顿】旋转油封液压油管\C015580-3001</t>
  </si>
  <si>
    <t>【豪顿】旋转油封液压油管\HXB0693701-3001</t>
  </si>
  <si>
    <t>【豪顿】旋转油封液压油管\C010845-3001</t>
  </si>
  <si>
    <t>【豪顿】旋转油封液压油管\X03204-3010\item01/03</t>
  </si>
  <si>
    <t>【豪顿】旋转油封液压油管\XS3020105</t>
  </si>
  <si>
    <t>【豪顿】旋转油封液压油管\4076479-0</t>
  </si>
  <si>
    <t>【豪顿】旋转油封液压油管\3101346-0</t>
  </si>
  <si>
    <t>【豪顿】旋转油封液压油管\X05014-3002</t>
  </si>
  <si>
    <t>【豪顿】旋转油封液压油管\XS3020102</t>
  </si>
  <si>
    <t>【豪顿】旋转油封液压油管\C015710-3002</t>
  </si>
  <si>
    <t>【豪顿】旋转油封液压油管\XS3020153</t>
  </si>
  <si>
    <t>【豪顿】旋转油封液压油管\4076476-0</t>
  </si>
  <si>
    <t>【豪顿】旋转油封液压油管\C002325-3002</t>
  </si>
  <si>
    <t>【豪顿】旋转油封液压油管\C002326-3002</t>
  </si>
  <si>
    <t>【豪顿】旋转油封液压油管\HXB0693701-3002</t>
  </si>
  <si>
    <t>【豪顿】旋转油封液压油管\4076477-0</t>
  </si>
  <si>
    <t>【豪顿】旋转油封液压油管\3079646-0</t>
  </si>
  <si>
    <t>【豪顿】旋转油封液压油管\XS3020103</t>
  </si>
  <si>
    <t>【豪顿】旋转油封液压油管\XS3020104</t>
  </si>
  <si>
    <t>【豪顿】旋转油封液压油管\X03204-3010\item02</t>
  </si>
  <si>
    <t>【豪顿】旋转油封液压油管\HXP0675301-3001</t>
  </si>
  <si>
    <t>【豪顿】旋转油封液压油管\HXP0675301-3002</t>
  </si>
  <si>
    <t>【豪顿】液压油外部油管\HXP0675301-3003</t>
  </si>
  <si>
    <t>【豪顿】风机轴承回油软管\HXP0675301-3102</t>
  </si>
  <si>
    <t>【豪顿】风机轴承回油软管\HXP0675301-3103</t>
  </si>
  <si>
    <t>【豪顿】关节轴承\90080010</t>
  </si>
  <si>
    <t>【豪顿】叶片\0119976-3</t>
  </si>
  <si>
    <t>【豪顿】叶片\1223139-0</t>
  </si>
  <si>
    <t>【豪顿】叶片\1147288-0</t>
  </si>
  <si>
    <t>【豪顿】叶片\4T-2658</t>
  </si>
  <si>
    <t>【豪顿】叶片\4T-2636</t>
  </si>
  <si>
    <t>【豪顿】叶片\1248557-0</t>
  </si>
  <si>
    <t>【豪顿】叶片\4T-2659</t>
  </si>
  <si>
    <t>【豪顿】叶片\4T-2637</t>
  </si>
  <si>
    <t>【豪顿】叶片\4T-2660</t>
  </si>
  <si>
    <t>【豪顿】叶片\5139624-0</t>
  </si>
  <si>
    <t>【豪顿】叶片\3045160-0</t>
  </si>
  <si>
    <t>【豪顿】叶片\3043798-0</t>
  </si>
  <si>
    <t>【豪顿】叶片\1145777-0</t>
  </si>
  <si>
    <t>【豪顿】叶片螺栓\4015598-S</t>
  </si>
  <si>
    <t>【豪顿】叶片螺栓\4000156-S</t>
  </si>
  <si>
    <t>【豪顿】叶片丝堵\4108138-0</t>
  </si>
  <si>
    <t>【豪顿】叶片丝堵\4141016-0</t>
  </si>
  <si>
    <t>【豪顿】叶片丝堵\4100645-0</t>
  </si>
  <si>
    <t>【豪顿】叶片丝堵\4109294-0</t>
  </si>
  <si>
    <t>【豪顿】叶片销钉\3122702-0</t>
  </si>
  <si>
    <t>【豪顿】叶片销钉\3100643-0</t>
  </si>
  <si>
    <t>【豪顿】叶片销钉\3108132-0</t>
  </si>
  <si>
    <t>【豪顿】叶片销钉\3109293-0</t>
  </si>
  <si>
    <t>【豪顿】中心筒盘根\VN25-VN28\182\182001</t>
  </si>
  <si>
    <t>【豪顿】中心筒盘根\VN28.5-VN31\182\182001</t>
  </si>
  <si>
    <t>【豪顿】中心筒盘根\VN31.5-VN32.5\182\182001</t>
  </si>
  <si>
    <t>【豪顿】中心筒盘根\VN33-VN35.5\182\182001</t>
  </si>
  <si>
    <t>【豪顿】中心筒密封片\VN25-VN28\186\186001</t>
  </si>
  <si>
    <t>【豪顿】中心筒密封片\VN28.5-VN31\186\186001</t>
  </si>
  <si>
    <t>【豪顿】中心筒密封片\VN31.5-VN32.5\186\186001</t>
  </si>
  <si>
    <t>【豪顿】中心筒密封片\VN33-VN35.5\186\186001</t>
  </si>
  <si>
    <t>【豪顿】内缘环向密封片\VN25-VN31\186\186001</t>
  </si>
  <si>
    <t>【豪顿】内缘环向密封片\VN31-VN33\186\186001</t>
  </si>
  <si>
    <t>【豪顿】内缘环向密封片\VN33.5-VN35.5\186\186001</t>
  </si>
  <si>
    <t>【豪顿】径向密封片\VN25-VN35.5\186\186001</t>
  </si>
  <si>
    <t>【豪顿】径向密封压板\VN25-VN35.5\186\186001</t>
  </si>
  <si>
    <t>【豪顿】轴向密封片\VN25-VN35.5\185\185001</t>
  </si>
  <si>
    <t>【豪顿】轴向密封压板\VN25-VN35.5\185\185001</t>
  </si>
  <si>
    <t>【豪顿】径向轴向紧固套件\VN25-VN35.5\186-185\185001</t>
  </si>
  <si>
    <t>【豪顿】顶部外缘环向密封板\VN25-VN35.5\189Q235-6\189001</t>
  </si>
  <si>
    <t>【豪顿】顶部外缘环向密封板\VN25-VN35.5\189hardox\6\189001</t>
  </si>
  <si>
    <t>【豪顿】顶部外缘环向密封板\VN25-VN35.5\189hardox\12\189001</t>
  </si>
  <si>
    <t>【豪顿】底部外缘环向密封片\VN25-VN35.5\189\189001</t>
  </si>
  <si>
    <t>【豪顿】扇形板\VN25-VN29.5\117-105\117001</t>
  </si>
  <si>
    <t>【豪顿】扇形板\VN30-VN32.5\117-105\117001</t>
  </si>
  <si>
    <t>【豪顿】扇形板\VN33-VN35.5\117-105\117001</t>
  </si>
  <si>
    <t>【豪顿】弧形板\VN25-VN29.5\117-105\101002</t>
  </si>
  <si>
    <t>【豪顿】弧形板\VN30-VN32.5\117-105\101002</t>
  </si>
  <si>
    <t>【豪顿】弧形板\VN33-VN35.5\117-105\101002</t>
  </si>
  <si>
    <t>【豪顿】热端换热元件C023853A250HE01060024001</t>
  </si>
  <si>
    <t>【豪顿】热端换热元件C023853A250HE02060024001</t>
  </si>
  <si>
    <t>【豪顿】热端换热元件C023853A250HE03060024001</t>
  </si>
  <si>
    <t>【豪顿】中温端换热元件C023853A250IE01100024001</t>
  </si>
  <si>
    <t>【豪顿】中温端换热元件C023853A250IE02100024001</t>
  </si>
  <si>
    <t>【豪顿】中温端换热元件C023853A250IE03100024001</t>
  </si>
  <si>
    <t>【豪顿】冷端换热元件C023853A250CE01090024002</t>
  </si>
  <si>
    <t>【豪顿】冷端换热元件C023853A250CE02090024002</t>
  </si>
  <si>
    <t>【豪顿】冷端换热元件C023853A250CE03090024002</t>
  </si>
  <si>
    <t>【豪顿】热端换热元件C012235A255HE01065024001</t>
  </si>
  <si>
    <t>【豪顿】热端换热元件C012235A255HE02065024001</t>
  </si>
  <si>
    <t>【豪顿】热端换热元件C012235A255HE03065024001</t>
  </si>
  <si>
    <t>【豪顿】冷端换热元件C012235A255CE01090024002</t>
  </si>
  <si>
    <t>【豪顿】冷端换热元件C012235A255CE02090024002</t>
  </si>
  <si>
    <t>【豪顿】冷端换热元件C012235A255CE03090024002</t>
  </si>
  <si>
    <t>【豪顿】热端换热元件C021371A265HE01115024001</t>
  </si>
  <si>
    <t>【豪顿】热端换热元件C021371A265HE02115024001</t>
  </si>
  <si>
    <t>【豪顿】热端换热元件C021371A265HE03115024001</t>
  </si>
  <si>
    <t>【豪顿】热端换热元件C021371A265HE04115024001</t>
  </si>
  <si>
    <t>【豪顿】冷端换热元件C021371A265CE01090024002</t>
  </si>
  <si>
    <t>【豪顿】冷端换热元件C021371A265CE02090024002</t>
  </si>
  <si>
    <t>【豪顿】冷端换热元件C021371A265CE03090024002</t>
  </si>
  <si>
    <t>【豪顿】冷端换热元件C021371A265CE04090024002</t>
  </si>
  <si>
    <t>【豪顿】热端换热元件C023484A265HE01115024001</t>
  </si>
  <si>
    <t>【豪顿】热端换热元件C023484A265HE02115024001</t>
  </si>
  <si>
    <t>【豪顿】热端换热元件C023484A265HE03115024001</t>
  </si>
  <si>
    <t>【豪顿】热端换热元件C023484A265HE04115024001</t>
  </si>
  <si>
    <t>【豪顿】冷端换热元件C023484A265CE01090024002</t>
  </si>
  <si>
    <t>【豪顿】冷端换热元件C023484A265CE02090024002</t>
  </si>
  <si>
    <t>【豪顿】冷端换热元件C023484A265CE03090024002</t>
  </si>
  <si>
    <t>【豪顿】冷端换热元件C023484A265CE04090024002</t>
  </si>
  <si>
    <t>【豪顿】热端换热元件C009663A285HE01020024001</t>
  </si>
  <si>
    <t>【豪顿】热端换热元件C009663A285HE02020024001</t>
  </si>
  <si>
    <t>【豪顿】热端换热元件C009663A285HE03020024001</t>
  </si>
  <si>
    <t>【豪顿】热端换热元件C009663A285HE04020024001</t>
  </si>
  <si>
    <t>【豪顿】热端换热元件C009663A285HE05020024001</t>
  </si>
  <si>
    <t>【豪顿】中温端换热元件C009663A285IE01100024001</t>
  </si>
  <si>
    <t>【豪顿】中温端换热元件C009663A285IE02100024001</t>
  </si>
  <si>
    <t>【豪顿】中温端换热元件C009663A285IE03100024001</t>
  </si>
  <si>
    <t>【豪顿】中温端换热元件C009663A285IE04100024001</t>
  </si>
  <si>
    <t>【豪顿】中温端换热元件C009663A285IE05100024001</t>
  </si>
  <si>
    <t>【豪顿】冷端换热元件C009663A285CE01090024002</t>
  </si>
  <si>
    <t>【豪顿】冷端换热元件C009663A285CE02090024002</t>
  </si>
  <si>
    <t>【豪顿】冷端换热元件C009663A285CE03090024002</t>
  </si>
  <si>
    <t>【豪顿】冷端换热元件C009663A285CE04090024002</t>
  </si>
  <si>
    <t>【豪顿】冷端换热元件C009663A285CE05090024002</t>
  </si>
  <si>
    <t>【豪顿】热端换热元件C003368A285HE01085024001</t>
  </si>
  <si>
    <t>【豪顿】热端换热元件C003368A285HE02085024001</t>
  </si>
  <si>
    <t>【豪顿】热端换热元件C003368A285HE03085024001</t>
  </si>
  <si>
    <t>【豪顿】热端换热元件C003368A285HE04085024001</t>
  </si>
  <si>
    <t>【豪顿】热端换热元件C003368A285HE05085024001</t>
  </si>
  <si>
    <t>【豪顿】冷端换热元件C003368A285CE01090024002</t>
  </si>
  <si>
    <t>【豪顿】冷端换热元件C003368A285CE02090024002</t>
  </si>
  <si>
    <t>【豪顿】冷端换热元件C003368A285CE03090024002</t>
  </si>
  <si>
    <t>【豪顿】冷端换热元件C003368A285CE04090024002</t>
  </si>
  <si>
    <t>【豪顿】冷端换热元件C003368A285CE05090024002</t>
  </si>
  <si>
    <t>【豪顿】热端换热元件C003162A285HE01100024001</t>
  </si>
  <si>
    <t>【豪顿】热端换热元件C003162A285HE02100024001</t>
  </si>
  <si>
    <t>【豪顿】热端换热元件C003162A285HE03100024001</t>
  </si>
  <si>
    <t>【豪顿】热端换热元件C003162A285HE04100024001</t>
  </si>
  <si>
    <t>【豪顿】热端换热元件C003162A285HE05100024001</t>
  </si>
  <si>
    <t>【豪顿】冷端换热元件C003162A285CE01090024002</t>
  </si>
  <si>
    <t>【豪顿】冷端换热元件C003162A285CE02090024002</t>
  </si>
  <si>
    <t>【豪顿】冷端换热元件C003162A285CE03090024002</t>
  </si>
  <si>
    <t>【豪顿】冷端换热元件C003162A285CE04090024002</t>
  </si>
  <si>
    <t>【豪顿】冷端换热元件C003162A285CE05090024002</t>
  </si>
  <si>
    <t>【豪顿】热端换热元件C007583A285HE01030024001</t>
  </si>
  <si>
    <t>【豪顿】热端换热元件C007583A285HE02030024001</t>
  </si>
  <si>
    <t>【豪顿】热端换热元件C007583A285HE03030024001</t>
  </si>
  <si>
    <t>【豪顿】热端换热元件C007583A285HE04030024001</t>
  </si>
  <si>
    <t>【豪顿】热端换热元件C007583A285HE05030024001</t>
  </si>
  <si>
    <t>【豪顿】中温端换热元件C007583A285IE01083024001</t>
  </si>
  <si>
    <t>【豪顿】中温端换热元件C007583A285IE02083024001</t>
  </si>
  <si>
    <t>【豪顿】中温端换热元件C007583A285IE03083024001</t>
  </si>
  <si>
    <t>【豪顿】中温端换热元件C007583A285IE04083024001</t>
  </si>
  <si>
    <t>【豪顿】中温端换热元件C007583A285IE05083024001</t>
  </si>
  <si>
    <t>【豪顿】冷端换热元件C007583A285CE01085024002</t>
  </si>
  <si>
    <t>【豪顿】冷端换热元件C007583A285CE02085024002</t>
  </si>
  <si>
    <t>【豪顿】冷端换热元件C007583A285CE03085024002</t>
  </si>
  <si>
    <t>【豪顿】冷端换热元件C007583A285CE04085024002</t>
  </si>
  <si>
    <t>【豪顿】冷端换热元件C007583A285CE05085024002</t>
  </si>
  <si>
    <t>【豪顿】热端换热元件C008437A290HE01083024001</t>
  </si>
  <si>
    <t>【豪顿】热端换热元件C008437A290HE02083024001</t>
  </si>
  <si>
    <t>【豪顿】热端换热元件C008437A290HE03083024001</t>
  </si>
  <si>
    <t>【豪顿】热端换热元件C008437A290HE04083024001</t>
  </si>
  <si>
    <t>【豪顿】热端换热元件C008437A290HE05083024001</t>
  </si>
  <si>
    <t>【豪顿】冷端换热元件C008437A290CE01081024002</t>
  </si>
  <si>
    <t>【豪顿】冷端换热元件C008437A290CE02081024002</t>
  </si>
  <si>
    <t>【豪顿】冷端换热元件C008437A290CE03081024002</t>
  </si>
  <si>
    <t>【豪顿】冷端换热元件C008437A290CE04081024002</t>
  </si>
  <si>
    <t>【豪顿】冷端换热元件C008437A290CE05081024002</t>
  </si>
  <si>
    <t>【豪顿】热端换热元件C008439A290HE01100024001</t>
  </si>
  <si>
    <t>【豪顿】热端换热元件C008439A290HE02100024001</t>
  </si>
  <si>
    <t>【豪顿】热端换热元件C008439A290HE03100024001</t>
  </si>
  <si>
    <t>【豪顿】热端换热元件C008439A290HE04100024001</t>
  </si>
  <si>
    <t>【豪顿】热端换热元件C008439A290HE05100024001</t>
  </si>
  <si>
    <t>【豪顿】冷端换热元件C008439A290CE01088024002</t>
  </si>
  <si>
    <t>【豪顿】冷端换热元件C008439A290CE02088024002</t>
  </si>
  <si>
    <t>【豪顿】冷端换热元件C008439A290CE03088024002</t>
  </si>
  <si>
    <t>【豪顿】冷端换热元件C008439A290CE04088024002</t>
  </si>
  <si>
    <t>【豪顿】冷端换热元件C008439A290CE05088024002</t>
  </si>
  <si>
    <t>【豪顿】热端换热元件\04Z03125A290HE01080024001</t>
  </si>
  <si>
    <t>【豪顿】热端换热元件\04Z03125A290HE02080024001</t>
  </si>
  <si>
    <t>【豪顿】热端换热元件\04Z03125A290HE03080024001</t>
  </si>
  <si>
    <t>【豪顿】热端换热元件\04Z03125A290HE04080024001</t>
  </si>
  <si>
    <t>【豪顿】热端换热元件\04Z03125A290HE05080024001</t>
  </si>
  <si>
    <t>【豪顿】冷端换热元件\04Z03125A290CE01090024002</t>
  </si>
  <si>
    <t>【豪顿】冷端换热元件\04Z03125A290CE02090024002</t>
  </si>
  <si>
    <t>【豪顿】冷端换热元件\04Z03125A290CE03090024002</t>
  </si>
  <si>
    <t>【豪顿】冷端换热元件\04Z03125A290CE04090024002</t>
  </si>
  <si>
    <t>【豪顿】冷端换热元件\04Z03125A290CE05090024002</t>
  </si>
  <si>
    <t>【豪顿】热端换热元件CAAM12236A290HE01050024001</t>
  </si>
  <si>
    <t>【豪顿】热端换热元件CAAM12236A290HE02050024001</t>
  </si>
  <si>
    <t>【豪顿】热端换热元件CAAM12236A290HE03050024001</t>
  </si>
  <si>
    <t>【豪顿】热端换热元件CAAM12236A290HE04050024001</t>
  </si>
  <si>
    <t>【豪顿】热端换热元件CAAM12236A290HE05050024001</t>
  </si>
  <si>
    <t>【豪顿】中温端换热元件CAAM12236A290IE01081024001</t>
  </si>
  <si>
    <t>【豪顿】中温端换热元件CAAM12236A290IE02081024001</t>
  </si>
  <si>
    <t>【豪顿】中温端换热元件CAAM12236A290IE03081024001</t>
  </si>
  <si>
    <t>【豪顿】中温端换热元件CAAM12236A290IE04081024001</t>
  </si>
  <si>
    <t>【豪顿】中温端换热元件CAAM12236A290IE05081024001</t>
  </si>
  <si>
    <t>【豪顿】冷端换热元件CAAM12236A290CE01090024002</t>
  </si>
  <si>
    <t>【豪顿】冷端换热元件CAAM12236A290CE02090024002</t>
  </si>
  <si>
    <t>【豪顿】冷端换热元件CAAM12236A290CE03090024002</t>
  </si>
  <si>
    <t>【豪顿】冷端换热元件CAAM12236A290CE04090024002</t>
  </si>
  <si>
    <t>【豪顿】冷端换热元件CAAM12236A290CE05090024002</t>
  </si>
  <si>
    <t>【豪顿】热端换热元件CAAM12237A290HE01035024001</t>
  </si>
  <si>
    <t>【豪顿】热端换热元件CAAM12237A290HE02035024001</t>
  </si>
  <si>
    <t>【豪顿】热端换热元件CAAM12237A290HE03035024001</t>
  </si>
  <si>
    <t>【豪顿】热端换热元件CAAM12237A290HE04035024001</t>
  </si>
  <si>
    <t>【豪顿】热端换热元件CAAM12237A290HE05035024001</t>
  </si>
  <si>
    <t>【豪顿】中温端换热元件CAAM12237A290IE01096024001</t>
  </si>
  <si>
    <t>【豪顿】中温端换热元件CAAM12237A290IE02096024001</t>
  </si>
  <si>
    <t>【豪顿】中温端换热元件CAAM12237A290IE03096024001</t>
  </si>
  <si>
    <t>【豪顿】中温端换热元件CAAM12237A290IE04096024001</t>
  </si>
  <si>
    <t>【豪顿】中温端换热元件CAAM12237A290IE05096024001</t>
  </si>
  <si>
    <t>【豪顿】冷端换热元件CAAM12237A290CE01090024002</t>
  </si>
  <si>
    <t>【豪顿】冷端换热元件CAAM12237A290CE02090024002</t>
  </si>
  <si>
    <t>【豪顿】冷端换热元件CAAM12237A290CE03090024002</t>
  </si>
  <si>
    <t>【豪顿】冷端换热元件CAAM12237A290CE04090024002</t>
  </si>
  <si>
    <t>【豪顿】冷端换热元件CAAM12237A290CE05090024002</t>
  </si>
  <si>
    <t>【豪顿】热端换热元件CAAM11757A290HE01030024001</t>
  </si>
  <si>
    <t>【豪顿】热端换热元件CAAM11757A290HE02030024001</t>
  </si>
  <si>
    <t>【豪顿】热端换热元件CAAM11757A290HE03030024001</t>
  </si>
  <si>
    <t>【豪顿】热端换热元件CAAM11757A290HE04030024001</t>
  </si>
  <si>
    <t>【豪顿】热端换热元件CAAM11757A290HE05030024001</t>
  </si>
  <si>
    <t>【豪顿】中温端换热元件CAAM11757A290IE01081024001</t>
  </si>
  <si>
    <t>【豪顿】中温端换热元件CAAM11757A290IE02081024001</t>
  </si>
  <si>
    <t>【豪顿】中温端换热元件CAAM11757A290IE03081024001</t>
  </si>
  <si>
    <t>【豪顿】中温端换热元件CAAM11757A290IE04081024001</t>
  </si>
  <si>
    <t>【豪顿】中温端换热元件CAAM11757A290IE05081024001</t>
  </si>
  <si>
    <t>【豪顿】冷端换热元件CAAM11757A290CE01090024002</t>
  </si>
  <si>
    <t>【豪顿】冷端换热元件CAAM11757A290CE02090024002</t>
  </si>
  <si>
    <t>【豪顿】冷端换热元件CAAM11757A290CE03090024002</t>
  </si>
  <si>
    <t>【豪顿】冷端换热元件CAAM11757A290CE04090024002</t>
  </si>
  <si>
    <t>【豪顿】冷端换热元件CAAM11757A290CE05090024002</t>
  </si>
  <si>
    <t>【豪顿】热端换热元件CAAM11755A290HE01045024001</t>
  </si>
  <si>
    <t>【豪顿】热端换热元件CAAM11755A290HE02045024001</t>
  </si>
  <si>
    <t>【豪顿】热端换热元件CAAM11755A290HE03045024001</t>
  </si>
  <si>
    <t>【豪顿】热端换热元件CAAM11755A290HE04045024001</t>
  </si>
  <si>
    <t>【豪顿】热端换热元件CAAM11755A290HE05045024001</t>
  </si>
  <si>
    <t>【豪顿】中温端换热元件CAAM11755A290IE01081024001</t>
  </si>
  <si>
    <t>【豪顿】中温端换热元件CAAM11755A290IE02081024001</t>
  </si>
  <si>
    <t>【豪顿】中温端换热元件CAAM11755A290IE03081024001</t>
  </si>
  <si>
    <t>【豪顿】中温端换热元件CAAM11755A290IE04081024001</t>
  </si>
  <si>
    <t>【豪顿】中温端换热元件CAAM11755A290IE05081024001</t>
  </si>
  <si>
    <t>【豪顿】冷端换热元件CAAM11755A290CE01090024002</t>
  </si>
  <si>
    <t>【豪顿】冷端换热元件CAAM11755A290CE02090024002</t>
  </si>
  <si>
    <t>【豪顿】冷端换热元件CAAM11755A290CE03090024002</t>
  </si>
  <si>
    <t>【豪顿】冷端换热元件CAAM11755A290CE04090024002</t>
  </si>
  <si>
    <t>【豪顿】冷端换热元件CAAM11755A290CE05090024002</t>
  </si>
  <si>
    <t>【豪顿】热端换热元件C002858A290HE01095024001</t>
  </si>
  <si>
    <t>【豪顿】热端换热元件C002858A290HE02095024001</t>
  </si>
  <si>
    <t>【豪顿】热端换热元件C002858A290HE03095024001</t>
  </si>
  <si>
    <t>【豪顿】热端换热元件C002858A290HE04095024001</t>
  </si>
  <si>
    <t>【豪顿】冷端换热元件C002858A290CE01087024002</t>
  </si>
  <si>
    <t>【豪顿】冷端换热元件C002858A290CE02087024002</t>
  </si>
  <si>
    <t>【豪顿】冷端换热元件C002858A290CE03087024002</t>
  </si>
  <si>
    <t>【豪顿】冷端换热元件C002858A290CE04087024002</t>
  </si>
  <si>
    <t>【豪顿】热端换热元件\07Z06518A290HE01115024001</t>
  </si>
  <si>
    <t>【豪顿】热端换热元件\07Z06518A290HE02115024001</t>
  </si>
  <si>
    <t>【豪顿】热端换热元件\07Z06518A290HE03115024001</t>
  </si>
  <si>
    <t>【豪顿】热端换热元件\07Z06518A290HE04115024001</t>
  </si>
  <si>
    <t>【豪顿】热端换热元件\07Z06518A290HE05115024001</t>
  </si>
  <si>
    <t>【豪顿】冷端换热元件\07Z06518A290CE01090024002</t>
  </si>
  <si>
    <t>【豪顿】冷端换热元件\07Z06518A290CE02090024002</t>
  </si>
  <si>
    <t>【豪顿】冷端换热元件\07Z06518A290CE03090024002</t>
  </si>
  <si>
    <t>【豪顿】冷端换热元件\07Z06518A290CE04090024002</t>
  </si>
  <si>
    <t>【豪顿】冷端换热元件\07Z06518A290CE05090024002</t>
  </si>
  <si>
    <t>【豪顿】热端换热元件C006458A290HE01030024001</t>
  </si>
  <si>
    <t>【豪顿】热端换热元件C006458A290HE02030024001</t>
  </si>
  <si>
    <t>【豪顿】热端换热元件C006458A290HE03030024001</t>
  </si>
  <si>
    <t>【豪顿】热端换热元件C006458A290HE04030024001</t>
  </si>
  <si>
    <t>【豪顿】中温端换热元件C006458A290IE01085024001</t>
  </si>
  <si>
    <t>【豪顿】中温端换热元件C006458A290IE02085024001</t>
  </si>
  <si>
    <t>【豪顿】中温端换热元件C006458A290IE03085024001</t>
  </si>
  <si>
    <t>【豪顿】中温端换热元件C006458A290IE04085024001</t>
  </si>
  <si>
    <t>【豪顿】冷端换热元件C006458A290CE01090024002</t>
  </si>
  <si>
    <t>【豪顿】冷端换热元件C006458A290CE02090024002</t>
  </si>
  <si>
    <t>【豪顿】冷端换热元件C006458A290CE03090024002</t>
  </si>
  <si>
    <t>【豪顿】冷端换热元件C006458A290CE04090024002</t>
  </si>
  <si>
    <t>【豪顿】热端换热元件\04Z03033A290HE01110024001</t>
  </si>
  <si>
    <t>【豪顿】热端换热元件\04Z03033A290HE02110024001</t>
  </si>
  <si>
    <t>【豪顿】热端换热元件\04Z03033A290HE03110024001</t>
  </si>
  <si>
    <t>【豪顿】热端换热元件\04Z03033A290HE04110024001</t>
  </si>
  <si>
    <t>【豪顿】热端换热元件\04Z03033A290HE05110024001</t>
  </si>
  <si>
    <t>【豪顿】冷端换热元件\04Z03033A290CE01100024002</t>
  </si>
  <si>
    <t>【豪顿】冷端换热元件\04Z03033A290CE02100024002</t>
  </si>
  <si>
    <t>【豪顿】冷端换热元件\04Z03033A290CE03100024002</t>
  </si>
  <si>
    <t>【豪顿】冷端换热元件\04Z03033A290CE04100024002</t>
  </si>
  <si>
    <t>【豪顿】冷端换热元件\04Z03033A290CE05100024002</t>
  </si>
  <si>
    <t>【豪顿】热端换热元件C015031A290HE01030024001</t>
  </si>
  <si>
    <t>【豪顿】热端换热元件C015031A290HE02030024001</t>
  </si>
  <si>
    <t>【豪顿】热端换热元件C015031A290HE03030024001</t>
  </si>
  <si>
    <t>【豪顿】热端换热元件C015031A290HE04030024001</t>
  </si>
  <si>
    <t>【豪顿】中温端换热元件C015031A290IE01100024001</t>
  </si>
  <si>
    <t>【豪顿】中温端换热元件C015031A290IE02100024001</t>
  </si>
  <si>
    <t>【豪顿】中温端换热元件C015031A290IE03100024001</t>
  </si>
  <si>
    <t>【豪顿】中温端换热元件C015031A290IE04100024001</t>
  </si>
  <si>
    <t>【豪顿】冷端换热元件C015031A290CE01100024002</t>
  </si>
  <si>
    <t>【豪顿】冷端换热元件C015031A290CE02100024002</t>
  </si>
  <si>
    <t>【豪顿】冷端换热元件C015031A290CE03100024002</t>
  </si>
  <si>
    <t>【豪顿】冷端换热元件C015031A290CE04100024002</t>
  </si>
  <si>
    <t>【豪顿】热端换热元件C011515A290HE01030024001</t>
  </si>
  <si>
    <t>【豪顿】热端换热元件C011515A290HE02030024001</t>
  </si>
  <si>
    <t>【豪顿】热端换热元件C011515A290HE03030024001</t>
  </si>
  <si>
    <t>【豪顿】热端换热元件C011515A290HE04030024001</t>
  </si>
  <si>
    <t>【豪顿】中温端换热元件C011515A290IE01100024001</t>
  </si>
  <si>
    <t>【豪顿】中温端换热元件C011515A290IE02100024001</t>
  </si>
  <si>
    <t>【豪顿】中温端换热元件C011515A290IE03100024001</t>
  </si>
  <si>
    <t>【豪顿】中温端换热元件C011515A290IE04100024001</t>
  </si>
  <si>
    <t>【豪顿】冷端换热元件C011515A290CE01100024002</t>
  </si>
  <si>
    <t>【豪顿】冷端换热元件C011515A290CE02100024002</t>
  </si>
  <si>
    <t>【豪顿】冷端换热元件C011515A290CE03100024002</t>
  </si>
  <si>
    <t>【豪顿】冷端换热元件C011515A290CE04100024002</t>
  </si>
  <si>
    <t>【豪顿】热端换热元件C003099A290HE01035024001</t>
  </si>
  <si>
    <t>【豪顿】热端换热元件C003099A290HE02035024001</t>
  </si>
  <si>
    <t>【豪顿】热端换热元件C003099A290HE03035024001</t>
  </si>
  <si>
    <t>【豪顿】热端换热元件C003099A290HE04035024001</t>
  </si>
  <si>
    <t>【豪顿】中温端换热元件C003099A290IE01100024001</t>
  </si>
  <si>
    <t>【豪顿】中温端换热元件C003099A290IE02100024001</t>
  </si>
  <si>
    <t>【豪顿】中温端换热元件C003099A290IE03100024001</t>
  </si>
  <si>
    <t>【豪顿】中温端换热元件C003099A290IE04100024001</t>
  </si>
  <si>
    <t>【豪顿】冷端换热元件C003099A290CE01095024002</t>
  </si>
  <si>
    <t>【豪顿】冷端换热元件C003099A290CE02095024002</t>
  </si>
  <si>
    <t>【豪顿】冷端换热元件C003099A290CE03095024002</t>
  </si>
  <si>
    <t>【豪顿】冷端换热元件C003099A290CE04095024002</t>
  </si>
  <si>
    <t>【豪顿】热端换热元件C014930A290HE01035024001</t>
  </si>
  <si>
    <t>【豪顿】热端换热元件C014930A290HE02035024001</t>
  </si>
  <si>
    <t>【豪顿】热端换热元件C014930A290HE03035024001</t>
  </si>
  <si>
    <t>【豪顿】热端换热元件C014930A290HE04035024001</t>
  </si>
  <si>
    <t>【豪顿】中温端换热元件C014930A290IE01100024001</t>
  </si>
  <si>
    <t>【豪顿】中温端换热元件C014930A290IE02100024001</t>
  </si>
  <si>
    <t>【豪顿】中温端换热元件C014930A290IE03100024001</t>
  </si>
  <si>
    <t>【豪顿】中温端换热元件C014930A290IE04100024001</t>
  </si>
  <si>
    <t>【豪顿】冷端换热元件C014930A290CE01100024002</t>
  </si>
  <si>
    <t>【豪顿】冷端换热元件C014930A290CE02100024002</t>
  </si>
  <si>
    <t>【豪顿】冷端换热元件C014930A290CE03100024002</t>
  </si>
  <si>
    <t>【豪顿】冷端换热元件C014930A290CE04100024002</t>
  </si>
  <si>
    <t>【豪顿】热端换热元件C003236A290HE01050024001</t>
  </si>
  <si>
    <t>【豪顿】热端换热元件C003236A290HE02050024001</t>
  </si>
  <si>
    <t>【豪顿】热端换热元件C003236A290HE03050024001</t>
  </si>
  <si>
    <t>【豪顿】热端换热元件C003236A290HE04050024001</t>
  </si>
  <si>
    <t>【豪顿】中温端换热元件C003236A290IE01100024001</t>
  </si>
  <si>
    <t>【豪顿】中温端换热元件C003236A290IE02100024001</t>
  </si>
  <si>
    <t>【豪顿】中温端换热元件C003236A290IE03100024001</t>
  </si>
  <si>
    <t>【豪顿】中温端换热元件C003236A290IE04100024001</t>
  </si>
  <si>
    <t>【豪顿】冷端换热元件C003236A290CE01090024002</t>
  </si>
  <si>
    <t>【豪顿】冷端换热元件C003236A290CE02090024002</t>
  </si>
  <si>
    <t>【豪顿】冷端换热元件C003236A290CE03090024002</t>
  </si>
  <si>
    <t>【豪顿】冷端换热元件C003236A290CE04090024002</t>
  </si>
  <si>
    <t>【豪顿】热端换热元件CAAR17545A290HE01125024001</t>
  </si>
  <si>
    <t>【豪顿】热端换热元件CAAR17545A290HE02125024001</t>
  </si>
  <si>
    <t>【豪顿】热端换热元件CAAR17545A290HE03125024001</t>
  </si>
  <si>
    <t>【豪顿】热端换热元件CAAR17545A290HE04125024001</t>
  </si>
  <si>
    <t>【豪顿】冷端换热元件CAAR17545A290CE01115024002</t>
  </si>
  <si>
    <t>【豪顿】冷端换热元件CAAR17545A290CE02115024002</t>
  </si>
  <si>
    <t>【豪顿】冷端换热元件CAAR17545A290CE03115024002</t>
  </si>
  <si>
    <t>【豪顿】冷端换热元件CAAR17545A290CE04115024002</t>
  </si>
  <si>
    <t>【豪顿】热端换热元件C012623A290HE01045024001</t>
  </si>
  <si>
    <t>【豪顿】热端换热元件C012623A290HE02045024001</t>
  </si>
  <si>
    <t>【豪顿】热端换热元件C012623A290HE03045024001</t>
  </si>
  <si>
    <t>【豪顿】热端换热元件C012623A290HE04045024001</t>
  </si>
  <si>
    <t>【豪顿】热端换热元件C012623A290HE05045024001</t>
  </si>
  <si>
    <t>【豪顿】热端换热元件C012623A290HE06045024001</t>
  </si>
  <si>
    <t>【豪顿】热端换热元件C012623A290HE07045024001</t>
  </si>
  <si>
    <t>【豪顿】中温端换热元件C012623A290IE01100024001</t>
  </si>
  <si>
    <t>【豪顿】中温端换热元件C012623A290IE02100024001</t>
  </si>
  <si>
    <t>【豪顿】中温端换热元件C012623A290IE03100024001</t>
  </si>
  <si>
    <t>【豪顿】中温端换热元件C012623A290IE04100024001</t>
  </si>
  <si>
    <t>【豪顿】中温端换热元件C012623A290IE05100024001</t>
  </si>
  <si>
    <t>【豪顿】中温端换热元件C012623A290IE06100024001</t>
  </si>
  <si>
    <t>【豪顿】中温端换热元件C012623A290IE07100024001</t>
  </si>
  <si>
    <t>【豪顿】冷端换热元件C012623A290CE01100024002</t>
  </si>
  <si>
    <t>【豪顿】冷端换热元件C012623A290CE02100024002</t>
  </si>
  <si>
    <t>【豪顿】冷端换热元件C012623A290CE03100024002</t>
  </si>
  <si>
    <t>【豪顿】冷端换热元件C012623A290CE04100024002</t>
  </si>
  <si>
    <t>【豪顿】冷端换热元件C012623A290CE05100024002</t>
  </si>
  <si>
    <t>【豪顿】冷端换热元件C012623A290CE06100024002</t>
  </si>
  <si>
    <t>【豪顿】冷端换热元件C012623A290CE07100024002</t>
  </si>
  <si>
    <t>【豪顿】冷端换热元件CAAM17577A290CE01100024002</t>
  </si>
  <si>
    <t>【豪顿】冷端换热元件CAAM17577A290CE02100024002</t>
  </si>
  <si>
    <t>【豪顿】冷端换热元件CAAM17577A290CE03100024002</t>
  </si>
  <si>
    <t>【豪顿】冷端换热元件CAAM17577A290CE04100024002</t>
  </si>
  <si>
    <t>【豪顿】冷端换热元件CAAM17577A290CE05100024002</t>
  </si>
  <si>
    <t>【豪顿】冷端换热元件CAAM17577A290CE06100024002</t>
  </si>
  <si>
    <t>【豪顿】冷端换热元件CAAM17577A290CE07100024002</t>
  </si>
  <si>
    <t>【豪顿】热端换热元件\07Z06659A295HE01105024001</t>
  </si>
  <si>
    <t>【豪顿】热端换热元件\07Z06659A295HE02105024001</t>
  </si>
  <si>
    <t>【豪顿】热端换热元件\07Z06659A295HE03105024001</t>
  </si>
  <si>
    <t>【豪顿】热端换热元件\07Z06659A295HE04105024001</t>
  </si>
  <si>
    <t>【豪顿】热端换热元件\07Z06659A295HE05105024001</t>
  </si>
  <si>
    <t>【豪顿】冷端换热元件\07Z06659A295CE01090024002</t>
  </si>
  <si>
    <t>【豪顿】冷端换热元件\07Z06659A295CE02090024002</t>
  </si>
  <si>
    <t>【豪顿】冷端换热元件\07Z06659A295CE03090024002</t>
  </si>
  <si>
    <t>【豪顿】冷端换热元件\07Z06659A295CE04090024002</t>
  </si>
  <si>
    <t>【豪顿】冷端换热元件\07Z06659A295CE05090024002</t>
  </si>
  <si>
    <t>【豪顿】热端换热元件C016744A295HE01114024001</t>
  </si>
  <si>
    <t>【豪顿】热端换热元件C016744A295HE02114024001</t>
  </si>
  <si>
    <t>【豪顿】热端换热元件C016744A295HE03114024001</t>
  </si>
  <si>
    <t>【豪顿】热端换热元件C016744A295HE04114024001</t>
  </si>
  <si>
    <t>【豪顿】冷端换热元件C016744A295CE01095024002</t>
  </si>
  <si>
    <t>【豪顿】冷端换热元件C016744A295CE02095024002</t>
  </si>
  <si>
    <t>【豪顿】冷端换热元件C016744A295CE03095024002</t>
  </si>
  <si>
    <t>【豪顿】冷端换热元件C016744A295CE04095024002</t>
  </si>
  <si>
    <t>【豪顿】热端换热元件C005069A295HE01030024001</t>
  </si>
  <si>
    <t>【豪顿】热端换热元件C005069A295HE02030024001</t>
  </si>
  <si>
    <t>【豪顿】热端换热元件C005069A295HE03030024001</t>
  </si>
  <si>
    <t>【豪顿】热端换热元件C005069A295HE04030024001</t>
  </si>
  <si>
    <t>【豪顿】中温端换热元件C005069A295IE01091024001</t>
  </si>
  <si>
    <t>【豪顿】中温端换热元件C005069A295IE02091024001</t>
  </si>
  <si>
    <t>【豪顿】中温端换热元件C005069A295IE03091024001</t>
  </si>
  <si>
    <t>【豪顿】中温端换热元件C005069A295IE04091024001</t>
  </si>
  <si>
    <t>【豪顿】冷端换热元件C005069A295CE01095024002</t>
  </si>
  <si>
    <t>【豪顿】冷端换热元件C005069A295CE02095024002</t>
  </si>
  <si>
    <t>【豪顿】冷端换热元件C005069A295CE03095024002</t>
  </si>
  <si>
    <t>【豪顿】冷端换热元件C005069A295CE04095024002</t>
  </si>
  <si>
    <t>【豪顿】热端换热元件CAAR14256A300HE01030024001</t>
  </si>
  <si>
    <t>【豪顿】热端换热元件CAAR14256A300HE02030024001</t>
  </si>
  <si>
    <t>【豪顿】热端换热元件CAAR14256A300HE03030024001</t>
  </si>
  <si>
    <t>【豪顿】热端换热元件CAAR14256A300HE04030024001</t>
  </si>
  <si>
    <t>【豪顿】热端换热元件CAAR14256A300HE05030024001</t>
  </si>
  <si>
    <t>【豪顿】热端换热元件CAAR14256A300HE06030024001</t>
  </si>
  <si>
    <t>【豪顿】中温端换热元件CAAR14256A300IE01090024001</t>
  </si>
  <si>
    <t>【豪顿】中温端换热元件CAAR14256A300IE02090024001</t>
  </si>
  <si>
    <t>【豪顿】中温端换热元件CAAR14256A300IE03090024001</t>
  </si>
  <si>
    <t>【豪顿】中温端换热元件CAAR14256A300IE04090024001</t>
  </si>
  <si>
    <t>【豪顿】中温端换热元件CAAR14256A300IE05090024001</t>
  </si>
  <si>
    <t>【豪顿】中温端换热元件CAAR14256A300IE06090024001</t>
  </si>
  <si>
    <t>【豪顿】冷端换热元件CAAR14256A300CE01100024002</t>
  </si>
  <si>
    <t>【豪顿】冷端换热元件CAAR14256A300CE02100024002</t>
  </si>
  <si>
    <t>【豪顿】冷端换热元件CAAR14256A300CE03100024002</t>
  </si>
  <si>
    <t>【豪顿】冷端换热元件CAAR14256A300CE04100024002</t>
  </si>
  <si>
    <t>【豪顿】冷端换热元件CAAR14256A300CE05100024002</t>
  </si>
  <si>
    <t>【豪顿】冷端换热元件CAAR14256A300CE06100024002</t>
  </si>
  <si>
    <t>【豪顿】热端换热元件\05Z04476A310HE01100024001</t>
  </si>
  <si>
    <t>【豪顿】热端换热元件\05Z04476A310HE02100024001</t>
  </si>
  <si>
    <t>【豪顿】热端换热元件\05Z04476A310HE03100024001</t>
  </si>
  <si>
    <t>【豪顿】热端换热元件\05Z04476A310HE04100024001</t>
  </si>
  <si>
    <t>【豪顿】热端换热元件\05Z04476A310HE05100024001</t>
  </si>
  <si>
    <t>【豪顿】热端换热元件\05Z04476A310HE06100024001</t>
  </si>
  <si>
    <t>【豪顿】冷端换热元件\05Z04476A310CE01095024002</t>
  </si>
  <si>
    <t>【豪顿】冷端换热元件\05Z04476A310CE02095024002</t>
  </si>
  <si>
    <t>【豪顿】冷端换热元件\05Z04476A310CE03095024002</t>
  </si>
  <si>
    <t>【豪顿】冷端换热元件\05Z04476A310CE04095024002</t>
  </si>
  <si>
    <t>【豪顿】冷端换热元件\05Z04476A310CE05095024002</t>
  </si>
  <si>
    <t>【豪顿】冷端换热元件\05Z04476A310CE06095024002</t>
  </si>
  <si>
    <t>【豪顿】热端换热元件\07Z06612A315HE01100024001</t>
  </si>
  <si>
    <t>【豪顿】热端换热元件\07Z06612A315HE02100024001</t>
  </si>
  <si>
    <t>【豪顿】热端换热元件\07Z06612A315HE03100024001</t>
  </si>
  <si>
    <t>【豪顿】热端换热元件\07Z06612A315HE04100024001</t>
  </si>
  <si>
    <t>【豪顿】热端换热元件\07Z06612A315HE05100024001</t>
  </si>
  <si>
    <t>【豪顿】热端换热元件\07Z06612A315HE06100024001</t>
  </si>
  <si>
    <t>【豪顿】热端换热元件\07Z06612A315HE07100024001</t>
  </si>
  <si>
    <t>【豪顿】冷端换热元件\07Z06612A315CE01090024002</t>
  </si>
  <si>
    <t>【豪顿】冷端换热元件\07Z06612A315CE02090024002</t>
  </si>
  <si>
    <t>【豪顿】冷端换热元件\07Z06612A315CE03090024002</t>
  </si>
  <si>
    <t>【豪顿】冷端换热元件\07Z06612A315CE04090024002</t>
  </si>
  <si>
    <t>【豪顿】冷端换热元件\07Z06612A315CE05090024002</t>
  </si>
  <si>
    <t>【豪顿】冷端换热元件\07Z06612A315CE06090024002</t>
  </si>
  <si>
    <t>【豪顿】冷端换热元件\07Z06612A315CE07090024002</t>
  </si>
  <si>
    <t>【豪顿】热端换热元件C008771A315HE01030024001</t>
  </si>
  <si>
    <t>【豪顿】热端换热元件C008771A315HE02030024001</t>
  </si>
  <si>
    <t>【豪顿】热端换热元件C008771A315HE03030024001</t>
  </si>
  <si>
    <t>【豪顿】热端换热元件C008771A315HE04030024001</t>
  </si>
  <si>
    <t>【豪顿】热端换热元件C008771A315HE05030024001</t>
  </si>
  <si>
    <t>【豪顿】中温端换热元件C008771A315IE01080024001</t>
  </si>
  <si>
    <t>【豪顿】中温端换热元件C008771A315IE02080024001</t>
  </si>
  <si>
    <t>【豪顿】中温端换热元件C008771A315IE03080024001</t>
  </si>
  <si>
    <t>【豪顿】中温端换热元件C008771A315IE04080024001</t>
  </si>
  <si>
    <t>【豪顿】中温端换热元件C008771A315IE05080024001</t>
  </si>
  <si>
    <t>【豪顿】冷端换热元件C008771A315CE01090024002</t>
  </si>
  <si>
    <t>【豪顿】冷端换热元件C008771A315CE02090024002</t>
  </si>
  <si>
    <t>【豪顿】冷端换热元件C008771A315CE03090024002</t>
  </si>
  <si>
    <t>【豪顿】冷端换热元件C008771A315CE04090024002</t>
  </si>
  <si>
    <t>【豪顿】冷端换热元件C008771A315CE05090024002</t>
  </si>
  <si>
    <t>【豪顿】热端换热元件C6736A320HE01115024001</t>
  </si>
  <si>
    <t>【豪顿】热端换热元件C6736A320HE02115024001</t>
  </si>
  <si>
    <t>【豪顿】热端换热元件C6736A320HE03115024001</t>
  </si>
  <si>
    <t>【豪顿】热端换热元件C6736A320HE04115024001</t>
  </si>
  <si>
    <t>【豪顿】热端换热元件C6736A320HE05115024001</t>
  </si>
  <si>
    <t>【豪顿】热端换热元件C6736A320HE06115024001</t>
  </si>
  <si>
    <t>【豪顿】冷端换热元件C6736A320CE01095024002</t>
  </si>
  <si>
    <t>【豪顿】冷端换热元件C6736A320CE02095024002</t>
  </si>
  <si>
    <t>【豪顿】冷端换热元件C6736A320CE03095024002</t>
  </si>
  <si>
    <t>【豪顿】冷端换热元件C6736A320CE04095024002</t>
  </si>
  <si>
    <t>【豪顿】冷端换热元件C6736A320CE05095024002</t>
  </si>
  <si>
    <t>【豪顿】冷端换热元件C6736A320CE06095024002</t>
  </si>
  <si>
    <t>【豪顿】热端换热元件C011113A320HE01110024001</t>
  </si>
  <si>
    <t>【豪顿】热端换热元件C011113A320HE02110024001</t>
  </si>
  <si>
    <t>【豪顿】热端换热元件C011113A320HE03110024001</t>
  </si>
  <si>
    <t>【豪顿】热端换热元件C011113A320HE04110024001</t>
  </si>
  <si>
    <t>【豪顿】热端换热元件C011113A320HE05110024001</t>
  </si>
  <si>
    <t>【豪顿】热端换热元件C011113A320HE06110024001</t>
  </si>
  <si>
    <t>【豪顿】冷端换热元件C011113A320CE01115024002</t>
  </si>
  <si>
    <t>【豪顿】冷端换热元件C011113A320CE02115024002</t>
  </si>
  <si>
    <t>【豪顿】冷端换热元件C011113A320CE03115024002</t>
  </si>
  <si>
    <t>【豪顿】冷端换热元件C011113A320CE04115024002</t>
  </si>
  <si>
    <t>【豪顿】冷端换热元件C011113A320CE05115024002</t>
  </si>
  <si>
    <t>【豪顿】冷端换热元件C011113A320CE06115024002</t>
  </si>
  <si>
    <t>【豪顿】热端换热元件C008055A320HE01120024001</t>
  </si>
  <si>
    <t>【豪顿】热端换热元件C008055A320HE02120024001</t>
  </si>
  <si>
    <t>【豪顿】热端换热元件C008055A320HE03120024001</t>
  </si>
  <si>
    <t>【豪顿】热端换热元件C008055A320HE04120024001</t>
  </si>
  <si>
    <t>【豪顿】热端换热元件C008055A320HE05120024001</t>
  </si>
  <si>
    <t>【豪顿】热端换热元件C008055A320HE06120024001</t>
  </si>
  <si>
    <t>【豪顿】热端换热元件C008055A320HE07120024001</t>
  </si>
  <si>
    <t>【豪顿】冷端换热元件C008055A320CE01090024002</t>
  </si>
  <si>
    <t>【豪顿】冷端换热元件C008055A320CE02090024002</t>
  </si>
  <si>
    <t>【豪顿】冷端换热元件C008055A320CE03090024002</t>
  </si>
  <si>
    <t>【豪顿】冷端换热元件C008055A320CE04090024002</t>
  </si>
  <si>
    <t>【豪顿】冷端换热元件C008055A320CE05090024002</t>
  </si>
  <si>
    <t>【豪顿】冷端换热元件C008055A320CE06090024002</t>
  </si>
  <si>
    <t>【豪顿】冷端换热元件C008055A320CE07090024002</t>
  </si>
  <si>
    <t>【豪顿】热端换热元件C007417A320HE01030024001</t>
  </si>
  <si>
    <t>【豪顿】热端换热元件C007417A320HE02030024001</t>
  </si>
  <si>
    <t>【豪顿】热端换热元件C007417A320HE03030024001</t>
  </si>
  <si>
    <t>【豪顿】热端换热元件C007417A320HE04030024001</t>
  </si>
  <si>
    <t>【豪顿】热端换热元件C007417A320HE05030024001</t>
  </si>
  <si>
    <t>【豪顿】热端换热元件C007417A320HE06030024001</t>
  </si>
  <si>
    <t>【豪顿】热端换热元件C007417A320HE07030024001</t>
  </si>
  <si>
    <t>【豪顿】中温端换热元件CAAM16528A320IE01100024001</t>
  </si>
  <si>
    <t>【豪顿】中温端换热元件CAAM16528A320IE02100024001</t>
  </si>
  <si>
    <t>【豪顿】中温端换热元件CAAM16528A320IE03100024001</t>
  </si>
  <si>
    <t>【豪顿】中温端换热元件CAAM16528A320IE04100024001</t>
  </si>
  <si>
    <t>【豪顿】中温端换热元件CAAM16528A320IE05100024001</t>
  </si>
  <si>
    <t>【豪顿】中温端换热元件CAAM16528A320IE06100024001</t>
  </si>
  <si>
    <t>【豪顿】中温端换热元件CAAM16528A320IE07100024001</t>
  </si>
  <si>
    <t>【豪顿】冷端换热元件C007417A320CE01090024002</t>
  </si>
  <si>
    <t>【豪顿】冷端换热元件C007417A320CE02090024002</t>
  </si>
  <si>
    <t>【豪顿】冷端换热元件C007417A320CE03090024002</t>
  </si>
  <si>
    <t>【豪顿】冷端换热元件C007417A320CE04090024002</t>
  </si>
  <si>
    <t>【豪顿】冷端换热元件C007417A320CE05090024002</t>
  </si>
  <si>
    <t>【豪顿】冷端换热元件C007417A320CE06090024002</t>
  </si>
  <si>
    <t>【豪顿】冷端换热元件C007417A320CE07090024002</t>
  </si>
  <si>
    <t>【豪顿】热端换热元件C003835A320HE01035024001</t>
  </si>
  <si>
    <t>【豪顿】热端换热元件C003835A320HE02035024001</t>
  </si>
  <si>
    <t>【豪顿】热端换热元件C003835A320HE03035024001</t>
  </si>
  <si>
    <t>【豪顿】热端换热元件C003835A320HE04035024001</t>
  </si>
  <si>
    <t>【豪顿】热端换热元件C003835A320HE05035024001</t>
  </si>
  <si>
    <t>【豪顿】热端换热元件C003835A320HE06035024001</t>
  </si>
  <si>
    <t>【豪顿】热端换热元件C003835A320HE07035024001</t>
  </si>
  <si>
    <t>【豪顿】中温端换热元件C003835A320IE01100024001</t>
  </si>
  <si>
    <t>【豪顿】中温端换热元件C003835A320IE02100024001</t>
  </si>
  <si>
    <t>【豪顿】中温端换热元件C003835A320IE03100024001</t>
  </si>
  <si>
    <t>【豪顿】中温端换热元件C003835A320IE04100024001</t>
  </si>
  <si>
    <t>【豪顿】中温端换热元件C003835A320IE05100024001</t>
  </si>
  <si>
    <t>【豪顿】中温端换热元件C003835A320IE06100024001</t>
  </si>
  <si>
    <t>【豪顿】中温端换热元件C003835A320IE07100024001</t>
  </si>
  <si>
    <t>【豪顿】冷端换热元件C003835A320CE01095024002</t>
  </si>
  <si>
    <t>【豪顿】冷端换热元件C003835A320CE02095024002</t>
  </si>
  <si>
    <t>【豪顿】冷端换热元件C003835A320CE03095024002</t>
  </si>
  <si>
    <t>【豪顿】冷端换热元件C003835A320CE04095024002</t>
  </si>
  <si>
    <t>【豪顿】冷端换热元件C003835A320CE05095024002</t>
  </si>
  <si>
    <t>【豪顿】冷端换热元件C003835A320CE06095024002</t>
  </si>
  <si>
    <t>【豪顿】冷端换热元件C003835A320CE07095024002</t>
  </si>
  <si>
    <t>【豪顿】热端换热元件CAAR16744A320HE01125024001</t>
  </si>
  <si>
    <t>【豪顿】热端换热元件CAAR16744A320HE02125024001</t>
  </si>
  <si>
    <t>【豪顿】热端换热元件CAAR16744A320HE03125024001</t>
  </si>
  <si>
    <t>【豪顿】热端换热元件CAAR16744A320HE04125024001</t>
  </si>
  <si>
    <t>【豪顿】热端换热元件CAAR16744A320HE05125024001</t>
  </si>
  <si>
    <t>【豪顿】热端换热元件CAAR16744A320HE06125024001</t>
  </si>
  <si>
    <t>【豪顿】热端换热元件CAAR16744A320HE07125024001</t>
  </si>
  <si>
    <t>【豪顿】冷端换热元件CAAR16744A320CE01105024002</t>
  </si>
  <si>
    <t>【豪顿】冷端换热元件CAAR16744A320CE02105024002</t>
  </si>
  <si>
    <t>【豪顿】冷端换热元件CAAR16744A320CE03105024002</t>
  </si>
  <si>
    <t>【豪顿】冷端换热元件CAAR16744A320CE04105024002</t>
  </si>
  <si>
    <t>【豪顿】冷端换热元件CAAR16744A320CE05105024002</t>
  </si>
  <si>
    <t>【豪顿】冷端换热元件CAAR16744A320CE06105024002</t>
  </si>
  <si>
    <t>【豪顿】冷端换热元件CAAR16744A320CE07105024002</t>
  </si>
  <si>
    <t>【豪顿】热端换热元件C018533A320HE01120024001</t>
  </si>
  <si>
    <t>【豪顿】热端换热元件C018533A320HE02120024001</t>
  </si>
  <si>
    <t>【豪顿】热端换热元件C018533A320HE03120024001</t>
  </si>
  <si>
    <t>【豪顿】热端换热元件C018533A320HE04120024001</t>
  </si>
  <si>
    <t>【豪顿】热端换热元件C018533A320HE05120024001</t>
  </si>
  <si>
    <t>【豪顿】热端换热元件C018533A320HE06120024001</t>
  </si>
  <si>
    <t>【豪顿】冷端换热元件C018533A320CE01110024002</t>
  </si>
  <si>
    <t>【豪顿】冷端换热元件C018533A320CE02110024002</t>
  </si>
  <si>
    <t>【豪顿】冷端换热元件C018533A320CE03110024002</t>
  </si>
  <si>
    <t>【豪顿】冷端换热元件C018533A320CE04110024002</t>
  </si>
  <si>
    <t>【豪顿】冷端换热元件C018533A320CE05110024002</t>
  </si>
  <si>
    <t>【豪顿】冷端换热元件C018533A320CE06110024002</t>
  </si>
  <si>
    <t>【豪顿】热端换热元件H06777A320HE01060024001</t>
  </si>
  <si>
    <t>【豪顿】热端换热元件H06777A320HE02060024001</t>
  </si>
  <si>
    <t>【豪顿】热端换热元件H06777A320HE03060024001</t>
  </si>
  <si>
    <t>【豪顿】热端换热元件H06777A320HE04060024001</t>
  </si>
  <si>
    <t>【豪顿】热端换热元件H06777A320HE05060024001</t>
  </si>
  <si>
    <t>【豪顿】热端换热元件H06777A320HE06060024001</t>
  </si>
  <si>
    <t>【豪顿】热端换热元件H06777A320HE07060024001</t>
  </si>
  <si>
    <t>【豪顿】中温端换热元件H06777A320IE01100024001</t>
  </si>
  <si>
    <t>【豪顿】中温端换热元件H06777A320IE02100024001</t>
  </si>
  <si>
    <t>【豪顿】中温端换热元件H06777A320IE03100024001</t>
  </si>
  <si>
    <t>【豪顿】中温端换热元件H06777A320IE04100024001</t>
  </si>
  <si>
    <t>【豪顿】中温端换热元件H06777A320IE05100024001</t>
  </si>
  <si>
    <t>【豪顿】中温端换热元件H06777A320IE06100024001</t>
  </si>
  <si>
    <t>【豪顿】中温端换热元件H06777A320IE07100024001</t>
  </si>
  <si>
    <t>【豪顿】冷端换热元件H06777A320CE01090024002</t>
  </si>
  <si>
    <t>【豪顿】冷端换热元件H06777A320CE02090024002</t>
  </si>
  <si>
    <t>【豪顿】冷端换热元件H06777A320CE03090024002</t>
  </si>
  <si>
    <t>【豪顿】冷端换热元件H06777A320CE04090024002</t>
  </si>
  <si>
    <t>【豪顿】冷端换热元件H06777A320CE05090024002</t>
  </si>
  <si>
    <t>【豪顿】冷端换热元件H06777A320CE06090024002</t>
  </si>
  <si>
    <t>【豪顿】冷端换热元件H06777A320CE07090024002</t>
  </si>
  <si>
    <t>【豪顿】热端换热元件CAAM12554A320HE01100024001</t>
  </si>
  <si>
    <t>【豪顿】热端换热元件CAAM12554A320HE02100024001</t>
  </si>
  <si>
    <t>【豪顿】热端换热元件CAAM12554A320HE03100024001</t>
  </si>
  <si>
    <t>【豪顿】热端换热元件CAAM12554A320HE04100024001</t>
  </si>
  <si>
    <t>【豪顿】热端换热元件CAAM12554A320HE05100024001</t>
  </si>
  <si>
    <t>【豪顿】热端换热元件CAAM12554A320HE06100024001</t>
  </si>
  <si>
    <t>【豪顿】热端换热元件CAAM12554A320HE07100024001</t>
  </si>
  <si>
    <t>【豪顿】冷端换热元件CAAM12554A320CE01090024002</t>
  </si>
  <si>
    <t>【豪顿】冷端换热元件CAAM12554A320CE02090024002</t>
  </si>
  <si>
    <t>【豪顿】冷端换热元件CAAM12554A320CE03090024002</t>
  </si>
  <si>
    <t>【豪顿】冷端换热元件CAAM12554A320CE04090024002</t>
  </si>
  <si>
    <t>【豪顿】冷端换热元件CAAM12554A320CE05090024002</t>
  </si>
  <si>
    <t>【豪顿】冷端换热元件CAAM12554A320CE06090024002</t>
  </si>
  <si>
    <t>【豪顿】冷端换热元件CAAM12554A320CE07090024002</t>
  </si>
  <si>
    <t>【豪顿】热端换热元件\02Z01755A320HE01100024001</t>
  </si>
  <si>
    <t>【豪顿】热端换热元件\02Z01755A320HE02100024001</t>
  </si>
  <si>
    <t>【豪顿】热端换热元件\02Z01755A320HE03100024001</t>
  </si>
  <si>
    <t>【豪顿】热端换热元件\02Z01755A320HE04100024001</t>
  </si>
  <si>
    <t>【豪顿】热端换热元件\02Z01755A320HE05100024001</t>
  </si>
  <si>
    <t>【豪顿】热端换热元件\02Z01755A320HE06100024001</t>
  </si>
  <si>
    <t>【豪顿】热端换热元件\02Z01755A320HE07100024001</t>
  </si>
  <si>
    <t>【豪顿】冷端换热元件\02Z01755A320CE01100024002</t>
  </si>
  <si>
    <t>【豪顿】冷端换热元件\02Z01755A320CE02100024002</t>
  </si>
  <si>
    <t>【豪顿】冷端换热元件\02Z01755A320CE03100024002</t>
  </si>
  <si>
    <t>【豪顿】冷端换热元件\02Z01755A320CE04100024002</t>
  </si>
  <si>
    <t>【豪顿】冷端换热元件\02Z01755A320CE05100024002</t>
  </si>
  <si>
    <t>【豪顿】冷端换热元件\02Z01755A320CE06100024002</t>
  </si>
  <si>
    <t>【豪顿】冷端换热元件\02Z01755A320CE07100024002</t>
  </si>
  <si>
    <t>【豪顿】热端换热元件\06Z05235A325HE01115024001</t>
  </si>
  <si>
    <t>【豪顿】热端换热元件\06Z05235A325HE02115024001</t>
  </si>
  <si>
    <t>【豪顿】热端换热元件\06Z05235A325HE03115024001</t>
  </si>
  <si>
    <t>【豪顿】热端换热元件\06Z05235A325HE04115024001</t>
  </si>
  <si>
    <t>【豪顿】热端换热元件\06Z05235A325HE05115024001</t>
  </si>
  <si>
    <t>【豪顿】热端换热元件\06Z05235A325HE06115024001</t>
  </si>
  <si>
    <t>【豪顿】热端换热元件\06Z05235A325HE07115024001</t>
  </si>
  <si>
    <t>【豪顿】冷端换热元件\06Z05235A325CE01100024002</t>
  </si>
  <si>
    <t>【豪顿】冷端换热元件\06Z05235A325CE02100024002</t>
  </si>
  <si>
    <t>【豪顿】冷端换热元件\06Z05235A325CE03100024002</t>
  </si>
  <si>
    <t>【豪顿】冷端换热元件\06Z05235A325CE04100024002</t>
  </si>
  <si>
    <t>【豪顿】冷端换热元件\06Z05235A325CE05100024002</t>
  </si>
  <si>
    <t>【豪顿】冷端换热元件\06Z05235A325CE06100024002</t>
  </si>
  <si>
    <t>【豪顿】冷端换热元件\06Z05235A325CE07100024002</t>
  </si>
  <si>
    <t>【豪顿】热端换热元件C003826A325HE01025024001</t>
  </si>
  <si>
    <t>【豪顿】热端换热元件C003826A325HE02025024001</t>
  </si>
  <si>
    <t>【豪顿】热端换热元件C003826A325HE03025024001</t>
  </si>
  <si>
    <t>【豪顿】热端换热元件C003826A325HE04025024001</t>
  </si>
  <si>
    <t>【豪顿】热端换热元件C003826A325HE05025024001</t>
  </si>
  <si>
    <t>【豪顿】热端换热元件C003826A325HE06025024001</t>
  </si>
  <si>
    <t>【豪顿】中温端换热元件C003826A325IE01100024001</t>
  </si>
  <si>
    <t>【豪顿】中温端换热元件C003826A325IE02100024001</t>
  </si>
  <si>
    <t>【豪顿】中温端换热元件C003826A325IE03100024001</t>
  </si>
  <si>
    <t>【豪顿】中温端换热元件C003826A325IE04100024001</t>
  </si>
  <si>
    <t>【豪顿】中温端换热元件C003826A325IE05100024001</t>
  </si>
  <si>
    <t>【豪顿】中温端换热元件C003826A325IE06100024001</t>
  </si>
  <si>
    <t>【豪顿】冷端端换热元件C003826A325CE01080024002</t>
  </si>
  <si>
    <t>【豪顿】冷端换热元件C003826A325CE02080024002</t>
  </si>
  <si>
    <t>【豪顿】冷端换热元件C003826A325CE03080024002</t>
  </si>
  <si>
    <t>【豪顿】冷端换热元件C003826A325CE04080024002</t>
  </si>
  <si>
    <t>【豪顿】冷端换热元件C003826A325CE05080024002</t>
  </si>
  <si>
    <t>【豪顿】冷端换热元件C003826A325CE06080024002</t>
  </si>
  <si>
    <t>【豪顿】热端换热元件C012420A325HE01035024001</t>
  </si>
  <si>
    <t>【豪顿】热端换热元件C012420A325HE02035024001</t>
  </si>
  <si>
    <t>【豪顿】热端换热元件C012420A325HE03035024001</t>
  </si>
  <si>
    <t>【豪顿】热端换热元件C012420A325HE04035024001</t>
  </si>
  <si>
    <t>【豪顿】热端换热元件C012420A325HE05035024001</t>
  </si>
  <si>
    <t>【豪顿】热端换热元件C012420A325HE06035024001</t>
  </si>
  <si>
    <t>【豪顿】中温端换热元件C012420A325IE01100024001</t>
  </si>
  <si>
    <t>【豪顿】中温端换热元件C012420A325IE02100024001</t>
  </si>
  <si>
    <t>【豪顿】中温端换热元件C012420A325IE03100024001</t>
  </si>
  <si>
    <t>【豪顿】中温端换热元件C012420A325IE04100024001</t>
  </si>
  <si>
    <t>【豪顿】中温端换热元件C012420A325IE05100024001</t>
  </si>
  <si>
    <t>【豪顿】中温端换热元件C012420A325IE06100024001</t>
  </si>
  <si>
    <t>【豪顿】冷端换热元件C012420A325CE01115024002</t>
  </si>
  <si>
    <t>【豪顿】冷端换热元件C012420A325CE02115024002</t>
  </si>
  <si>
    <t>【豪顿】冷端换热元件C012420A325CE03115024002</t>
  </si>
  <si>
    <t>【豪顿】冷端换热元件C012420A325CE04115024002</t>
  </si>
  <si>
    <t>【豪顿】冷端换热元件C012420A325CE05115024002</t>
  </si>
  <si>
    <t>【豪顿】冷端换热元件C012420A325CE06115024002</t>
  </si>
  <si>
    <t>【豪顿】热端换热元件CA06696.97A330HE01110024001</t>
  </si>
  <si>
    <t>【豪顿】热端换热元件CA06696.97A330HE02110024001</t>
  </si>
  <si>
    <t>【豪顿】热端换热元件CA06696.97A330HE03110024001</t>
  </si>
  <si>
    <t>【豪顿】热端换热元件CA06696.97A330HE04110024001</t>
  </si>
  <si>
    <t>【豪顿】热端换热元件CA06696.97A330HE05110024001</t>
  </si>
  <si>
    <t>【豪顿】热端换热元件CA06696.97A330HE08110024001</t>
  </si>
  <si>
    <t>【豪顿】热端换热元件CA06696.97A330HE09110024001</t>
  </si>
  <si>
    <t>【豪顿】热端换热元件CA06696.97A330HE10110024001</t>
  </si>
  <si>
    <t>【豪顿】热端换热元件CA06696.97A330HE11110024001</t>
  </si>
  <si>
    <t>【豪顿】热端换热元件CA06696.97A330HE12110024001</t>
  </si>
  <si>
    <t>【豪顿】冷端换热元件CA06696.97A330CE01115024002</t>
  </si>
  <si>
    <t>【豪顿】冷端换热元件CA06696.97A330CE02115024002</t>
  </si>
  <si>
    <t>【豪顿】冷端换热元件CA06696.97A330CE03115024002</t>
  </si>
  <si>
    <t>【豪顿】冷端换热元件CA06696.97A330CE04115024002</t>
  </si>
  <si>
    <t>【豪顿】冷端换热元件CA06696.97A330CE05115024002</t>
  </si>
  <si>
    <t>【豪顿】冷端换热元件CA06696.97A330CE08115024002</t>
  </si>
  <si>
    <t>【豪顿】冷端换热元件CA06696.97A330CE09115024002</t>
  </si>
  <si>
    <t>【豪顿】冷端换热元件CA06696.97A330CE10115024002</t>
  </si>
  <si>
    <t>【豪顿】冷端换热元件CA06696.97A330CE11115024002</t>
  </si>
  <si>
    <t>【豪顿】冷端换热元件CA06696.97A330CE12115024002</t>
  </si>
  <si>
    <t>【豪顿】热端换热元件CA06699.00A330HE01030024001</t>
  </si>
  <si>
    <t>【豪顿】热端换热元件CA06699.00A330HE02030024001</t>
  </si>
  <si>
    <t>【豪顿】热端换热元件CA06699.00A330HE03030024001</t>
  </si>
  <si>
    <t>【豪顿】热端换热元件CA06699.00A330HE04030024001</t>
  </si>
  <si>
    <t>【豪顿】热端换热元件CA06699.00A330HE05030024001</t>
  </si>
  <si>
    <t>【豪顿】热端换热元件CA06699.00A330HE08030024001</t>
  </si>
  <si>
    <t>【豪顿】热端换热元件CA06699.00A330HE09030024001</t>
  </si>
  <si>
    <t>【豪顿】热端换热元件CA06699.00A330HE10030024001</t>
  </si>
  <si>
    <t>【豪顿】热端换热元件CA06699.00A330HE11030024001</t>
  </si>
  <si>
    <t>【豪顿】热端换热元件CA06699.00A330HE12030024001</t>
  </si>
  <si>
    <t>【豪顿】中温端换热元件CA06699.00A330IE01084024001</t>
  </si>
  <si>
    <t>【豪顿】中温端换热元件CA06699.00A330IE02084024001</t>
  </si>
  <si>
    <t>【豪顿】中温端换热元件CA06699.00A330IE03084024001</t>
  </si>
  <si>
    <t>【豪顿】中温端换热元件CA06699.00A330IE04084024001</t>
  </si>
  <si>
    <t>【豪顿】中温端换热元件CA06699.00A330IE05084024001</t>
  </si>
  <si>
    <t>【豪顿】中温端换热元件CA06699.00A330IE08084024001</t>
  </si>
  <si>
    <t>【豪顿】中温端换热元件CA06699.00A330IE09084024001</t>
  </si>
  <si>
    <t>【豪顿】中温端换热元件CA06699.00A330IE10084024001</t>
  </si>
  <si>
    <t>【豪顿】中温端换热元件CA06699.00A330IE11084024001</t>
  </si>
  <si>
    <t>【豪顿】中温端换热元件CA06699.00A330IE12084024001</t>
  </si>
  <si>
    <t>【豪顿】冷端换热元件CA06699.00A330CE01115024002</t>
  </si>
  <si>
    <t>【豪顿】冷端换热元件CA06699.00A330CE02115024002</t>
  </si>
  <si>
    <t>【豪顿】冷端换热元件CA06699.00A330CE03115024002</t>
  </si>
  <si>
    <t>【豪顿】冷端换热元件CA06699.00A330CE04115024002</t>
  </si>
  <si>
    <t>【豪顿】冷端换热元件CA06699.00A330CE05115024002</t>
  </si>
  <si>
    <t>【豪顿】冷端换热元件CA06699.00A330CE08115024002</t>
  </si>
  <si>
    <t>【豪顿】冷端换热元件CA06699.00A330CE09115024002</t>
  </si>
  <si>
    <t>【豪顿】冷端换热元件CA06699.00A330CE10115024002</t>
  </si>
  <si>
    <t>【豪顿】冷端换热元件CA06699.00A330CE11115024002</t>
  </si>
  <si>
    <t>【豪顿】冷端换热元件CA06699.00A330CE12115024002</t>
  </si>
  <si>
    <t>【豪顿】热端换热元件CAAM11679A335HE01084024001</t>
  </si>
  <si>
    <t>【豪顿】热端换热元件CAAM11679A335HE02084024001</t>
  </si>
  <si>
    <t>【豪顿】热端换热元件CAAM11679A335HE03084024001</t>
  </si>
  <si>
    <t>【豪顿】热端换热元件CAAM11679A335HE04084024001</t>
  </si>
  <si>
    <t>【豪顿】热端换热元件CAAM11679A335HE05084024001</t>
  </si>
  <si>
    <t>【豪顿】热端换热元件CAAM11679A335HE06084024001</t>
  </si>
  <si>
    <t>【豪顿】热端换热元件CAAM11679A335HE07084024001</t>
  </si>
  <si>
    <t>【豪顿】冷端换热元件CAAM11679A335CE01090024002</t>
  </si>
  <si>
    <t>【豪顿】冷端换热元件CAAM11679A335CE02090024002</t>
  </si>
  <si>
    <t>【豪顿】冷端换热元件CAAM11679A335CE03090024002</t>
  </si>
  <si>
    <t>【豪顿】冷端换热元件CAAM11679A335CE04090024002</t>
  </si>
  <si>
    <t>【豪顿】冷端换热元件CAAM11679A335CE05090024002</t>
  </si>
  <si>
    <t>【豪顿】冷端换热元件CAAM11679A335CE06090024002</t>
  </si>
  <si>
    <t>【豪顿】冷端换热元件CAAM11679A335CE07090024002</t>
  </si>
  <si>
    <t>【豪顿】热端换热元件\07Z06005A335HE01084024001</t>
  </si>
  <si>
    <t>【豪顿】热端换热元件\07Z06005A335HE02084024001</t>
  </si>
  <si>
    <t>【豪顿】热端换热元件\07Z06005A335HE03084024001</t>
  </si>
  <si>
    <t>【豪顿】热端换热元件\07Z06005A335HE04084024001</t>
  </si>
  <si>
    <t>【豪顿】热端换热元件\07Z06005A335HE05084024001</t>
  </si>
  <si>
    <t>【豪顿】热端换热元件\07Z06005A335HE06084024001</t>
  </si>
  <si>
    <t>【豪顿】热端换热元件\07Z06005A335HE07084024001</t>
  </si>
  <si>
    <t>【豪顿】冷端换热元件\07Z06005A335CE01090024002</t>
  </si>
  <si>
    <t>【豪顿】冷端换热元件\07Z06005A335CE02090024002</t>
  </si>
  <si>
    <t>【豪顿】冷端换热元件\07Z06005A335CE03090024002</t>
  </si>
  <si>
    <t>【豪顿】冷端换热元件\07Z06005A335CE04090024002</t>
  </si>
  <si>
    <t>【豪顿】冷端换热元件\07Z06005A335CE05090024002</t>
  </si>
  <si>
    <t>【豪顿】冷端换热元件\07Z06005A335CE06090024002</t>
  </si>
  <si>
    <t>【豪顿】冷端换热元件\07Z06005A335CE07090024002</t>
  </si>
  <si>
    <t>【豪顿】热端换热元件C007347A335HE01120024001</t>
  </si>
  <si>
    <t>【豪顿】热端换热元件C007347A335HE02120024001</t>
  </si>
  <si>
    <t>【豪顿】热端换热元件C007347A335HE03120024001</t>
  </si>
  <si>
    <t>【豪顿】热端换热元件C007347A335HE04120024001</t>
  </si>
  <si>
    <t>【豪顿】热端换热元件C007347A335HE05120024001</t>
  </si>
  <si>
    <t>【豪顿】热端换热元件C007347A335HE06120024001</t>
  </si>
  <si>
    <t>【豪顿】热端换热元件C007347A335HE07120024001</t>
  </si>
  <si>
    <t>【豪顿】冷端换热元件C007347A335CE01095024002</t>
  </si>
  <si>
    <t>【豪顿】冷端换热元件C007347A335CE02095024002</t>
  </si>
  <si>
    <t>【豪顿】冷端换热元件C007347A335CE03095024002</t>
  </si>
  <si>
    <t>【豪顿】冷端换热元件C007347A335CE04095024002</t>
  </si>
  <si>
    <t>【豪顿】冷端换热元件C007347A335CE05095024002</t>
  </si>
  <si>
    <t>【豪顿】冷端换热元件C007347A335CE06095024002</t>
  </si>
  <si>
    <t>【豪顿】冷端换热元件C007347A335CE07095024002</t>
  </si>
  <si>
    <t>【豪顿】热端换热元件C015499A335HE01030024001</t>
  </si>
  <si>
    <t>【豪顿】热端换热元件C015499A335HE02030024001</t>
  </si>
  <si>
    <t>【豪顿】热端换热元件C015499A335HE03030024001</t>
  </si>
  <si>
    <t>【豪顿】热端换热元件C015499A335HE04030024001</t>
  </si>
  <si>
    <t>【豪顿】热端换热元件C015499A335HE05030024001</t>
  </si>
  <si>
    <t>【豪顿】热端换热元件C015499A335HE06030024001</t>
  </si>
  <si>
    <t>【豪顿】中温端换热元件C015499A335IE01100024001</t>
  </si>
  <si>
    <t>【豪顿】中温端换热元件C015499A335IE02100024001</t>
  </si>
  <si>
    <t>【豪顿】中温端换热元件C015499A335IE03100024001</t>
  </si>
  <si>
    <t>【豪顿】中温端换热元件C015499A335IE04100024001</t>
  </si>
  <si>
    <t>【豪顿】中温端换热元件C015499A335IE05100024001</t>
  </si>
  <si>
    <t>【豪顿】中温端换热元件C015499A335IE06100024001</t>
  </si>
  <si>
    <t>【豪顿】冷端换热元件C015499A335CE01110024002</t>
  </si>
  <si>
    <t>【豪顿】冷端换热元件C015499A335CE02110024002</t>
  </si>
  <si>
    <t>【豪顿】冷端换热元件C015499A335CE03110024002</t>
  </si>
  <si>
    <t>【豪顿】冷端换热元件C015499A335CE04110024002</t>
  </si>
  <si>
    <t>【豪顿】冷端换热元件C015499A335CE05110024002</t>
  </si>
  <si>
    <t>【豪顿】冷端换热元件C015499A335CE06110024002</t>
  </si>
  <si>
    <t>【豪顿】热端换热元件C024345A350HE01120024001</t>
  </si>
  <si>
    <t>【豪顿】热端换热元件C024345A350HE02120024001</t>
  </si>
  <si>
    <t>【豪顿】热端换热元件C024345A350HE03120024001</t>
  </si>
  <si>
    <t>【豪顿】热端换热元件C024345A350HE04120024001</t>
  </si>
  <si>
    <t>【豪顿】热端换热元件C024345A350HE05120024001</t>
  </si>
  <si>
    <t>【豪顿】热端换热元件C024345A350HE06120024001</t>
  </si>
  <si>
    <t>【豪顿】热端换热元件C024345A350HE07120024001</t>
  </si>
  <si>
    <t>【豪顿】冷端换热元件C024345A350CE01110024002</t>
  </si>
  <si>
    <t>【豪顿】冷端换热元件C024345A350CE02110024002</t>
  </si>
  <si>
    <t>【豪顿】冷端换热元件C024345A350CE03110024002</t>
  </si>
  <si>
    <t>【豪顿】冷端换热元件C024345A350CE04110024002</t>
  </si>
  <si>
    <t>【豪顿】冷端换热元件C024345A350CE05110024002</t>
  </si>
  <si>
    <t>【豪顿】冷端换热元件C024345A350CE06110024002</t>
  </si>
  <si>
    <t>【豪顿】冷端换热元件C024345A350CE07110024002</t>
  </si>
  <si>
    <t>【豪顿】热端换热元件C015883A355HE01045024001</t>
  </si>
  <si>
    <t>【豪顿】热端换热元件C015883A355HE02045024001</t>
  </si>
  <si>
    <t>【豪顿】热端换热元件C015883A355HE03045024001</t>
  </si>
  <si>
    <t>【豪顿】热端换热元件C015883A355HE04045024001</t>
  </si>
  <si>
    <t>【豪顿】热端换热元件C015883A355HE05045024001</t>
  </si>
  <si>
    <t>【豪顿】热端换热元件C015883A355HE06045024001</t>
  </si>
  <si>
    <t>【豪顿】热端换热元件C015883A355HE07045024001</t>
  </si>
  <si>
    <t>【豪顿】热端换热元件C015883A355HE08045024001</t>
  </si>
  <si>
    <t>【豪顿】中温端换热元件C015883A355IE01100024001</t>
  </si>
  <si>
    <t>【豪顿】中温端换热元件C015883A355IE02100024001</t>
  </si>
  <si>
    <t>【豪顿】中温端换热元件C015883A355IE03100024001</t>
  </si>
  <si>
    <t>【豪顿】中温端换热元件C015883A355IE04100024001</t>
  </si>
  <si>
    <t>【豪顿】中温端换热元件C015883A355IE05100024001</t>
  </si>
  <si>
    <t>【豪顿】中温端换热元件C015883A355IE06100024001</t>
  </si>
  <si>
    <t>【豪顿】中温端换热元件C015883A355IE07100024001</t>
  </si>
  <si>
    <t>【豪顿】中温端换热元件C015883A355IE08100024001</t>
  </si>
  <si>
    <t>【豪顿】冷端换热元件C015883A355CE01110024002</t>
  </si>
  <si>
    <t>【豪顿】冷端换热元件C015883A355CE02110024002</t>
  </si>
  <si>
    <t>【豪顿】冷端换热元件C015883A355CE03110024002</t>
  </si>
  <si>
    <t>【豪顿】冷端换热元件C015883A355CE04110024002</t>
  </si>
  <si>
    <t>【豪顿】冷端换热元件C015883A355CE05110024002</t>
  </si>
  <si>
    <t>【豪顿】冷端换热元件C015883A355CE06110024002</t>
  </si>
  <si>
    <t>【豪顿】冷端换热元件C015883A355CE07110024002</t>
  </si>
  <si>
    <t>【豪顿】冷端换热元件C015883A355CE08110024002</t>
  </si>
  <si>
    <t>【豪顿】热端换热元件H06936A355HE01030024001</t>
  </si>
  <si>
    <t>【豪顿】热端换热元件H06936A355HE02030024001</t>
  </si>
  <si>
    <t>【豪顿】热端换热元件H06936A355HE03030024001</t>
  </si>
  <si>
    <t>【豪顿】热端换热元件H06936A355HE04030024001</t>
  </si>
  <si>
    <t>【豪顿】热端换热元件H06936A355HE05030024001</t>
  </si>
  <si>
    <t>【豪顿】热端换热元件H06936A355HE06030024001</t>
  </si>
  <si>
    <t>【豪顿】热端换热元件H06936A355HE07030024001</t>
  </si>
  <si>
    <t>【豪顿】热端换热元件H06936A355HE08030024001</t>
  </si>
  <si>
    <t>【豪顿】中温端换热元件H06936A355IE01100024001</t>
  </si>
  <si>
    <t>【豪顿】中温端换热元件H06936A355IE02100024001</t>
  </si>
  <si>
    <t>【豪顿】中温端换热元件H06936A355IE03100024001</t>
  </si>
  <si>
    <t>【豪顿】中温端换热元件H06936A355IE04100024001</t>
  </si>
  <si>
    <t>【豪顿】中温端换热元件H06936A355IE05100024001</t>
  </si>
  <si>
    <t>【豪顿】中温端换热元件H06936A355IE06100024001</t>
  </si>
  <si>
    <t>【豪顿】中温端换热元件H06936A355IE07100024001</t>
  </si>
  <si>
    <t>【豪顿】中温端换热元件H06936A355IE08100024001</t>
  </si>
  <si>
    <t>【豪顿】冷端换热元件H06936A355CE01096024002</t>
  </si>
  <si>
    <t>【豪顿】冷端换热元件H06936A355CE02096024002</t>
  </si>
  <si>
    <t>【豪顿】冷端换热元件H06936A355CE03096024002</t>
  </si>
  <si>
    <t>【豪顿】冷端换热元件H06936A355CE04096024002</t>
  </si>
  <si>
    <t>【豪顿】冷端换热元件H06936A355CE05096024002</t>
  </si>
  <si>
    <t>【豪顿】冷端换热元件H06936A355CE06096024002</t>
  </si>
  <si>
    <t>【豪顿】冷端换热元件H06936A355CE07096024002</t>
  </si>
  <si>
    <t>【豪顿】冷端换热元件H06936A355CE08096024002</t>
  </si>
  <si>
    <t>【靖江华和】头部总成\MAC1400-2-4-9\1800×2582×2534\LYMAC-14</t>
  </si>
  <si>
    <t>靖江华和</t>
  </si>
  <si>
    <t>WZSCCG-2020-BJ-035</t>
  </si>
  <si>
    <t>国家能源e购商城靖江华和干渣机备件商城铺货长协采购</t>
  </si>
  <si>
    <t>【靖江华和】头部壳体\MAC1400-2-4-9-1\1800×1800×2534\LYMAC-14</t>
  </si>
  <si>
    <t>【靖江华和】观察孔炉门\MAC1400-1-1-41-25\L=320 W=220 H=74\LYMAC-14</t>
  </si>
  <si>
    <t>【靖江华和】壳体板块\MAC1400-2-4-9-1-6\758×665×120\LYMAC-14</t>
  </si>
  <si>
    <t>【靖江华和】导料板\MAC1400-2-4-9-1-8\930×457×8\LYMAC-14</t>
  </si>
  <si>
    <t>【靖江华和】导风板\MAC1400-2-4-9-1-9\L=1560 δ=8 Q235A\LYMAC-14</t>
  </si>
  <si>
    <t>【靖江华和】挡料板\MAC1400-2-4-9-1-10\1560×620×6\LYMAC-14</t>
  </si>
  <si>
    <t>【靖江华和】掉渣斗安装板\MAC1400-2-4-9-1-13\63×6×1800\LYMAC-14</t>
  </si>
  <si>
    <t>【靖江华和】输送链导向辊总成\MAC1400-2-4-1-2\W=130 H=205 L=197\LYMAC-1400</t>
  </si>
  <si>
    <t>【靖江华和】支撑板\MAC1400-2-4-1-2-1\W=130 H=205 L=182\LYMAC-14</t>
  </si>
  <si>
    <t>【靖江华和】辊轴\φ30/M22/L=120\MAC1400-2-4-1-2-2\LYMAC-14</t>
  </si>
  <si>
    <t>【靖江华和】压盖\φ80-φ26/δ=13.5\MAC1400-2-4-1-2-3\LYMAC-14</t>
  </si>
  <si>
    <t>【靖江华和】辊轮\φ90-φ40/L=60\MAC1400-2-4-1-2-4\LYMAC-14</t>
  </si>
  <si>
    <t>【靖江华和】挡圈\φ52-φ46/L=15\MAC1400-2-4-1-2-5\LYMAC-14</t>
  </si>
  <si>
    <t>【靖江华和】轴承组件\25×52×15/6205\MAC1400</t>
  </si>
  <si>
    <t>【靖江华和】挡盖\φ52-φ45/δ=5\MAC1400-2-4-1-2-6\LYMAC-14</t>
  </si>
  <si>
    <t>【靖江华和】输送链托辊总成\φ108-φ40/L=2038/组装件\MAC1400-2-4-1-3\LYMAC-14</t>
  </si>
  <si>
    <t>【靖江华和】轴承组件\40×80×18/1208\MAC1400</t>
  </si>
  <si>
    <t>【靖江华和】轴承端盖\φ116-φ42/L=16.5\MAC1400-2-4-1-3-1\LYMAC-14</t>
  </si>
  <si>
    <t>【靖江华和】轴承座\φ120/W=73/H=150\MAC1400-2-4-1-3-2\LYMAC-14</t>
  </si>
  <si>
    <t>【靖江华和】密封压板\φ184-φ42/L=17\MAC1400-2-4-1-3-3\LYMAC-14</t>
  </si>
  <si>
    <t>【靖江华和】密封压盖\φ100-φ42/L=13\MAC1400-2-4-1-3-4\LYMAC-14</t>
  </si>
  <si>
    <t>【靖江华和】托辊\φ108-φ40/L=2038\MAC1400-2-4-1-3-5K\LYMAC-14</t>
  </si>
  <si>
    <t>【靖江华和】压簧\φ50-φ3/L=61\MAC1400-2-4-1-3-6\LYMAC-14</t>
  </si>
  <si>
    <t>【靖江华和】挡环\φ80-φ72/δ=8\MAC1400-2-4-1-3-7\LYMAC-14</t>
  </si>
  <si>
    <t>【靖江华和】压盖\φ70-φ42/δ=8.5\MAC1400-2-4-1-3-8\LYMAC-14</t>
  </si>
  <si>
    <t>【靖江华和】输送链回程托辊总成\φ150/φ50-φ45-φ40/组合件\MAC1400-2-4-1-4\LYMAC-14</t>
  </si>
  <si>
    <t>【靖江华和】轴\MAC1400-2-4-1-4-1\φ50-φ40 L=284</t>
  </si>
  <si>
    <t>【靖江华和】轴承座\φ120/W=73/H=150\MAC1400-2-4-1-4-2\LYMAC-14</t>
  </si>
  <si>
    <t>【靖江华和】辊轮\φ150-φ45/L=65\MAC1400-2-4-1-4-3\LYMAC-14</t>
  </si>
  <si>
    <t>【靖江华和】清扫链托辊总成\MAC1400-2-4-1-5\φ146-φ40组合件\LYMAC-14</t>
  </si>
  <si>
    <t>【靖江华和】轴\φ40/L=259\MAC1400-2-4-1-5-1\LYMAC-14</t>
  </si>
  <si>
    <t>【靖江华和】托辊\φ146-φ40/L=80\MAC1400-2-4-1-5-2\LYMAC-14</t>
  </si>
  <si>
    <t>【靖江华和】输送链传动辊\MAC1400-2-4-9-2-2\驱动 装配件 φ605 L=2553\LYMAC-14</t>
  </si>
  <si>
    <t>【靖江华和】传动辊轴\φ185-φ170-φ155/L=2582\45\MAC1400-2-4-9-2-2-1\LYMAC-14</t>
  </si>
  <si>
    <t>【靖江华和】接套\φ420-φ175/L=165\45\MAC1400-2-4-9-2-2-2\LYMAC-14</t>
  </si>
  <si>
    <t>【靖江华和】辊筒法兰盘\φ570-φ255/δ=30\45\MAC1400-2-4-9-2-2-3\LYMAC-14</t>
  </si>
  <si>
    <t>【靖江华和】辊筒\φ605-φ565/L=1460\45\MAC1400-2-4-9-2-2-4\LYMAC-14</t>
  </si>
  <si>
    <t>【靖江华和】紧定套\φ220-φ190/H=112/H3038\不锈轴承钢\MAC1400</t>
  </si>
  <si>
    <t>【靖江华和】轴承组件\190×290×75/23038MBK\不锈轴承钢\MAC1400</t>
  </si>
  <si>
    <t>【靖江华和】轴承座\L=560/W=250/H=345/φ290/SD(SN)3038\不锈轴承钢\SD(SN)3038\MAC1400</t>
  </si>
  <si>
    <t>【靖江华和】钢带驱动装置轴承座组件\L=550/W=235/H=345/φ290/SN3038\不锈轴承钢\SN3038\MAC1400</t>
  </si>
  <si>
    <t>【靖江华和】清扫链驱动轴总成\φ115/L=2368\MAC1400-2-4-9-2-00\LYMAC-14</t>
  </si>
  <si>
    <t>【靖江华和】链轮轴\φ115-φ100-φ90/L=2368\MAC1400-2-4-9-2-5\LYMAC-14</t>
  </si>
  <si>
    <t>【靖江华和】链轮轴承座\φ280-φ170/L=118\MAC1400-2-4-9-2-9\LYMAC-14</t>
  </si>
  <si>
    <t>【靖江华和】轴承组件\110×170×45/23022MBK\MAC1400</t>
  </si>
  <si>
    <t>【靖江华和】紧定套\φ145-φ110/H=77/H322\MAC1400</t>
  </si>
  <si>
    <t>【靖江华和】链轮轴承座端盖\φ210-φ154/L=41\MAC1400-2-4-9-2-10\LYMAC-14</t>
  </si>
  <si>
    <t>【靖江华和】压盖\φ240-φ175/δ=20\MAC1400-2-4-9-2-14\LYMAC-14</t>
  </si>
  <si>
    <t>【靖江华和】驱动链轮\φ324-φ105/L=100\MAC1400-1-6-4\LYMAC-14</t>
  </si>
  <si>
    <t>【靖江华和】隔套\φ170-φ154/δ=21\MAC1400-1-6-24\LYMAC-14</t>
  </si>
  <si>
    <t>【靖江华和】清扫链驱动轴承座组件\组合件\MAC1400-2-4-9-2-00-01\LYMAC-14</t>
  </si>
  <si>
    <t>【靖江华和】尾部总成\MAC1400-2-4-1\2510×1800×1888\LYMAC-14</t>
  </si>
  <si>
    <t>【靖江华和】主壳体\MAC1400-2-4-1-1\2510×1800×1770\LYMAC-14</t>
  </si>
  <si>
    <t>【靖江华和】可视工艺孔盖板\MAC1400-2-4-1-1-3\270×155×8\LYMAC-14</t>
  </si>
  <si>
    <t>【靖江华和】挡风板\MAC1400-2-4-1-1-4\L=1145 W=610 H=165\LYMAC-14</t>
  </si>
  <si>
    <t>【靖江华和】尾部壳体块板\MAC1400-2-4-1-1-5\左、右W=2398 H=1770\LYMAC-14</t>
  </si>
  <si>
    <t>【靖江华和】尾部壳体扇门\MAC1400-2-4-1-1-7\左、右W=817 H=1374 L=80\LYMAC-14</t>
  </si>
  <si>
    <t>【靖江华和】配风调节口\MAC1400-2-4-1-1-8\L=600 W=258 H=270\LYMAC-14</t>
  </si>
  <si>
    <t>【靖江华和】导料板\MAC1400-2-4-1-1-12\L=490 W=457 H=238\LYMAC-10C</t>
  </si>
  <si>
    <t>【靖江华和】防磨衬板\MAC1400-2-4-2-1-4-01\2400×290×10\LYMAC-14</t>
  </si>
  <si>
    <t>【靖江华和】底板\MAC1400-2-4-2-1-3-01\1800×1195×50\LYMAC-14</t>
  </si>
  <si>
    <t>【靖江华和】从动链轮\MAC1400-1-1-6\φ236-φ65 L=100\LYMAC-14</t>
  </si>
  <si>
    <t>【靖江华和】链轮轴承滑动板\770×234×15\MAC1400-2-4-1-6-3\LYMAC-14</t>
  </si>
  <si>
    <t>【靖江华和】轴承组件\75×130×31/22215MBK\MAC1400</t>
  </si>
  <si>
    <t>【靖江华和】紧定套\φ98-φ75/H=55/H315\LYMAC-14</t>
  </si>
  <si>
    <t>【靖江华和】钢带被动装置轴承座组件\L=410/W=175/H=240/φ200/SN522\不锈轴承钢\SN522\MAC1400</t>
  </si>
  <si>
    <t>【靖江华和】气缸\组合件\QGBZ250×500MF1-00\MAC1400</t>
  </si>
  <si>
    <t>【靖江华和】气缸\组合件\QGBZ160×250MF1-00\MAC1400</t>
  </si>
  <si>
    <t>【靖江华和】气缸密封件\橡胶\QGBZ250×500MF1-01\MAC1400</t>
  </si>
  <si>
    <t>【靖江华和】气缸密封件\橡胶\QGBZ160×250MF1-01\MAC1400</t>
  </si>
  <si>
    <t>【靖江华和】清扫链轮轴承座\190×190/φ160-φ130/L=85\MAC1400-1-1-22\LYMAC-14</t>
  </si>
  <si>
    <t>【靖江华和】轴承组件\110×200×53/22222MBK\MAC1400</t>
  </si>
  <si>
    <t>【靖江华和】链轮轴\φ75-φ65/L=1864\MAC1400-2-4-1-6-8\LYMAC-14</t>
  </si>
  <si>
    <t>【靖江华和】清扫链从动轴总成\φ75/L=1864/组合件\MAC1400-2-4-1-6-00\LYMAC-14</t>
  </si>
  <si>
    <t>【靖江华和】清扫链从动轴承座组件\H=320/组合件\MAC1400-2-4-1-6-00-01\LYMAC-14</t>
  </si>
  <si>
    <t>【靖江华和】输送链转向辊总成\φ605/L=2330/从动组合件\组合件\MAC1400-2-4-1-6-10\LYMAC-14</t>
  </si>
  <si>
    <t>【靖江华和】转向辊轴\φ130-φ100/L=2330\45\MAC1400-2-4-1-6-10-1\LYMAC-14</t>
  </si>
  <si>
    <t>【靖江华和】接套\φ320-φ120/L=135\45\MAC1400-2-4-1-6-10-2\LYMAC-14</t>
  </si>
  <si>
    <t>【靖江华和】辊筒法兰盘\φ574-φ180/δ=20\45\MAC1400-2-4-1-6-10-3\LYMAC-14</t>
  </si>
  <si>
    <t>【靖江华和】辊筒\φ605-φ569/L=1460\45\MAC1400-2-4-1-6-10-4\LYMAC-14</t>
  </si>
  <si>
    <t>【靖江华和】连接密封板\t=5\Q235-A\MAC1400-2-4-15-3\LYMAC-14</t>
  </si>
  <si>
    <t>【靖江华和】中间段\MAC1400-2-4-2（2.4）\2398×1836×1828\LYMAC-14</t>
  </si>
  <si>
    <t>【靖江华和】中间段壳体\MAC1400-2-4-2-1（2.4）\2398×1836×1800\LYMAC-14</t>
  </si>
  <si>
    <t>【靖江华和】挡灰板\MAC1400-2-4-2-1-1\75×38 L=3\LYMAC-14</t>
  </si>
  <si>
    <t>【靖江华和】底板\MAC1400-2-4-2-1-3-02\1800×1195×56\LYMAC-10C</t>
  </si>
  <si>
    <t>【靖江华和】防磨衬板\MAC1400-2-4-2-1-4-02\1196×290×10\LYMAC-10C</t>
  </si>
  <si>
    <t>【靖江华和】壳体板块\MAC1400-2-4-2-1-6\左、右2398×1770×120\LYMAC-10C</t>
  </si>
  <si>
    <t>【靖江华和】维修孔炉门\MAC1400-2-4-2-1-8\680×420×8\LYMAC-14</t>
  </si>
  <si>
    <t>【靖江华和】导料板\MAC1400-2-4-2-1-9\1190×457×228\LYMAC-12C</t>
  </si>
  <si>
    <t>【靖江华和】导风板\MAC1400-2-4-2-1-10\1560×1198×498\LYMAC-10C</t>
  </si>
  <si>
    <t>【靖江华和】配风口\MAC1400-1-3-5\L=150 W=1400 H=142\LYMAC-14</t>
  </si>
  <si>
    <t>【靖江华和】中间段\MAC1400-2-4-4（1.2）\1198×1828×1770\LYMAC-10C</t>
  </si>
  <si>
    <t>【靖江华和】中间段壳体\MAC1400-2-4-4-1（1.2）\1198×1800×1770\LYMAC-10C</t>
  </si>
  <si>
    <t>【靖江华和】壳体板块\MAC1400-2-4-4-1-1\左、右1198×1770×120\LYMAC-12C</t>
  </si>
  <si>
    <t>【靖江华和】底板\MAC1400-2-4-4-1-5\1800×1188×56\LYMAC-12C</t>
  </si>
  <si>
    <t>【靖江华和】过渡段\MAC1400-2-4-6\12度 H=2454 L=1828\LYMAC-14</t>
  </si>
  <si>
    <t>【靖江华和】过渡段壳体\MAC1400-2-4-6-1\12度 H=2454 L=1800\LYMAC-14</t>
  </si>
  <si>
    <t>【靖江华和】壳体板块\MAC1400-2-4-6-1-1\左、右1530×1801×120 12度\HYDL1000</t>
  </si>
  <si>
    <t>【靖江华和】导料板\MAC1400-2-4-6-1-5\1256×563×228 12度\HYDL1000</t>
  </si>
  <si>
    <t>【靖江华和】导风板\MAC1400-2-4-6-1-6\1386×1560×850\LYMAC-12C</t>
  </si>
  <si>
    <t>【靖江华和】防磨衬板\MAC1400-2-4-6-1-8\1528×290×10 12度\LYMAC-12C</t>
  </si>
  <si>
    <t>【靖江华和】底板\MAC1400-2-4-6-1-9\1800×1543×6 12度\HYDL1000</t>
  </si>
  <si>
    <t>【靖江华和】过渡段\MAC1400-2-4-7\8度 H=2401.5 W=1828\LYMAC-10C</t>
  </si>
  <si>
    <t>【靖江华和】过渡段壳体\MAC1400-2-4-7-1\8度 H=2401.5 W=1800\LYMAC-10C</t>
  </si>
  <si>
    <t>【靖江华和】壳体板块\MAC1400-2-4-7-1-4\左、右H=1770 8度\HYDL1200</t>
  </si>
  <si>
    <t>【靖江华和】导料板\MAC1400-2-4-7-1-5\829×457×228\HYDL1200</t>
  </si>
  <si>
    <t>【靖江华和】导风板\MAC1400-2-4-7-1-6\1560×926×533\HYDL1000</t>
  </si>
  <si>
    <t>【靖江华和】维修孔炉门\MAC1400-2-4-7-1-7\225×155×8\LYMAC-10C</t>
  </si>
  <si>
    <t>【靖江华和】防磨衬板\MAC1400-2-4-7-1-8\1018×290×10\MAC1400-2-4-7-1-8\1018×290×10\HYDL1000</t>
  </si>
  <si>
    <t>【靖江华和】底板\MAC1400-2-4-7-1-9\1800×1030×6 8度\HYDL1200</t>
  </si>
  <si>
    <t>【靖江华和】掉渣斗维修门\MAC1400-2-4-10-2B\680×680\LYMAC-14</t>
  </si>
  <si>
    <t>【靖江华和】头部观察箱\MAC1400-2-4-11\W=1784 H=1357\LYMAC-14</t>
  </si>
  <si>
    <t>【靖江华和】输送链\L=3150/W=1404/输送钢带\MAC1400-2-4-19\LYMAC-14</t>
  </si>
  <si>
    <t>【靖江华和】输送链链板\L=1404/W=82/δ=5\MAC1400-2-4-19-1\LYMAC-14</t>
  </si>
  <si>
    <t>【靖江华和】耳板\δ=5/左\MAC1400-2-4-19-1L\LYMAC-14</t>
  </si>
  <si>
    <t>【靖江华和】耳板\δ=5/右\MAC1400-2-4-19-1R\LYMAC-14</t>
  </si>
  <si>
    <t>【靖江华和】输送网带\φ4/L=31.5\MAC1400-2-4-19-2\LYMAC-14</t>
  </si>
  <si>
    <t>【靖江华和】网带插条\φ5/L=1371.5\MAC1400-2-4-19-2-2\LYMAC-14</t>
  </si>
  <si>
    <t>【靖江华和】安全销\70×18×5\MAC1400-2-4-19-3\LYMAC-14</t>
  </si>
  <si>
    <t>【靖江华和】螺钉\M8\MAC1400</t>
  </si>
  <si>
    <t>【靖江华和】清扫链链条\φ18×64×21\MAC1400-2-4-20-3\LYMAC-14</t>
  </si>
  <si>
    <t>【靖江华和】卡子\φ18×64\MAC1400-2-4-20-4\LYMAC-14</t>
  </si>
  <si>
    <t>【靖江华和】清扫链条联接螺栓\M16×90  8.8级\LYMAC-1400</t>
  </si>
  <si>
    <t>【靖江华和】刮板\L=1320/W=65/Q235A\MAC1400-2-4-20-1\LYMAC-14</t>
  </si>
  <si>
    <t>【靖江华和】清扫链刮板胶板\1520×100×10\MAC1400</t>
  </si>
  <si>
    <t>【靖江华和】清扫链刮板销子\φ20×65mm材质#45钢\LYMAC-1400</t>
  </si>
  <si>
    <t>【靖江华和】干排机观察孔玻璃\φ345×20mm\LYMAC-1400</t>
  </si>
  <si>
    <t>【靖江华和】干排机观察孔玻璃\φ209×12mm\MAC1400</t>
  </si>
  <si>
    <t>【靖江华和】排渣机高温耐热玻璃\219×10\LYMAC-1400</t>
  </si>
  <si>
    <t>【靖江华和】高温玻璃\230×160×8\MAC1400</t>
  </si>
  <si>
    <t>【靖江华和】高温玻璃观察门\MAC1400-2-4-13-1\680×420×12\MAC1400</t>
  </si>
  <si>
    <t>【靖江华和】高温可视观察门\220×150×10\LYMAC-1400</t>
  </si>
  <si>
    <t>【靖江华和】带视察支架\MAC1400\φ68 210×140\MAC1400</t>
  </si>
  <si>
    <t>【靖江华和】干渣机钢带减速机\315R4782FPP180BOGOA\组合件\MAC1400</t>
  </si>
  <si>
    <t>【靖江华和】干渣机钢带减速机\SC6004/FS/721.2/电机接盘 无逆止器 输出方式：锁紧盘 水平 进口\i=721.2\MAC1400</t>
  </si>
  <si>
    <t>【靖江华和】干渣机钢带减速机\PHF032KF97DRE180L4/V（空心轴锁紧盘法兰连接)18.5KW 2.7rpm M1A-0° IP55 380V 50HZ\i=543\MAC1400</t>
  </si>
  <si>
    <t>【靖江华和】干渣机减速机\SL3004 无逆止器 输出方式：锁紧盘 水平 进口\i=518\MAC1400</t>
  </si>
  <si>
    <t>【靖江华和】清扫链减速机\KA127 R77DRE100M4/V 2rpm M3B国产\2.2KW i=704\MAC1400</t>
  </si>
  <si>
    <t>【靖江华和】清扫链减速机\A 90 4 UH90 707.9 S3 B8 ME 3LA 4 230/400-50 IP55 CLF W U1（国产风扇）\2.2KW\MAC1400</t>
  </si>
  <si>
    <t>【靖江华和】清扫链减速机\X_A 90 4 UH90 707.9 S3 B8 M 3LC 4 230/400-50 IP55 CLF W50 D3 U2\4KW\MAC1400</t>
  </si>
  <si>
    <t>【靖江华和】清扫链减速机电机\M 3LA 4 230/400-50 IP55 CLF W 50 U1\MAC1400</t>
  </si>
  <si>
    <t>【靖江华和】套筒滚子清扫链\P=125 L=2000\LYMAC-1400</t>
  </si>
  <si>
    <t>【靖江华和】板式链卡\P=125/58×100\P=125-00-1\MAC1400</t>
  </si>
  <si>
    <t>【靖江华和】板式清扫链驱动链轮\P=125mm/Z=7\MAC1400</t>
  </si>
  <si>
    <t>【靖江华和】板式清扫链从动链轮\P=125mm Z=7开式\MAC1400链轮</t>
  </si>
  <si>
    <t>【靖江华和】清扫链托板及支撑\2400×165×70\P=125-02-1\MAC1400</t>
  </si>
  <si>
    <t>【靖江华和】清扫链底部防磨板\2400×290×10\P=125-02-2\MAC1400</t>
  </si>
  <si>
    <t>【靖江华和】清扫链箱体\1350×600\P=125-03-1\MAC1400</t>
  </si>
  <si>
    <t>【靖江华和】斗提机进口渣斗\Y400×400\P=125-01-1\MAC1400</t>
  </si>
  <si>
    <t>【靖江华和】液压关断门\GDM-3-1\5400×1200×600\LYMAC-14</t>
  </si>
  <si>
    <t>【靖江华和】推杆\GDM-3-1-00\φ95 L1350\LYMAC-14</t>
  </si>
  <si>
    <t>【靖江华和】支撑导柱\GDM-3-1-01\φ108 L2600\LYMAC-14</t>
  </si>
  <si>
    <t>【靖江华和】油缸连接头1\GDM-3-1-08\M39×1.5\LYMAC-14</t>
  </si>
  <si>
    <t>【靖江华和】密封套\GDM-3-1-10\φ210\LYMAC-14</t>
  </si>
  <si>
    <t>【靖江华和】门体\GDM-3-1-11\1200×650\LYMAC-14</t>
  </si>
  <si>
    <t>【靖江华和】液压胶管\27×1.5 A-L\DN25 1200\GDM-3-1\LYMAC-14</t>
  </si>
  <si>
    <t>【靖江华和】改进型的液压胶管(短)\27×1.5 A-S\DN25 1000\GDM-3-1\LYMAC-1400</t>
  </si>
  <si>
    <t>【靖江华和】油管接头及三通\27×1.5 A-C\DN25\GDM-3-1\LYMAC-14</t>
  </si>
  <si>
    <t>【靖江华和】液压油缸A\HSGF80-45-600A\HYDL1200</t>
  </si>
  <si>
    <t>【靖江华和】油缸支撑\GDM-3-1-06\280×198\LYMAC-1400</t>
  </si>
  <si>
    <t>【靖江华和】平推门支座\GDM-3-1-07\T1200×600\LYMAC-1400</t>
  </si>
  <si>
    <t>【靖江华和】接头及销轴\GDM-3-1-10-1\185×100\LYMAC-1400</t>
  </si>
  <si>
    <t>【靖江华和】电磁换向阀\DSG-01-3C4-AC220V\LYMAC-14</t>
  </si>
  <si>
    <t>【靖江华和】回油过滤器滤芯\FAX-160×10\LYMAC-1400</t>
  </si>
  <si>
    <t>【靖江华和】排渣机油站控压电磁阀\QCJCS-02N\LYMAC-1400</t>
  </si>
  <si>
    <t>【靖江华和】液压关断门油站油泵\PFE-31028-1DT\LYMAC-1400</t>
  </si>
  <si>
    <t>【靖江华和】电磁换向阀\4WE6J6X/EW230N9K4\LYMAC-1400</t>
  </si>
  <si>
    <t>【靖江华和】调压阀\SBSG-03C\LYMAC-1400</t>
  </si>
  <si>
    <t>【靖江华和】高压胶管\φ10-1000\DN10 MPa35 1000\GDM-3-1\LYMAC-1400</t>
  </si>
  <si>
    <t>【靖江华和】高压软管\φ10Ⅱ-800\DN10/35MPa/800mm\GDM-3-1</t>
  </si>
  <si>
    <t>【靖江华和】高压软管\19-2AT-34MPa\DN18/34MPamm\GDM-3-1</t>
  </si>
  <si>
    <t>【靖江华和】推力块\GDM-3-1-05\φ95 L135\LYMAC-1400</t>
  </si>
  <si>
    <t>【靖江华和】关断门液压油缸密封组件\φ80/φ45-600\LYMAC-1200</t>
  </si>
  <si>
    <t>【靖江华和】单辊碎渣机\4200×1700×1140\GDGS550-CL-00\GDGS550-CL</t>
  </si>
  <si>
    <t>【靖江华和】减速机\R147 AD7 18.5KW M1\i=83.47\GDGS550-CL</t>
  </si>
  <si>
    <t>【靖江华和】单辊碎渣机减速机\R147 AD7 18.5KW M1\i=52.87\GDGS550-CL</t>
  </si>
  <si>
    <t>【靖江华和】减速机\CRW147-53-150818A03B\i=53.3 13000N.m\GDGS550-CL</t>
  </si>
  <si>
    <t>【靖江华和】碎渣机减速机\G DGS550-CL-R147\R147 DV7 18.5KW i52 M1\GDGS550-CL</t>
  </si>
  <si>
    <t>【靖江华和】减速机(带电机)\BWY45-59 无逆止器 国产\i=59\G DGS550-CL</t>
  </si>
  <si>
    <t>【靖江华和】减速机\BWD7-71-18.5 无逆止器 输出：14r/min 国产\i=71\G-DGS550-CL</t>
  </si>
  <si>
    <t>【靖江华和】电机\Y200M-6-18.5kW\380V\37.5A\965r/min\B35\F\IP55\G DGS550-CL</t>
  </si>
  <si>
    <t>【靖江华和】碎渣机液力耦合器\YOX450-01\AL φ55 B=16 L=100\GDGS550-AL</t>
  </si>
  <si>
    <t>【靖江华和】液力偶合器易熔塞\YOX450-01-01\AL M18×1.5\GDGS550-AL</t>
  </si>
  <si>
    <t>【靖江华和】液力耦合器联轴器弹性体\YOX450-08-01\ALφ55\GDGS550-AL</t>
  </si>
  <si>
    <t>【靖江华和】碎渣机齿辊轴光板\G DGS550-CL-01\480×160×35\GDGS550-CL</t>
  </si>
  <si>
    <t>【靖江华和】齿板\480×180×90\GDGS550-CL-02\GDGS550-CL</t>
  </si>
  <si>
    <t>【靖江华和】碎渣机破碎板\φ520×1440\GDGS550-CL-02-1\GDGS550-CL</t>
  </si>
  <si>
    <t>【靖江华和】联轴器\φ300×165\GDGS550-CL-03\GDGS550-CL</t>
  </si>
  <si>
    <t>【靖江华和】轴\G DGS550-CL-04 430\φ150 L2368\GDGS550-CL</t>
  </si>
  <si>
    <t>【靖江华和】轴及八角转方\2368×355\GDGS550-CL-05\GDGS550-CL</t>
  </si>
  <si>
    <t>【靖江华和】固定螺栓\GQM20×45×1\GDGS550-CL-06GQ20\GDGS550-CL</t>
  </si>
  <si>
    <t>【靖江华和】固定螺栓\GQM20×45×72\GDGS550-CL-07GQ20\GDGS550-CL</t>
  </si>
  <si>
    <t>【靖江华和】鄂板\735×510×80\GDGS550-CL-08GNMR4\GDGS550-CL</t>
  </si>
  <si>
    <t>【靖江华和】护板\φ550×16\GDGS550-CL-09GNMR4\GDGS550-CL</t>
  </si>
  <si>
    <t>【靖江华和】轴承体\φ550×350\GDGS550-CL-10\GDGS550-CL</t>
  </si>
  <si>
    <t>【靖江华和】耐温轴承\φ260×φ120×80\GDGS550-CL-11\GDGS550-CL</t>
  </si>
  <si>
    <t>【靖江华和】迷宫套\G DGS550-CL-12 NMR4\φ245×φ185×140\G-DGS550-CL</t>
  </si>
  <si>
    <t>【靖江华和】迷宫室\φ410×100\GDGS550-CL-13\GDGS550-CL</t>
  </si>
  <si>
    <t>【靖江华和】轴套\φ180×φ140×150\GDGS550-CL-14NMR4\GDGS550-CL</t>
  </si>
  <si>
    <t>【靖江华和】连接座\1440×455\GDGS550-CL-15\GDGS550-CL</t>
  </si>
  <si>
    <t>【靖江华和】调整张紧装置\M30×120×4\GDGS550-CL-16\GDGS550-CL</t>
  </si>
  <si>
    <t>【靖江华和】碳晶圈\Z9×φ120\GDGS550-CL-17\GDGS550-CL</t>
  </si>
  <si>
    <t>【靖江华和】高强链条\24A×2×3200\GDGS550-CL-18\GDGS550-CL</t>
  </si>
  <si>
    <t>【靖江华和】安全销\M20×125×20\GDGS550-CL-19\GDGS550-CL</t>
  </si>
  <si>
    <t>【靖江华和】链轮\φ322-φ370\GDGS550-CL-20\GDGS550-CL</t>
  </si>
  <si>
    <t>【靖江华和】本体及支撑\1716×1200×620\GDGS550-CL-21\GDGS550-CL</t>
  </si>
  <si>
    <t>【靖江华和】碎渣机密封组件\125×100×12\GDGS550-CL-22\GDGS550-CL</t>
  </si>
  <si>
    <t>【靖江华和】下部非金属补偿器\1236×735×160\GDGS550-CL</t>
  </si>
  <si>
    <t>【靖江华和】上部非金属补偿器\1716×1200×160\GDGS550-CL</t>
  </si>
  <si>
    <t>【靖江华和】减速机非驱动端链轮\φ370×68.5\GDGS550-CL-23\GDGS550-CL</t>
  </si>
  <si>
    <t>【靖江华和】减速机驱动端链轮\φ320×68.5\GDGS550-CL-24\GDGS550-CL</t>
  </si>
  <si>
    <t>【靖江华和】单辊碎渣机\3740×1575×930\GDGS500-AL-00\GDGS500-AL</t>
  </si>
  <si>
    <t>【靖江华和】碎渣机破碎板\480×180×90\GDGS500-AL-01\GDGS500-AL</t>
  </si>
  <si>
    <t>【靖江华和】碎渣机破碎板\φ520×960\GDGS500-AL-01-1\GDGS500-AL</t>
  </si>
  <si>
    <t>【靖江华和】固定螺栓\GQM20×45\GDGS500-AL-02\GDGS500-AL</t>
  </si>
  <si>
    <t>【靖江华和】碎渣机鄂板\970×510×80\GDGS500-AL-03\GDGS500-AL</t>
  </si>
  <si>
    <t>【靖江华和】减速机\BWY39-71-11/i=71/11KW/20r/min/无逆止器\GDGS500-AL-04\GDGS500-AL</t>
  </si>
  <si>
    <t>【靖江华和】电机\Y160M-6-11\G DGS500-CL-29\G DGS500-CL</t>
  </si>
  <si>
    <t>【靖江华和】碎渣机减速机\BWY39-87 无逆止器 国产\i=87\GDGS500-CL</t>
  </si>
  <si>
    <t>【靖江华和】碎渣机端联轴器\φ260×130\GDGS500-AL-05\GDGS500-AL</t>
  </si>
  <si>
    <t>【靖江华和】减速机端链轮\φ322×68×90\GDGS500-AL-06\GDGS500-AL</t>
  </si>
  <si>
    <t>【靖江华和】碎渣机端链轮\φ322×68×100\GDGS500-AL-07\GDGS500-AL</t>
  </si>
  <si>
    <t>【靖江华和】减速机端联轴器\φ260×165\GDGS500-AL-08\GDGS500-AL</t>
  </si>
  <si>
    <t>【靖江华和】碎渣机驱动链条\24Ax2-71+1CL\GDGS500-AL-09\GDGS500-AL</t>
  </si>
  <si>
    <t>【靖江华和】碎渣机链条活接头\24A-2\GDGS500-AL-10\GDGS500-AL</t>
  </si>
  <si>
    <t>【靖江华和】减速机\BWY39-59铸钢\G-DGS500-CL-00\G-DGS500-CL</t>
  </si>
  <si>
    <t>【靖江华和】耐温轴承\100×215×73/GNK56320\GDGS500-AL</t>
  </si>
  <si>
    <t>【靖江华和】轴套\φ156×122\GDGS500-AL-11\GDGS500-AL</t>
  </si>
  <si>
    <t>【靖江华和】迷宫套\φ220×115\GDGS500-AL-12\GDGS500-AL</t>
  </si>
  <si>
    <t>【靖江华和】轴承体\φ500×320\GDGS500-AL-13\GDGS500-AL</t>
  </si>
  <si>
    <t>【靖江华和】八角转子\1825×350\GDGS500-AL-14\GDGS500-AL</t>
  </si>
  <si>
    <t>【靖江华和】碎渣机轴\φ120×1825\GDGS500-AL-15\GDGS500-AL</t>
  </si>
  <si>
    <t>【靖江华和】膨胀节\1236×1200×160\GDGS500-AL-16\GDGS500-AL</t>
  </si>
  <si>
    <t>【靖江华和】本体及支撑\1236×1200×610\GDGS500-AL-17\GDGS500-AL</t>
  </si>
  <si>
    <t>【靖江华和】安全销\M20×120×10\GDGS500-AL-18\GDGS500-AL</t>
  </si>
  <si>
    <t>【靖江华和】护板\φ520×φ185\GDGS500-AL-19\GDGS500-AL</t>
  </si>
  <si>
    <t>【靖江华和】单辊碎渣机\6500×1480×1135\GDGS700-AL</t>
  </si>
  <si>
    <t>【靖江华和】碎渣机减速机\BWY45-43-22/p4\i=43 22KW 输出：23r/min 无逆止器 国产\GDGS700-AL</t>
  </si>
  <si>
    <t>【靖江华和】电机\YE3-200B3/18.5kW/380V/37.5A/965r/min/B3/F/IP54\M2BAX225SM</t>
  </si>
  <si>
    <t>【靖江华和】碎渣机液力耦合器\AL/φ55/B=16/L=110\YOX450-02\GDGS700-AL</t>
  </si>
  <si>
    <t>【靖江华和】液力偶合器易熔塞\AL/M20×1.5\YOX450-02-01\GDGS700-AL</t>
  </si>
  <si>
    <t>【靖江华和】液力耦合器联轴器弹性体\AL/φ60\YOX450-08-02\GDGS700-AL</t>
  </si>
  <si>
    <t>【靖江华和】齿板\450×255×110\GDGS700-AL-01\GDGS700-AL</t>
  </si>
  <si>
    <t>【靖江华和】碎渣机破碎板\φ720×1350\GDGS700-AL-01-1\GDGS700-AL</t>
  </si>
  <si>
    <t>【靖江华和】联轴器\φ410×375\GDGS700-AL-02\GDGS700-AL</t>
  </si>
  <si>
    <t>【靖江华和】轴\φ180×2450\GDGS700-AL-03\GDGS700-AL</t>
  </si>
  <si>
    <t>【靖江华和】轴及八角转方\2450×505\GDGS700-AL-04\GDGS700-AL</t>
  </si>
  <si>
    <t>【靖江华和】固定螺栓\GQM20×50×1\GDGS700-AL-05\GDGS700-AL</t>
  </si>
  <si>
    <t>【靖江华和】固定螺栓\GQM20×50×72\GDGS700-AL-06\GDGS700-AL</t>
  </si>
  <si>
    <t>【靖江华和】鄂板\450×330×80\GDGS700-AL-07\GDGS700-AL</t>
  </si>
  <si>
    <t>【靖江华和】护板\R445×20\GDGS700-AL-08\GDGS700-AL</t>
  </si>
  <si>
    <t>【靖江华和】轴承体\φ610×390\GDGS700-AL-09\GDGS700-AL</t>
  </si>
  <si>
    <t>【靖江华和】耐温轴承\φ280×φ130×93\GDGS700-AL-10\GDGS700-AL</t>
  </si>
  <si>
    <t>【靖江华和】迷宫套\φ245×140\GDGS700-AL-11\GDGS700-AL</t>
  </si>
  <si>
    <t>【靖江华和】迷宫室\φ408×101\GDGS700-AL-12\GDGS700-AL</t>
  </si>
  <si>
    <t>【靖江华和】轴套\φ180×150\GDGS700-AL-13\GDGS700-AL</t>
  </si>
  <si>
    <t>【靖江华和】连接座\1370×340\GDGS700-AL-14\GDGS700-AL</t>
  </si>
  <si>
    <t>【靖江华和】调整张紧装置\M36×135\GDGS700-AL-15\GDGS700-AL</t>
  </si>
  <si>
    <t>【靖江华和】高强链条\24A-2/L3000\GDGS700-AL-16\GDGS700-AL</t>
  </si>
  <si>
    <t>【靖江华和】安全销\φ60×180\GDGS700-AL-17\GDGS700-AL</t>
  </si>
  <si>
    <t>【靖江华和】链轮\φ370×φ190\GDGS700-AL-18\GDGS700-AL</t>
  </si>
  <si>
    <t>【靖江华和】本体及支撑\1645×1250×740\GDGS700-AL-19\GDGS700-AL</t>
  </si>
  <si>
    <t>【靖江华和】下部非金属补偿器\1236×940×160\GDGS700-AL</t>
  </si>
  <si>
    <t>【靖江华和】上部非金属补偿器\1645×1205×160\GDGS700-AL</t>
  </si>
  <si>
    <t>【靖江华和】斗提机料斗\TB315-04\L=315\TB315</t>
  </si>
  <si>
    <t>【靖江华和】斗提机驱动总成\TB315-02\φ424 L=1060\TB315</t>
  </si>
  <si>
    <t>【靖江华和】斗提机出口方管\TB315-03\300×380\TB315</t>
  </si>
  <si>
    <t>【靖江华和】斗提机张紧总成\TB315-01\φ424 L=1134\TB315</t>
  </si>
  <si>
    <t>【靖江华和】斗提机牵引链条\TB315-07\P=100\TB315</t>
  </si>
  <si>
    <t>【靖江华和】斗提机牵引链条销钉\TB315-07-03\φ6 L50\TB315</t>
  </si>
  <si>
    <t>【靖江华和】斗提机头轴\TB315-02-01\φ120 L=1060\TB315</t>
  </si>
  <si>
    <t>【靖江华和】斗提机头轮\TB315-02-02\φ424×120\TB315</t>
  </si>
  <si>
    <t>【靖江华和】斗提机尾轴\TB315-01-01\φ100 L=1134\TB315</t>
  </si>
  <si>
    <t>【靖江华和】斗提机尾轮\TB315-01-02\φ424×100\TB315</t>
  </si>
  <si>
    <t>【靖江华和】斗提机端从动链轮\TB315-02-07\φ200×130\TB315</t>
  </si>
  <si>
    <t>【靖江华和】斗提机减速机端驱动链轮\TB315-02-08\φ580×130\TB315-02-08\TB315</t>
  </si>
  <si>
    <t>【靖江华和】驱动轴承座\TB315-02-09\TB315</t>
  </si>
  <si>
    <t>【靖江华和】斗提机从动轴承座\TB315-01-09\φ100\TB315</t>
  </si>
  <si>
    <t>【靖江华和】传动链条\TB315-05\24A L=4000\TB315</t>
  </si>
  <si>
    <t>【靖江华和】传动链条活接头\24A-1*110\TB315</t>
  </si>
  <si>
    <t>【靖江华和】料斗(水平)\D=500MM,V=10.8L\TB500</t>
  </si>
  <si>
    <t>【靖江华和】输送链条\TB500-04.2\TB500</t>
  </si>
  <si>
    <t>【靖江华和】上部装配总成\TB500-02\TB500</t>
  </si>
  <si>
    <t>【靖江华和】下部装配总成\TB500-06\TB500</t>
  </si>
  <si>
    <t>【靖江华和】斗提机减速机链条\TB500-07\38A L=3800\TB500</t>
  </si>
  <si>
    <t>【靖江华和】螺丝\M8×35\TB500</t>
  </si>
  <si>
    <t>【靖江华和】尾轴链轮\TB500-06-01\Z=11 φ565</t>
  </si>
  <si>
    <t>【靖江华和】头轴链轮\TB500-02-01\Z=12 φ612\TB500</t>
  </si>
  <si>
    <t>【靖江华和】斗提机止退器\TB500-02-03\5000N\TB500</t>
  </si>
  <si>
    <t>【靖江华和】斗提机减速机\ZSY200-28-Ⅱ-BSP-S 无逆止器\i=28\TB500</t>
  </si>
  <si>
    <t>【靖江华和】减速机\ZSY200-28-I\TB500</t>
  </si>
  <si>
    <t>【靖江华和】斗提机机尾轴承箱\TB500-06-03\630×750\TB500</t>
  </si>
  <si>
    <t>【靖江华和】双轴搅拌机主传动齿轮\JSJ-100-16\φ260-φ100 Z17 L160</t>
  </si>
  <si>
    <t>【靖江华和】双轴湿式搅拌器链条\28A×2\L=1500</t>
  </si>
  <si>
    <t>【靖江华和】双轴搅拌机链条活接连接销\28A\28A-1×120</t>
  </si>
  <si>
    <t>【靖江华和】双轴搅拌器叶片\N=64\270×140×16</t>
  </si>
  <si>
    <t>【靖江华和】双轴搅拌器轴承座\JSJ-100-01\710×180</t>
  </si>
  <si>
    <t>【靖江华和】驱动轴\JSJ-100-02\φ250 L2950A</t>
  </si>
  <si>
    <t>【靖江华和】从动轴\JSJ-100-03\φ250 L2950B</t>
  </si>
  <si>
    <t>【靖江华和】双轴搅拌机减速机\BWD6-23-22KW i=23 无逆止器 国产\JSJ-100-04</t>
  </si>
  <si>
    <t>【靖江华和】前轴承座短轴总装\φ250 L380\JSJ-100-07-00</t>
  </si>
  <si>
    <t>【靖江华和】前轴承座长轴总装\φ250 L650\JSJ-100-08-00</t>
  </si>
  <si>
    <t>【靖江华和】给料机\JG100\500×500×600\JG100-00</t>
  </si>
  <si>
    <t>【靖江华和】给料机链条\12A\12A-1×100</t>
  </si>
  <si>
    <t>【靖江华和】机械密封\MAC-3-1-06\L=35000mm</t>
  </si>
  <si>
    <t>【靖江华和】滤袋\130/1430-01-01-PPS\φ130×1430</t>
  </si>
  <si>
    <t>【靖江华和】滤袋\120/2000-01-01-PPS\φ120×2000</t>
  </si>
  <si>
    <t>【靖江华和】滤袋\120/2500-01-01-PPS\φ120×2500</t>
  </si>
  <si>
    <t>【靖江华和】滤袋\130/900-01-01-PPS\φ130×900</t>
  </si>
  <si>
    <t>【靖江华和】钢丝编织胶管总成\3/8"\GYJL1000\LYMAC-14</t>
  </si>
  <si>
    <t>【靖江华和】钢丝编织胶管总成\2-φ19\GYJL2000\LYMAC-14</t>
  </si>
  <si>
    <t>【靖江华和】全密封耐磨插板门【靖江华和】全密封耐磨插板门\PZ41W-400-10\LYMAC-1400</t>
  </si>
  <si>
    <t>【靖江华和】气动插板门\QZB400x400\400×400x120\LYMAC-1400</t>
  </si>
  <si>
    <t>【西门子】模拟器\6ES7274-1XF30-0XA0\包含此产品的单个订单金额不小于600元</t>
  </si>
  <si>
    <t>西门子工厂自动化工程有限公司</t>
  </si>
  <si>
    <t>西门子</t>
  </si>
  <si>
    <t>WZSCCG-2020-BJ-033</t>
  </si>
  <si>
    <t>国家能源e购商城西门子变频器备件商城铺货长协采购框架协议</t>
  </si>
  <si>
    <t>【西门子】模拟器\6ES7274-1XH30-0XA0</t>
  </si>
  <si>
    <t>【西门子】PLC附件\6ES7274-1XA30-0XA0\包含此产品的单个订单金额不小于600元</t>
  </si>
  <si>
    <t>【西门子】PLC附件\6ES7954-8LP02-0AA0</t>
  </si>
  <si>
    <t>【西门子】PLC附件\6ES7292-1AV30-0XA0\1件4个</t>
  </si>
  <si>
    <t>【西门子】PLC附件\6ES7292-1AM30-0XA0\1件4个\包含此产品的单个订单金额不小于600元</t>
  </si>
  <si>
    <t>【西门子】PLC附件\6ES7292-1BC30-0XA0\1件4个\包含此产品的单个订单金额不小于600元</t>
  </si>
  <si>
    <t>【西门子】PLC附件\6ES7954-8LE03-0AA0</t>
  </si>
  <si>
    <t>【西门子】PLC附件\6ES7954-8LF03-0AA0</t>
  </si>
  <si>
    <t>【西门子】PLC附件\6ES7954-8LL03-0AA0</t>
  </si>
  <si>
    <t>【西门子】扩展电缆\6ES7290-6AA30-0XA0\包含此产品的单个订单金额不小于600元</t>
  </si>
  <si>
    <t>【西门子】通信模块\6ES7278-4BD32-0XB0</t>
  </si>
  <si>
    <t>【西门子】信号板模块\6ES7221-3AD30-0XB0\包含此产品的单个订单金额不小于600元</t>
  </si>
  <si>
    <t>【西门子】信号板模块\6ES7221-3BD30-0XB0\包含此产品的单个订单金额不小于600元</t>
  </si>
  <si>
    <t>【西门子】信号板模块\6ES7222-1AD30-0XB0\包含此产品的单个订单金额不小于600元</t>
  </si>
  <si>
    <t>【西门子】信号板模块\6ES7222-1BD30-0XB0\包含此产品的单个订单金额不小于600元</t>
  </si>
  <si>
    <t>【西门子】信号板模块\6ES7223-0BD30-0XB0\包含此产品的单个订单金额不小于600元</t>
  </si>
  <si>
    <t>【西门子】信号板模块\6ES7223-3AD30-0XB0\包含此产品的单个订单金额不小于600元</t>
  </si>
  <si>
    <t>【西门子】信号板模块\6ES7223-3BD30-0XB0\包含此产品的单个订单金额不小于600元</t>
  </si>
  <si>
    <t>【西门子】信号板模块\6ES7231-5QA30-0XB0\包含此产品的单个订单金额不小于600元</t>
  </si>
  <si>
    <t>【西门子】信号板模块\6ES7231-5PA30-0XB0\包含此产品的单个订单金额不小于600元</t>
  </si>
  <si>
    <t>【西门子】信号板模块\6ES7231-4HA30-0XB0\包含此产品的单个订单金额不小于600元</t>
  </si>
  <si>
    <t>【西门子】信号板模块\6ES7232-4HA30-0XB0\包含此产品的单个订单金额不小于600元</t>
  </si>
  <si>
    <t>【西门子】电池\6ES7297-0AX30-0XA0\包含此产品的单个订单金额不小于600元</t>
  </si>
  <si>
    <t>【西门子】数字量扩展模块\6ES7221-1BF32-0XB0\包含此产品的单个订单金额不小于600元</t>
  </si>
  <si>
    <t>【西门子】DI卡\6ES7221-1BH32-0XB0</t>
  </si>
  <si>
    <t>【西门子】数字量扩展模块\6ES7222-1BF32-0XB0\包含此产品的单个订单金额不小于600元</t>
  </si>
  <si>
    <t>【西门子】数字量扩展模块\6ES7222-1BH32-0XB0</t>
  </si>
  <si>
    <t>【西门子】DO卡\6ES7222-1HF32-0XB0\包含此产品的单个订单金额不小于600元</t>
  </si>
  <si>
    <t>【西门子】输入输出模块\6ES7222-1HH32-0XB0</t>
  </si>
  <si>
    <t>【西门子】数字量扩展模块\6ES7222-1XF32-0XB0</t>
  </si>
  <si>
    <t>【西门子】数字量扩展模块\6ES7223-1BH32-0XB0</t>
  </si>
  <si>
    <t>【西门子】输入输出模块\6ES7223-1PH32-0XB0</t>
  </si>
  <si>
    <t>【西门子】扩展模块\6ES7223-1PL32-0XB0</t>
  </si>
  <si>
    <t>【西门子】数字量扩展模块\6ES7223-1QH32-0XB0</t>
  </si>
  <si>
    <t>【西门子】AI卡\6ES7231-4HD32-0XB0</t>
  </si>
  <si>
    <t>【西门子】模拟量扩展模块\6ES7231-5ND32-0XB0</t>
  </si>
  <si>
    <t>【西门子】模拟量扩展模块\6ES7231-4HF32-0XB0</t>
  </si>
  <si>
    <t>【西门子】模拟量输出模块\6ES7231-5PF32-0XB0</t>
  </si>
  <si>
    <t>【西门子】模拟量扩展模块\6ES7231-5QF32-0XB0</t>
  </si>
  <si>
    <t>【西门子】模拟量扩展模块\6ES7231-5PD32-0XB0</t>
  </si>
  <si>
    <t>【西门子】模拟量扩展模块\6ES7231-5QD32-0XB0</t>
  </si>
  <si>
    <t>【西门子】模拟量扩展模块\6ES7232-4HD32-0XB0</t>
  </si>
  <si>
    <t>【西门子】AO卡\6ES7232-4HB32-0XB0</t>
  </si>
  <si>
    <t>【西门子】模拟量扩展模块\6ES7234-4HE32-0XB0</t>
  </si>
  <si>
    <t>【西门子】CPU模块\6ES7211-1BE40-0XB0</t>
  </si>
  <si>
    <t>【西门子】CPU模块\6ES7211-1HE40-0XB0</t>
  </si>
  <si>
    <t>【西门子】CPU模块\6ES7212-1AE40-0XB0</t>
  </si>
  <si>
    <t>【西门子】CPU模块\6ES7212-1BE40-0XB0</t>
  </si>
  <si>
    <t>【西门子】CPU模块\6ES7212-1HE40-0XB0</t>
  </si>
  <si>
    <t>【西门子】控制器\6ES7214-1AG40-0XB0</t>
  </si>
  <si>
    <t>【西门子】CPU模块\6ES7214-1BG40-0XB0</t>
  </si>
  <si>
    <t>【西门子】控制器\6ES7214-1HG40-0XB0</t>
  </si>
  <si>
    <t>【西门子】CPU模块\6ES7215-1AG40-0XB0</t>
  </si>
  <si>
    <t>【西门子】CPU模块\6ES7215-1BG40-0XB0</t>
  </si>
  <si>
    <t>【西门子】可编程控制器\6ES7215-1HG40-0XB0</t>
  </si>
  <si>
    <t>【西门子】CPU模块\6ES7217-1AG40-0XB0</t>
  </si>
  <si>
    <t>【西门子】通讯模块\6ES7241-1CH30-1XB0\包含此产品的单个订单金额不小于600元</t>
  </si>
  <si>
    <t>【西门子】通信模块\6ES7241-1AH32-0XB0\包含此产品的单个订单金额不小于600元</t>
  </si>
  <si>
    <t>【西门子】通讯模块\6ES7241-1CH32-0XB0\包含此产品的单个订单金额不小于600元</t>
  </si>
  <si>
    <t>【西门子】中央处理单元\6ES7214-1AF40-0XB0</t>
  </si>
  <si>
    <t>【西门子】中央处理单元\6ES7215-1AF40-0XB0</t>
  </si>
  <si>
    <t>【西门子】中央处理单元\6ES7214-1HF40-0XB0</t>
  </si>
  <si>
    <t>【西门子】数字量模块\6ES7226-6BA32-0XB0</t>
  </si>
  <si>
    <t>【西门子】数字量模块\6ES7226-6DA32-0XB0</t>
  </si>
  <si>
    <t>【西门子】数字量模块\6ES7226-6RA32-0XB0</t>
  </si>
  <si>
    <t>【西门子】电源模块\6ES7505-0KA00-0AB0</t>
  </si>
  <si>
    <t>【西门子】CPU模块\6ES7518-4AP00-0AB0</t>
  </si>
  <si>
    <t>【西门子】可编程控制器PLC\6ES7516-3FN01-0AB0</t>
  </si>
  <si>
    <t>【西门子】DI卡\6ES7521-1BH00-0AB0</t>
  </si>
  <si>
    <t>【西门子】DI输入卡\6ES7521-1BL00-0AB0</t>
  </si>
  <si>
    <t>【西门子】数字量模块\6ES7521-1BL10-0AA0</t>
  </si>
  <si>
    <t>【西门子】数字量输入模块\6ES7521-1FH00-0AA0</t>
  </si>
  <si>
    <t>【西门子】数字输出模块\6ES7522-1BH01-0AB0</t>
  </si>
  <si>
    <t>【西门子】数字输出模块\6ES7522-5HH00-0AB0</t>
  </si>
  <si>
    <t>【西门子】模拟输入模块\6ES7531-7KF00-0AB0</t>
  </si>
  <si>
    <t>【西门子】AI模块\6ES7531-7NF10-0AB0</t>
  </si>
  <si>
    <t>【西门子】AO模块\6ES7532-5HF00-0AB0</t>
  </si>
  <si>
    <t>【西门子】位置检测模块\6ES7551-1AB00-0AB0</t>
  </si>
  <si>
    <t>【西门子】通讯卡\6ES7541-1AB00-0AB0</t>
  </si>
  <si>
    <t>【西门子】接口模块前盖板\6ES7528-0AA70-7AA0\1件5个\包含此产品的单个订单金额不小于600元</t>
  </si>
  <si>
    <t>【西门子】CPU模块\6ES7590-1AF30-0AA0\包含此产品的单个订单金额不小于600元</t>
  </si>
  <si>
    <t>【西门子】模拟量专用屏蔽端子\6ES7590-5BA00-0AA0\1件10个\包含此产品的单个订单金额不小于600元</t>
  </si>
  <si>
    <t>【西门子】前连接器\6ES7592-1AM00-0XB0\包含此产品的单个订单金额不小于600元</t>
  </si>
  <si>
    <t>【西门子】跳线\6ES7592-3AA00-0AA0\1件20个\包含此产品的单个订单金额不小于600元</t>
  </si>
  <si>
    <t>【西门子】S7-300附件\6ES7998-8XC01-8YE0</t>
  </si>
  <si>
    <t>【西门子】S7-300附件\6ES7998-8XC01-8YE2</t>
  </si>
  <si>
    <t>【西门子】接口模块\6ES7155-5AA00-0AC0</t>
  </si>
  <si>
    <t>【西门子】接口模块\6ES7155-5BA00-0AB0</t>
  </si>
  <si>
    <t>【西门子】接口模块\6ES7155-5AA01-0AB0</t>
  </si>
  <si>
    <t>【西门子】CPU\6ES7317-2AK14-0AB0</t>
  </si>
  <si>
    <t>【西门子】控制器\6ES7315-2AH14-0AB0</t>
  </si>
  <si>
    <t>【西门子】CPU\6ES7317-7TK10-0AB0</t>
  </si>
  <si>
    <t>【西门子】CPU\6ES7315-7TJ10-0AB0</t>
  </si>
  <si>
    <t>【西门子】控制板\6ES7315-2EH14-0AB0</t>
  </si>
  <si>
    <t>【西门子】CPU\6ES7314-6EH04-4AB2</t>
  </si>
  <si>
    <t>【西门子】CPU模块\6ES7314-6EH04-4AB1</t>
  </si>
  <si>
    <t>【西门子】CPU\6ES7314-6CH04-4AB2</t>
  </si>
  <si>
    <t>【西门子】CPU\6ES7314-6CH04-4AB1</t>
  </si>
  <si>
    <t>【西门子】CPU\6ES7314-6CH04-0AB0</t>
  </si>
  <si>
    <t>【西门子】CPU\6ES7314-6BH04-0AB0</t>
  </si>
  <si>
    <t>【西门子】PLC处理器\6ES7314-1AG14-0AB0</t>
  </si>
  <si>
    <t>【西门子】CPU\6ES7313-6CG04-4AB2</t>
  </si>
  <si>
    <t>【西门子】CPU\6ES7313-6CG04-4AB1</t>
  </si>
  <si>
    <t>【西门子】CPU\6ES7313-6BG04-0AB0</t>
  </si>
  <si>
    <t>【西门子】CPU\6ES7313-5BG04-4AB2</t>
  </si>
  <si>
    <t>【西门子】CPU\6ES7313-5BG04-4AB1</t>
  </si>
  <si>
    <t>【西门子】CPU\6ES7312-5BF04-0AB0</t>
  </si>
  <si>
    <t>【西门子】控制器\6ES7312-1AE14-0AB0</t>
  </si>
  <si>
    <t>【西门子】CPU\6ES7313-6CG04-0AB0</t>
  </si>
  <si>
    <t>【西门子】CPU\6ES7317-2EK14-0AB0</t>
  </si>
  <si>
    <t>【西门子】计数模块\6ES7350-2AH01-0AE0</t>
  </si>
  <si>
    <t>【西门子】S7-300附件\6ES7174-0AA10-0AA0</t>
  </si>
  <si>
    <t>【西门子】PLC计数器模块\6ES7350-1AH03-0AE0</t>
  </si>
  <si>
    <t>【西门子】功能模块\6ES7351-1AH02-0AE0</t>
  </si>
  <si>
    <t>【西门子】功能模块\6ES7352-1AH02-0AE0</t>
  </si>
  <si>
    <t>【西门子】功能模块\6ES7352-5AH01-0AE0</t>
  </si>
  <si>
    <t>【西门子】功能模块\6ES7352-5AH11-0AE0</t>
  </si>
  <si>
    <t>【西门子】功能模块\6ES7355-0VH10-0AE0</t>
  </si>
  <si>
    <t>【西门子】功能模块\6ES7355-1VH10-0AE0</t>
  </si>
  <si>
    <t>【西门子】功能模块\6ES7355-2CH00-0AE0</t>
  </si>
  <si>
    <t>【西门子】功能模块\6ES7355-2SH00-0AE0</t>
  </si>
  <si>
    <t>【西门子】通讯模块\6ES7340-1AH02-0AE0</t>
  </si>
  <si>
    <t>【西门子】通信模块\6ES7340-1BH02-0AE0</t>
  </si>
  <si>
    <t>【西门子】光电转换模块\6ES7340-1CH02-0AE0</t>
  </si>
  <si>
    <t>【西门子】通信模块\6ES7341-1AH02-0AE0</t>
  </si>
  <si>
    <t>【西门子】通信模块\6ES7341-1BH02-0AE0</t>
  </si>
  <si>
    <t>【西门子】通讯模块\6ES7341-1CH02-0AE0</t>
  </si>
  <si>
    <t>【西门子】MMC卡\6ES7953-8LL31-0AA0</t>
  </si>
  <si>
    <t>【西门子】数字量输入输出模块\6ES7328-7AA10-0AA0\1件5个\包含此产品的单个订单金额不小于600元</t>
  </si>
  <si>
    <t>【西门子】数字量输入输出模块\6ES7328-0AA00-7AA0\1件5个\包含此产品的单个订单金额不小于600元</t>
  </si>
  <si>
    <t>【西门子】内存卡\6ES7953-8LP31-0AA0</t>
  </si>
  <si>
    <t>【西门子】内存卡\6ES7953-8LG31-0AA0\包含此产品的单个订单金额不小于600元</t>
  </si>
  <si>
    <t>【西门子】电缆\6ES7901-1BF00-0XA0\包含此产品的单个订单金额不小于600元</t>
  </si>
  <si>
    <t>【西门子】通讯模块\6ES7360-3AA01-0AA0</t>
  </si>
  <si>
    <t>【西门子】通讯模块\6ES7361-3CA01-0AA0</t>
  </si>
  <si>
    <t>【西门子】连接模块\6ES7365-0BA01-0AA0</t>
  </si>
  <si>
    <t>【西门子】连接电缆\6ES7368-3BB01-0AA0\包含此产品的单个订单金额不小于600元</t>
  </si>
  <si>
    <t>【西门子】扩展电缆\6ES7368-3BC51-0AA0\包含此产品的单个订单金额不小于600元</t>
  </si>
  <si>
    <t>【西门子】接口模块\6ES7368-3CB01-0AA0</t>
  </si>
  <si>
    <t>【西门子】S7-300附件\6ES7370-0AA01-0AA0\包含此产品的单个订单金额不小于600元</t>
  </si>
  <si>
    <t>【西门子】S7-300附件\6ES7374-2XH01-0AA0</t>
  </si>
  <si>
    <t>【西门子】通讯电缆\6ES7390-1AB60-0AA0\包含此产品的单个订单金额不小于600元</t>
  </si>
  <si>
    <t>【西门子】CPU模块\6ES7390-1AE80-0AA0\包含此产品的单个订单金额不小于600元</t>
  </si>
  <si>
    <t>【西门子】导轨\6ES7390-1AF30-0AA0\包含此产品的单个订单金额不小于600元</t>
  </si>
  <si>
    <t>【西门子】安装导轨\6ES7390-1AJ30-0AA0\包含此产品的单个订单金额不小于600元</t>
  </si>
  <si>
    <t>【西门子】S7-300附件\6ES7390-1BC00-0AA0\包含此产品的单个订单金额不小于600元</t>
  </si>
  <si>
    <t>【西门子】S7-300附件\6ES7390-5AA00-0AA0\包含此产品的单个订单金额不小于600元</t>
  </si>
  <si>
    <t>【西门子】S7-300附件\6ES7390-5AB00-0AA0\1件2个\包含此产品的单个订单金额不小于600元</t>
  </si>
  <si>
    <t>【西门子】S7-300附件\6ES7390-5BA00-0AA0\1件2个\包含此产品的单个订单金额不小于600元</t>
  </si>
  <si>
    <t>【西门子】S7-300附件\6ES7390-5CA00-0AA0\1件2个\包含此产品的单个订单金额不小于600元</t>
  </si>
  <si>
    <t>【西门子】S7-300附件\6ES7391-1AA00-0AA0\1件10个\包含此产品的单个订单金额不小于600元</t>
  </si>
  <si>
    <t>【西门子】前连接器\6ES7392-1AJ00-0AA0\包含此产品的单个订单金额不小于600元</t>
  </si>
  <si>
    <t>【西门子】S7-300附件\6ES7392-1AJ00-1AB0\1件100个</t>
  </si>
  <si>
    <t>【西门子】前连接器\6ES7392-1AM00-0AA0\包含此产品的单个订单金额不小于600元</t>
  </si>
  <si>
    <t>【西门子】S7-300附件\6ES7392-1AM00-1AB0\1件100个</t>
  </si>
  <si>
    <t>【西门子】S7-300附件\6ES7392-1AN00-0AA0\1件2个\包含此产品的单个订单金额不小于600元</t>
  </si>
  <si>
    <t>【西门子】前连接器\6ES7392-1BJ00-0AA0\包含此产品的单个订单金额不小于600元</t>
  </si>
  <si>
    <t>【西门子】S7-300附件\6ES7392-1BJ00-1AB0\1件100个</t>
  </si>
  <si>
    <t>【西门子】S7-300附件\6ES7392-1BM01-1AB0\1件100个</t>
  </si>
  <si>
    <t>【西门子】S7-300附件\6ES7392-1BN00-0AA0\1件2个\包含此产品的单个订单金额不小于600元</t>
  </si>
  <si>
    <t>【西门子】S7-300附件\6ES7392-2AX00-0AA0\1件10个\包含此产品的单个订单金额不小于600元</t>
  </si>
  <si>
    <t>【西门子】S7-300附件\6ES7392-2AX10-0AA0\1件10个\包含此产品的单个订单金额不小于600元</t>
  </si>
  <si>
    <t>【西门子】S7-300附件\6ES7392-2BX00-0AA0\1件10个\包含此产品的单个订单金额不小于600元</t>
  </si>
  <si>
    <t>【西门子】S7-300附件\6ES7392-2BX10-0AA0\1件10个\包含此产品的单个订单金额不小于600元</t>
  </si>
  <si>
    <t>【西门子】S7-300附件\6ES7392-2CX00-0AA0\1件10个\包含此产品的单个订单金额不小于600元</t>
  </si>
  <si>
    <t>【西门子】S7-300附件\6ES7392-2CX10-0AA0\1件10个\包含此产品的单个订单金额不小于600元</t>
  </si>
  <si>
    <t>【西门子】S7-300附件\6ES7392-2DX00-0AA0\1件10个\包含此产品的单个订单金额不小于600元</t>
  </si>
  <si>
    <t>【西门子】S7-300附件\6ES7392-2DX10-0AA0\1件10个\包含此产品的单个订单金额不小于600元</t>
  </si>
  <si>
    <t>【西门子】S7-300附件\6ES7392-2XX00-0AA0\1件10个\包含此产品的单个订单金额不小于600元</t>
  </si>
  <si>
    <t>【西门子】S7-300附件\6ES7392-2XX10-0AA0\1件10个\包含此产品的单个订单金额不小于600元</t>
  </si>
  <si>
    <t>【西门子】S7-300附件\6ES7392-2XY00-0AA0\1件10个\包含此产品的单个订单金额不小于600元</t>
  </si>
  <si>
    <t>【西门子】S7-300附件\6ES7392-2XY10-0AA0\1件10个\包含此产品的单个订单金额不小于600元</t>
  </si>
  <si>
    <t>【西门子】S7-300附件\6ES7392-4BB00-0AA0\1件2个\包含此产品的单个订单金额不小于600元</t>
  </si>
  <si>
    <t>【西门子】S7-300附件\6ES7392-4BC50-0AA0\1件2个\包含此产品的单个订单金额不小于600元</t>
  </si>
  <si>
    <t>【西门子】S7-300附件\6ES7392-4BF00-0AA0\1件2个</t>
  </si>
  <si>
    <t>【西门子】S7-300附件\6ES7393-4AA00-0AA0\1件5个\包含此产品的单个订单金额不小于600元</t>
  </si>
  <si>
    <t>【西门子】S7-300附件\6ES7912-0AA00-0AA0\包含此产品的单个订单金额不小于600元</t>
  </si>
  <si>
    <t>【西门子】S7-300附件\6ES7971-1AA00-0AA0\包含此产品的单个订单金额不小于600元</t>
  </si>
  <si>
    <t>【西门子】S7-300附件\6ES7971-5BB00-0AA0\包含此产品的单个订单金额不小于600元</t>
  </si>
  <si>
    <t>【西门子】S7-300附件\6ES7973-1GC00-0AA0\1件10个\包含此产品的单个订单金额不小于600元</t>
  </si>
  <si>
    <t>【西门子】S7-300附件\6ES7973-1HD00-0AA0\包含此产品的单个订单金额不小于600元</t>
  </si>
  <si>
    <t>【西门子】S7-300附件\6ES7974-0AA00-0AA0\1件2个\包含此产品的单个订单金额不小于600元</t>
  </si>
  <si>
    <t>【西门子】连接电缆\6ES7902-3AG00-0AA0</t>
  </si>
  <si>
    <t>【西门子】连接电缆\6ES7902-1AC00-0AA0</t>
  </si>
  <si>
    <t>【西门子】连接电缆\6ES7902-1AD00-0AA0</t>
  </si>
  <si>
    <t>【西门子】连接电缆\6ES7902-2AB00-0AA0</t>
  </si>
  <si>
    <t>【西门子】连接电缆\6ES7902-2AC00-0AA0</t>
  </si>
  <si>
    <t>【西门子】连接电缆\6ES7902-2AG00-0AA0</t>
  </si>
  <si>
    <t>【西门子】连接电缆\6ES7902-3AB00-0AA0</t>
  </si>
  <si>
    <t>【西门子】连接电缆\6ES7902-3AC00-0AA0</t>
  </si>
  <si>
    <t>【西门子】连接电缆\6ES7902-1AB00-0AA0</t>
  </si>
  <si>
    <t>【西门子】内存卡\6ES7953-8LF31-0AA0\包含此产品的单个订单金额不小于600元</t>
  </si>
  <si>
    <t>【西门子】内存卡\6ES7953-8LJ31-0AA0</t>
  </si>
  <si>
    <t>【西门子】I/O卡\6ES7322-1BF01-0AA0</t>
  </si>
  <si>
    <t>【西门子】开关量模块\6ES7323-1BL00-0AA0</t>
  </si>
  <si>
    <t>【西门子】数字量输入输出模块\6ES7323-1BH01-0AA0</t>
  </si>
  <si>
    <t>【西门子】DI卡\6ES7321-1BH02-0AA0</t>
  </si>
  <si>
    <t>【西门子】数字量输入输出模块\6ES7323-1BL00-4AA1</t>
  </si>
  <si>
    <t>【西门子】DO卡件\6ES7322-1BL00-0AA0</t>
  </si>
  <si>
    <t>【西门子】数字量输入模块\6ES7321-1BL00-0AA0</t>
  </si>
  <si>
    <t>【西门子】PLC模块\6ES7322-1HH01-0AA0</t>
  </si>
  <si>
    <t>【西门子】开关量输入模件\6ES7321-1BH50-0AA0</t>
  </si>
  <si>
    <t>【西门子】AI模块\6ES7331-7KF02-0AB0</t>
  </si>
  <si>
    <t>【西门子】模拟量输入输出模块\6ES7334-0KE00-0AB0</t>
  </si>
  <si>
    <t>【西门子】电源模块\6ES7334-0CE01-0AA0</t>
  </si>
  <si>
    <t>【西门子】模拟量输入输出模块\6ES7332-7ND02-0AB0</t>
  </si>
  <si>
    <t>【西门子】模拟量输入输出模块\6ES7332-5HF00-4AB2</t>
  </si>
  <si>
    <t>【西门子】AO卡件\6ES7332-5HF00-0AB0</t>
  </si>
  <si>
    <t>【西门子】模拟量输入输出模块\6ES7332-5HD01-4AB2</t>
  </si>
  <si>
    <t>【西门子】模拟输出模块\6ES7332-5HD01-0AB0</t>
  </si>
  <si>
    <t>【西门子】模拟量输入输出模块\6ES7332-5HB01-4AB2</t>
  </si>
  <si>
    <t>【西门子】模拟量输出模块\6ES7332-5HB01-0AB0</t>
  </si>
  <si>
    <t>【西门子】模拟量输入输出模块\6ES7331-7PF11-4AB2</t>
  </si>
  <si>
    <t>【西门子】模拟量输入模块\6ES7331-7PF11-0AB0</t>
  </si>
  <si>
    <t>【西门子】模拟量输入输出模块\6ES7331-7PF01-4AB2</t>
  </si>
  <si>
    <t>【西门子】RTD卡\6ES7331-7PF01-4AB1</t>
  </si>
  <si>
    <t>【西门子】AI卡\6ES7331-7PF01-0AB0</t>
  </si>
  <si>
    <t>【西门子】模拟量输入输出模块\6ES7331-7PE10-0AB0</t>
  </si>
  <si>
    <t>【西门子】数字量模块\6ES7331-7NF10-0AB0</t>
  </si>
  <si>
    <t>【西门子】模拟量输入输出模块\6ES7331-7NF00-4AB2</t>
  </si>
  <si>
    <t>【西门子】AI卡\6ES7331-7NF00-4AB1</t>
  </si>
  <si>
    <t>【西门子】数字输出模块\6ES7331-7NF00-0AB0</t>
  </si>
  <si>
    <t>【西门子】模拟量输入输出模块\6ES7331-7KF02-4AB2</t>
  </si>
  <si>
    <t>【西门子】AI卡\6ES7331-7KF02-4AB1</t>
  </si>
  <si>
    <t>【西门子】模拟量输入输出模块\6ES7331-7KB02-4AB2</t>
  </si>
  <si>
    <t>【西门子】信号模板\6ES7331-7KB02-4AB1</t>
  </si>
  <si>
    <t>【西门子】模拟量输入卡\6ES7331-7KB02-0AB0</t>
  </si>
  <si>
    <t>【西门子】模拟量输入卡件\6ES7331-7HF01-0AB0</t>
  </si>
  <si>
    <t>【西门子】模拟量输入输出模块\6ES7331-1KF02-4AB2</t>
  </si>
  <si>
    <t>【西门子】AI卡\6ES7331-1KF02-4AB1</t>
  </si>
  <si>
    <t>【西门子】I/O卡\6ES7331-1KF02-0AB0</t>
  </si>
  <si>
    <t>【西门子】数字量输入输出模块\6ES7327-1BH00-0AB0</t>
  </si>
  <si>
    <t>【西门子】数字量输入输出模块\6ES7323-1BL00-4AA2</t>
  </si>
  <si>
    <t>【西门子】数字输入卡\6ES7322-5HF00-0AB0</t>
  </si>
  <si>
    <t>【西门子】数字量输入输出模块\6ES7322-5GH00-0AB0</t>
  </si>
  <si>
    <t>【西门子】数字量输入输出模块\6ES7322-5FF00-0AB0</t>
  </si>
  <si>
    <t>【西门子】数字量输入输出模块\6ES7322-1HH01-4AA2</t>
  </si>
  <si>
    <t>【西门子】I/O卡\6ES7322-1HF10-0AA0</t>
  </si>
  <si>
    <t>【西门子】数字量输入输出模块\6ES7322-1HF01-4AA2</t>
  </si>
  <si>
    <t>【西门子】数字量输入输出模块\6ES7322-1HF01-4AA1</t>
  </si>
  <si>
    <t>【西门子】I/O卡\6ES7322-1HF01-0AA0</t>
  </si>
  <si>
    <t>【西门子】数字量输入输出模块\6ES7322-1FL00-0AA0</t>
  </si>
  <si>
    <t>【西门子】输出模块\6ES7322-1FH00-0AA0</t>
  </si>
  <si>
    <t>【西门子】数字量输入输出模块\6ES7322-1FF01-0AA0</t>
  </si>
  <si>
    <t>【西门子】数字量输入输出模块\6ES7322-1CF00-0AA0</t>
  </si>
  <si>
    <t>【西门子】数字量输入输出模块\6ES7322-1BP50-0AA0</t>
  </si>
  <si>
    <t>【西门子】数字量输入输出模块\6ES7322-1BP00-0AA0</t>
  </si>
  <si>
    <t>【西门子】数字量输入输出模块\6ES7322-1BL00-4AA2</t>
  </si>
  <si>
    <t>【西门子】DO卡\6ES7322-1BL00-4AA1</t>
  </si>
  <si>
    <t>【西门子】数字输出模块\6ES7322-1BH10-0AA0</t>
  </si>
  <si>
    <t>【西门子】数字量输入输出模块\6ES7322-1BH01-4AA2</t>
  </si>
  <si>
    <t>【西门子】16通道开关量输出模块\6ES7322-1BH01-4AA1</t>
  </si>
  <si>
    <t>【西门子】I/O卡\6ES7321-7BH01-0AB0</t>
  </si>
  <si>
    <t>【西门子】数字量输入输出模块\6ES7321-1FH00-4AA2</t>
  </si>
  <si>
    <t>【西门子】数字量输入输出模块\6ES7321-1FH00-4AA1</t>
  </si>
  <si>
    <t>【西门子】数字量模块\6ES7321-1FH00-0AA0</t>
  </si>
  <si>
    <t>【西门子】数字量输入输出模块\6ES7321-1FF10-0AA0</t>
  </si>
  <si>
    <t>【西门子】数字量输入输出模块\6ES7321-1EL00-0AA0</t>
  </si>
  <si>
    <t>【西门子】数字量输入输出模块\6ES7321-1BP00-0AA0</t>
  </si>
  <si>
    <t>【西门子】数字量输入输出模块\6ES7321-1BL00-4AA2</t>
  </si>
  <si>
    <t>【西门子】输入模块\6ES7321-1BL00-4AA1</t>
  </si>
  <si>
    <t>【西门子】数字量输入输出模块\6ES7321-1CH20-0AA0</t>
  </si>
  <si>
    <t>【西门子】输入模块\6ES7321-1CH00-0AA0</t>
  </si>
  <si>
    <t>【西门子】数字量输入输出模块\6ES7321-1BH50-4AA2</t>
  </si>
  <si>
    <t>【西门子】输入模块\6ES7321-1BH50-4AA1</t>
  </si>
  <si>
    <t>【西门子】数字量输入模块\6ES7321-1BH10-0AA0</t>
  </si>
  <si>
    <t>【西门子】数字量输入输出模块\6ES7321-1BH02-4AA2</t>
  </si>
  <si>
    <t>【西门子】DI卡\6ES7321-1BH02-4AA1</t>
  </si>
  <si>
    <t>【西门子】PLC数字量输入模块\6ES7322-1BH01-0AA0</t>
  </si>
  <si>
    <t>【西门子】模块\6ES7322-1HH01-4AA1</t>
  </si>
  <si>
    <t>【西门子】AO卡\6ES7332-5HF00-4AB1</t>
  </si>
  <si>
    <t>【西门子】通讯模块\6ES7338-4BC01-0AB0</t>
  </si>
  <si>
    <t>【西门子】触摸屏\6AV2123-2JB03-0AX0</t>
  </si>
  <si>
    <t>【西门子】触摸屏\6AV2123-2DB03-0AX0</t>
  </si>
  <si>
    <t>【西门子】触摸屏\6AV2123-2GB03-0AX0</t>
  </si>
  <si>
    <t>【西门子】触摸屏\6AV2124-0QC02-0AX1</t>
  </si>
  <si>
    <t>【西门子】触摸屏\6AV2124-0UC02-0AX1</t>
  </si>
  <si>
    <t>【西门子】触摸屏\6AV2124-0XC02-0AX1</t>
  </si>
  <si>
    <t>【西门子】触摸屏\6AV2124-1GC01-0AX0</t>
  </si>
  <si>
    <t>【西门子】触摸屏\6AV2124-0GC01-0AX0</t>
  </si>
  <si>
    <t>【西门子】触摸屏\6AV2124-1DC01-0AX0</t>
  </si>
  <si>
    <t>【西门子】触摸屏\6AV2124-2DC01-0AX0</t>
  </si>
  <si>
    <t>【西门子】触摸屏\6AV2124-0JC01-0AX0</t>
  </si>
  <si>
    <t>【西门子】触摸屏\6AV2124-0MC01-0AX0</t>
  </si>
  <si>
    <t>【西门子】触摸屏\6AV2124-1JC01-0AX0</t>
  </si>
  <si>
    <t>【西门子】触摸屏\6AV2124-1MC01-0AX0</t>
  </si>
  <si>
    <t>【西门子】按键面板\6AV3688-3AF37-0AX0</t>
  </si>
  <si>
    <t>【西门子】直流电源\6ES7400-0HR01-4AB0</t>
  </si>
  <si>
    <t>【西门子】直流电源\6ES7400-0HR02-4AB0</t>
  </si>
  <si>
    <t>【西门子】直流电源\6ES7400-0HR03-4AB0</t>
  </si>
  <si>
    <t>【西门子】直流电源\6ES7400-0HR04-4AB0</t>
  </si>
  <si>
    <t>【西门子】直流电源\6ES7400-0HR51-4AB0</t>
  </si>
  <si>
    <t>【西门子】直流电源\6ES7400-0HR52-4AB0</t>
  </si>
  <si>
    <t>【西门子】直流电源\6ES7400-0HR53-4AB0</t>
  </si>
  <si>
    <t>【西门子】直流电源\6ES7400-0HR54-4AB0</t>
  </si>
  <si>
    <t>【西门子】中央处理单元\6ES7412-2XK07-0AB0</t>
  </si>
  <si>
    <t>【西门子】PN版控制器\6ES7416-3XS07-0AB0</t>
  </si>
  <si>
    <t>【西门子】PN版控制器\6ES7417-4XT07-0AB0</t>
  </si>
  <si>
    <t>【西门子】PN版控制器\6ES7412-2EK07-0AB0</t>
  </si>
  <si>
    <t>【西门子】PN版控制器\6ES7414-3EM07-0AB0</t>
  </si>
  <si>
    <t>【西门子】PN版控制器\6ES7416-3ES07-0AB0</t>
  </si>
  <si>
    <t>【西门子】可编程控制器\6ES7412-5HK06-0AB0</t>
  </si>
  <si>
    <t>【西门子】CPU模块\6ES7414-5HM06-0AB0</t>
  </si>
  <si>
    <t>【西门子】CPU模件\6ES7416-5HS06-0AB0</t>
  </si>
  <si>
    <t>【西门子】控制器\6ES7417-5HT06-0AB0</t>
  </si>
  <si>
    <t>【西门子】模拟量输入模块\6ES7421-1BL01-0AA0</t>
  </si>
  <si>
    <t>【西门子】数字量输入模板\6ES7421-1EL00-0AA0</t>
  </si>
  <si>
    <t>【西门子】控制器模块\6ES7421-1FH20-0AA0</t>
  </si>
  <si>
    <t>【西门子】数字量输入模板\6ES7421-7DH00-0AB0</t>
  </si>
  <si>
    <t>【西门子】数字量输出模块\6ES7422-1BH11-0AA0</t>
  </si>
  <si>
    <t>【西门子】数据输出模块\6ES7422-1BL00-0AA0</t>
  </si>
  <si>
    <t>【西门子】数字量输出模板\6ES7422-1FH00-0AA0</t>
  </si>
  <si>
    <t>【西门子】模拟量输出模块\6ES7422-1HH00-0AA0</t>
  </si>
  <si>
    <t>【西门子】数字量输出模块\6ES7422-7BL00-0AB0</t>
  </si>
  <si>
    <t>【西门子】模拟量输入模块\6ES7431-0HH00-0AB0</t>
  </si>
  <si>
    <t>【西门子】PLc32点数字输出模块\6ES7431-1KF00-0AB0</t>
  </si>
  <si>
    <t>【西门子】AI模块\6ES7431-1KF10-0AB0</t>
  </si>
  <si>
    <t>【西门子】模拟量输入模板\6ES7431-1KF20-0AB0</t>
  </si>
  <si>
    <t>【西门子】模拟量输入模板\6ES7431-7KF00-0AB0</t>
  </si>
  <si>
    <t>【西门子】模拟量输入模板\6ES7431-7KF10-0AB0</t>
  </si>
  <si>
    <t>【西门子】PLC8点模拟输出模块\6ES7432-1HF00-0AB0</t>
  </si>
  <si>
    <t>【西门子】功能模板\6ES7451-3AL00-0AE0</t>
  </si>
  <si>
    <t>【西门子】功能模板\6ES7452-1AH00-0AE0</t>
  </si>
  <si>
    <t>【西门子】功能模板\6ES7453-3AH00-0AE0</t>
  </si>
  <si>
    <t>【西门子】功能模板\6ES7455-0VS00-0AE0</t>
  </si>
  <si>
    <t>【西门子】功能模板\6ES7455-1VS00-0AE0</t>
  </si>
  <si>
    <t>【西门子】通讯模板\6ES7440-1CS00-0YE0</t>
  </si>
  <si>
    <t>【西门子】通讯模板\6ES7441-1AA05-0AE0</t>
  </si>
  <si>
    <t>【西门子】通讯模板\6ES7441-2AA05-0AE0</t>
  </si>
  <si>
    <t>【西门子】机架\6ES7400-1TA01-0AA0</t>
  </si>
  <si>
    <t>【西门子】机架\6ES7400-1TA11-0AA0</t>
  </si>
  <si>
    <t>【西门子】机架\6ES7400-1JA01-0AA0</t>
  </si>
  <si>
    <t>【西门子】机架\6ES7400-1JA11-0AA0</t>
  </si>
  <si>
    <t>【西门子】背板\6ES7400-2JA00-0AA0</t>
  </si>
  <si>
    <t>【西门子】机架\6ES7401-2TA01-0AA0</t>
  </si>
  <si>
    <t>【西门子】机架\6ES7401-1DA01-0AA0</t>
  </si>
  <si>
    <t>【西门子】机架\6ES7403-1TA01-0AA0</t>
  </si>
  <si>
    <t>【西门子】机架\6ES7403-1TA11-0AA0</t>
  </si>
  <si>
    <t>【西门子】机架\6ES7403-1JA01-0AA0</t>
  </si>
  <si>
    <t>【西门子】机架\6ES7403-1JA11-0AA0</t>
  </si>
  <si>
    <t>【西门子】电源模块\6ES7405-0KA02-0AA0</t>
  </si>
  <si>
    <t>【西门子】CPU电源\6ES7405-0KR02-0AA0</t>
  </si>
  <si>
    <t>【西门子】电源模板\6ES7405-0RA02-0AA0</t>
  </si>
  <si>
    <t>【西门子】电源模件\6ES7407-0DA02-0AA0</t>
  </si>
  <si>
    <t>【西门子】电源模块\6ES7407-0KA02-0AA0</t>
  </si>
  <si>
    <t>【西门子】电源模块\6ES7407-0KR02-0AA0</t>
  </si>
  <si>
    <t>【西门子】电源模板\6ES7407-0RA02-0AA0</t>
  </si>
  <si>
    <t>【西门子】RAM卡\6ES7952-0AF00-0AA0</t>
  </si>
  <si>
    <t>【西门子】RAM卡\6ES7952-1AH00-0AA0</t>
  </si>
  <si>
    <t>【西门子】RAM卡\6ES7952-1AK00-0AA0</t>
  </si>
  <si>
    <t>【西门子】存储卡\6ES7952-1AL00-0AA0</t>
  </si>
  <si>
    <t>【西门子】存储卡\6ES7952-1AM00-0AA0</t>
  </si>
  <si>
    <t>【西门子】存储卡\6ES7952-1AP00-0AA0</t>
  </si>
  <si>
    <t>【西门子】MC SRAM 4MB\6ES7952-1AS00-0AA0</t>
  </si>
  <si>
    <t>【西门子】控制器内存卡\6ES7952-1AY00-0AA0</t>
  </si>
  <si>
    <t>【西门子】存储卡\6ES7952-0KF00-0AA0</t>
  </si>
  <si>
    <t>【西门子】可编程控制器S7400存储卡\6ES7952-0KH00-0AA0</t>
  </si>
  <si>
    <t>【西门子】可编程控制器S7400存储卡\6ES7952-1KK00-0AA0</t>
  </si>
  <si>
    <t>【西门子】存储卡\6ES7952-1KL00-0AA0</t>
  </si>
  <si>
    <t>【西门子】存储器卡\6ES7952-1KM00-0AA0</t>
  </si>
  <si>
    <t>【西门子】ROM卡\6ES7952-1KP00-0AA0</t>
  </si>
  <si>
    <t>【西门子】S7-400控制器存储卡\6ES7952-1KS00-0AA0</t>
  </si>
  <si>
    <t>【西门子】ROM卡\6ES7952-1KT00-0AA0</t>
  </si>
  <si>
    <t>【西门子】ROM卡\6ES7952-1KY00-0AA0</t>
  </si>
  <si>
    <t>【西门子】处理器\6ES7960-1AA06-0XA0</t>
  </si>
  <si>
    <t>【西门子】同步模块\6ES7960-1AB06-0XA0</t>
  </si>
  <si>
    <t>【西门子】通讯电缆\6ES7960-1AA04-5AA0\包含此产品的单个订单金额不小于600元</t>
  </si>
  <si>
    <t>【西门子】同步光纤\6ES7960-1AA04-5BA0</t>
  </si>
  <si>
    <t>【西门子】同步光纤\6ES7960-1AA04-5KA0</t>
  </si>
  <si>
    <t>【西门子】前连接器\6ES7431-7KF00-6AA0</t>
  </si>
  <si>
    <t>【西门子】接口模块\6ES7460-0AA01-0AB0</t>
  </si>
  <si>
    <t>【西门子】通讯模块\6ES7460-3AA01-0AB0</t>
  </si>
  <si>
    <t>【西门子】接收器接口模块\6ES7461-0AA01-0AA0</t>
  </si>
  <si>
    <t>【西门子】接收器接口模块\6ES7461-1BA01-0AA0</t>
  </si>
  <si>
    <t>【西门子】接收器接口模块\6ES7461-3AA01-0AA0</t>
  </si>
  <si>
    <t>【西门子】终端电阻\6ES7461-0AA00-7AA0\包含此产品的单个订单金额不小于600元</t>
  </si>
  <si>
    <t>【西门子】终端模块\6ES7461-3AA00-7AA0\包含此产品的单个订单金额不小于600元</t>
  </si>
  <si>
    <t>【西门子】电缆\6ES7468-1AH50-0AA0</t>
  </si>
  <si>
    <t>【西门子】电缆\6ES7468-1BB50-0AA0</t>
  </si>
  <si>
    <t>【西门子】电缆\6ES7468-1BF00-0AA0</t>
  </si>
  <si>
    <t>【西门子】电缆\6ES7468-1CB00-0AA0</t>
  </si>
  <si>
    <t>【西门子】电缆\6ES7468-1CC50-0AA0</t>
  </si>
  <si>
    <t>【西门子】电缆\6ES7468-1CF00-0AA0</t>
  </si>
  <si>
    <t>【西门子】电缆\6ES7468-1DB00-0AA0</t>
  </si>
  <si>
    <t>【西门子】电缆\6ES7468-3AH50-0AA0</t>
  </si>
  <si>
    <t>【西门子】电缆\6ES7468-3BB50-0AA0</t>
  </si>
  <si>
    <t>【西门子】前连接器\6ES7492-1AL00-0AA0\包含此产品的单个订单金额不小于600元</t>
  </si>
  <si>
    <t>【西门子】前连接器\6ES7492-1AL00-1AB0</t>
  </si>
  <si>
    <t>【西门子】通讯模块\6ES7492-1BL00-0AA0\包含此产品的单个订单金额不小于600元</t>
  </si>
  <si>
    <t>【西门子】前连接器\6ES7492-1CL00-0AA0\包含此产品的单个订单金额不小于600元</t>
  </si>
  <si>
    <t>【西门子】前连接器\6ES7492-1CL00-1AB0</t>
  </si>
  <si>
    <t>【西门子】接口模块\6ES7963-1AA10-0AA0</t>
  </si>
  <si>
    <t>【西门子】接口模块\6ES7963-2AA10-0AA0</t>
  </si>
  <si>
    <t>【西门子】接口模块\6ES7963-3AA10-0AA0</t>
  </si>
  <si>
    <t>【西门子】电源插头\6ES7490-0AA00-0AA0\包含此产品的单个订单金额不小于600元</t>
  </si>
  <si>
    <t>【西门子】电源插头\6ES7490-0AB00-0AA0\包含此产品的单个订单金额不小于600元</t>
  </si>
  <si>
    <t>【西门子】PLC柜槽盖板\6ES7490-1AA00-0AA0\包含此产品的单个订单金额不小于600元</t>
  </si>
  <si>
    <t>【西门子】SIMATICS7-400配件\6ES7490-1BA00-0AA0\包含此产品的单个订单金额不小于600元</t>
  </si>
  <si>
    <t>【西门子】SIMATICS7-400配件\6ES7492-1XL00-0AA0\包含此产品的单个订单金额不小于600元</t>
  </si>
  <si>
    <t>【西门子】SIMATICS7-400配件\6ES7492-2XL00-0AA0\包含此产品的单个订单金额不小于600元</t>
  </si>
  <si>
    <t>【西门子】SIMATICS7-400配件\6ES7492-2XX00-0AA0\包含此产品的单个订单金额不小于600元</t>
  </si>
  <si>
    <t>【西门子】SIMATICS7-400配件\6ES7973-1HD10-0AA0\包含此产品的单个订单金额不小于600元</t>
  </si>
  <si>
    <t>【西门子】SIMATICS7-400配件\6ES7964-2AA04-0AB0</t>
  </si>
  <si>
    <t>【西门子】控制器\6ES7138-4FB04-0AB0</t>
  </si>
  <si>
    <t>【西门子】电子模块\6ES7138-4FR00-0AA0</t>
  </si>
  <si>
    <t>【西门子】I/O卡\6ES7195-7KF00-0XA0</t>
  </si>
  <si>
    <t>【西门子】控制器\6ES7138-4FA05-0AB0</t>
  </si>
  <si>
    <t>【西门子】中央处理单元\6ES7315-2FJ14-0AB0</t>
  </si>
  <si>
    <t>【西门子】中央处理单元\6ES7317-2FK14-0AB0</t>
  </si>
  <si>
    <t>【西门子】中央处理单元\6ES7317-6FF04-0AB0</t>
  </si>
  <si>
    <t>【西门子】中央处理单元\6ES7318-3FL01-0AB0</t>
  </si>
  <si>
    <t>【西门子】CPU卡\6ES7151-8FB01-0AB0</t>
  </si>
  <si>
    <t>【西门子】功能模块\6DD1607-0AA2</t>
  </si>
  <si>
    <t>【西门子】EXM438-1模块\6DD1607-0CA1</t>
  </si>
  <si>
    <t>【西门子】接口模块\6DD1681-0AE2</t>
  </si>
  <si>
    <t>【西门子】SB70接口模块\6DD1681-0AG2</t>
  </si>
  <si>
    <t>【西门子】SU12接口模块\6DD1681-0AJ1</t>
  </si>
  <si>
    <t>【西门子】接口模块\6DD1681-0EB3</t>
  </si>
  <si>
    <t>【西门子】SU13端子接口模块\6DD1681-0GK0</t>
  </si>
  <si>
    <t>【西门子】底板\6ES7195-7HD10-0XA0</t>
  </si>
  <si>
    <t>【西门子】背板\6ES7195-7HC00-0XA0\包含此产品的单个订单金额不小于600元</t>
  </si>
  <si>
    <t>【西门子】底板\6ES7195-7HB00-0XA0\包含此产品的单个订单金额不小于600元</t>
  </si>
  <si>
    <t>【西门子】背板\6ES7195-7HA00-0XA0\包含此产品的单个订单金额不小于600元</t>
  </si>
  <si>
    <t>【西门子】安装导轨\6ES7195-1GC00-0XA0</t>
  </si>
  <si>
    <t>【西门子】安装导轨\6ES7195-1GG30-0XA0\包含此产品的单个订单金额不小于600元</t>
  </si>
  <si>
    <t>【西门子】导轨\6ES7195-1GA00-0XA0\包含此产品的单个订单金额不小于600元</t>
  </si>
  <si>
    <t>【西门子】接口模块\6ES7153-2AR03-0XB5</t>
  </si>
  <si>
    <t>【西门子】接口模块\6ES7153-2AR03-0XB4</t>
  </si>
  <si>
    <t>【西门子】接口模块\6ES7153-2AR03-0XA5</t>
  </si>
  <si>
    <t>【西门子】接口模块\6ES7153-2AR03-0XA4</t>
  </si>
  <si>
    <t>【西门子】接口模块\6ES7153-4BA00-0XB0</t>
  </si>
  <si>
    <t>【西门子】接口模块\6ES7153-4AA01-0XB0</t>
  </si>
  <si>
    <t>【西门子】接口模块\6ES7153-2BA02-0XB5</t>
  </si>
  <si>
    <t>【西门子】接口模块\6ES7153-2BA02-0XB4</t>
  </si>
  <si>
    <t>【西门子】接口模块\6ES7153-2BA02-0XA5</t>
  </si>
  <si>
    <t>【西门子】接口模块\6ES7153-2BA02-0XA4</t>
  </si>
  <si>
    <t>【西门子】接口模块\6ES7153-2BA02-0XA1</t>
  </si>
  <si>
    <t>【西门子】接口模块\6ES7153-1AA03-0XB5</t>
  </si>
  <si>
    <t>【西门子】远程输入输出模块\6ES7153-1AA03-0XA5</t>
  </si>
  <si>
    <t>【西门子】接口模块\6ES7153-1AA03-0XA4</t>
  </si>
  <si>
    <t>【西门子】接口模块\6ES7153-1AA03-0XA1</t>
  </si>
  <si>
    <t>【西门子】端子模块\6ES7193-4CL20-0AA0\包含此产品的单个订单金额不小于600元</t>
  </si>
  <si>
    <t>【西门子】端子模块\6ES7193-4CF50-0AA0\包含此产品的单个订单金额不小于600元</t>
  </si>
  <si>
    <t>【西门子】端子模块\6ES7193-4CF40-0AA0\包含此产品的单个订单金额不小于600元</t>
  </si>
  <si>
    <t>【西门子】端子模块\6ES7193-4CG30-0AA0\包含此产品的单个订单金额不小于600元</t>
  </si>
  <si>
    <t>【西门子】端子模块\6ES7193-4CG20-0AA0\包含此产品的单个订单金额不小于600元</t>
  </si>
  <si>
    <t>【西门子】通讯模块\6ES7193-4CA50-0AA0\1件5个\包含此产品的单个订单金额不小于600元</t>
  </si>
  <si>
    <t>【西门子】端子模块\6ES7193-4CA40-0AA0\1件5个\包含此产品的单个订单金额不小于600元</t>
  </si>
  <si>
    <t>【西门子】端子模块\6ES7193-4CB10-0AA0\1件5个\包含此产品的单个订单金额不小于600元</t>
  </si>
  <si>
    <t>【西门子】端子模块\6ES7193-4CB00-0AA0\1件5个\包含此产品的单个订单金额不小于600元</t>
  </si>
  <si>
    <t>【西门子】端子模块\6ES7193-4CA30-0AA0\1件5个\包含此产品的单个订单金额不小于600元</t>
  </si>
  <si>
    <t>【西门子】TM-E15S24-A1模块\6ES7193-4CA20-0AA0\1件5个\包含此产品的单个订单金额不小于600元</t>
  </si>
  <si>
    <t>【西门子】终端模块\6ES7193-4CB20-0AA0\1件5个\包含此产品的单个订单金额不小于600元</t>
  </si>
  <si>
    <t>【西门子】功能模块\6ES7138-4FD00-0AA0\包含此产品的单个订单金额不小于600元</t>
  </si>
  <si>
    <t>【西门子】功能模块\6ES7138-4GA50-0AB0</t>
  </si>
  <si>
    <t>【西门子】功能模块\6ES7138-4DF11-0AB0</t>
  </si>
  <si>
    <t>【西门子】功能模块\6ES7138-4DF01-0AB0</t>
  </si>
  <si>
    <t>【西门子】功能模块\6ES7138-4DL00-0AB0</t>
  </si>
  <si>
    <t>【西门子】功能模块\6ES7138-4DC01-0AB0</t>
  </si>
  <si>
    <t>【西门子】功能模块\6ES7138-4DB03-0AB0</t>
  </si>
  <si>
    <t>【西门子】功能模块\6ES7138-4DD01-0AB0</t>
  </si>
  <si>
    <t>【西门子】功能模块\6ES7138-4DE02-0AB0</t>
  </si>
  <si>
    <t>【西门子】功能模块\6ES7138-4DA04-0AB0</t>
  </si>
  <si>
    <t>【西门子】模拟量输出模块\6ES7135-4GB52-0AB0</t>
  </si>
  <si>
    <t>【西门子】模拟量模块\6ES7135-4GB01-0AB0</t>
  </si>
  <si>
    <t>【西门子】模拟量输出模块\6ES7135-4FB52-0AB0</t>
  </si>
  <si>
    <t>【西门子】模拟量输出模块\6ES7135-4LB02-0AB0</t>
  </si>
  <si>
    <t>【西门子】模拟量输出模块\6ES7135-4FB01-0AB0</t>
  </si>
  <si>
    <t>【西门子】模拟量输入模块\6ES7134-4JD00-0AB0</t>
  </si>
  <si>
    <t>【西门子】模拟量输入模块\6ES7134-4GD00-0AB0</t>
  </si>
  <si>
    <t>【西门子】模拟量输入模块\6ES7134-4NB51-0AB0</t>
  </si>
  <si>
    <t>【西门子】热电阻模块\6ES7134-4JB51-0AB0</t>
  </si>
  <si>
    <t>【西门子】模拟量输入模块\6ES7134-4GB62-0AB0</t>
  </si>
  <si>
    <t>【西门子】ET200S模拟量模块\6ES7134-4GB11-0AB0</t>
  </si>
  <si>
    <t>【西门子】模拟量输入模块\6ES7134-4GB52-0AB0</t>
  </si>
  <si>
    <t>【西门子】模拟量输入模块\6ES7134-4GB01-0AB0</t>
  </si>
  <si>
    <t>【西门子】二位模拟量输入的电子模块\6ES7134-4FB52-0AB0</t>
  </si>
  <si>
    <t>【西门子】模拟量输入模块\6ES7134-4LB02-0AB0</t>
  </si>
  <si>
    <t>【西门子】模拟量输入模块\6ES7134-4FB01-0AB0</t>
  </si>
  <si>
    <t>【西门子】输入模块\6ES7132-4HB12-0AB0\1件5个</t>
  </si>
  <si>
    <t>【西门子】输出模块\6ES7132-4HB01-0AB0\1件5个</t>
  </si>
  <si>
    <t>【西门子】开关量输出模块\6ES7132-4BF00-0AA0\包含此产品的单个订单金额不小于600元</t>
  </si>
  <si>
    <t>【西门子】数字输出模块\6ES7132-4BB31-0AB0\1件5个</t>
  </si>
  <si>
    <t>【西门子】开关量输入模块\6ES7131-4BF00-0AA0\包含此产品的单个订单金额不小于600元</t>
  </si>
  <si>
    <t>【西门子】数字量输入模块\6ES7131-4BD01-0AA0\1件5个</t>
  </si>
  <si>
    <t>【西门子】ET200S数字输入模块\6ES7131-4BB01-0AB01块5个</t>
  </si>
  <si>
    <t>【西门子】数字量输入模块\6ES7131-4BB01-0AA0\1件5个\包含此产品的单个订单金额不小于600元</t>
  </si>
  <si>
    <t>【西门子】端子模块\6ES7193-4CC30-0AA0\包含此产品的单个订单金额不小于600元</t>
  </si>
  <si>
    <t>【西门子】模块\6ES7193-4CD30-0AA0\包含此产品的单个订单金额不小于600元</t>
  </si>
  <si>
    <t>【西门子】端子模块\6ES7193-4CC20-0AA0\包含此产品的单个订单金额不小于600元</t>
  </si>
  <si>
    <t>【西门子】终端模块\6ES7193-4CD20-0AA0\包含此产品的单个订单金额不小于600元</t>
  </si>
  <si>
    <t>【西门子】端子模块\6ES7193-4CE10-0AA0\包含此产品的单个订单金额不小于600元</t>
  </si>
  <si>
    <t>【西门子】端子模块\6ES7193-4CE00-0AA0\包含此产品的单个订单金额不小于600元</t>
  </si>
  <si>
    <t>【西门子】电源模块\6ES7138-4CB11-0AB0\包含此产品的单个订单金额不小于600元</t>
  </si>
  <si>
    <t>【西门子】电源模块\6ES7138-4CA50-0AB0\包含此产品的单个订单金额不小于600元</t>
  </si>
  <si>
    <t>【西门子】电源模块\6ES7138-4CA60-0AB0\包含此产品的单个订单金额不小于600元</t>
  </si>
  <si>
    <t>【西门子】接口模块\6ES7138-4CA01-0AA0\包含此产品的单个订单金额不小于600元</t>
  </si>
  <si>
    <t>【西门子】接口模块\6ES7151-3BA23-0AB0</t>
  </si>
  <si>
    <t>【西门子】接口模块\6ES7151-1AA05-0AB5</t>
  </si>
  <si>
    <t>【西门子】接口模块\6ES7151-1AA05-0AB4</t>
  </si>
  <si>
    <t>【西门子】接口模块\6ES7151-1AA05-0AA5</t>
  </si>
  <si>
    <t>【西门子】接口模块\6ES7151-1AA05-0AA4</t>
  </si>
  <si>
    <t>【西门子】远程输入输出模块\6ES7151-1AA05-0AA1</t>
  </si>
  <si>
    <t>【西门子】接口模块\6ES7151-1BA02-0AB0</t>
  </si>
  <si>
    <t>【西门子】控制器\6ES7153-1AA03-0XB0</t>
  </si>
  <si>
    <t>【西门子】偶合器DP-DP Coupler\6ES7158-0AD01-0XA0</t>
  </si>
  <si>
    <t>【西门子】接口扩展模块\6ES7193-4CA80-0AA0\1件5个\包含此产品的单个订单金额不小于600元</t>
  </si>
  <si>
    <t>【西门子】接口扩展模块\6ES7193-4CC70-0AA0\包含此产品的单个订单金额不小于600元</t>
  </si>
  <si>
    <t>【西门子】通讯模块\6ES7153-2BA10-0XB0</t>
  </si>
  <si>
    <t>【西门子】通讯模块\6ES7153-2AR04-0XA0</t>
  </si>
  <si>
    <t>【西门子】接口模块\6ES7151-1AA06-0AB0</t>
  </si>
  <si>
    <t>【西门子】PN结\6ES7148-6CB00-0AA0</t>
  </si>
  <si>
    <t>【西门子】PN结\6ES7148-6JA00-0AB0</t>
  </si>
  <si>
    <t>【西门子】PN结\6ES7145-6HD00-0AB0</t>
  </si>
  <si>
    <t>【西门子】PN结\6ES7144-6KD50-0AB0</t>
  </si>
  <si>
    <t>【西门子】PN结\6ES7144-6KD00-0AB0</t>
  </si>
  <si>
    <t>【西门子】PN结\6ES7147-6BG00-0AB0</t>
  </si>
  <si>
    <t>【西门子】PN结\6ES7142-6BH00-0AB0</t>
  </si>
  <si>
    <t>【西门子】PN结\6ES7142-6BR00-0AB0</t>
  </si>
  <si>
    <t>【西门子】PN结\6ES7142-6BG00-0AB0</t>
  </si>
  <si>
    <t>【西门子】PN结\6ES7142-6BF00-0AB0</t>
  </si>
  <si>
    <t>【西门子】PN结\6ES7142-6BF50-0AB0</t>
  </si>
  <si>
    <t>【西门子】PN结\6ES7141-6BH00-0AB0</t>
  </si>
  <si>
    <t>【西门子】PN结\6ES7141-6BG00-0AB0</t>
  </si>
  <si>
    <t>【西门子】PN结\6ES7141-6BF00-0AB0</t>
  </si>
  <si>
    <t>【西门子】DP附件\6ES7194-1JB10-0XA0\1件10个\包含此产品的单个订单金额不小于600元</t>
  </si>
  <si>
    <t>【西门子】DP附件\6ES7194-1KA01-0XA0\包含此产品的单个订单金额不小于600元</t>
  </si>
  <si>
    <t>【西门子】DP附件\6ES7194-3JA00-0AA0\1件10个\包含此产品的单个订单金额不小于600元</t>
  </si>
  <si>
    <t>【西门子】安装导轨\6ES7194-4GD10-0AA0</t>
  </si>
  <si>
    <t>【西门子】安装导轨\6ES7194-4GD20-0AA0</t>
  </si>
  <si>
    <t>【西门子】安装导轨\6ES7194-4GD00-0AA0\包含此产品的单个订单金额不小于600元</t>
  </si>
  <si>
    <t>【西门子】安装导轨\6ES7194-4GC60-0AA0\包含此产品的单个订单金额不小于600元</t>
  </si>
  <si>
    <t>【西门子】安装导轨\6ES7194-4GC20-0AA0\包含此产品的单个订单金额不小于600元</t>
  </si>
  <si>
    <t>【西门子】安装导轨\6ES7194-4GC70-0AA0\包含此产品的单个订单金额不小于600元</t>
  </si>
  <si>
    <t>【西门子】安装导轨\6ES7194-4GB60-0AA0</t>
  </si>
  <si>
    <t>【西门子】安装导轨\6ES7194-4GB20-0AA0</t>
  </si>
  <si>
    <t>【西门子】安装导轨\6ES7194-4GB00-0AA0\包含此产品的单个订单金额不小于600元</t>
  </si>
  <si>
    <t>【西门子】安装导轨\6ES7194-4GA60-0AA0\包含此产品的单个订单金额不小于600元</t>
  </si>
  <si>
    <t>【西门子】安装导轨\6ES7194-4GA20-0AA0\包含此产品的单个订单金额不小于600元</t>
  </si>
  <si>
    <t>【西门子】安装导轨\6ES7194-4GA00-0AA0\包含此产品的单个订单金额不小于600元</t>
  </si>
  <si>
    <t>【西门子】连接模块\6ES7194-4BE00-0AA0</t>
  </si>
  <si>
    <t>【西门子】连接模块\6ES7194-4BD00-0AA0\包含此产品的单个订单金额不小于600元</t>
  </si>
  <si>
    <t>【西门子】连接模块\6ES7194-4BC00-0AA0\包含此产品的单个订单金额不小于600元</t>
  </si>
  <si>
    <t>【西门子】连接模块\6ES7194-4BA00-0AA0\包含此产品的单个订单金额不小于600元</t>
  </si>
  <si>
    <t>【西门子】冷端补偿接头\6ES7194-4AB00-0AA0\包含此产品的单个订单金额不小于600元</t>
  </si>
  <si>
    <t>【西门子】连接模块\6ES7194-4CB10-0AA0\包含此产品的单个订单金额不小于600元</t>
  </si>
  <si>
    <t>【西门子】连接模块\6ES7194-4CA10-0AA0\包含此产品的单个订单金额不小于600元</t>
  </si>
  <si>
    <t>【西门子】连接模块\6ES7194-4FB00-0AA0\包含此产品的单个订单金额不小于600元</t>
  </si>
  <si>
    <t>【西门子】连接模块\6ES7194-4FA00-0AA0\包含此产品的单个订单金额不小于600元</t>
  </si>
  <si>
    <t>【西门子】连接模块\6ES7194-4EB00-0AA0\包含此产品的单个订单金额不小于600元</t>
  </si>
  <si>
    <t>【西门子】连接模块\6ES7194-4CB50-0AA0\包含此产品的单个订单金额不小于600元</t>
  </si>
  <si>
    <t>【西门子】数字量输入模块\6ES7194-4CB00-0AA0\包含此产品的单个订单金额不小于600元</t>
  </si>
  <si>
    <t>【西门子】连接模块\6ES7194-4CA50-0AA0\包含此产品的单个订单金额不小于600元</t>
  </si>
  <si>
    <t>【西门子】连接模块\6ES7194-4CA00-0AA0\包含此产品的单个订单金额不小于600元</t>
  </si>
  <si>
    <t>【西门子】阀岛接口\6ES7148-4EB00-0AA0</t>
  </si>
  <si>
    <t>【西门子】阀岛接口\6ES7148-4EA00-0AA0</t>
  </si>
  <si>
    <t>【西门子】模拟量电子模块\6ES7145-4GF00-0AB0</t>
  </si>
  <si>
    <t>【西门子】模拟量电子模块\6ES7145-4FF00-0AB0</t>
  </si>
  <si>
    <t>【西门子】模拟量电子模块\6ES7144-4PF00-0AB0</t>
  </si>
  <si>
    <t>【西门子】模拟量电子模块\6ES7144-4JF00-0AB0</t>
  </si>
  <si>
    <t>【西门子】模拟量电子模块\6ES7144-4GF01-0AB0</t>
  </si>
  <si>
    <t>【西门子】模拟量电子模块\6ES7144-4FF01-0AB0</t>
  </si>
  <si>
    <t>【西门子】开关量输入模块\6ES7141-4BF00-0AA0\包含此产品的单个订单金额不小于600元</t>
  </si>
  <si>
    <t>【西门子】PNIM连接模块\6ES7194-4AG00-0AA0</t>
  </si>
  <si>
    <t>【西门子】PNIM连接模块\6ES7194-4AF00-0AA0</t>
  </si>
  <si>
    <t>【西门子】PNIM连接模块\6ES7194-4AJ00-0AA0\包含此产品的单个订单金额不小于600元</t>
  </si>
  <si>
    <t>【西门子】PN接口模块\6ES7154-4AB10-0AB0</t>
  </si>
  <si>
    <t>【西门子】DPIM连接模块\6ES7194-4AD00-0AA0\包含此产品的单个订单金额不小于600元</t>
  </si>
  <si>
    <t>【西门子】DPIM连接模块\6ES7194-4AC00-0AA0\包含此产品的单个订单金额不小于600元</t>
  </si>
  <si>
    <t>【西门子】DPIM连接模块\6ES7194-4AA00-0AA0\包含此产品的单个订单金额不小于600元</t>
  </si>
  <si>
    <t>【西门子】接口模块\6ES7154-2AA01-0AB0</t>
  </si>
  <si>
    <t>【西门子】连接模块\6ES7154-1AA01-0AB0</t>
  </si>
  <si>
    <t>【西门子】profibus快速接头\6ES7972-0BB70-0XA0\包含此产品的单个订单金额不小于600元</t>
  </si>
  <si>
    <t>【西门子】总线连接器\6ES7972-0BA70-0XA0\包含此产品的单个订单金额不小于600元</t>
  </si>
  <si>
    <t>【西门子】总线连接器\6ES7972-0BA61-0XA0\包含此产品的单个订单金额不小于600元</t>
  </si>
  <si>
    <t>【西门子】PLC连接器\6ES7972-0BA42-0XA0\包含此产品的单个订单金额不小于600元</t>
  </si>
  <si>
    <t>【西门子】导轨\6ES5710-8MA41\包含此产品的单个订单金额不小于600元</t>
  </si>
  <si>
    <t>【西门子】导轨\6ES5710-8MA31\包含此产品的单个订单金额不小于600元</t>
  </si>
  <si>
    <t>【西门子】导轨\6ES5710-8MA21\包含此产品的单个订单金额不小于600元</t>
  </si>
  <si>
    <t>【西门子】导轨\6ES5710-8MA11\包含此产品的单个订单金额不小于600元</t>
  </si>
  <si>
    <t>【西门子】接口扩展模块\6ES7193-4JA00-0AA0\包含此产品的单个订单金额不小于600元</t>
  </si>
  <si>
    <t>【西门子】单头模块\6ES7972-0BA12-0XA0\包含此产品的单个订单金额不小于600元</t>
  </si>
  <si>
    <t>【西门子】DP接头\6ES7972-0BA52-0XA0\包含此产品的单个订单金额不小于600元</t>
  </si>
  <si>
    <t>【西门子】DP总线连接器\6ES7972-0BB12-0XA0\包含此产品的单个订单金额不小于600元</t>
  </si>
  <si>
    <t>【西门子】总线连接器\6ES7972-0BB42-0XA0\包含此产品的单个订单金额不小于600元</t>
  </si>
  <si>
    <t>【西门子】profibus通讯插口接头\6ES7972-0BB52-0XA0\包含此产品的单个订单金额不小于600元</t>
  </si>
  <si>
    <t>【西门子】终端电阻\6ES7972-0DA00-0AA0\包含此产品的单个订单金额不小于600元</t>
  </si>
  <si>
    <t>【西门子】总线连接器\6ES7972-0BB61-0XA0\包含此产品的单个订单金额不小于600元</t>
  </si>
  <si>
    <t>【西门子】CPU连接模块\6ES7194-4AN00-0AA0</t>
  </si>
  <si>
    <t>【西门子】CPU模块\6ES7154-8AB01-0AB0</t>
  </si>
  <si>
    <t>【西门子】接口控制器\6ES7138-4HA00-0AB0</t>
  </si>
  <si>
    <t>【西门子】CPU\6ES7151-7AA21-0AB0</t>
  </si>
  <si>
    <t>【西门子】控制器集成模块\6ES7151-8AB01-0AB0</t>
  </si>
  <si>
    <t>【西门子】IO模块\6ES7144-5KD00-0BA0</t>
  </si>
  <si>
    <t>【西门子】IO模块\6ES7143-5BF00-0BA0</t>
  </si>
  <si>
    <t>【西门子】IO模块\6ES7141-5BF00-0BA0</t>
  </si>
  <si>
    <t>【西门子】接口模块\6ES7157-1AB00-0AB0</t>
  </si>
  <si>
    <t>【西门子】接口模块\6ES7157-1AA00-0AB0</t>
  </si>
  <si>
    <t>【西门子】接口模块\6ES7193-6AS00-0AA0</t>
  </si>
  <si>
    <t>【西门子】接口模块\6ES7193-6BN00-0NE0\包含此产品的单个订单金额不小于600元</t>
  </si>
  <si>
    <t>【西门子】基座单元\6ES7193-6BP20-0BF0\包含此产品的单个订单金额不小于600元</t>
  </si>
  <si>
    <t>【西门子】基座单元\6ES7193-6BP20-0BC1\包含此产品的单个订单金额不小于600元</t>
  </si>
  <si>
    <t>【西门子】基座单元\6ES7193-6BP20-0BB1\包含此产品的单个订单金额不小于600元</t>
  </si>
  <si>
    <t>【西门子】基座单元\6ES7193-6BP00-0BD0\包含此产品的单个订单金额不小于600元</t>
  </si>
  <si>
    <t>【西门子】基座单元\6ES7193-6BP20-0DC0\包含此产品的单个订单金额不小于600元</t>
  </si>
  <si>
    <t>【西门子】基座单元\6ES7193-6BP20-0BB0\包含此产品的单个订单金额不小于600元</t>
  </si>
  <si>
    <t>【西门子】基座单元\6ES7193-6BP40-0DA1\包含此产品的单个订单金额不小于600元</t>
  </si>
  <si>
    <t>【西门子】基座单元\6ES7193-6BP40-0BA1\包含此产品的单个订单金额不小于600元</t>
  </si>
  <si>
    <t>【西门子】基座单元\6ES7193-6BP00-0DA1\包含此产品的单个订单金额不小于600元</t>
  </si>
  <si>
    <t>【西门子】基座单元\6ES7193-6BP00-0BA1\包含此产品的单个订单金额不小于600元</t>
  </si>
  <si>
    <t>【西门子】基座单元\6ES7193-6BP20-0DA0\包含此产品的单个订单金额不小于600元</t>
  </si>
  <si>
    <t>【西门子】基座单元\6ES7193-6BP20-0BA0\包含此产品的单个订单金额不小于600元</t>
  </si>
  <si>
    <t>【西门子】基座单元\6ES7193-6BP00-0DA0\包含此产品的单个订单金额不小于600元</t>
  </si>
  <si>
    <t>【西门子】基座单元\6ES7193-6BP00-0BA0\包含此产品的单个订单金额不小于600元</t>
  </si>
  <si>
    <t>【西门子】工艺模块\6ES7138-6CG00-0BA0</t>
  </si>
  <si>
    <t>【西门子】工艺模块\6ES7138-6BA00-0BA0</t>
  </si>
  <si>
    <t>【西门子】通信模块\6ES7137-6BD00-0BA0</t>
  </si>
  <si>
    <t>【西门子】通信模块\6ES7137-6AA00-0BA0</t>
  </si>
  <si>
    <t>【西门子】模拟量输出模块\6ES7135-6HB00-0CA1</t>
  </si>
  <si>
    <t>【西门子】模拟量输出模块\6ES7135-6HB00-0DA1</t>
  </si>
  <si>
    <t>【西门子】模拟量输出模块\6ES7135-6HD00-0BA1</t>
  </si>
  <si>
    <t>【西门子】模拟量输入模块\6ES7134-6JF00-0CA1</t>
  </si>
  <si>
    <t>【西门子】模拟量输入模块\6ES7134-6JD00-0CA1</t>
  </si>
  <si>
    <t>【西门子】模拟量输入模块\6ES7134-6HB00-0CA1</t>
  </si>
  <si>
    <t>【西门子】模拟量输入模块\6ES7134-6HB00-0DA1</t>
  </si>
  <si>
    <t>【西门子】模拟量输入模块\6ES7134-6HD01-0BA1</t>
  </si>
  <si>
    <t>【西门子】模拟量输入模块\6ES7134-6GD01-0BA1</t>
  </si>
  <si>
    <t>【西门子】数字量输出模块\6ES7132-6BH01-0BA0</t>
  </si>
  <si>
    <t>【西门子】数字量输入模块\6ES7131-6BH01-0BA0\包含此产品的单个订单金额不小于600元</t>
  </si>
  <si>
    <t>【西门子】总线适配器\6ES7193-6AP00-0AA0</t>
  </si>
  <si>
    <t>【西门子】总线适配器\6ES7193-6AF00-0AA0\包含此产品的单个订单金额不小于600元</t>
  </si>
  <si>
    <t>【西门子】总线适配器\6ES7193-6AR00-0AA0\包含此产品的单个订单金额不小于600元</t>
  </si>
  <si>
    <t>【西门子】模拟量输入模块\6ES7134-6GF00-0AA1</t>
  </si>
  <si>
    <t>【西门子】模拟量模块\6ES7134-6FF00-0AA1</t>
  </si>
  <si>
    <t>【西门子】功能模块\6ES7138-6DB00-0BB1</t>
  </si>
  <si>
    <t>【西门子】模拟量输入模块\6ES7134-6PA01-0BD0</t>
  </si>
  <si>
    <t>【西门子】接口模块\6ES7155-6AA01-0BN0</t>
  </si>
  <si>
    <t>【西门子】继电器输出\6ES7132-6GD51-0BA0\包含此产品的单个订单金额不小于600元</t>
  </si>
  <si>
    <t>【西门子】数字量模块\6ES7136-6BA00-0CA0</t>
  </si>
  <si>
    <t>【西门子】数字量模块\6ES7136-6DB00-0CA0</t>
  </si>
  <si>
    <t>【西门子】可编程控制器\6ES7901-3DB30-0XA0</t>
  </si>
  <si>
    <t>【西门子】触摸屏\6AV2124-6DJ00-0AX0\1件10个\包含此产品的单个订单金额不小于600元</t>
  </si>
  <si>
    <t>【西门子】触摸屏\6AV2124-6GJ00-0AX0\1件10个\包含此产品的单个订单金额不小于600元</t>
  </si>
  <si>
    <t>【西门子】触摸屏\6AV2124-6JJ00-0AX0\1件10个\包含此产品的单个订单金额不小于600元</t>
  </si>
  <si>
    <t>【西门子】触摸屏\6AV2124-6MJ00-0AX0\1件10个</t>
  </si>
  <si>
    <t>【西门子】触摸屏\6AV2124-6QJ00-0AX1\1件10个</t>
  </si>
  <si>
    <t>【西门子】触摸屏\6AV2124-6UJ00-0AX1\1件10个</t>
  </si>
  <si>
    <t>【西门子】触摸屏\6AV2124-6XJ00-0AX1\1件10个</t>
  </si>
  <si>
    <t>【西门子】触摸屏\6AV2181-8XP00-0AX0\包含此产品的单个订单金额不小于600元</t>
  </si>
  <si>
    <t>【西门子】存储卡\6AV6671-1CB00-0AX2\包含此产品的单个订单金额不小于600元</t>
  </si>
  <si>
    <t>【西门子】移动面板附件\6XV1440-4AH20</t>
  </si>
  <si>
    <t>【西门子】移动面板附件\6XV1440-4AH50</t>
  </si>
  <si>
    <t>【西门子】移动面板附件\6XV1440-4AH80</t>
  </si>
  <si>
    <t>【西门子】移动面板附件\6XV1440-4AN10</t>
  </si>
  <si>
    <t>【西门子】移动面板附件\6XV1440-4AN15</t>
  </si>
  <si>
    <t>【西门子】移动面板附件\6XV1440-4AN20</t>
  </si>
  <si>
    <t>【西门子】移动面板附件\6XV1440-4AN25</t>
  </si>
  <si>
    <t>【西门子】移动面板附件\6XV1440-4BH20</t>
  </si>
  <si>
    <t>【西门子】移动面板附件\6XV1440-4BH50</t>
  </si>
  <si>
    <t>【西门子】移动面板附件\6XV1440-4BH80</t>
  </si>
  <si>
    <t>【西门子】移动面板附件\6XV1440-4BN10</t>
  </si>
  <si>
    <t>【西门子】移动面板附件\6XV1440-4BN15</t>
  </si>
  <si>
    <t>【西门子】移动面板附件\6XV1440-4BN20</t>
  </si>
  <si>
    <t>【西门子】移动面板附件\6XV1440-4BN25</t>
  </si>
  <si>
    <t>【西门子】变频器\6SL3210-1PE23-8UL0</t>
  </si>
  <si>
    <t>【西门子】变频器\6SL3210-1PE28-8UL0</t>
  </si>
  <si>
    <t>【西门子】变频器\6SL3210-1PE32-1UL0</t>
  </si>
  <si>
    <t>【西门子】变频器\6SL3210-1KE24-4UB1</t>
  </si>
  <si>
    <t>【西门子】智能连接模块\6SL3255-0AA00-5AA0</t>
  </si>
  <si>
    <t>【西门子】V20变频器\6SL3210-5BE31-8UV0</t>
  </si>
  <si>
    <t>【西门子】电源模块\6EP3436-8SB00-0AY0</t>
  </si>
  <si>
    <t>【西门子】标准工业电源模块\6EP3334-8SB00-0AY0</t>
  </si>
  <si>
    <t>【西门子】标准工业电源模块\6EP3333-8SB00-0AY0</t>
  </si>
  <si>
    <t>【西门子】电源模块\6EP1333-3BA10</t>
  </si>
  <si>
    <t>【西门子】标准工业电源模块\6EP1333-3BA10-8AC0</t>
  </si>
  <si>
    <t>【西门子】电源模块\6EP1334-3BA10</t>
  </si>
  <si>
    <t>【西门子】电源模块\6EP1334-3BA10-8AB0</t>
  </si>
  <si>
    <t>【西门子】电源模块\6EP1336-3BA00</t>
  </si>
  <si>
    <t>【西门子】标准工业电源模块\6EP1336-3BA00-8AA0</t>
  </si>
  <si>
    <t>【西门子】SITOP POWER SUPPLY-MODULAR\6EP1336-3BA10</t>
  </si>
  <si>
    <t>【西门子】模块\6EP1337-3BA00</t>
  </si>
  <si>
    <t>【西门子】电源\6EP1436-3BA00</t>
  </si>
  <si>
    <t>【西门子】SITOP电源\6EP1437-3BA00</t>
  </si>
  <si>
    <t>【西门子】标准工业电源模块\6EP1437-3BA00-8AA0</t>
  </si>
  <si>
    <t>【西门子】SITOP POWER SUPPLY-MODULAR\6EP1437-3BA10</t>
  </si>
  <si>
    <t>【西门子】标准工业电源模块\6EP1437-3BA20</t>
  </si>
  <si>
    <t>【西门子】SITOP POWER SUPPLY-MODULAR\6EP1457-3BA00</t>
  </si>
  <si>
    <t>【西门子】电源模块\6EP3337-8SB00-0AY0</t>
  </si>
  <si>
    <t>【西门子】标准工业电源模块\6EP3424-8UB00-0AY0</t>
  </si>
  <si>
    <t>【西门子】电源模块\6EP3436-8UB00-0AY0</t>
  </si>
  <si>
    <t>【西门子】标准工业电源模块\6EP3446-8SB00-0AY0</t>
  </si>
  <si>
    <t>【西门子】直流电源\6EP1322-2BA00</t>
  </si>
  <si>
    <t>【西门子】电源模块\6EP1323-2BA00</t>
  </si>
  <si>
    <t>【西门子】电源\6EP1332-2BA20</t>
  </si>
  <si>
    <t>【西门子】SITOP电源模块\6EP1333-2BA20</t>
  </si>
  <si>
    <t>【西门子】SITOP POWER SUPPLY-SMART\6EP1334-2AA01-0AB0</t>
  </si>
  <si>
    <t>【西门子】电源模块\6EP1334-2BA20</t>
  </si>
  <si>
    <t>【西门子】电源模块\6EP1336-2BA10</t>
  </si>
  <si>
    <t>【西门子】SITOP POWER SUPPLY-SPECIAL\6EP1353-0AA00</t>
  </si>
  <si>
    <t>【西门子】紧凑型工业电源模块\6EP1434-2BA20</t>
  </si>
  <si>
    <t>【西门子】SITOP POWER SUPPLY-SMART\6EP1436-2BA10</t>
  </si>
  <si>
    <t>【西门子】电源模块\6EP1437-2BA20</t>
  </si>
  <si>
    <t>【西门子】工业电源\6ES7288-0CD10-0AA0\包含此产品的单个订单金额不小于600元</t>
  </si>
  <si>
    <t>【西门子】PLC电源模块\6ES7288-0ED10-0AA0\包含此产品的单个订单金额不小于600元</t>
  </si>
  <si>
    <t>【西门子】直流电源\6EP3310-6SB00-0AY0\包含此产品的单个订单金额不小于600元</t>
  </si>
  <si>
    <t>【西门子】工业电源\6EP3311-6SB00-0AY0\包含此产品的单个订单金额不小于600元</t>
  </si>
  <si>
    <t>【西门子】工业电源\6EP3321-6SB00-0AY0\包含此产品的单个订单金额不小于600元</t>
  </si>
  <si>
    <t>【西门子】工业电源\6EP3321-6SB10-0AY0\包含此产品的单个订单金额不小于600元</t>
  </si>
  <si>
    <t>【西门子】工业电源\6EP3322-6SB00-0AY0\包含此产品的单个订单金额不小于600元</t>
  </si>
  <si>
    <t>【西门子】工业电源\6EP3322-6SB10-0AY0\包含此产品的单个订单金额不小于600元</t>
  </si>
  <si>
    <t>【西门子】工业电源\6EP3331-6SB00-0AY0\包含此产品的单个订单金额不小于600元</t>
  </si>
  <si>
    <t>【西门子】工业电源\6EP3333-6SB00-0AY0\包含此产品的单个订单金额不小于600元</t>
  </si>
  <si>
    <t>【西门子】SITOP POWER SUPPLY-COMPACT\6EP1321-5BA00\包含此产品的单个订单金额不小于600元</t>
  </si>
  <si>
    <t>【西门子】紧凑节能型工业电源模块\6EP1322-5BA10</t>
  </si>
  <si>
    <t>【西门子】SITOP POWER SUPPLY-COMPACT\6EP1331-5BA00\包含此产品的单个订单金额不小于600元</t>
  </si>
  <si>
    <t>【西门子】SITOP POWER SUPPLY-COMPACT\6EP1331-5BA10\包含此产品的单个订单金额不小于600元</t>
  </si>
  <si>
    <t>【西门子】电源模块\6EP1332-5BA00\包含此产品的单个订单金额不小于600元</t>
  </si>
  <si>
    <t>【西门子】紧凑节能型工业电源模块\6EP1332-5BA10</t>
  </si>
  <si>
    <t>【西门子】紧凑节能型工业电源模块\6EP1332-5BA20</t>
  </si>
  <si>
    <t>【西门子】电源模块\6EP1961-2BA00</t>
  </si>
  <si>
    <t>【西门子】电源模块\6EP1433-0AA00</t>
  </si>
  <si>
    <t>【西门子】电源分配模块\6EP1961-3BA21</t>
  </si>
  <si>
    <t>【西门子】电源扩展模块\6EP1962-2BA00</t>
  </si>
  <si>
    <t>【西门子】工业电源扩展模块\6EP1964-2BA00\包含此产品的单个订单金额不小于600元</t>
  </si>
  <si>
    <t>【西门子】电源模块\6EP3343-0SA00-0AY0</t>
  </si>
  <si>
    <t>【西门子】SITOP POWER SUPPLY-SPECIAL\6EP1621-2BA00</t>
  </si>
  <si>
    <t>【西门子】直流输入工业电源模块\6EP1731-2BA00\包含此产品的单个订单金额不小于600元</t>
  </si>
  <si>
    <t>【西门子】工业电源\6EP1332-4BA00</t>
  </si>
  <si>
    <t>【西门子】工业电源\6EP1333-4BA00</t>
  </si>
  <si>
    <t>【西门子】SITOP POWER SUPPLY-SIMATIC\6ES7148-4PC00-0HA0</t>
  </si>
  <si>
    <t>【西门子】SITOP POWER SUPPLY-SIMATIC\6ES7305-1BA80-0AA0</t>
  </si>
  <si>
    <t>【西门子】电源模块\6ES7307-1BA01-0AA0</t>
  </si>
  <si>
    <t>【西门子】电源模块\6ES7307-1EA01-0AA0</t>
  </si>
  <si>
    <t>【西门子】SITOP POWER SUPPLY-SIMATIC\6ES7307-1EA80-0AA0</t>
  </si>
  <si>
    <t>【西门子】电源模块\6ES7307-1KA02-0AA0</t>
  </si>
  <si>
    <t>【西门子】SITOP POWER SUPPLY-SIMATIC\6EP1332-1SH71\包含此产品的单个订单金额不小于600元</t>
  </si>
  <si>
    <t>【西门子】SITOP POWER SUPPLY-SPECIAL\6EP1333-1AL12</t>
  </si>
  <si>
    <t>【西门子】电源\6EP1334-1AL12</t>
  </si>
  <si>
    <t>【西门子】电源\6EP1971-1BA00\包含此产品的单个订单金额不小于600元</t>
  </si>
  <si>
    <t>【西门子】工业电源安装支架\6EP1971-2BA00\包含此产品的单个订单金额不小于600元</t>
  </si>
  <si>
    <t>【西门子】紧凑节能型工业电源模块\6EP1971-5BA00</t>
  </si>
  <si>
    <t>【西门子】工业电源\6ES7390-6BA00-0AA0\包含此产品的单个订单金额不小于600元</t>
  </si>
  <si>
    <t>【西门子】工业电源\6ES7390-7BA00-0AA0\包含此产品的单个订单金额不小于600元</t>
  </si>
  <si>
    <t>【西门子】电源模块\6EP1336-1LB00</t>
  </si>
  <si>
    <t>【西门子】电源模块\6EP1332-1LB00\包含此产品的单个订单金额不小于600元</t>
  </si>
  <si>
    <t>【西门子】电源模块\6EP1333-1LB00\包含此产品的单个订单金额不小于600元</t>
  </si>
  <si>
    <t>【西门子】电源模块\6EP1334-1LB00</t>
  </si>
  <si>
    <t>【西门子】平板工业电源\6EP1321-1LD00\包含此产品的单个订单金额不小于600元</t>
  </si>
  <si>
    <t>【西门子】平板工业电源\6EP1322-1LD00\包含此产品的单个订单金额不小于600元</t>
  </si>
  <si>
    <t>【西门子】平板工业电源\6EP1331-1LD00\包含此产品的单个订单金额不小于600元</t>
  </si>
  <si>
    <t>【西门子】平板工业电源\6EP1332-1LD00\包含此产品的单个订单金额不小于600元</t>
  </si>
  <si>
    <t>【西门子】平板工业电源\6EP1332-1LD10\包含此产品的单个订单金额不小于600元</t>
  </si>
  <si>
    <t>【西门子】平板工业电源\6EP1333-1LD00\包含此产品的单个订单金额不小于600元</t>
  </si>
  <si>
    <t>【西门子】平板工业电源\6EP1334-1LD00\包含此产品的单个订单金额不小于600元</t>
  </si>
  <si>
    <t>【西门子】电抗器\6SL3000-2BE32-1AA0</t>
  </si>
  <si>
    <t>【西门子】电抗器\6SL3000-2BE32-6AA0</t>
  </si>
  <si>
    <t>【西门子】电抗器\6SL3000-2BE33-2AA0</t>
  </si>
  <si>
    <t>【西门子】电抗器\6SL3000-2BE33-8AA0</t>
  </si>
  <si>
    <t>【西门子】电抗器\6SL3000-2BE35-0AA0</t>
  </si>
  <si>
    <t>【西门子】偏航变频器\6SL3120-1TE24-5AA3</t>
  </si>
  <si>
    <t>【西门子】电源模块\6SL3130-6TE23-6AA3</t>
  </si>
  <si>
    <t>【西门子】变频器模块\6SL3130-7TE25-5AA3</t>
  </si>
  <si>
    <t>【西门子】电抗器\6SL3000-0CE32-3AA0</t>
  </si>
  <si>
    <t>【西门子】变频器风扇熔芯\6SY7000-0AC46\包含此产品的单个订单金额不小于600元</t>
  </si>
  <si>
    <t>【西门子】功率模块\6SL3320-1TE32-6AA3</t>
  </si>
  <si>
    <t>【西门子】功率模块\6SL3320-1TE35-0AA3</t>
  </si>
  <si>
    <t>【西门子】功率单元\6SL3310-1TE32-6AA3</t>
  </si>
  <si>
    <t>【西门子】滤波器\6SL3000-0BE31-2DA0</t>
  </si>
  <si>
    <t>【西门子】电抗器\6SL3000-0CE15-0AA0</t>
  </si>
  <si>
    <t>【西门子】电抗器\6SL3000-0DE31-2AA1</t>
  </si>
  <si>
    <t>【西门子】通讯模块\6SL3055-0AA00-2EB0</t>
  </si>
  <si>
    <t>【西门子】端子板\6SL3055-0AA00-2TA0</t>
  </si>
  <si>
    <t>【西门子】操作面板\6SL3055-0AA00-4BA0\包含此产品的单个订单金额不小于600元</t>
  </si>
  <si>
    <t>【西门子】通讯模块\6SL3055-0AA00-5AA3</t>
  </si>
  <si>
    <t>【西门子】编码器模块\6SL3055-0AA00-5CA2</t>
  </si>
  <si>
    <t>【西门子】阻尼电阻\6SL3100-1BE21-3AA0</t>
  </si>
  <si>
    <t>【西门子】控制线\6SL3060-4AB00-0AA0\包含此产品的单个订单金额不小于600元</t>
  </si>
  <si>
    <t>【西门子】正组桥\6SL3060-4AP00-0AA0\包含此产品的单个订单金额不小于600元</t>
  </si>
  <si>
    <t>【西门子】CF存储卡\6SL3054-0EH00-1BA0\包含此产品的单个订单金额不小于600元</t>
  </si>
  <si>
    <t>【西门子】CF卡\6SL3054-0EJ00-1BA0\包含此产品的单个订单金额不小于600元</t>
  </si>
  <si>
    <t>【西门子】控制单元\6SL3040-1LA00-0AA0</t>
  </si>
  <si>
    <t>【西门子】控制单元适配器\6SL3040-0PA00-0AA1\CUA31</t>
  </si>
  <si>
    <t>【西门子】适配器\6SL3040-0PA01-0AA0</t>
  </si>
  <si>
    <t>【西门子】隔离开关\3KL5230-1AB01</t>
  </si>
  <si>
    <t>【西门子】隔离开关\3KL5730-1AB01</t>
  </si>
  <si>
    <t>【西门子】数字量输入模块\6ES7221-1BF22-0XA8</t>
  </si>
  <si>
    <t>【西门子】DI卡\6ES7221-1BH22-0XA8</t>
  </si>
  <si>
    <t>【西门子】数字量输出模块\6ES7222-1BF22-0XA8</t>
  </si>
  <si>
    <t>【西门子】PLC扩展模块\6ES7222-1HF22-0XA8</t>
  </si>
  <si>
    <t>【西门子】扩展模块\6ES7223-1BF22-0XA8</t>
  </si>
  <si>
    <t>【西门子】PLC模块\6ES7223-1BL22-0XA8</t>
  </si>
  <si>
    <t>【西门子】输入模块\6ES7223-1HF22-0XA8</t>
  </si>
  <si>
    <t>【西门子】PLC扩展模块\6ES7223-1PH22-0XA8</t>
  </si>
  <si>
    <t>【西门子】I/O卡\6ES7223-1PL22-0XA8</t>
  </si>
  <si>
    <t>【西门子】模拟量输入模块\6ES7231-0HC22-0XA8</t>
  </si>
  <si>
    <t>【西门子】输入扩展模块\6ES7231-0HF22-0XA0</t>
  </si>
  <si>
    <t>【西门子】可编程控制器\6ES7231-7PB22-0XA8</t>
  </si>
  <si>
    <t>【西门子】模拟量输出模块\6ES7232-0HB22-0XA8</t>
  </si>
  <si>
    <t>【西门子】AO模块\6ES7232-0HD22-0XA0</t>
  </si>
  <si>
    <t>【西门子】可编程控制器\6ES7235-0KD22-0XA8</t>
  </si>
  <si>
    <t>【西门子】储存卡\6ES7291-8BA20-0XA0\包含此产品的单个订单金额不小于600元</t>
  </si>
  <si>
    <t>【西门子】可编程控制器\6ES7291-8GF23-0XA0\包含此产品的单个订单金额不小于600元</t>
  </si>
  <si>
    <t>【西门子】编程电缆\6ES7901-3CB30-0XA0</t>
  </si>
  <si>
    <t>【西门子】通讯模块\6ES7151-1CA00-0AB0</t>
  </si>
  <si>
    <t>【西门子】CPU模块\6ES7212-1AB23-0XB8</t>
  </si>
  <si>
    <t>【西门子】控制器\6ES7212-1BB23-0XB8</t>
  </si>
  <si>
    <t>【西门子】PLC模块\6ES7214-1AD23-0XB8</t>
  </si>
  <si>
    <t>【西门子】可编程控制器\6ES7214-1BD23-0XB8</t>
  </si>
  <si>
    <t>【西门子】可编程控制器\6ES7214-2BD23-0XB8</t>
  </si>
  <si>
    <t>【西门子】控制器\6ES7216-2AD23-0XB8</t>
  </si>
  <si>
    <t>【西门子】CPU模块\6ES7216-2BD23-0XB8</t>
  </si>
  <si>
    <t>【西门子】编程控制器\6ES7277-0AA22-0XA0</t>
  </si>
  <si>
    <t>【西门子】控制模件\6DD1607-0EA0</t>
  </si>
  <si>
    <t>【西门子】控制器\6ES7212-1BB23-0XB0</t>
  </si>
  <si>
    <t>【西门子】PLC控制器\6ES7214-1AD23-0XB0</t>
  </si>
  <si>
    <t>【西门子】控制器\6ES7214-1BD23-0XB0</t>
  </si>
  <si>
    <t>【西门子】CPU模块\6ES7214-2AD23-0XB0</t>
  </si>
  <si>
    <t>【西门子】CPU模块\6ES7214-2BD23-0XB0</t>
  </si>
  <si>
    <t>【西门子】模块S7-200\6ES7216-2AD23-0XB0</t>
  </si>
  <si>
    <t>【西门子】控制模块\6ES7216-2BD23-0XB0</t>
  </si>
  <si>
    <t>【西门子】控制器\6ES7313-5BF03-0AB0</t>
  </si>
  <si>
    <t>【西门子】CPU模块\6ES7313-6CF03-0AB0</t>
  </si>
  <si>
    <t>【西门子】处理器模块\6ES7314-6BG03-0AB0</t>
  </si>
  <si>
    <t>【西门子】可编程序控制器CPU\6ES7314-6CG03-0AB0</t>
  </si>
  <si>
    <t>【西门子】可编程逻辑控制器\6ES7317-2AJ10-0AB0</t>
  </si>
  <si>
    <t>【西门子】DI模块\6ES7138-4FA04-0AB0</t>
  </si>
  <si>
    <t>【西门子】电子模块\6ES7138-4FB03-0AB0</t>
  </si>
  <si>
    <t>【西门子】I/O卡\6ES7326-2BF01-0AB0</t>
  </si>
  <si>
    <t>【西门子】I/O卡\6ES7336-1HE00-0AB0</t>
  </si>
  <si>
    <t>【西门子】PLC模块\6ES7131-1BL01-0XB0</t>
  </si>
  <si>
    <t>【西门子】PLC模块\6ES7132-1BL00-0XB0</t>
  </si>
  <si>
    <t>【西门子】开入模块\6ES7133-1BL01-0XB0</t>
  </si>
  <si>
    <t>【西门子】终端模块\6ES7193-1CL00-0XA0\TB32L</t>
  </si>
  <si>
    <t>【西门子】西门子扩展模块\6ES7221-1BF22-0XA0</t>
  </si>
  <si>
    <t>【西门子】输出模块\6ES7222-1BF22-0XA0</t>
  </si>
  <si>
    <t>【西门子】CPU模块\6ES7222-1HF22-0XA0</t>
  </si>
  <si>
    <t>【西门子】扩展模块\6ES7223-1BH22-0XA0</t>
  </si>
  <si>
    <t>【西门子】数字量组合模块\6ES7223-1BL22-0XA0</t>
  </si>
  <si>
    <t>【西门子】数字量组合模块\6ES7223-1PH22-0XA0</t>
  </si>
  <si>
    <t>【西门子】数字量模块\6ES7223-1PL22-0XA0</t>
  </si>
  <si>
    <t>【西门子】模拟量扩展卡\6ES7231-0HC22-0XA0</t>
  </si>
  <si>
    <t>【西门子】扩展模块\6ES7232-0HB22-0XA0</t>
  </si>
  <si>
    <t>【西门子】I/O卡\6ES7235-0KD22-0XA0</t>
  </si>
  <si>
    <t>【西门子】内存卡\6ES7953-8LF30-0AA0\包含此产品的单个订单金额不小于600元</t>
  </si>
  <si>
    <t>【西门子】存储卡\6ES7953-8LG30-0AA0</t>
  </si>
  <si>
    <t>【西门子】储存卡\6ES7953-8LP20-0AA0</t>
  </si>
  <si>
    <t>【西门子】CPU模块\6ES7511-1AK00-0AB0</t>
  </si>
  <si>
    <t>【西门子】CPU模块\6ES7513-1AL00-0AB0</t>
  </si>
  <si>
    <t>【西门子】风扇\6SE6400-7AA00-0AG0</t>
  </si>
  <si>
    <t>【西门子】变频器\6SL3224-0BE31-1UA0</t>
  </si>
  <si>
    <t>【西门子】变频器\6SL3224-0BE31-5UA0</t>
  </si>
  <si>
    <t>【西门子】变频器\6SL3210-1SE23-8UA0</t>
  </si>
  <si>
    <t>【西门子】变频器\6SL3210-1SE31-1UA0</t>
  </si>
  <si>
    <t>【西门子】变频器\6SL3210-1SE13-1UA0</t>
  </si>
  <si>
    <t>【西门子】风机\6SL3362-0AF00-0AA1</t>
  </si>
  <si>
    <t>【西门子】变频器CIB总成\6SL3351-6FE33-8AA1</t>
  </si>
  <si>
    <t>【西门子】控制主板\6SL3351-6FE35-0AA1</t>
  </si>
  <si>
    <t>【西门子】风扇\6SL3362-0AF01-0AA2</t>
  </si>
  <si>
    <t>【西门子】功率模块\6SL3351-1AE32-1AA2</t>
  </si>
  <si>
    <t>【西门子】功率模块\6SL3351-1AE33-8AA2</t>
  </si>
  <si>
    <t>【西门子】功率模块\6SL3351-1AE35-0AA2</t>
  </si>
  <si>
    <t>【西门子】变频器风扇熔断器\6SL3352-7BE32-1AA1\包含此产品的单个订单金额不小于600元</t>
  </si>
  <si>
    <t>【西门子】内存卡\6SL3353-3AG41-3AA0\包含此产品的单个订单金额不小于600元</t>
  </si>
  <si>
    <t>【西门子】IPD驱动板\6SL3352-3AG41-0AA0\包含此产品的单个订单金额不小于600元</t>
  </si>
  <si>
    <t>【西门子】电源\6SL3352-1AG41-3FA1</t>
  </si>
  <si>
    <t>【西门子】电源\6SL3352-1AG41-0FA1</t>
  </si>
  <si>
    <t>【西门子】功率模块\6SL3352-1AE41-0FA1</t>
  </si>
  <si>
    <t>【西门子】推压电源模块\6SL3352-1AG38-1FA1</t>
  </si>
  <si>
    <t>【西门子】功率模块\6SL3352-1AE37-5EA1</t>
  </si>
  <si>
    <t>【西门子】功率模块\6SL3352-1AE41-4FA1</t>
  </si>
  <si>
    <t>【西门子】电源模块\6SL3351-1AE37-5BA1</t>
  </si>
  <si>
    <t>【西门子】功率模块\6SL3352-1AE37-5CA1</t>
  </si>
  <si>
    <t>【西门子】电机模块\6SL3352-1AE37-5BA1</t>
  </si>
  <si>
    <t>【西门子】功率模块\6SL3352-1AG34-1CA1</t>
  </si>
  <si>
    <t>【西门子】功率模块\6SL3352-1AG32-6AA1</t>
  </si>
  <si>
    <t>【西门子】整流模块\6SL3351-1AE41-0DA1</t>
  </si>
  <si>
    <t>【西门子】功率模块\6SL3352-1AG34-1BA1</t>
  </si>
  <si>
    <t>【西门子】功率模块\6SL3353-1AE38-2DA1</t>
  </si>
  <si>
    <t>【西门子】功率单元\6SL3351-1AG34-7BA1</t>
  </si>
  <si>
    <t>【西门子】逆变模块\6SL3352-1AE41-0DA1</t>
  </si>
  <si>
    <t>【西门子】功率单元\6SL3352-1AG34-7BA1</t>
  </si>
  <si>
    <t>【西门子】功率模块\6SL3353-1AG41-4DA1</t>
  </si>
  <si>
    <t>【西门子】控制接口模块\6SL3350-6TK00-0EA0</t>
  </si>
  <si>
    <t>【西门子】风机\6SL3362-0AG00-0AA1</t>
  </si>
  <si>
    <t>【西门子】预充电阻\6SL3000-0KH14-0AA0</t>
  </si>
  <si>
    <t>【西门子】风扇继电器\6SL3352-7DX00-0AA0\包含此产品的单个订单金额不小于600元</t>
  </si>
  <si>
    <t>【西门子】变压器\6SL3353-7AG41-7AA0</t>
  </si>
  <si>
    <t>【西门子】变压器\6SL3353-7AH41-8AA0</t>
  </si>
  <si>
    <t>【西门子】风扇\6SL3352-7AH35-8AA0</t>
  </si>
  <si>
    <t>【西门子】变压模块\6SL3352-7AE35-0AA1</t>
  </si>
  <si>
    <t>【西门子】斩波器\6SL3760-0HA00-0AA1</t>
  </si>
  <si>
    <t>【西门子】变压器\6SL3352-7AE38-4AA0</t>
  </si>
  <si>
    <t>【西门子】电源板\6SL3352-6BH00-0AA1</t>
  </si>
  <si>
    <t>【西门子】风机变压器\6SL3352-7AH33-3AA0</t>
  </si>
  <si>
    <t>【西门子】快熔\6SY7000-0AC23\包含此产品的单个订单金额不小于600元</t>
  </si>
  <si>
    <t>【西门子】风机熔断器\6SY7000-0AC34\包含此产品的单个订单金额不小于600元</t>
  </si>
  <si>
    <t>【西门子】绝缘监测器\6SY8101-0AC01</t>
  </si>
  <si>
    <t>【西门子】控制继电器\3RH2122-1AN20\包含此产品的单个订单金额不小于600元</t>
  </si>
  <si>
    <t>【西门子】继电器\3RH2122-2KF40\包含此产品的单个订单金额不小于600元</t>
  </si>
  <si>
    <t>【西门子】控制继电器\3RH2131-1AP00\包含此产品的单个订单金额不小于600元</t>
  </si>
  <si>
    <t>【西门子】接触器\3RH2131-1BB40\包含此产品的单个订单金额不小于600元</t>
  </si>
  <si>
    <t>【西门子】继电器\3RH2140-1BB40\包含此产品的单个订单金额不小于600元</t>
  </si>
  <si>
    <t>【西门子】继电器\3RH2140-1JB40\包含此产品的单个订单金额不小于600元</t>
  </si>
  <si>
    <t>【西门子】中间继电器\3RS1800-1BP00\包含此产品的单个订单金额不小于600元</t>
  </si>
  <si>
    <t>【西门子】接口继电器\3RS1800-1BW00\包含此产品的单个订单金额不小于600元</t>
  </si>
  <si>
    <t>【西门子】中间继电器\3RS1800-1HW01\包含此产品的单个订单金额不小于600元</t>
  </si>
  <si>
    <t>【西门子】时间继电器\3RP1505-1AP30</t>
  </si>
  <si>
    <t>【西门子】时间继电器\3RP1505-1BW30</t>
  </si>
  <si>
    <t>【西门子】时间继电器\3RP1505-2BW30</t>
  </si>
  <si>
    <t>【西门子】时间继电器\3RP1512-1AP30\包含此产品的单个订单金额不小于600元</t>
  </si>
  <si>
    <t>【西门子】时间继电器\3RP1525-1AP30</t>
  </si>
  <si>
    <t>【西门子】时间继电器\3RP1525-1BW30</t>
  </si>
  <si>
    <t>【西门子】时间继电器\3RP1535-1BW30</t>
  </si>
  <si>
    <t>【西门子】时间继电器\3RP1540-1AN31</t>
  </si>
  <si>
    <t>【西门子】热继电器\3RN1000-1AB00</t>
  </si>
  <si>
    <t>【西门子】温度继电器\3RN1000-1AM00\包含此产品的单个订单金额不小于600元</t>
  </si>
  <si>
    <t>【西门子】中间继电器\3RN1010-1BB00</t>
  </si>
  <si>
    <t>【西门子】热敏\3RN1010-1CB00</t>
  </si>
  <si>
    <t>【西门子】热敏电阻电机保护继电器\3RN1010-1CW00</t>
  </si>
  <si>
    <t>【西门子】中间继电器\3RN1010-2BM00</t>
  </si>
  <si>
    <t>【西门子】接触器\3RN1011-1CK00</t>
  </si>
  <si>
    <t>【西门子】电机保护继电器\3RN1013-1BW10</t>
  </si>
  <si>
    <t>【西门子】温度继电器\3RN1022-1DW00</t>
  </si>
  <si>
    <t>【西门子】电流继电器\3UG4622-1AW30</t>
  </si>
  <si>
    <t>【西门子】电压继电器\3UG4632-1AW30</t>
  </si>
  <si>
    <t>【西门子】继电器\3UG4633-2AL30</t>
  </si>
  <si>
    <t>【西门子】直接起动器\3RK1903-0AA00\包含此产品的单个订单金额不小于600元</t>
  </si>
  <si>
    <t>【西门子】启动器\3RA6120-1BB32</t>
  </si>
  <si>
    <t>【西门子】启动器\3RA6120-1CB32</t>
  </si>
  <si>
    <t>【西门子】启动器\3RA6120-1DB32</t>
  </si>
  <si>
    <t>【西门子】启动器\3RA6120-1EB32</t>
  </si>
  <si>
    <t>【西门子】软启动器\3RW4073-6BB44</t>
  </si>
  <si>
    <t>【西门子】软启动器\3RW4026-2TB04</t>
  </si>
  <si>
    <t>【西门子】软启动器\3RW4036-2TB04</t>
  </si>
  <si>
    <t>【西门子】软启动器\3RW4026-1BB04</t>
  </si>
  <si>
    <t>【西门子】软启动器\3RW4055-2BB44</t>
  </si>
  <si>
    <t>【西门子】软启动器\3RW4076-6BB44</t>
  </si>
  <si>
    <t>【西门子】软启动器\3RW4075-6BB44</t>
  </si>
  <si>
    <t>【西门子】软启动器\3RW4074-6BB44</t>
  </si>
  <si>
    <t>【西门子】软启动器\3RW4056-6BB44</t>
  </si>
  <si>
    <t>【西门子】软启动器\3RW4055-6BB44</t>
  </si>
  <si>
    <t>【西门子】软启动器\3RW4047-1BB14</t>
  </si>
  <si>
    <t>【西门子】软启动器\3RW4046-1BB14</t>
  </si>
  <si>
    <t>【西门子】软启动器\3RW4038-1BB14</t>
  </si>
  <si>
    <t>【西门子】软启动器\3RW4037-1BB14</t>
  </si>
  <si>
    <t>【西门子】软启动器\3RW4036-1BB14</t>
  </si>
  <si>
    <t>【西门子】软启动器\3RW4028-1BB14</t>
  </si>
  <si>
    <t>【西门子】软启动器\3RW4027-1BB14</t>
  </si>
  <si>
    <t>【西门子】软启动器\3RW4026-1BB14</t>
  </si>
  <si>
    <t>【西门子】软启动器\3RW4024-1BB14</t>
  </si>
  <si>
    <t>【西门子】软启动器\3RW4024-1BB04</t>
  </si>
  <si>
    <t>【西门子】软启动器\3RW4024-1BB05</t>
  </si>
  <si>
    <t>【西门子】软启动器\3RW4024-1BB15</t>
  </si>
  <si>
    <t>【西门子】软启动器\3RW4024-1TB04</t>
  </si>
  <si>
    <t>【西门子】软启动器\3RW4024-1TB05</t>
  </si>
  <si>
    <t>【西门子】软启动器\3RW4024-2BB04</t>
  </si>
  <si>
    <t>【西门子】软启动器\3RW4024-2BB05</t>
  </si>
  <si>
    <t>【西门子】软启动器\3RW4024-2BB14</t>
  </si>
  <si>
    <t>【西门子】软启动器\3RW4024-2BB15</t>
  </si>
  <si>
    <t>【西门子】软启动器\3RW4024-2TB04</t>
  </si>
  <si>
    <t>【西门子】软启动器\3RW4024-2TB05</t>
  </si>
  <si>
    <t>【西门子】软启动器\3RW4026-1BB05</t>
  </si>
  <si>
    <t>【西门子】软启动器\3RW4026-1BB15</t>
  </si>
  <si>
    <t>【西门子】软启动器\3RW4026-1TB04</t>
  </si>
  <si>
    <t>【西门子】软启动器\3RW4026-1TB05</t>
  </si>
  <si>
    <t>【西门子】软启动器\3RW4026-2BB04</t>
  </si>
  <si>
    <t>【西门子】软启动器\3RW4026-2BB05</t>
  </si>
  <si>
    <t>【西门子】软启动器\3RW4026-2BB14</t>
  </si>
  <si>
    <t>【西门子】软启动器\3RW4026-2BB15</t>
  </si>
  <si>
    <t>【西门子】软启动器\3RW4026-2TB05</t>
  </si>
  <si>
    <t>【西门子】软启动器\3RW4027-1BB04</t>
  </si>
  <si>
    <t>【西门子】软启动器\3RW4027-1BB05</t>
  </si>
  <si>
    <t>【西门子】软启动器\3RW4027-1BB15</t>
  </si>
  <si>
    <t>【西门子】软启动器\3RW4027-1TB04</t>
  </si>
  <si>
    <t>【西门子】软启动器\3RW4027-1TB05</t>
  </si>
  <si>
    <t>【西门子】软启动器\3RW4027-2BB04</t>
  </si>
  <si>
    <t>【西门子】软启动器\3RW4027-2BB05</t>
  </si>
  <si>
    <t>【西门子】软启动器\3RW4027-2BB14</t>
  </si>
  <si>
    <t>【西门子】软启动器\3RW4027-2BB15</t>
  </si>
  <si>
    <t>【西门子】软启动器\3RW4027-2TB04</t>
  </si>
  <si>
    <t>【西门子】软启动器\3RW4027-2TB05</t>
  </si>
  <si>
    <t>【西门子】软启动器\3RW4028-1BB04</t>
  </si>
  <si>
    <t>【西门子】软启动器\3RW4028-1BB05</t>
  </si>
  <si>
    <t>【西门子】软启动器\3RW4028-1BB15</t>
  </si>
  <si>
    <t>【西门子】软启动器\3RW4028-1TB04</t>
  </si>
  <si>
    <t>【西门子】软启动器\3RW4028-1TB05</t>
  </si>
  <si>
    <t>【西门子】软启动器\3RW4028-2BB04</t>
  </si>
  <si>
    <t>【西门子】软启动器\3RW4028-2BB05</t>
  </si>
  <si>
    <t>【西门子】软启动器\3RW4028-2BB14</t>
  </si>
  <si>
    <t>【西门子】软启动器\3RW4028-2BB15</t>
  </si>
  <si>
    <t>【西门子】软启动器\3RW4028-2TB04</t>
  </si>
  <si>
    <t>【西门子】软启动器\3RW4028-2TB05</t>
  </si>
  <si>
    <t>【西门子】软启动器\3RW4036-1BB04</t>
  </si>
  <si>
    <t>【西门子】软启动器\3RW4036-1BB05</t>
  </si>
  <si>
    <t>【西门子】软启动器\3RW4036-1BB15</t>
  </si>
  <si>
    <t>【西门子】软启动器\3RW4036-1TB04</t>
  </si>
  <si>
    <t>【西门子】软启动器\3RW4036-1TB05</t>
  </si>
  <si>
    <t>【西门子】软启动器\3RW4036-2BB04</t>
  </si>
  <si>
    <t>【西门子】软启动器\3RW4036-2BB05</t>
  </si>
  <si>
    <t>【西门子】软启动器\3RW4036-2BB14</t>
  </si>
  <si>
    <t>【西门子】软启动器\3RW4036-2BB15</t>
  </si>
  <si>
    <t>【西门子】软启动器\3RW4036-2TB05</t>
  </si>
  <si>
    <t>【西门子】软启动器\3RW4037-1BB04</t>
  </si>
  <si>
    <t>【西门子】软启动器\3RW4037-1BB05</t>
  </si>
  <si>
    <t>【西门子】软启动器\3RW4037-1BB15</t>
  </si>
  <si>
    <t>【西门子】软启动器\3RW4037-1TB04</t>
  </si>
  <si>
    <t>【西门子】软启动器\3RW4037-1TB05</t>
  </si>
  <si>
    <t>【西门子】软启动器\3RW4037-2BB04</t>
  </si>
  <si>
    <t>【西门子】软启动器\3RW4037-2BB05</t>
  </si>
  <si>
    <t>【西门子】软启动器\3RW4037-2BB14</t>
  </si>
  <si>
    <t>【西门子】软启动器\3RW4037-2BB15</t>
  </si>
  <si>
    <t>【西门子】软启动器\3RW4037-2TB04</t>
  </si>
  <si>
    <t>【西门子】软启动器\3RW4037-2TB05</t>
  </si>
  <si>
    <t>【西门子】软启动器\3RW4038-1BB04</t>
  </si>
  <si>
    <t>【西门子】软启动器\3RW4038-1BB05</t>
  </si>
  <si>
    <t>【西门子】软启动器\3RW4038-1BB15</t>
  </si>
  <si>
    <t>【西门子】软启动器\3RW4038-1TB04</t>
  </si>
  <si>
    <t>【西门子】软启动器\3RW4038-1TB05</t>
  </si>
  <si>
    <t>【西门子】软启动器\3RW4038-2BB04</t>
  </si>
  <si>
    <t>【西门子】软启动器\3RW4038-2BB05</t>
  </si>
  <si>
    <t>【西门子】软启动器\3RW4038-2BB14</t>
  </si>
  <si>
    <t>【西门子】软启动器\3RW4038-2BB15</t>
  </si>
  <si>
    <t>【西门子】软启动器\3RW4038-2TB04</t>
  </si>
  <si>
    <t>【西门子】软启动器\3RW4038-2TB05</t>
  </si>
  <si>
    <t>【西门子】软启动器\3RW4046-1BB04</t>
  </si>
  <si>
    <t>【西门子】软启动器\3RW4046-1BB05</t>
  </si>
  <si>
    <t>【西门子】软启动器\3RW4046-1BB15</t>
  </si>
  <si>
    <t>【西门子】软启动器\3RW4046-1TB04</t>
  </si>
  <si>
    <t>【西门子】软启动器\3RW4046-1TB05</t>
  </si>
  <si>
    <t>【西门子】软启动器\3RW4046-2BB04</t>
  </si>
  <si>
    <t>【西门子】软启动器\3RW4046-2BB05</t>
  </si>
  <si>
    <t>【西门子】软启动器\3RW4046-2BB14</t>
  </si>
  <si>
    <t>【西门子】软启动器\3RW4046-2BB15</t>
  </si>
  <si>
    <t>【西门子】软启动器\3RW4046-2TB04</t>
  </si>
  <si>
    <t>【西门子】软启动器\3RW4046-2TB05</t>
  </si>
  <si>
    <t>【西门子】软启动器\3RW4047-1BB04</t>
  </si>
  <si>
    <t>【西门子】软启动器\3RW4047-1BB05</t>
  </si>
  <si>
    <t>【西门子】软启动器\3RW4047-1BB15</t>
  </si>
  <si>
    <t>【西门子】软启动器\3RW4047-1TB04</t>
  </si>
  <si>
    <t>【西门子】软启动器\3RW4047-1TB05</t>
  </si>
  <si>
    <t>【西门子】软启动器\3RW4047-2BB04</t>
  </si>
  <si>
    <t>【西门子】软启动器\3RW4047-2BB05</t>
  </si>
  <si>
    <t>【西门子】软启动器\3RW4047-2BB14</t>
  </si>
  <si>
    <t>【西门子】软启动器\3RW4047-2BB15</t>
  </si>
  <si>
    <t>【西门子】软启动器\3RW4047-2TB04</t>
  </si>
  <si>
    <t>【西门子】软启动器\3RW4047-2TB05</t>
  </si>
  <si>
    <t>【西门子】软启动器\3RW4055-2BB34</t>
  </si>
  <si>
    <t>【西门子】软启动器\3RW4055-2BB35</t>
  </si>
  <si>
    <t>【西门子】软启动器\3RW4055-2BB45</t>
  </si>
  <si>
    <t>【西门子】软启动器\3RW4055-6BB34</t>
  </si>
  <si>
    <t>【西门子】软启动器\3RW4055-6BB35</t>
  </si>
  <si>
    <t>【西门子】软启动器\3RW4055-6BB45</t>
  </si>
  <si>
    <t>【西门子】软启动器\3RW4056-2BB34</t>
  </si>
  <si>
    <t>【西门子】软启动器\3RW4056-2BB35</t>
  </si>
  <si>
    <t>【西门子】软启动器\3RW4056-2BB44</t>
  </si>
  <si>
    <t>【西门子】软启动器\3RW4056-2BB45</t>
  </si>
  <si>
    <t>【西门子】软启动器\3RW4056-6BB34</t>
  </si>
  <si>
    <t>【西门子】软启动器\3RW4056-6BB35</t>
  </si>
  <si>
    <t>【西门子】软启动器\3RW4056-6BB45</t>
  </si>
  <si>
    <t>【西门子】软启动器\3RW4073-2BB34</t>
  </si>
  <si>
    <t>【西门子】软启动器\3RW4073-2BB35</t>
  </si>
  <si>
    <t>【西门子】软启动器\3RW4073-2BB44</t>
  </si>
  <si>
    <t>【西门子】软启动器\3RW4073-2BB45</t>
  </si>
  <si>
    <t>【西门子】软启动器\3RW4073-6BB34</t>
  </si>
  <si>
    <t>【西门子】软启动器\3RW4073-6BB35</t>
  </si>
  <si>
    <t>【西门子】软启动器\3RW4073-6BB45</t>
  </si>
  <si>
    <t>【西门子】软启动器\3RW4074-2BB34</t>
  </si>
  <si>
    <t>【西门子】软启动器\3RW4074-2BB35</t>
  </si>
  <si>
    <t>【西门子】软启动器\3RW4074-2BB44</t>
  </si>
  <si>
    <t>【西门子】软启动器\3RW4074-2BB45</t>
  </si>
  <si>
    <t>【西门子】软启动器\3RW4074-6BB34</t>
  </si>
  <si>
    <t>【西门子】软启动器\3RW4074-6BB35</t>
  </si>
  <si>
    <t>【西门子】软启动器\3RW4074-6BB45</t>
  </si>
  <si>
    <t>【西门子】软启动器\3RW4075-2BB34</t>
  </si>
  <si>
    <t>【西门子】软启动器\3RW4075-2BB35</t>
  </si>
  <si>
    <t>【西门子】软启动器\3RW4075-2BB44</t>
  </si>
  <si>
    <t>【西门子】软启动器\3RW4075-2BB45</t>
  </si>
  <si>
    <t>【西门子】软启动器\3RW4075-6BB34</t>
  </si>
  <si>
    <t>【西门子】软启动器\3RW4075-6BB35</t>
  </si>
  <si>
    <t>【西门子】软启动器\3RW4075-6BB45</t>
  </si>
  <si>
    <t>【西门子】软启动器\3RW4076-2BB34</t>
  </si>
  <si>
    <t>【西门子】软启动器\3RW4076-2BB35</t>
  </si>
  <si>
    <t>【西门子】软启动器\3RW4076-2BB44</t>
  </si>
  <si>
    <t>【西门子】软启动器\3RW4076-2BB45</t>
  </si>
  <si>
    <t>【西门子】软启动器\3RW4076-6BB34</t>
  </si>
  <si>
    <t>【西门子】软启动器\3RW4076-6BB35</t>
  </si>
  <si>
    <t>【西门子】软启动器\3RW4076-6BB45</t>
  </si>
  <si>
    <t>【西门子】软启动器\3RW4435-6BC44</t>
  </si>
  <si>
    <t>【西门子】软启动器\3RW4424-1BC44</t>
  </si>
  <si>
    <t>【西门子】软启动器\3RW4466-6BC44</t>
  </si>
  <si>
    <t>【西门子】软启动器\3RW4465-6BC44</t>
  </si>
  <si>
    <t>【西门子】软启动器\3RW4458-6BC44</t>
  </si>
  <si>
    <t>【西门子】软启动器\3RW4457-6BC44</t>
  </si>
  <si>
    <t>【西门子】软启动器\3RW4456-6BC44</t>
  </si>
  <si>
    <t>【西门子】软启动器\3RW4455-6BC44</t>
  </si>
  <si>
    <t>【西门子】软启动器\3RW4454-6BC44</t>
  </si>
  <si>
    <t>【西门子】软启动器\3RW4453-6BC44</t>
  </si>
  <si>
    <t>【西门子】软启动器\3RW4447-6BC44</t>
  </si>
  <si>
    <t>【西门子】软启动器\3RW4445-6BC44</t>
  </si>
  <si>
    <t>【西门子】软启动器\3RW4444-6BC44</t>
  </si>
  <si>
    <t>【西门子】软启动器\3RW4443-6BC44</t>
  </si>
  <si>
    <t>【西门子】软启动器\3RW4436-6BC44</t>
  </si>
  <si>
    <t>【西门子】软启动器\3RW4434-6BC44</t>
  </si>
  <si>
    <t>【西门子】软启动器\3RW4427-1BC44</t>
  </si>
  <si>
    <t>【西门子】软启动器\3RW4426-1BC44</t>
  </si>
  <si>
    <t>【西门子】软启动器\3RW4423-1BC44</t>
  </si>
  <si>
    <t>【西门子】软启动器\3RW4422-1BC44</t>
  </si>
  <si>
    <t>【西门子】分闸接触器\3RH6140-1AN20\包含此产品的单个订单金额不小于600元</t>
  </si>
  <si>
    <t>【西门子】通讯电缆\6XV1850-2JH60\包含此产品的单个订单金额不小于600元</t>
  </si>
  <si>
    <t>【西门子】DP总线电缆\6XV1830-0EH10\1件=1米\最小订货量:20米，单根最长1000米，订货量必须为20的整倍数；实际到货为整根电缆\包含此产品的单个订单金额不小于600元</t>
  </si>
  <si>
    <t>【西门子】网络双绞线\6XV1840-2AH10\最小订货量:20米，单根最长2000米；实际到货为整根电缆\包含此产品的单个订单金额不小于600元</t>
  </si>
  <si>
    <t>【西门子】通讯电缆\6XV1850-0AH10\1件=1米\最小订货量:20米，单根最长1000米；实际到货为整根电缆\包含此产品的单个订单金额不小于600元</t>
  </si>
  <si>
    <t>【西门子】工业网线水晶头\6GK1901-1BB11-2AA0\包含此产品的单个订单金额不小于600元</t>
  </si>
  <si>
    <t>【西门子】通讯电缆\6XV1850-2EH20\包含此产品的单个订单金额不小于600元</t>
  </si>
  <si>
    <t>【西门子】DP线\6XV1830-3EH10\最小订货量:20米，单根最长1000米；实际到货为整根电缆\包含此产品的单个订单金额不小于600元</t>
  </si>
  <si>
    <t>【西门子】通讯电缆\6XV1830-5FH10\1件=1米|最小订货量:20米，单根最长1000米；实际到货为整根电缆\包含此产品的单个订单金额不小于600元</t>
  </si>
  <si>
    <t>【西门子】通讯光纤\6XV1873-6AH10\长度1米\包含此产品的单个订单金额不小于600元</t>
  </si>
  <si>
    <t>【西门子】通讯电缆\6XV1820-5BN20</t>
  </si>
  <si>
    <t>【西门子】通讯光缆\6XV1820-5AH10\1件=1米|最小订货量:20米，单根最长2000米；实际到货为整根电缆\包含此产品的单个订单金额不小于600元</t>
  </si>
  <si>
    <t>【西门子】通信附件\6GK1500-0FC10\包含此产品的单个订单金额不小于600元</t>
  </si>
  <si>
    <t>【西门子】通信附件\6GK1500-0EA02\包含此产品的单个订单金额不小于600元</t>
  </si>
  <si>
    <t>【西门子】通信附件\6GK1901-0DM30-2AA5\1件5个</t>
  </si>
  <si>
    <t>【西门子】通信附件\6GK1908-0DC10-6AA3\1件3个\包含此产品的单个订单金额不小于600元</t>
  </si>
  <si>
    <t>【西门子】通信附件\6GK1905-6PS00</t>
  </si>
  <si>
    <t>【西门子】通信附件\6GK1905-6PB00</t>
  </si>
  <si>
    <t>【西门子】通信附件\6GK1905-6PA10\1件2个</t>
  </si>
  <si>
    <t>【西门子】通信附件\6GK1905-6AB00\1件5个\包含此产品的单个订单金额不小于600元</t>
  </si>
  <si>
    <t>【西门子】网线钳\6GK1905-6AA00\包含此产品的单个订单金额不小于600元</t>
  </si>
  <si>
    <t>【西门子】通信附件\6GK1905-1PA00\1件20个\包含此产品的单个订单金额不小于600元</t>
  </si>
  <si>
    <t>【西门子】通信附件\6GK1905-0FC00\1件5个</t>
  </si>
  <si>
    <t>【西门子】通信附件\6GK1905-0FB00\1件5个</t>
  </si>
  <si>
    <t>【西门子】通信附件\6GK1905-0FA00\1件5个</t>
  </si>
  <si>
    <t>【西门子】通信附件\6GK1905-0ED00\1件5个\包含此产品的单个订单金额不小于600元</t>
  </si>
  <si>
    <t>【西门子】通信附件\6GK1905-0EC00\1件5个\包含此产品的单个订单金额不小于600元</t>
  </si>
  <si>
    <t>【西门子】通信附件\6GK1905-0EB10\1件5个</t>
  </si>
  <si>
    <t>【西门子】通信附件\6GK1905-0EB00\1件5个</t>
  </si>
  <si>
    <t>【西门子】通信附件\6GK1905-0EA10\1件5个</t>
  </si>
  <si>
    <t>【西门子】通信附件\6GK1905-0EA00\1件5个</t>
  </si>
  <si>
    <t>【西门子】通信附件\6GK1905-0DA10\包含此产品的单个订单金额不小于600元</t>
  </si>
  <si>
    <t>【西门子】通信附件\6GK1905-0DA00\1件5个</t>
  </si>
  <si>
    <t>【西门子】通信附件\6GK1905-0CD00\1件5个</t>
  </si>
  <si>
    <t>【西门子】通信附件\6GK1905-0CC00\1件5个</t>
  </si>
  <si>
    <t>【西门子】通信附件\6GK1905-0CB00\1件5个</t>
  </si>
  <si>
    <t>【西门子】通信附件\6GK1905-0CA00\1件5个</t>
  </si>
  <si>
    <t>【西门子】PA连接器\6GK1905-0AF00\1件5个</t>
  </si>
  <si>
    <t>【西门子】通信附件\6GK1905-0AE00\1件5个</t>
  </si>
  <si>
    <t>【西门子】通信附件\6GK1905-0AD00\1件5个</t>
  </si>
  <si>
    <t>【西门子】通信附件\6GK1905-0AC00\1件10个</t>
  </si>
  <si>
    <t>【西门子】通信附件\6GK1905-0AB10\1件10个</t>
  </si>
  <si>
    <t>【西门子】通信附件\6GK1905-0AA00\1件10个</t>
  </si>
  <si>
    <t>【西门子】通信附件\6GK1901-1GB01\1件5个\包含此产品的单个订单金额不小于600元</t>
  </si>
  <si>
    <t>【西门子】通信附件\6GK1901-1GB00\1件5个\包含此产品的单个订单金额不小于600元</t>
  </si>
  <si>
    <t>【西门子】网线钳\6GK1901-1GA00\包含此产品的单个订单金额不小于600元</t>
  </si>
  <si>
    <t>【西门子】通信附件\6GK1901-1BK00-0AA2\1件4个</t>
  </si>
  <si>
    <t>【西门子】通信附件\6GK1901-1BK00-0AA1\1件4个</t>
  </si>
  <si>
    <t>【西门子】通信附件\6GK1901-1BE00-0AA3\包含此产品的单个订单金额不小于600元</t>
  </si>
  <si>
    <t>【西门子】通信附件\6GK1901-1BE00-0AA2\包含此产品的单个订单金额不小于600元</t>
  </si>
  <si>
    <t>【西门子】通信附件\6GK1901-1BE00-0AA1\包含此产品的单个订单金额不小于600元</t>
  </si>
  <si>
    <t>【西门子】通信附件\6GK1901-1BE00-0AA0\包含此产品的单个订单金额不小于600元</t>
  </si>
  <si>
    <t>【西门子】通信附件\6GK1901-1BB10-6AA0\包含此产品的单个订单金额不小于600元</t>
  </si>
  <si>
    <t>【西门子】光纤头\6GK1901-0FB00-0AA0\订货单位:件，1件包含100个单工插头和5个抛光套件</t>
  </si>
  <si>
    <t>【西门子】通信附件\6GK1901-0DM20-2AA5\1件5个</t>
  </si>
  <si>
    <t>【西门子】通信附件\6GK1901-0DB10-6AA8\1件8个</t>
  </si>
  <si>
    <t>【西门子】通信附件\6GK1901-0DB10-6AA0\包含此产品的单个订单金额不小于600元</t>
  </si>
  <si>
    <t>【西门子】通信附件\6GK1901-0DA20-0AA0\1件20个</t>
  </si>
  <si>
    <t>【西门子】通信附件\6GK1900-1LP00-0AB0\1件5个</t>
  </si>
  <si>
    <t>【西门子】通信附件\6GK1900-1LB00-0AC0\1件10个</t>
  </si>
  <si>
    <t>【西门子】通信附件\6GK1900-1GP00-0AB0\1件10个</t>
  </si>
  <si>
    <t>【西门子】通信附件\6GK1900-1GL00-0AA0</t>
  </si>
  <si>
    <t>【西门子】通信附件\6GK1900-1GB00-0AC0\1件20个</t>
  </si>
  <si>
    <t>【西门子】通信附件\6GK1900-0NL00-0AA0</t>
  </si>
  <si>
    <t>【西门子】通信附件\6GK1900-0NB00-6AA0\包含此产品的单个订单金额不小于600元</t>
  </si>
  <si>
    <t>【西门子】通信附件\6GK1900-0NB00-0AC0\1件10个</t>
  </si>
  <si>
    <t>【西门子】通信附件\6GK1900-0MN00-0AA0\1件5个\包含此产品的单个订单金额不小于600元</t>
  </si>
  <si>
    <t>【西门子】通信附件\6GK1900-0ML00-0AA0</t>
  </si>
  <si>
    <t>【西门子】通信附件\6GK1900-0MB00-6AA0\包含此产品的单个订单金额不小于600元</t>
  </si>
  <si>
    <t>【西门子】通信附件\6GK1900-0MB00-0AC0\1件20个</t>
  </si>
  <si>
    <t>【西门子】通信附件\6GK1900-0KL00-0AA0</t>
  </si>
  <si>
    <t>【西门子】通信附件\6GK1900-0KB00-0AC0\1件50个</t>
  </si>
  <si>
    <t>【西门子】通信附件\6GK1900-0HL00-0AA0</t>
  </si>
  <si>
    <t>【西门子】通信附件\6GK1900-0HB00-0AC0\1件20个</t>
  </si>
  <si>
    <t>【西门子】通信电缆\6XV1801-5DN15</t>
  </si>
  <si>
    <t>【西门子】通信电缆\6XV1801-5DN10</t>
  </si>
  <si>
    <t>【西门子】通信电缆\6XV1801-5DH50\包含此产品的单个订单金额不小于600元</t>
  </si>
  <si>
    <t>【西门子】通信电缆\6XV1801-5DH30\包含此产品的单个订单金额不小于600元</t>
  </si>
  <si>
    <t>【西门子】通信电缆\6XV1801-5DH20\包含此产品的单个订单金额不小于600元</t>
  </si>
  <si>
    <t>【西门子】通信电缆\6XV1801-5DH15\包含此产品的单个订单金额不小于600元</t>
  </si>
  <si>
    <t>【西门子】通信电缆\6XV1801-5DH10\包含此产品的单个订单金额不小于600元</t>
  </si>
  <si>
    <t>【西门子】通信电缆\6XV1801-5DE50\包含此产品的单个订单金额不小于600元</t>
  </si>
  <si>
    <t>【西门子】通信电缆\6XV1801-5DE30\包含此产品的单个订单金额不小于600元</t>
  </si>
  <si>
    <t>【西门子】通信电缆\6XV1861-7DT30</t>
  </si>
  <si>
    <t>【西门子】通信电缆\6XV1861-7DT25</t>
  </si>
  <si>
    <t>【西门子】通信电缆\6XV1861-7DT20</t>
  </si>
  <si>
    <t>【西门子】通信电缆\6XV1861-7DT15</t>
  </si>
  <si>
    <t>【西门子】通信电缆\6XV1861-7DT10</t>
  </si>
  <si>
    <t>【西门子】通信电缆\6XV1861-7DN75</t>
  </si>
  <si>
    <t>【西门子】通信电缆\6XV1861-7DN50</t>
  </si>
  <si>
    <t>【西门子】通信电缆\6XV1861-7CT30</t>
  </si>
  <si>
    <t>【西门子】通信电缆\6XV1861-7CT25</t>
  </si>
  <si>
    <t>【西门子】通信电缆\6XV1861-7CT20</t>
  </si>
  <si>
    <t>【西门子】通信电缆\6XV1861-7CT15</t>
  </si>
  <si>
    <t>【西门子】通信电缆\6XV1861-7CT10</t>
  </si>
  <si>
    <t>【西门子】通信电缆\6XV1861-7CN75</t>
  </si>
  <si>
    <t>【西门子】通信电缆\6XV1861-7CN50</t>
  </si>
  <si>
    <t>【西门子】通信电缆\6XV1861-7AT30</t>
  </si>
  <si>
    <t>【西门子】通信电缆\6XV1861-7AT25</t>
  </si>
  <si>
    <t>【西门子】通信电缆\6XV1861-7AT20</t>
  </si>
  <si>
    <t>【西门子】通信电缆\6XV1861-7AT15</t>
  </si>
  <si>
    <t>【西门子】通信电缆\6XV1861-7AT10</t>
  </si>
  <si>
    <t>【西门子】通信电缆\6XV1861-7AN75</t>
  </si>
  <si>
    <t>【西门子】通信电缆\6XV1861-7AN50</t>
  </si>
  <si>
    <t>【西门子】通信电缆\6XV1861-3DT40</t>
  </si>
  <si>
    <t>【西门子】通信电缆\6XV1861-3DT30</t>
  </si>
  <si>
    <t>【西门子】通信电缆\6XV1861-3DT25</t>
  </si>
  <si>
    <t>【西门子】通信电缆\6XV1861-3DT20</t>
  </si>
  <si>
    <t>【西门子】通信电缆\6XV1861-3DT15</t>
  </si>
  <si>
    <t>【西门子】通信电缆\6XV1861-3DT10</t>
  </si>
  <si>
    <t>【西门子】通信电缆\6XV1861-3DN75</t>
  </si>
  <si>
    <t>【西门子】通信电缆\6XV1861-3CT40</t>
  </si>
  <si>
    <t>【西门子】通信电缆\6XV1861-3CT30</t>
  </si>
  <si>
    <t>【西门子】通信电缆\6XV1861-3CT25</t>
  </si>
  <si>
    <t>【西门子】通信电缆\6XV1861-3CT20</t>
  </si>
  <si>
    <t>【西门子】通信电缆\6XV1861-3AT40</t>
  </si>
  <si>
    <t>【西门子】通信电缆\6XV1861-3AT30</t>
  </si>
  <si>
    <t>【西门子】网络装置\6GK5101-1BB00-2AA3</t>
  </si>
  <si>
    <t>【西门子】通讯模块\6GK5204-2BB10-2AA3</t>
  </si>
  <si>
    <t>【西门子】网络装置\6GK5212-2BB00-2AA3</t>
  </si>
  <si>
    <t>【西门子】工业以太网系统接口模块\6GK1900-0AB01</t>
  </si>
  <si>
    <t>【西门子】通信附件\6GK1500-3AA10</t>
  </si>
  <si>
    <t>【西门子】通信附件\6GK1500-0DA00</t>
  </si>
  <si>
    <t>【西门子】通信附件\6GK1500-0AB00</t>
  </si>
  <si>
    <t>【西门子】总线端子\6GK1500-0AA10</t>
  </si>
  <si>
    <t>【西门子】光纤网络\6GK1503-8AA00\1件3个\包含此产品的单个订单金额不小于600元</t>
  </si>
  <si>
    <t>【西门子】光纤网络\6GK1503-4CB00</t>
  </si>
  <si>
    <t>【西门子】光纤网络\6GK1503-3CD00</t>
  </si>
  <si>
    <t>【西门子】光纤转接模块\6GK1503-3CC00</t>
  </si>
  <si>
    <t>【西门子】模块\6GK1503-3CB00</t>
  </si>
  <si>
    <t>【西门子】光电转换模块\6GK1503-2CC00</t>
  </si>
  <si>
    <t>【西门子】OLM通讯接口\6GK1503-2CB00</t>
  </si>
  <si>
    <t>【西门子】模拟量输入模块\6GK7243-1EX01-0XE0</t>
  </si>
  <si>
    <t>【西门子】工业以太网系统接口模块\6GK7242-5DX30-0XE0</t>
  </si>
  <si>
    <t>【西门子】工业以太网系统接口模块\6GK7343-5FA01-0XE0</t>
  </si>
  <si>
    <t>【西门子】工业以太网系统接口模块\6GK7343-1GX31-0XE0</t>
  </si>
  <si>
    <t>【西门子】工业以太网系统接口模块\6GK7343-1FX00-0XE0</t>
  </si>
  <si>
    <t>【西门子】通讯模块\6GK7343-1EX30-0XE0</t>
  </si>
  <si>
    <t>【西门子】工业以太网系统接口模块\6GK7443-5FX02-0XE0</t>
  </si>
  <si>
    <t>【西门子】接口模件\6GK7443-5DX05-0XE0</t>
  </si>
  <si>
    <t>【西门子】通讯模块\6GK7443-1GX30-0XE0</t>
  </si>
  <si>
    <t>【西门子】通讯模块\6GK7443-1EX30-0XE0</t>
  </si>
  <si>
    <t>【西门子】通讯卡\6GK7443-1RX00-0XE0</t>
  </si>
  <si>
    <t>【西门子】工业以太网系统接口模块\6GK7542-5FX00-0XE0</t>
  </si>
  <si>
    <t>【西门子】工业以太网系统接口模块\6GK7542-1AX00-0XE0</t>
  </si>
  <si>
    <t>【西门子】工业以太网系统接口模块\6GK7543-1AX00-0XE0</t>
  </si>
  <si>
    <t>【西门子】通信附件\6GK1560-3AA00-0AU0\包含此产品的单个订单金额不小于600元</t>
  </si>
  <si>
    <t>【西门子】通信附件\6GK1560-3AA00-0AE0\包含此产品的单个订单金额不小于600元</t>
  </si>
  <si>
    <t>【西门子】工业以太网系统接口模块\6GK1160-4AA01</t>
  </si>
  <si>
    <t>【西门子】工业以太网系统接口模块\6GK1562-4AA00</t>
  </si>
  <si>
    <t>【西门子】工业以太网系统接口模块\6GK1562-3AA00</t>
  </si>
  <si>
    <t>【西门子】工业以太网系统接口模块\6GK1561-3AA02</t>
  </si>
  <si>
    <t>【西门子】工业以太网系统接口模块\6GK1560-3AA00</t>
  </si>
  <si>
    <t>【西门子】CP1623通讯卡\6GK1162-3AA00</t>
  </si>
  <si>
    <t>【西门子】工业以太网系统接口模块\6GK1161-2AA01</t>
  </si>
  <si>
    <t>【西门子】工业以太网系统接口模块\6GK1160-4AC00</t>
  </si>
  <si>
    <t>【西门子】编程电缆\6GK1571-0BA00-0AA0</t>
  </si>
  <si>
    <t>【西门子】通信电缆\6GK1571-1AA00-0AD0\包含此产品的单个订单金额不小于600元</t>
  </si>
  <si>
    <t>【西门子】工业以太网系统接口模块\6GK1561-2AA00</t>
  </si>
  <si>
    <t>【西门子】工业以太网系统接口模块\6GK1571-1AA00</t>
  </si>
  <si>
    <t>【西门子】工业以太网系统接口模块\6GK1562-2AA00</t>
  </si>
  <si>
    <t>【西门子】通信附件\6GK1951-0DA00</t>
  </si>
  <si>
    <t>【西门子】通信附件\6GK1951-0CA00</t>
  </si>
  <si>
    <t>【西门子】通信附件\6GK1951-0BA00</t>
  </si>
  <si>
    <t>【西门子】通信附件\6GK1950-0BB03</t>
  </si>
  <si>
    <t>【西门子】通信附件\6GK1950-0BB02</t>
  </si>
  <si>
    <t>【西门子】通信附件\6GK1950-0BB01</t>
  </si>
  <si>
    <t>【西门子】通信附件\6GK1950-0BB00</t>
  </si>
  <si>
    <t>【西门子】通信附件\6GK1950-0AA07</t>
  </si>
  <si>
    <t>【西门子】无线网络接入点\6GK5788-2GD00-0AA0</t>
  </si>
  <si>
    <t>【西门子】无线网络接入点\6GK5788-2FC00-0AA0</t>
  </si>
  <si>
    <t>【西门子】无线网络接入点\6GK5788-1GD00-0AA0</t>
  </si>
  <si>
    <t>【西门子】无线网络接入点\6GK5788-1FC00-0AA0</t>
  </si>
  <si>
    <t>【西门子】无线客户端模块\6GK5748-1GD00-0AA0</t>
  </si>
  <si>
    <t>【西门子】无线客户端模块\6GK5748-1FC00-0AA0</t>
  </si>
  <si>
    <t>【西门子】无线网络附件\6GK5798-8MG00-0AA0</t>
  </si>
  <si>
    <t>【西门子】无线网络附件\6GK5798-8MD00-0AM1\1件100个</t>
  </si>
  <si>
    <t>【西门子】无线网络附件\6GK5798-8MC00-0AM1\1件100个</t>
  </si>
  <si>
    <t>【西门子】无线网络附件\6GK5798-8MC00-0AC1\1件100个\包含此产品的单个订单金额不小于600元</t>
  </si>
  <si>
    <t>【西门子】无线网络附件\6GK5798-8MB00-0AM1\1件100个</t>
  </si>
  <si>
    <t>【西门子】无线网络附件\6GK5798-8MB00-0AC1\1件10个\包含此产品的单个订单金额不小于600元</t>
  </si>
  <si>
    <t>【西门子】无线网络附件\6GK5798-2PP00-2AA6\包含此产品的单个订单金额不小于600元</t>
  </si>
  <si>
    <t>【西门子】无线网络附件\6GK5798-2LP10-2AA6</t>
  </si>
  <si>
    <t>【西门子】无线网络附件\6GK5798-2LP00-2AA6</t>
  </si>
  <si>
    <t>【西门子】无线网络附件\6GK5798-1CS00-4AA0\包含此产品的单个订单金额不小于600元</t>
  </si>
  <si>
    <t>【西门子】无线网络附件\6GK5798-0SN00-0EA0</t>
  </si>
  <si>
    <t>【西门子】无线网络附件\6GK5798-0PT00-2AA0\包含此产品的单个订单金额不小于600元</t>
  </si>
  <si>
    <t>【西门子】无线网络附件\6GK5798-0CP00-1AA0\包含此产品的单个订单金额不小于600元</t>
  </si>
  <si>
    <t>【西门子】无线网络附件\6GK5798-0CN00-0AA0\包含此产品的单个订单金额不小于600元</t>
  </si>
  <si>
    <t>【西门子】无线网络附件\6GK5798-0AP00-4CA0</t>
  </si>
  <si>
    <t>【西门子】无线网络附件\6GK5795-6MN01-0AA6</t>
  </si>
  <si>
    <t>【西门子】无线网络附件\6GK5795-1TR10-0AA6\1件3个\包含此产品的单个订单金额不小于600元</t>
  </si>
  <si>
    <t>【西门子】无线网络附件\6GK5795-1TN00-1AA0\包含此产品的单个订单金额不小于600元</t>
  </si>
  <si>
    <t>【西门子】无线网络附件\6XV1875-5JH10\1件3个</t>
  </si>
  <si>
    <t>【西门子】无线网络附件\6XV1875-5DH20\包含此产品的单个订单金额不小于600元</t>
  </si>
  <si>
    <t>【西门子】无线网络附件\6XV1875-5DE30\包含此产品的单个订单金额不小于600元</t>
  </si>
  <si>
    <t>【西门子】无线网络附件\6XV1875-5CN10</t>
  </si>
  <si>
    <t>【西门子】无线网络附件\6XV1875-5CH50\包含此产品的单个订单金额不小于600元</t>
  </si>
  <si>
    <t>【西门子】无线网络附件\6XV1875-5CH20\包含此产品的单个订单金额不小于600元</t>
  </si>
  <si>
    <t>【西门子】无线网络附件\6XV1875-5CH10\包含此产品的单个订单金额不小于600元</t>
  </si>
  <si>
    <t>【西门子】无线网络附件\6XV1875-5CE30\包含此产品的单个订单金额不小于600元</t>
  </si>
  <si>
    <t>【西门子】无线网络附件\6XV1875-5AN10</t>
  </si>
  <si>
    <t>【西门子】无线网络附件\6XV1875-5AH50\包含此产品的单个订单金额不小于600元</t>
  </si>
  <si>
    <t>【西门子】无线网络附件\6XV1875-5AH20\包含此产品的单个订单金额不小于600元</t>
  </si>
  <si>
    <t>【西门子】无线网络附件\6XV1875-5AH10\包含此产品的单个订单金额不小于600元</t>
  </si>
  <si>
    <t>【西门子】无线网络附件\6XV1875-2D\1件=1米|最小订货量:20米，单根最长500米；实际到货为整根电缆\包含此产品的单个订单金额不小于600元</t>
  </si>
  <si>
    <t>【西门子】无线网络附件\6XV1875-2A\1件=1米|最小订货量:20米，单根最长500米；实际到货为整根电缆\包含此产品的单个订单金额不小于600元</t>
  </si>
  <si>
    <t>【西门子】无线网络附件\6GK5795-6MT00-0AA0</t>
  </si>
  <si>
    <t>【西门子】无线网络附件\6GK5795-6MN10-0AA6</t>
  </si>
  <si>
    <t>【西门子】无线网络附件\6GK5795-6DC00-0AA0</t>
  </si>
  <si>
    <t>【西门子】无线网络附件\6GK5795-4MD00-0AA3\包含此产品的单个订单金额不小于600元</t>
  </si>
  <si>
    <t>【西门子】无线网络附件\6GK5795-4MC00-0AA3\包含此产品的单个订单金额不小于600元</t>
  </si>
  <si>
    <t>【西门子】无线网络附件\6GK5795-4MA00-0AA3\包含此产品的单个订单金额不小于600元</t>
  </si>
  <si>
    <t>【西门子】无线网络附件\6GK5793-8DP00-0AA0</t>
  </si>
  <si>
    <t>【西门子】无线网络附件\6GK5793-8DK00-0AA0</t>
  </si>
  <si>
    <t>【西门子】无线网络附件\6GK5793-8DJ00-0AA0</t>
  </si>
  <si>
    <t>【西门子】无线网络附件\6GK5793-6DG00-0AA0</t>
  </si>
  <si>
    <t>【西门子】无线网络附件\6GK5793-4MN00-0AA6</t>
  </si>
  <si>
    <t>【西门子】无线网络附件\6GK5792-8DN00-0AA6</t>
  </si>
  <si>
    <t>【西门子】无线网络附件\6GK5792-6MN00-0AA6</t>
  </si>
  <si>
    <t>【西门子】无线网络附件\6GK5792-4DN00-0AA6</t>
  </si>
  <si>
    <t>【西门子】无线网络附件\6GK5791-2DC00-0AA0</t>
  </si>
  <si>
    <t>【西门子】无线网络附件\6GK5791-2AC00-0AA0</t>
  </si>
  <si>
    <t>【西门子】无线网络附件\6GK5791-1PS00-0AA6</t>
  </si>
  <si>
    <t>【西门子】通信附件\6GK1907-0FC10-0AA5\1件5个</t>
  </si>
  <si>
    <t>【西门子】通信附件\6GK1907-0DC10-6AA3\1件3个\包含此产品的单个订单金额不小于600元</t>
  </si>
  <si>
    <t>【西门子】通信附件\6GK1907-0DB10-6AA3\1件3个\包含此产品的单个订单金额不小于600元</t>
  </si>
  <si>
    <t>【西门子】通信附件\6GK1901-1PH00</t>
  </si>
  <si>
    <t>【西门子】无线网络附件\6GK5793-6DT00-0AA0</t>
  </si>
  <si>
    <t>【西门子】整流器\6RY1702-0BA02</t>
  </si>
  <si>
    <t>【西门子】风扇\6RY1801-0AA02</t>
  </si>
  <si>
    <t>【西门子】保险\6SY7000-0AB62\包含此产品的单个订单金额不小于600元</t>
  </si>
  <si>
    <t>【西门子】变频器风扇熔芯\6SY7000-0AC48\包含此产品的单个订单金额不小于600元</t>
  </si>
  <si>
    <t>【西门子】可控硅\6SY7000-0AE02\包含此产品的单个订单金额不小于600元</t>
  </si>
  <si>
    <t>【西门子】可控硅\6SY7010-0AA12</t>
  </si>
  <si>
    <t>【西门子】模块\6SL3353-7BH33-1AA0\包含此产品的单个订单金额不小于600元</t>
  </si>
  <si>
    <t>【西门子】控制器\6SL3040-0LA00-0AA1</t>
  </si>
  <si>
    <t>【西门子】CF卡\6SL3054-0CG01-1AA0</t>
  </si>
  <si>
    <t>【西门子】CF卡\6SL3054-0EG01-1BA0</t>
  </si>
  <si>
    <t>【西门子】存储卡\6SL3054-0TA00-1BA0</t>
  </si>
  <si>
    <t>【上海电气】空预器传热元件包\t0.8*1000\770060-B1-12\SPCC-SD</t>
  </si>
  <si>
    <t>【长发电】密封环\MPS217.3-1\MPS170HP-II</t>
  </si>
  <si>
    <t>中国电建集团长春发电设备有限公司</t>
  </si>
  <si>
    <t>长发电</t>
  </si>
  <si>
    <t>WZSCCG-2020-BJ-1052</t>
  </si>
  <si>
    <t>2020年度北京配送长发电磨煤机备件商城铺货长协采购框架合同</t>
  </si>
  <si>
    <t>【长发电】密封内防护罩\MPS217.3-5A\MPS170HP-II</t>
  </si>
  <si>
    <t>【长发电】密封外防护罩\MPS217.3-4A\MPS170HP-II</t>
  </si>
  <si>
    <t>【长发电】密封装置\MPS213.4.4\MPS170HP-II</t>
  </si>
  <si>
    <t>【长发电】密封装置底板\MPS213.4.1-7\MPS170HP-II</t>
  </si>
  <si>
    <t>【长发电】密封装置护板\MPS213.4.1-19\MPS170HP-II</t>
  </si>
  <si>
    <t>【长发电】密封装置套筒\MPS213.4.1-18\MPS170HP-II</t>
  </si>
  <si>
    <t>【长发电】耐磨衬板\MPS217.4.1-2\MPS170HP-II</t>
  </si>
  <si>
    <t>【长发电】磨辊O形密封圈\φ597*10\MPS216.6.1-5\MPS170HP-II</t>
  </si>
  <si>
    <t>【长发电】磨辊O形密封圈\φ360*8\MPS216.6.1-13\MPS170HP-II</t>
  </si>
  <si>
    <t>【长发电】磨辊O形密封圈\φ388.5*3.55\MPS216.6.1-20\MPS170HP-II</t>
  </si>
  <si>
    <t>【长发电】磨辊O形密封圈\φ255*7\MPS216.6.1-24\MPS170HP-II</t>
  </si>
  <si>
    <t>【长发电】磨辊挡环\MPS216.6.1-22\MPS170HP-II</t>
  </si>
  <si>
    <t>【长发电】磨辊辊套\MPS216.6.1-1\MPS170HP-II</t>
  </si>
  <si>
    <t>【长发电】磨辊辊支架\MPS216.6-8\MPS170HP-II</t>
  </si>
  <si>
    <t>【长发电】磨辊辊支架护板\MPS216.6-1\MPS170HP-II</t>
  </si>
  <si>
    <t>【长发电】磨辊辊支架护板\MPS216.6-10\MPS170HP-II</t>
  </si>
  <si>
    <t>【长发电】磨辊辊支架护板\MPS216.6-11\MPS170HP-II</t>
  </si>
  <si>
    <t>【长发电】磨辊辊支架护板\MPS216.6-12\MPS170HP-II</t>
  </si>
  <si>
    <t>【长发电】磨辊辊支架密封管道盖板\MPS216.6-9\MPS170HP-II</t>
  </si>
  <si>
    <t>【长发电】磨辊辊支架密封环\MPS216.6-7\MPS170HP-II</t>
  </si>
  <si>
    <t>【长发电】磨辊辊支架压板\MPS216.6-2\MPS170HP-II</t>
  </si>
  <si>
    <t>【长发电】磨辊辊支架罩\MPS216.6.2\MPS170HP-II</t>
  </si>
  <si>
    <t>【长发电】磨辊辊支架罩盖板\MPS216.6-6\MPS170HP-II</t>
  </si>
  <si>
    <t>【长发电】磨辊护环\MPS216.6.1-7\MPS170HP-II</t>
  </si>
  <si>
    <t>【长发电】磨辊护环\MPS216.6.1-8\MPS170HP-II</t>
  </si>
  <si>
    <t>【长发电】磨辊螺塞\MPS216.6.1-2\MPS170HP-II</t>
  </si>
  <si>
    <t>【长发电】磨辊螺塞\MPS216.6.1-10\MPS170HP-II</t>
  </si>
  <si>
    <t>【长发电】磨辊螺塞\MPSB4451-86-1\MPS170HP-II</t>
  </si>
  <si>
    <t>【长发电】磨辊螺塞\MPSB4451-86-2\MPS170HP-II</t>
  </si>
  <si>
    <t>【长发电】磨辊螺塞\MPSB4451-86-3\MPS170HP-II</t>
  </si>
  <si>
    <t>【长发电】磨辊螺栓\M30*75\MPS216.6.1-16\MPS170HP-II</t>
  </si>
  <si>
    <t>【长发电】磨辊螺栓\M30*340\MPS216.6.1-19\MPS170HP-II</t>
  </si>
  <si>
    <t>【长发电】磨辊密封风管道滑动装置\MPS213.12.2.1\MPS170HP-II</t>
  </si>
  <si>
    <t>【长发电】磨辊密封风管道立管\MPS213.12.2-2\MPS170HP-II</t>
  </si>
  <si>
    <t>【长发电】磨辊密封环\MPS216.6.1-4\MPS170HP-II</t>
  </si>
  <si>
    <t>【长发电】磨辊密封圈\MPS216.6.1-21\MPS170HP-II</t>
  </si>
  <si>
    <t>【长发电】磨辊耐磨套\MPS216.6.1-23\MPS170HP-II</t>
  </si>
  <si>
    <t>【长发电】磨辊通风过滤器\MPS216.6.1.1\MPS170HP-II</t>
  </si>
  <si>
    <t>【长发电】磨辊压板\MPS216.6.1-3\MPS170HP-II</t>
  </si>
  <si>
    <t>【长发电】磨辊压板\MPS216.6.1-15\MPS170HP-II</t>
  </si>
  <si>
    <t>【长发电】磨辊压环\MPS216.6.1-18\MPS170HP-II</t>
  </si>
  <si>
    <t>【长发电】磨辊轴\MPS216.6.1-17\MPS170HP-II</t>
  </si>
  <si>
    <t>【长发电】磨辊轴承\NU3168\MPS217.6.1-B3\MPS170HP-II</t>
  </si>
  <si>
    <t>【长发电】磨辊轴承\24144 CC/W33\MPS217.6.1-B10\MPS170HP-II</t>
  </si>
  <si>
    <t>【长发电】磨辊轴承盖\MPS216.6.1-14\MPS170HP-II</t>
  </si>
  <si>
    <t>【长发电】磨辊轴承压盖\MPS216.6.1-6\MPS170HP-II</t>
  </si>
  <si>
    <t>【长发电】磨辊轴承座\MPS216.6.1-9\MPS170HP-II</t>
  </si>
  <si>
    <t>【长发电】磨辊装配\MPS216.6\MPS170HP-II</t>
  </si>
  <si>
    <t>【长发电】磨辊总成\MPS216.6.1\MPS170HP-II</t>
  </si>
  <si>
    <t>【长发电】磨盘\MPS219.5-1A\MPS170HP-II</t>
  </si>
  <si>
    <t>【长发电】磨盘法兰\MPS214.5-10\MPS170HP-II</t>
  </si>
  <si>
    <t>【长发电】磨盘盖扳\MPS217.5.1\MPS170HP-II</t>
  </si>
  <si>
    <t>【长发电】磨盘刮板机构\MPS214.5.2\MPS170HP-II</t>
  </si>
  <si>
    <t>【长发电】磨盘刮板机构刮板\MPS214.5.2-4\MPS170HP-II</t>
  </si>
  <si>
    <t>【长发电】磨盘螺栓\M24*55\MPS214.5-8\MPS170HP-II</t>
  </si>
  <si>
    <t>【长发电】磨盘瓦\MPS214.5-2\MPS170HP-II</t>
  </si>
  <si>
    <t>【长发电】磨盘瓦夹紧环\MPS214.5-3\MPS170HP-II</t>
  </si>
  <si>
    <t>【长发电】磨盘瓦压紧螺栓\MPS214.5-4\MPS170HP-II</t>
  </si>
  <si>
    <t>【长发电】磨盘柱销\MPS214.5-7\MPS170HP-II</t>
  </si>
  <si>
    <t>【长发电】喷嘴环检修门锥体\MPS217.8.3\MPS170HP-II</t>
  </si>
  <si>
    <t>【长发电】动喷嘴环\MPS217.8.2\MPS170HP-II</t>
  </si>
  <si>
    <t>【长发电】分离器从动叶片组\MPS217.9.3.1\MPS170HP-II</t>
  </si>
  <si>
    <t>【长发电】分离器从动叶片组\MPS217.9.3.2\MPS170HP-II</t>
  </si>
  <si>
    <t>【长发电】分离器叶片销轴\MPS213.9.3-1\MPS170HP-II</t>
  </si>
  <si>
    <t>【长发电】加载架\MPS217.7-1\MPS170HP-II</t>
  </si>
  <si>
    <t>【长发电】加载架摆动装置叉形接头\MPS214.7-9\MPS170HP-II</t>
  </si>
  <si>
    <t>【长发电】加载架摆动装置盖板\MPS214.7-3\MPS170HP-II</t>
  </si>
  <si>
    <t>【长发电】加载架摆动装置横轴\MPS214.7-7\MPS170HP-II</t>
  </si>
  <si>
    <t>【长发电】加载架摆动装置立轴\MPS214.7-5\MPS170HP-II</t>
  </si>
  <si>
    <t>【长发电】加载架摆动装置螺栓\M30*235\MPS214.7-2\MPS170HP-II</t>
  </si>
  <si>
    <t>【长发电】加载架摆动装置螺栓\M36\MPS214.7-10\MPS170HP-II</t>
  </si>
  <si>
    <t>【长发电】加载架摆动装置套管\MPS214.7-4\MPS170HP-II</t>
  </si>
  <si>
    <t>【长发电】加载架摆动装置调整垫\MPS214.7-11\MPS170HP-II</t>
  </si>
  <si>
    <t>【长发电】加载架摆动装置调整支座\MPS214.7.1\MPS170HP-II</t>
  </si>
  <si>
    <t>【长发电】加载架摆动装置调整支座\MPS214.7.2\MPS170HP-II</t>
  </si>
  <si>
    <t>【长发电】密封支撑环\MPS214.3-2\MPS170HP-II</t>
  </si>
  <si>
    <t>【长发电】密封支撑环\MPS217.3-2A\MPS170HP-II</t>
  </si>
  <si>
    <t>【长发电】加载架摆动装置支撑环\MPS214.7-6\MPS170HP-II</t>
  </si>
  <si>
    <t>【长发电】加载架摆动装置支架\MPS214.7-8\MPS170HP-II</t>
  </si>
  <si>
    <t>【长发电】加载架导向板\MPS214.7-22\MPS170HP-II</t>
  </si>
  <si>
    <t>【长发电】加载架导向板\MPS217.7-7\MPS170HP-II</t>
  </si>
  <si>
    <t>【长发电】加载架定心支架\MPS214.7-16A\MPS170HP-II</t>
  </si>
  <si>
    <t>【长发电】加载架滚架\MPS214.7.3\MPS170HP-II</t>
  </si>
  <si>
    <t>【长发电】加载架滚架\MPS214.7-18A\MPS170HP-II</t>
  </si>
  <si>
    <t>【长发电】加载架滚架\MPS214.7.4\MPS170HP-II</t>
  </si>
  <si>
    <t>【长发电】加载架滚架滚柱\MPS214.7-17\MPS170HP-II</t>
  </si>
  <si>
    <t>【长发电】加载架滚架柱销\MPS214.7-12\MPS170HP-II</t>
  </si>
  <si>
    <t>【长发电】加载架支架\MPS214.7-15\MPS170HP-II</t>
  </si>
  <si>
    <t>【长发电】加载装置弹性销\φ28*55\MPSB879.1-1\MPS170HP-II</t>
  </si>
  <si>
    <t>【长发电】加载装置弹性销\φ28*75\MPSB879.1-2\MPS170HP-II</t>
  </si>
  <si>
    <t>【长发电】加载装置导向板\MPS217.7-3\MPS170HP-II</t>
  </si>
  <si>
    <t>【长发电】加载装置导向板\MPS217.7-5\MPS170HP-II</t>
  </si>
  <si>
    <t>【长发电】加载装置导向板垫片组\MPS217.7-2\MPS170HP-II</t>
  </si>
  <si>
    <t>【长发电】加载装置导向板垫片组\MPS217.7-6\MPS170HP-II</t>
  </si>
  <si>
    <t>【长发电】加载装置导向板固定板\MPS214.7-13\MPS170HP-II</t>
  </si>
  <si>
    <t>【长发电】加载装置导向板固定板\MPS214.7-14\MPS170HP-II</t>
  </si>
  <si>
    <t>【长发电】加载装置导向板螺栓\M24*90\MPS217.7-4\MPS170HP-II</t>
  </si>
  <si>
    <t>【长发电】加载装置导向板螺栓\M24*42\MPS217.7-8\MPS170HP-II</t>
  </si>
  <si>
    <t>【长发电】减速机基础螺栓\M42*900\MPS216.1-3\MPS170HP-II</t>
  </si>
  <si>
    <t>【长发电】减速机基础球面垫圈\φ42\MPS214.1-17</t>
  </si>
  <si>
    <t>【长发电】静喷嘴环\MPS217.8.1\MPS170HP-II</t>
  </si>
  <si>
    <t>【长发电】静喷嘴环堵板\MPS217.8-1\MPS170HP-II</t>
  </si>
  <si>
    <t>【长发电】静喷嘴环静压板\MPS217-1\MPS170HP-II</t>
  </si>
  <si>
    <t>【长发电】静喷嘴环静压板\MPS217-2\MPS170HP-II</t>
  </si>
  <si>
    <t>【长发电】静喷嘴环静压板\MPS217-3\MPS170HP-II</t>
  </si>
  <si>
    <t>【长发电】静喷嘴环支撑板\MPS217.8-2\MPS170HP-II</t>
  </si>
  <si>
    <t>【长发电】拉杆\MPS214.13-5\MPS170HP-II</t>
  </si>
  <si>
    <t>【长发电】拉杆导套\MPS214.13.1\MPS170HP-II</t>
  </si>
  <si>
    <t>【长发电】拉杆地脚螺栓\M56*1480\MPS216.1-2\MPS170HP-II</t>
  </si>
  <si>
    <t>【长发电】拉杆滚珠\MPS214.13-3\MPS170HP-II</t>
  </si>
  <si>
    <t>【长发电】拉杆滚珠支架\MPS214.13-2\MPS170HP-II</t>
  </si>
  <si>
    <t>【长发电】拉杆基础垫\MPS214.1-9\MPS170HP-II</t>
  </si>
  <si>
    <t>【长发电】拉杆基础球面垫圈\φ56\MPS214.1-10\MPS170HP-II</t>
  </si>
  <si>
    <t>【长发电】拉杆加载环\MPS214.13-1\MPS170HP-II</t>
  </si>
  <si>
    <t>【长发电】拉杆加载梁\MPS214.13-4\MPS170HP-II</t>
  </si>
  <si>
    <t>【长发电】拉杆连接件\MPS214.13-13\MPS170HP-II</t>
  </si>
  <si>
    <t>【长发电】拉杆连接件螺栓\MPS214.13-12\MPS170HP-II</t>
  </si>
  <si>
    <t>【长发电】拉杆锚板挡板\MPS214.13-11\MPS170HP-II</t>
  </si>
  <si>
    <t>【长发电】拉杆锚板挡环\MPS214.13-10\MPS170HP-II</t>
  </si>
  <si>
    <t>【长发电】拉杆锚板销轴\MPS214.13-8\MPS170HP-II</t>
  </si>
  <si>
    <t>【长发电】拉杆锚板轴端挡板\MPS214.13-9\MPS170HP-II</t>
  </si>
  <si>
    <t>【长发电】密封装置\TYMF110.0\MPS217.4-5\MPS170HP-II</t>
  </si>
  <si>
    <t>【长发电】润滑系统板式冷却器\i100-BZM/14.9\MPS217.16-1\MPS170HP-II</t>
  </si>
  <si>
    <t>【长发电】润滑系统防爆压差开关\646DZEM2\MPS217.16-2\MPS170HP-II</t>
  </si>
  <si>
    <t>【长发电】润滑系统防爆压力变送器\3051GP2A2B21AB4M5K5\0-1MPa\MPS217.16-3\MPS170HP-II</t>
  </si>
  <si>
    <t>【长发电】润滑系统节流阀\DV30-1-10\MPS217.16-4\MPS170HP-II</t>
  </si>
  <si>
    <t>【长发电】润滑系统螺杆泵\GR55/SMT16B/330L/S2/AC38/B5\MPS217.16-5\MPS170HP-II</t>
  </si>
  <si>
    <t>【长发电】润滑系统耐震压力表\YN-150-Ⅰ-B\0-1MPa\MPS217.16-6\MPS170HP-II</t>
  </si>
  <si>
    <t>【长发电】润滑系统双金属温度计\WSS-581\-20~80℃\MPS217.16-7\MPS170HP-II</t>
  </si>
  <si>
    <t>【长发电】润滑系统芯\HC501\MPS217.16-8\MPS170HP-II</t>
  </si>
  <si>
    <t>【长发电】液压系统安全阀\AQF-E40/0.8\MPS217.17-1\MPS170HP-II</t>
  </si>
  <si>
    <t>【长发电】液压系统板式节流截止阀\YDVP8\MPS217.17-2\MPS170HP-II</t>
  </si>
  <si>
    <t>【长发电】液压系统比例阀组密封组件\YCYY-5101XJ-233\MPS217.17-3\MPS170HP-II</t>
  </si>
  <si>
    <t>【长发电】液压系统比例溢流阀及放大器\AGMZO-A-10/100\MPS217.17-4\MPS170HP-II</t>
  </si>
  <si>
    <t>【长发电】液压系统比例溢流阀及放大器\AGMZO-A-10/210\MPS217.17-5\MPS170HP-II</t>
  </si>
  <si>
    <t>【长发电】液压系统铂电阻传感器\YDWP2-230 Pt100\MPS217.17-6\MPS170HP-II</t>
  </si>
  <si>
    <t>【长发电】液压系统测压胶管\HF2-1-3-P-1\MPS217.17-7\MPS170HP-II</t>
  </si>
  <si>
    <t>【长发电】液压系统测压胶管\HF2-2-3-P-1\MPS217.17-8\MPS170HP-II</t>
  </si>
  <si>
    <t>【长发电】液压系统测压接头\PT3\MPS217.17-9\MPS170HP-II</t>
  </si>
  <si>
    <t>【长发电】液压系统单筒过滤器\RESD500DA10LJ\MPS217.17-10\MPS170HP-II</t>
  </si>
  <si>
    <t>【长发电】液压系统单向阀\YDS10A1\MPS217.17-11\MPS170HP-II</t>
  </si>
  <si>
    <t>【长发电】液压系统单向阀\YDS30A1\MPS217.17-12\MPS170HP-II</t>
  </si>
  <si>
    <t>【长发电】液压系统单向阀\YDS25A5\MPS217.17-13\MPS170HP-II</t>
  </si>
  <si>
    <t>【长发电】液压系统单向阀\YDM-SR10\MPS217.17-14\MPS170HP-II</t>
  </si>
  <si>
    <t>【长发电】液压系统单向节流阀\DRV12\MPS217.17-15\MPS170HP-II</t>
  </si>
  <si>
    <t>【长发电】液压系统电机\(M2QA)160L4\MPS217.17-16\MPS170HP-II</t>
  </si>
  <si>
    <t>【长发电】液压系统反作用力蓄能器\ABE32B100RIT4\MPS217.17-17\MPS170HP-II</t>
  </si>
  <si>
    <t>【长发电】液压系统反作用力蓄能器皮囊\PN-32L\MPS217.17-18\MPS170HP-II</t>
  </si>
  <si>
    <t>【长发电】液压系统高压胶管\2SN40*1000\MPS217.17-19\MPS170HP-II</t>
  </si>
  <si>
    <t>【长发电】液压系统高压胶管\2SN40*1500\MPS217.17-20\MPS170HP-II</t>
  </si>
  <si>
    <t>【长发电】液压系统高压胶管\2SN25*1500\MPS217.17-21\MPS170HP-II</t>
  </si>
  <si>
    <t>【长发电】液压系统高压胶管\2SN16*1000\MPS217.17-22\MPS170HP-II</t>
  </si>
  <si>
    <t>【长发电】液压系统高压胶管\2SN16*1500\MPS217.17-23\MPS170HP-II</t>
  </si>
  <si>
    <t>【长发电】液压系统高压胶管\2SN25*1000\MPS217.17-24\MPS170HP-II</t>
  </si>
  <si>
    <t>【长发电】液压系统加载油缸密封组件\CN-220/90*0450-S001AWCHW-243\MPS217.17-25\MPS170HP-II</t>
  </si>
  <si>
    <t>【长发电】液压系统空气滤清器\ELFP7F10W1.0\MPS217.17-26\MPS170HP-II</t>
  </si>
  <si>
    <t>【长发电】液压系统冷却器\SKLY-4\MPS217.17-27\MPS170HP-II</t>
  </si>
  <si>
    <t>【长发电】液压系统联轴器\YCYY-5101XJ-0503\MPS217.17-28\MPS170HP-II</t>
  </si>
  <si>
    <t>【长发电】液压系统滤芯\LX500*10\MPS217.17-29\MPS170HP-II</t>
  </si>
  <si>
    <t>【长发电】液压系统耐震压力表\Y-103BFZ/16\MPS217.17-30\MPS170HP-II</t>
  </si>
  <si>
    <t>【长发电】液压系统耐震压力表\Y-103BFZ/25\MPS217.17-31\MPS170HP-II</t>
  </si>
  <si>
    <t>【长发电】液压系统双联齿轮泵\PD ALPA3A-D-66+ALPP2-D-12\MPS217.17-32\MPS170HP-II</t>
  </si>
  <si>
    <t>【长发电】液压系统双筒过滤器\SRESD500DA10LJ\MPS217.17-33\MPS170HP-II</t>
  </si>
  <si>
    <t>【长发电】液压系统双筒过滤器中间体\ZJT500\MPS217.17-34\MPS170HP-II</t>
  </si>
  <si>
    <t>【长发电】液压系统双筒回油滤油器密封\YCYY-5101XJ-251\MPS217.17-35\MPS170HP-II</t>
  </si>
  <si>
    <t>【长发电】液压系统蓄能器密封\ABE-B-RIT4-1\MPS217.17-36\MPS170HP-II</t>
  </si>
  <si>
    <t>【长发电】液压系统压力变送器\EJA530A-EDS4N-02EN/NF1\MPS217.17-37\MPS170HP-II</t>
  </si>
  <si>
    <t>【长发电】液压系统压力变送器\EJA530A-ECS4N-02EN/NF1\MPS217.17-38\MPS170HP-II</t>
  </si>
  <si>
    <t>【长发电】液压系统压力开关\6NN-K3-N4-FIA\MPS217.17-39\MPS170HP-II</t>
  </si>
  <si>
    <t>【长发电】液压系统液位控制继电器\YDYW24\MPS217.17-40\MPS170HP-II</t>
  </si>
  <si>
    <t>【长发电】液压系统液位温度计\YDYW-25\MPS217.17-41\MPS170HP-II</t>
  </si>
  <si>
    <t>【长发电】液压系统溢流阀\YDDB30\MPS217.17-42\MPS170HP-II</t>
  </si>
  <si>
    <t>【长发电】液压系统溢流阀\YDDB25\MPS217.17-43\MPS170HP-II</t>
  </si>
  <si>
    <t>【长发电】液压系统油缸\CN-220/90*0450-S001AWCHW\MPS217.17-44\MPS170HP-II</t>
  </si>
  <si>
    <t>【长发电】液压系统远程温度表\YDWTZ-280\MPS217.17-45\MPS170HP-II</t>
  </si>
  <si>
    <t>【长发电】液压系统站内管路密封组件\YCYY-5101XJ-231\MPS217.17-46\MPS170HP-II</t>
  </si>
  <si>
    <t>【长发电】液压系统站外管路密封组件\YCYY-5103XJ-232\MPS217.17-47\MPS170HP-II</t>
  </si>
  <si>
    <t>【长发电】液压系统作用力蓄能器\ABE13B315RIT4\MPS217.17-48\MPS170HP-II</t>
  </si>
  <si>
    <t>【长发电】液压系统作用力蓄能器皮囊\PN-13L\MPS217.17-49\MPS170HP-II</t>
  </si>
  <si>
    <t>【长发电】专用工具导套\MPS213-7ZG\MPS170HP-II</t>
  </si>
  <si>
    <t>【长发电】专用工具减速机定位装置\MPS213.8ZG\MPS170HP-II</t>
  </si>
  <si>
    <t>【长发电】专用工具磨辊拆卸装置\MPS213.6ZG\MPS170HP-II</t>
  </si>
  <si>
    <t>【长发电】专用工具磨辊翻出装置\MPS216.1ZG\MPS170HP-II</t>
  </si>
  <si>
    <t>【长发电】专用工具磨辊固定装置\MPS217.1ZG\MPS170HP-II</t>
  </si>
  <si>
    <t>【长发电】专用工具磨盘支座安装定位销\MPS213-10ZG\MPS170HP-II</t>
  </si>
  <si>
    <t>【长发电】专用工具磨盘支座顶起装置\MPS213.5ZG\MPS170HP-II</t>
  </si>
  <si>
    <t>【长发电】专用工具盘车装置\MPS216.2ZG\MPS170HP-II</t>
  </si>
  <si>
    <t>【长发电】密封环护板\5*148*6248.6\MPS327.3-5\MPS180HP-II</t>
  </si>
  <si>
    <t>【长发电】密封环\MPS314.3.2A\MPS180HP-II</t>
  </si>
  <si>
    <t>【长发电】密封环\MPS316.3.2\MPS180HP-II</t>
  </si>
  <si>
    <t>【长发电】密封环内防护罩\MPS321.3-2A\MPS180HP-II</t>
  </si>
  <si>
    <t>【长发电】密封环内防护罩\MPS316.3-2\MPS180HP-II</t>
  </si>
  <si>
    <t>【长发电】密封环炭精环\MPS321.3.1\MPS180HP-II</t>
  </si>
  <si>
    <t>【长发电】密封环炭精环\MPS316.3.1\MPS180HP-II</t>
  </si>
  <si>
    <t>【长发电】密封环外防护罩\MPS321.3-1A\MPS180HP-II</t>
  </si>
  <si>
    <t>【长发电】密封环外防护罩\MPS316.3-1\MPS180HP-II</t>
  </si>
  <si>
    <t>【长发电】拉杆处密封装置\MPS321.4.5A\MPS180HP-II</t>
  </si>
  <si>
    <t>【长发电】拉杆处密封装置\MPS316.4.3\MPS180HP-II</t>
  </si>
  <si>
    <t>【长发电】拉杆处密封装置\MPS311.4.4\MPS180HP-II</t>
  </si>
  <si>
    <t>【长发电】密封装置挡圈\MPS321.4.5-2\MPS180HP-II</t>
  </si>
  <si>
    <t>【长发电】密封装置底板\MPS325.4.1-4\MPS180HP-II</t>
  </si>
  <si>
    <t>【长发电】密封装置底板\MPS316.4.1-5\MPS180HP-II</t>
  </si>
  <si>
    <t>【长发电】密封装置底板\MPS311.4.1-5\MPS180HP-II</t>
  </si>
  <si>
    <t>【长发电】密封装置垫圈\ø24\MPS337.4.2-1\MPS180HP-II</t>
  </si>
  <si>
    <t>【长发电】密封装置法兰\MPS321.4.5-1\MPS180HP-II</t>
  </si>
  <si>
    <t>【长发电】密封装置盖板\MPS314.4.1-8\MPS180HP-II</t>
  </si>
  <si>
    <t>【长发电】密封装置护板\MPS325.4.1-10\MPS180HP-II</t>
  </si>
  <si>
    <t>【长发电】密封装置护板\MPS337.4.1-9\MPS180HP-II</t>
  </si>
  <si>
    <t>【长发电】密封装置护板\MPS311.4.1-13\MPS180HP-II</t>
  </si>
  <si>
    <t>【长发电】密封装置密封筒\MPS433.4.5-1\MPS180HP-II</t>
  </si>
  <si>
    <t>【长发电】密封装置套筒\MPS321.4.1-12\MPS180HP-II</t>
  </si>
  <si>
    <t>【长发电】密封装置套筒\MPS337.4.1-10\MPS180HP-II</t>
  </si>
  <si>
    <t>【长发电】密封装置套筒\MPS311.4.1-12\MPS180HP-II</t>
  </si>
  <si>
    <t>【长发电】中架体耐磨衬板\MPS327.4.1-2\MPS180HP-II</t>
  </si>
  <si>
    <t>【长发电】中架体耐磨衬板\MPS327.4.1-3\MPS180HP-II</t>
  </si>
  <si>
    <t>【长发电】中架体耐磨衬板\MPS316.4.1-2\MPS180HP-II</t>
  </si>
  <si>
    <t>【长发电】中架体耐磨衬板\MPS311.4.1-2\MPS180HP-II</t>
  </si>
  <si>
    <t>【长发电】磨辊\MPS311.6\MPS180HP-II</t>
  </si>
  <si>
    <t>【长发电】磨辊O形密封圈\φ653*10\MPS311.6-5\MPS180HP-II</t>
  </si>
  <si>
    <t>【长发电】磨辊O形密封圈\φ388*8\MPS311.6-9\MPS180HP-II</t>
  </si>
  <si>
    <t>【长发电】磨辊O形密封圈\φ354*8\MPS311.6-10\MPS180HP-II</t>
  </si>
  <si>
    <t>【长发电】磨辊O形密封圈\φ250*8\MPS311.6-17\MPS180HP-II</t>
  </si>
  <si>
    <t>【长发电】磨辊挡环\MPS311.6-15\MPS180HP-II</t>
  </si>
  <si>
    <t>【长发电】磨辊垫板\MPS310.6-18\MPS180HP-II</t>
  </si>
  <si>
    <t>【长发电】磨辊辊套\MPS321.6.1-1\MPS180HP-II</t>
  </si>
  <si>
    <t>【长发电】磨辊辊套\MPS316.6.1-1\MPS180HP-II</t>
  </si>
  <si>
    <t>【长发电】磨辊辊套\MPS311.6-18\MPS180HP-II</t>
  </si>
  <si>
    <t>【长发电】磨辊辊支架\MPS327.6-1\MPS180HP-II</t>
  </si>
  <si>
    <t>【长发电】磨辊辊支架\MPS316.6-1\MPS180HP-II</t>
  </si>
  <si>
    <t>【长发电】磨辊辊支架\MPS311.6-6\MPS180HP-II</t>
  </si>
  <si>
    <t>【长发电】磨辊辊支架罩\MPS314.6.3\MPS180HP-II</t>
  </si>
  <si>
    <t>【长发电】磨辊辊支架罩\MPS337.6.2\MPS180HP-II</t>
  </si>
  <si>
    <t>【长发电】磨辊辊支架罩\MPS310.6.1\MPS180HP-II</t>
  </si>
  <si>
    <t>【长发电】磨辊护环\MPS321.6.1-2\MPS180HP-II</t>
  </si>
  <si>
    <t>【长发电】磨辊护环\MPS321.6.1-4\MPS180HP-II</t>
  </si>
  <si>
    <t>【长发电】磨辊护环\MPS310.6-15\MPS180HP-II</t>
  </si>
  <si>
    <t>【长发电】磨辊护环\MPS310.6-16\MPS180HP-II</t>
  </si>
  <si>
    <t>【长发电】磨辊检修大门螺栓\M30*110\MPS2313.4.2-8\MPS180HP-II</t>
  </si>
  <si>
    <t>【长发电】磨辊检修大门螺栓\M24*100\MPS337.4.2-2\MPS180HP-II</t>
  </si>
  <si>
    <t>【长发电】磨辊螺塞\M18*1.5\MPS210.6-2\MPS180HP-II</t>
  </si>
  <si>
    <t>【长发电】磨辊螺塞\MPS210.6-20\MPS180HP-II</t>
  </si>
  <si>
    <t>【长发电】磨辊螺塞\MPSB4451-86/1\MPS180HP-II</t>
  </si>
  <si>
    <t>【长发电】磨辊螺塞\MPSB4451-86/2\MPS180HP-II</t>
  </si>
  <si>
    <t>【长发电】磨辊螺塞\MPSB4451-86/3\MPS180HP-II</t>
  </si>
  <si>
    <t>【长发电】磨辊螺栓\M30*82\MPS310.6-22\MPS180HP-II</t>
  </si>
  <si>
    <t>【长发电】磨辊螺栓\M30*383\MPS321.6.1-7\MPS180HP-II</t>
  </si>
  <si>
    <t>【长发电】磨辊螺栓\M30*383\MPS316.6.1-2\MPS180HP-II</t>
  </si>
  <si>
    <t>【长发电】磨辊螺栓\M30*357\MPS310.6-28\MPS180HP-II</t>
  </si>
  <si>
    <t>【长发电】磨辊密封风管道滑动装置\MPS327.12.1.1\MPS180HP-II</t>
  </si>
  <si>
    <t>【长发电】磨辊密封风管道滑动装置\MPS337.12.3.1\MPS180HP-II</t>
  </si>
  <si>
    <t>【长发电】磨辊密封风管道滑动装置\MPS311.12.2.1\MPS180HP-II</t>
  </si>
  <si>
    <t>【长发电】磨辊密封风管道口盖板\MPS321.6-1\MPS180HP-II</t>
  </si>
  <si>
    <t>【长发电】磨辊密封风管道口盖板\MPS310.6-14\MPS180HP-II</t>
  </si>
  <si>
    <t>【长发电】磨辊密封风管道立管\MPS321.12.3-1\MPS180HP-II</t>
  </si>
  <si>
    <t>【长发电】磨辊密封风管道立管\MPS337.12.3-1\MPS180HP-II</t>
  </si>
  <si>
    <t>【长发电】磨辊密封风管道立管\MPS311.12.2-2\MPS180HP-II</t>
  </si>
  <si>
    <t>【长发电】磨辊密封环\MPS310.6-10\MPS180HP-II</t>
  </si>
  <si>
    <t>【长发电】磨辊密封环\MPS311.6-4\MPS180HP-II</t>
  </si>
  <si>
    <t>【长发电】磨辊密封环\MPS310.6-3\MPS180HP-II</t>
  </si>
  <si>
    <t>【长发电】磨辊密封圈\MPS317.6.1-1\MPS180HP-II</t>
  </si>
  <si>
    <t>【长发电】磨辊密封圈\MPS210.6-33\MPS180HP-II</t>
  </si>
  <si>
    <t>【长发电】磨辊耐磨套\MPS311.6-16\MPS180HP-II</t>
  </si>
  <si>
    <t>【长发电】磨辊通风过滤器\MPS210.6.2\MPS180HP-II</t>
  </si>
  <si>
    <t>【长发电】磨辊通风过滤器\MPS321.6.1.1\MPS180HP-II</t>
  </si>
  <si>
    <t>【长发电】磨辊压板\MPS329.6-1\MPS180HP-II</t>
  </si>
  <si>
    <t>【长发电】磨辊压板\MPS311.6-3\MPS180HP-II</t>
  </si>
  <si>
    <t>【长发电】磨辊压板\MPS311.6-12\MPS180HP-II</t>
  </si>
  <si>
    <t>【长发电】磨辊压板\MPS337.6-2\MPS180HP-II</t>
  </si>
  <si>
    <t>【长发电】磨辊压板\MPS337.6.1-1\MPS180HP-II</t>
  </si>
  <si>
    <t>【长发电】磨辊压板\MPS337.6.1-3\MPS180HP-II</t>
  </si>
  <si>
    <t>【长发电】磨辊压板\MPS311.6-7\MPS180HP-II</t>
  </si>
  <si>
    <t>【长发电】磨辊压板\MPS310.6-12\MPS180HP-II</t>
  </si>
  <si>
    <t>【长发电】磨辊压环\MPS321.6.1-6\MPS180HP-II</t>
  </si>
  <si>
    <t>【长发电】磨辊压环\MPS310.6-24\MPS180HP-II</t>
  </si>
  <si>
    <t>【长发电】磨辊罩盖板\MPS310.6-6\MPS180HP-II</t>
  </si>
  <si>
    <t>【长发电】磨辊折销\MPS210.6-22\MPS180HP-II</t>
  </si>
  <si>
    <t>【长发电】磨辊轴\MPS329.6.1-1\MPS180HP-II</t>
  </si>
  <si>
    <t>【长发电】磨辊轴\MPS337.6.1-4\MPS180HP-II</t>
  </si>
  <si>
    <t>【长发电】磨辊轴\MPS311.6-13\MPS180HP-II</t>
  </si>
  <si>
    <t>【长发电】磨辊轴承\NU3168\MPS327.6.1-B3\MPS180HP-II</t>
  </si>
  <si>
    <t>【长发电】磨辊轴承\24144 CC/W33\MPS327.6.1-B10\MPS180HP-II</t>
  </si>
  <si>
    <t>【长发电】磨辊轴承\NU3164\MPS337.6.1-B3\MPS180HP-II</t>
  </si>
  <si>
    <t>【长发电】磨辊轴承盖\MPS314.6.1-4\MPS180HP-II</t>
  </si>
  <si>
    <t>【长发电】磨辊轴承盖\MPS311.6-11\MPS180HP-II</t>
  </si>
  <si>
    <t>【长发电】磨辊轴承压盖\MPS314.6.1-2\MPS180HP-II</t>
  </si>
  <si>
    <t>【长发电】磨辊轴承压盖\MPS311.6-35\MPS180HP-II</t>
  </si>
  <si>
    <t>【长发电】磨辊轴承座\MPS321.6.1-3\MPS180HP-II</t>
  </si>
  <si>
    <t>【长发电】磨辊轴承座\MPS337.6.1-2\MPS180HP-II</t>
  </si>
  <si>
    <t>【长发电】磨辊轴承座\MPS310.6-8\MPS180HP-II</t>
  </si>
  <si>
    <t>【长发电】磨辊装配\MPS327.6\MPS180HP-II</t>
  </si>
  <si>
    <t>【长发电】磨辊装配\MPS3367.6\MPS180HP-II</t>
  </si>
  <si>
    <t>【长发电】磨辊总成\MPS327.6.1\MPS180HP-II</t>
  </si>
  <si>
    <t>【长发电】磨辊总成\MPS316.6.1\MPS180HP-II</t>
  </si>
  <si>
    <t>【长发电】磨盘\MPS327.5-1\MPS180HP-II</t>
  </si>
  <si>
    <t>【长发电】磨盘\MPS316.5-1\MPS180HP-II</t>
  </si>
  <si>
    <t>【长发电】磨盘\MPS311.5-1\MPS180HP-II</t>
  </si>
  <si>
    <t>【长发电】磨盘垫圈\φ42\MPS214.5-12\MPS180HP-II</t>
  </si>
  <si>
    <t>【长发电】磨盘垫圈\φ48\MPS412.5-11</t>
  </si>
  <si>
    <t>【长发电】磨盘垫圈\φ48\MPS410.5-15\MPS180HP-II</t>
  </si>
  <si>
    <t>【长发电】磨盘法兰\MPS321.5-5\MPS180HP-II</t>
  </si>
  <si>
    <t>【长发电】磨盘法兰\MPS310.5-6\MPS180HP-II</t>
  </si>
  <si>
    <t>【长发电】磨盘盖板\MPS321.5.1\MPS180HP-II</t>
  </si>
  <si>
    <t>【长发电】磨盘盖板\MPS337.5.1\MPS180HP-II</t>
  </si>
  <si>
    <t>【长发电】磨盘盖板\MPS311.5.1\MPS180HP-II</t>
  </si>
  <si>
    <t>【长发电】磨盘刮板机构\MPS325.5.1A\MPS180HP-II</t>
  </si>
  <si>
    <t>【长发电】磨盘刮板机构\MPS331.5.1\MPS180HP-II</t>
  </si>
  <si>
    <t>【长发电】磨盘刮板机构\MPS311.5.2\MPS180HP-II</t>
  </si>
  <si>
    <t>【长发电】磨盘刮板机构刮板\MPS325.5.1-4A\MPS180HP-II</t>
  </si>
  <si>
    <t>【长发电】磨盘平垫\MPS412.5-4</t>
  </si>
  <si>
    <t>【长发电】磨盘瓦\MPS321.5-2\MPS180HP-II</t>
  </si>
  <si>
    <t>【长发电】磨盘瓦\MPS316.5-2\MPS180HP-II</t>
  </si>
  <si>
    <t>【长发电】磨盘瓦\MPS311.5-2A\MPS180HP-II</t>
  </si>
  <si>
    <t>【长发电】磨盘瓦压紧环\MPS321.5-3\MPS180HP-II</t>
  </si>
  <si>
    <t>【长发电】磨盘瓦压紧环\MPS311.5-3\MPS180HP-II</t>
  </si>
  <si>
    <t>【长发电】磨盘瓦压紧螺栓\MPS321.5-4\MPS180HP-II</t>
  </si>
  <si>
    <t>【长发电】磨盘瓦压紧螺栓\MPS410.5-4\MPS180HP-II</t>
  </si>
  <si>
    <t>【长发电】磨盘瓦柱销\MPS412.5-5\MPS180HP-II</t>
  </si>
  <si>
    <t>【长发电】磨盘瓦柱销\MPS410.5-7\MPS180HP-II</t>
  </si>
  <si>
    <t>【长发电】喷嘴环堵板\10\MPS327.8-2\MPS180HP-II</t>
  </si>
  <si>
    <t>【长发电】喷嘴环堵板\20\MPS327.8-3\MPS180HP-II</t>
  </si>
  <si>
    <t>【长发电】喷嘴环堵板\10*89*89\MPS337.8-2\MPS180HP-II</t>
  </si>
  <si>
    <t>【长发电】喷嘴环堵板\16\MPS337.8-3\MPS180HP-II</t>
  </si>
  <si>
    <t>【长发电】喷嘴环检修门锥体\MPS327.8.3\MPS180HP-II</t>
  </si>
  <si>
    <t>【长发电】喷嘴环检修门锥体\MPS316.8.3\MPS180HP-II</t>
  </si>
  <si>
    <t>【长发电】喷嘴环检修门锥体\MPS311.8.3\MPS180HP-II</t>
  </si>
  <si>
    <t>【长发电】动喷嘴环\MPS327.8.2\MPS180HP-II</t>
  </si>
  <si>
    <t>【长发电】动喷嘴环\MPS316.8.2\MPS180HP-II</t>
  </si>
  <si>
    <t>【长发电】动喷嘴环\MPS311.8.2\MPS180HP-II</t>
  </si>
  <si>
    <t>【长发电】分离器单列深沟球轴承\MPS327.9\MPS180HP-II</t>
  </si>
  <si>
    <t>【长发电】分离器固定格栅\MPS321.9-1\MPS180HP-II</t>
  </si>
  <si>
    <t>【长发电】分离器联组窄V带\MPSB13575.2-1992\MPS180HP-II</t>
  </si>
  <si>
    <t>【长发电】分离器旋转叶轮\MPS321.9.3\MPS180HP-II</t>
  </si>
  <si>
    <t>【长发电】辊支架护板\MPS321.6-3\MPS180HP-II</t>
  </si>
  <si>
    <t>【长发电】辊支架护板\MPS327.6-2\MPS180HP-II</t>
  </si>
  <si>
    <t>【长发电】辊支架护板\MPS321.6-5\MPS180HP-II</t>
  </si>
  <si>
    <t>【长发电】辊支架护板\MPS337.6-3\MPS180HP-II</t>
  </si>
  <si>
    <t>【长发电】辊支架护板\MPS337.6-4\MPS180HP-II</t>
  </si>
  <si>
    <t>【长发电】辊支架护板\MPS337.6-5\MPS180HP-II</t>
  </si>
  <si>
    <t>【长发电】辊支架护板\MPS311.6-1\MPS180HP-II</t>
  </si>
  <si>
    <t>【长发电】辊支架护板\MPS310.6-25\MPS180HP-II</t>
  </si>
  <si>
    <t>【长发电】辊支架护板\MPS310.6-26\MPS180HP-II</t>
  </si>
  <si>
    <t>【长发电】加压装置滚架\MPS310.7.3\MPS180HP-II</t>
  </si>
  <si>
    <t>【长发电】加载架\MPS321.7-1\MPS180HP-II</t>
  </si>
  <si>
    <t>【长发电】加载架\MPS331.7-1\MPS180HP-II</t>
  </si>
  <si>
    <t>【长发电】加载架\MPS310.7-1\MPS180HP-II</t>
  </si>
  <si>
    <t>【长发电】加载架摆动装置叉形接头\MPS310.7-9\MPS180HP-II</t>
  </si>
  <si>
    <t>【长发电】加载架摆动装置横轴\MPS310.7-7\MPS180HP-II</t>
  </si>
  <si>
    <t>【长发电】加载架摆动装置立轴\MPS310.7-5\MPS180HP-II</t>
  </si>
  <si>
    <t>【长发电】加载架摆动装置调整垫\MPS310.7-11\MPS180HP-II</t>
  </si>
  <si>
    <t>【长发电】加载架摆动装置调整支座\MPS310.7.1\MPS180HP-II</t>
  </si>
  <si>
    <t>【长发电】加载架摆动装置调整支座\MPS310.7.2\MPS180HP-II</t>
  </si>
  <si>
    <t>【长发电】加载架摆动装置支撑环\MPS310.7-6\MPS180HP-II</t>
  </si>
  <si>
    <t>【长发电】加载架摆动装置支架\MPS310.7-8\MPS180HP-II</t>
  </si>
  <si>
    <t>【长发电】加载架导向板\MPS314.7-10\MPS180HP-II</t>
  </si>
  <si>
    <t>【长发电】加载架导向板\MPS321.7-7\MPS180HP-II</t>
  </si>
  <si>
    <t>【长发电】加载架导向板\MPS310.7-22\MPS180HP-II</t>
  </si>
  <si>
    <t>【长发电】加载架导向板\MPS337.7-2\MPS180HP-II</t>
  </si>
  <si>
    <t>【长发电】加载架定心支架\MPS310.7-16\MPS180HP-II</t>
  </si>
  <si>
    <t>【长发电】加载架护板\MPS327.7-1\MPS180HP-II</t>
  </si>
  <si>
    <t>【长发电】加载架护板\MPS316.7-1\MPS180HP-II</t>
  </si>
  <si>
    <t>【长发电】加载架销轴\MPS321.7-3\MPS180HP-II</t>
  </si>
  <si>
    <t>【长发电】加载架销轴挡板\MPS321.7-4\MPS180HP-II</t>
  </si>
  <si>
    <t>【长发电】加载架支架\MPS310.7-15\MPS180HP-II</t>
  </si>
  <si>
    <t>【长发电】加载装置摆动装置盖板\MPS310.7-3\MPS180HP-II</t>
  </si>
  <si>
    <t>【长发电】加载装置摆动装置套管\MPS310.7-4\MPS180HP-II</t>
  </si>
  <si>
    <t>【长发电】加载装置导向板\MPS314.7-8\MPS180HP-II</t>
  </si>
  <si>
    <t>【长发电】加载装置导向板\MPS321.7-6\MPS180HP-II</t>
  </si>
  <si>
    <t>【长发电】加载装置导向板\MPS337.7-1\MPS180HP-II</t>
  </si>
  <si>
    <t>【长发电】加载装置导向板\MPS310.7-21\MPS180HP-II</t>
  </si>
  <si>
    <t>【长发电】加载装置导向板\MPS311.7-1\MPS180HP-II</t>
  </si>
  <si>
    <t>【长发电】加载装置导向板垫片组\MPS314.7-9\MPS180HP-II</t>
  </si>
  <si>
    <t>【长发电】加载装置导向板垫片组\MPS321.7-5\MPS180HP-II</t>
  </si>
  <si>
    <t>【长发电】加载装置导向板垫片组\MPS310.7-25\MPS180HP-II</t>
  </si>
  <si>
    <t>【长发电】加载装置导向板固定板\MPS310.7-13\MPS180HP-II</t>
  </si>
  <si>
    <t>【长发电】加载装置导向板固定板\MPS310.7-14\MPS180HP-II</t>
  </si>
  <si>
    <t>【长发电】加载装置导向板螺钉\M24*80\MPS314.7-13\MPS180HP-II</t>
  </si>
  <si>
    <t>【长发电】加载装置导向板螺钉\M24*48\MPS314.7-12\MPS180HP-II</t>
  </si>
  <si>
    <t>【长发电】加载装置垫圈\MPS314.7-14\MPS180HP-II</t>
  </si>
  <si>
    <t>【长发电】加载装置定心支架柱销\MPS310.7-12\MPS180HP-II</t>
  </si>
  <si>
    <t>【长发电】加载装置滚柱\MPS310.7-17\MPS180HP-II</t>
  </si>
  <si>
    <t>【长发电】加载装置连接支座\MPS321.7-2\MPS180HP-II</t>
  </si>
  <si>
    <t>【长发电】加载装置螺栓\M30*246\MPS310.7-2\MPS180HP-II</t>
  </si>
  <si>
    <t>【长发电】加载装置止动销\MPS314.7-11\MPS180HP-II</t>
  </si>
  <si>
    <t>【长发电】减速机定位装置\MPS714.7ZG\MPS180HP-II</t>
  </si>
  <si>
    <t>【长发电】减速机定位装置\MPS219.3ZG\MPS180HP-II</t>
  </si>
  <si>
    <t>【长发电】减速机定位装置\MPS410.8ZG\MPS180HP-II</t>
  </si>
  <si>
    <t>【长发电】减速机基础螺栓\M42*980\MPS327.1-2\MPS180HP-II</t>
  </si>
  <si>
    <t>【长发电】减速机基础螺栓\M42*880\MPS316.1-5\MPS180HP-II</t>
  </si>
  <si>
    <t>【长发电】减速机基础螺栓\M42*630\MPS713.1-3\MPS180HP-II</t>
  </si>
  <si>
    <t>【长发电】减速机基础球面垫圈\φ42\MPS214.1-16\MPS180HP-II</t>
  </si>
  <si>
    <t>【长发电】减速机基础球面垫圈\φ42\MPS210.1-17\MPS180HP-II</t>
  </si>
  <si>
    <t>【长发电】减速机基础球面垫圈\φ42\MPS210.1-18\MPS180HP-II</t>
  </si>
  <si>
    <t>【长发电】静喷嘴环\MPS327.8.1\MPS180HP-II</t>
  </si>
  <si>
    <t>【长发电】静喷嘴环\MPS316.8.1\MPS180HP-II</t>
  </si>
  <si>
    <t>【长发电】静喷嘴环\MPS311.8.1\MPS180HP-II</t>
  </si>
  <si>
    <t>【长发电】拉杆\MPS327.13-1\MPS180HP-II</t>
  </si>
  <si>
    <t>【长发电】拉杆\MPS316.13-1\MPS180HP-II</t>
  </si>
  <si>
    <t>【长发电】拉杆\MPS311.13-5\MPS180HP-II</t>
  </si>
  <si>
    <t>【长发电】拉杆挡板\MPS311.13-13\MPS180HP-II</t>
  </si>
  <si>
    <t>【长发电】拉杆导套\MPS337.13.1\MPS180HP-II</t>
  </si>
  <si>
    <t>【长发电】拉杆导套\MPS311.13.1\MPS180HP-II</t>
  </si>
  <si>
    <t>【长发电】拉杆地脚螺栓\M64*1470\MPS317.1-17\MPS180HP-II</t>
  </si>
  <si>
    <t>【长发电】拉杆地脚螺栓\M64*1460\MPS410.1-14\MPS180HP-II</t>
  </si>
  <si>
    <t>【长发电】拉杆滚珠\MPS311.13-3\MPS180HP-II</t>
  </si>
  <si>
    <t>【长发电】拉杆滚珠支架\MPS311.13-2\MPS180HP-II</t>
  </si>
  <si>
    <t>【长发电】拉杆机构连接件\MPS433.13-5\MPS180HP-II</t>
  </si>
  <si>
    <t>【长发电】拉杆机构连接件\MPS311.13-11\MPS180HP-II</t>
  </si>
  <si>
    <t>【长发电】拉杆基础球面垫圈\φ64\MPS317.1-14\MPS180HP-II</t>
  </si>
  <si>
    <t>【长发电】拉杆基础球面垫圈\φ56\MPS410.1-10\MPS180HP-II</t>
  </si>
  <si>
    <t>【长发电】拉杆基础球面垫圈\φ64\MPS410.1-11\MPS180HP-II</t>
  </si>
  <si>
    <t>【长发电】拉杆加载环\MPS321.13-1\MPS180HP-II</t>
  </si>
  <si>
    <t>【长发电】拉杆加载环\MPS329.13-1\MPS180HP-II</t>
  </si>
  <si>
    <t>【长发电】拉杆加载环\MPS311.13-1\MPS180HP-II</t>
  </si>
  <si>
    <t>【长发电】拉杆加载梁\MPS311.13-4\MPS180HP-II</t>
  </si>
  <si>
    <t>【长发电】拉杆连接件螺栓\MPS228.13-12\MPS180HP-II</t>
  </si>
  <si>
    <t>【长发电】拉杆连接件螺栓\MPS311.13-12\MPS180HP-II</t>
  </si>
  <si>
    <t>【长发电】拉杆锚板轴端挡板\MPS410.14-9</t>
  </si>
  <si>
    <t>【长发电】拉杆锚板轴端挡板\MPS311.13-9\MPS180HP-II</t>
  </si>
  <si>
    <t>【长发电】拉杆密封装置\MPS321.4.5.1A\MPS180HP-II</t>
  </si>
  <si>
    <t>【长发电】拉杆密封装置\MPS316.4.3.1\MPS180HP-II</t>
  </si>
  <si>
    <t>【长发电】密封装置法兰\MPS321.4.5.1-2\MPS180HP-II</t>
  </si>
  <si>
    <t>【长发电】密封装置法兰\MPS231.4.3.1-3\MPS180HP-II</t>
  </si>
  <si>
    <t>【长发电】密封装置盖板\MPS337.4.1-11\MPS180HP-II</t>
  </si>
  <si>
    <t>【长发电】密封装置盖板\MPS311.4.1-6\MPS180HP-II</t>
  </si>
  <si>
    <t>【长发电】密封装置密封垫\MPS321.4.5.1-5\MPS180HP-II</t>
  </si>
  <si>
    <t>【长发电】密封装置密封垫\MPS231.4.3.1-6\MPS180HP-II</t>
  </si>
  <si>
    <t>【长发电】密封装置密封环\MPS433.4.5.1-1\MPS180HP-II</t>
  </si>
  <si>
    <t>【长发电】密封装置密封环\MPS231.4.3.1-2\MPS180HP-II</t>
  </si>
  <si>
    <t>【长发电】密封装置压盖\MPS321.4.5.1-3\MPS180HP-II</t>
  </si>
  <si>
    <t>【长发电】密封装置压盖\MPS231.4.3.1-4\MPS180HP-II</t>
  </si>
  <si>
    <t>【长发电】密封装置圆橡胶\MPS321.4.5.1-6\MPS180HP-II</t>
  </si>
  <si>
    <t>【长发电】拉杆液压缸防尘罩\MPS311.13.2\MPS311.13.2\MPS180HP-II</t>
  </si>
  <si>
    <t>【长发电】拉杆液压缸防尘罩\MPS321.13-2D\MPS321.13-2D\MPS180HP-II</t>
  </si>
  <si>
    <t>【长发电】拉杆液压缸销轴\MPS410.14-8\MPS410.14-8\MPS180HP-II</t>
  </si>
  <si>
    <t>【长发电】拉杆液压缸销轴\MPS311.13-8\MPS311.13-8\MPS180HP-II</t>
  </si>
  <si>
    <t>【长发电】拉杆轴端挡环\MPS410.14-10</t>
  </si>
  <si>
    <t>【长发电】拉杆轴端挡环\MPS311.13-10\MPS180HP-II</t>
  </si>
  <si>
    <t>【长发电】圆橡胶\ø6*578\MPSB4609-86\MPS180HP-II</t>
  </si>
  <si>
    <t>【长发电】润滑系统出口安全阀\AQF-E40/0.8\MPS327.16-1\MPS180HP-II</t>
  </si>
  <si>
    <t>【长发电】润滑系统单向阀\101H-DN50\MPS327.16-2\MPS180HP-II</t>
  </si>
  <si>
    <t>【长发电】润滑系统电机\Y2-132M-4/B35/7.5kW/380V\MPS327.16-3\MPS180HP-II</t>
  </si>
  <si>
    <t>【长发电】润滑系统冷却器\CB76-140L/13.8\MPS327.16-4\MPS180HP-II</t>
  </si>
  <si>
    <t>【长发电】润滑系统冷却水用球阀\Q11F-16P\MPS327.16-5\MPS180HP-II</t>
  </si>
  <si>
    <t>【长发电】润滑系统螺杆泵\GR55/SMT16B/330L/S2/AC38/B5\MPS327.16-6\MPS180HP-II</t>
  </si>
  <si>
    <t>【长发电】润滑系统双金属温度计\TGE53/125/75/\MPS327.16-7\MPS180HP-II</t>
  </si>
  <si>
    <t>【长发电】润滑系统双筒切换过滤器\RFLDW/HC50\MPS327.16-8\MPS180HP-II</t>
  </si>
  <si>
    <t>【长发电】润滑系统压力表\PGE23.100-SMP010WMFPWW3WWW\MPS327.16-9\MPS180HP-II</t>
  </si>
  <si>
    <t>【长发电】液压系统板式冷却器\CB76-70L/6.8\MPS327.17-1\MPS180HP-II</t>
  </si>
  <si>
    <t>【长发电】液压系统铂热电阻\TR30/200 L=200mm\MPS327.17-2\MPS180HP-II</t>
  </si>
  <si>
    <t>【长发电】液压系统测压接头\SMK20-M14*1.5-PC-C6F\MPS327.17-3\MPS180HP-II</t>
  </si>
  <si>
    <t>【长发电】液压系统测压软管\SMS-20/M20-P-OR-1500-B-C6F\MPS327.17-4\MPS180HP-II</t>
  </si>
  <si>
    <t>【长发电】液压系统测压软管\SMS-20/M20-P-OR-600-B-C6F\MPS327.17-5\MPS180HP-II</t>
  </si>
  <si>
    <t>【长发电】液压系统差压开关\605DM2\MPS327.17-6\MPS180HP-II</t>
  </si>
  <si>
    <t>【长发电】液压系统单向阀\CXBA-XAN\MPS327.17-7\MPS180HP-II</t>
  </si>
  <si>
    <t>【长发电】液压系统单向阀\CXFA-XAN\MPS327.17-8\MPS180HP-II</t>
  </si>
  <si>
    <t>【长发电】液压系统单向阀\CXFA-XBN\MPS327.17-9\MPS180HP-II</t>
  </si>
  <si>
    <t>【长发电】液压系统单向阀\CXHA-XAN\MPS327.17-10\MPS180HP-II</t>
  </si>
  <si>
    <t>【长发电】液压系统电机\Y2-160L-4/B5/15kW\MPS327.17-11\MPS180HP-II</t>
  </si>
  <si>
    <t>【长发电】液压系统电子放大器\PWDXXA-400-15#E6C2\MPS327.17-12\MPS180HP-II</t>
  </si>
  <si>
    <t>【长发电】液压系统反作用力比例溢流阀\R4V0353111P2G0RA1\MPS327.17-13\MPS180HP-II</t>
  </si>
  <si>
    <t>【长发电】液压系统高压球阀\YJZQ-J20W\MPS327.17-14\MPS180HP-II</t>
  </si>
  <si>
    <t>【长发电】液压系统高压球阀\YJZQ-J10W\MPS327.17-15\MPS180HP-II</t>
  </si>
  <si>
    <t>【长发电】液压系统高压球阀\KHP-06-1112-02X\MPS327.17-16\MPS180HP-II</t>
  </si>
  <si>
    <t>【长发电】液压系统黄铜蝶型球阀\Q11F-16T-DN25\MPS327.17-17\MPS180HP-II</t>
  </si>
  <si>
    <t>【长发电】液压系统黄铜蝶型球阀\Q11F-16T-DN40\MPS327.17-18\MPS180HP-II</t>
  </si>
  <si>
    <t>【长发电】液压系统节流阀\DV20-1-10\MPS327.17-19\MPS180HP-II</t>
  </si>
  <si>
    <t>【长发电】液压系统空气滤清器\QUQ2.5-10*2.1\MPS327.17-20\MPS180HP-II</t>
  </si>
  <si>
    <t>【长发电】液压系统耐震压力表\PGE23.100（0～24MPa）\MPS327.17-21\MPS180HP-II</t>
  </si>
  <si>
    <t>【长发电】液压系统双联泵\PGP517B0440CD1H3NE8E6C-511A0080*B1E3B1B0\MPS327.17-22\MPS180HP-II</t>
  </si>
  <si>
    <t>【长发电】液压系统双筒过滤器\RFLD501（9μm）\MPS327.17-23\MPS180HP-II</t>
  </si>
  <si>
    <t>【长发电】液压系统调速阀(配调节帽)\FDCB-HAN\MPS327.17-24\MPS180HP-II</t>
  </si>
  <si>
    <t>【长发电】液压系统蓄能器\NXQA-16/31.5-F-Y\MPS327.17-25\MPS180HP-II</t>
  </si>
  <si>
    <t>【长发电】液压系统蓄能器\NXQA-32/16-L-Y299\MPS327.17-26\MPS180HP-II</t>
  </si>
  <si>
    <t>【长发电】液压系统蓄能器卡箍\NXJ-A5\MPS327.17-27\MPS180HP-II</t>
  </si>
  <si>
    <t>【长发电】液压系统蓄能器支座\NXJ-B3\MPS327.17-28\MPS180HP-II</t>
  </si>
  <si>
    <t>【长发电】液压系统压力变送器\3051GP4A2B21AB4M5（0~27MPa）\MPS327.17-29\MPS180HP-II</t>
  </si>
  <si>
    <t>【长发电】液压系统压力变送器\3051GP2A2B21AB4M5\MPS327.17-30\MPS180HP-II</t>
  </si>
  <si>
    <t>【长发电】液压系统液位计\SNA350B-S-T-10-0116\MPS327.17-31\MPS180HP-II</t>
  </si>
  <si>
    <t>【长发电】液压系统液位继电器\ASC4RV-1"-VSS-L650/12-V52A-400-560\MPS327.17-32\MPS180HP-II</t>
  </si>
  <si>
    <t>【长发电】液压系统液压缸\220/90-450\MPS327.17-33\MPS180HP-II</t>
  </si>
  <si>
    <t>【长发电】液压系统溢流阀\RDHA-LAN(T-16A)\MPS327.17-34\MPS180HP-II</t>
  </si>
  <si>
    <t>【长发电】液压系统溢流阀\RDHA-LBN(T-16A)\MPS327.17-35\MPS180HP-II</t>
  </si>
  <si>
    <t>【长发电】液压系统作用力比例溢流阀\R4V0353311P2G0RA1\MPS327.17-36\MPS180HP-II</t>
  </si>
  <si>
    <t>【长发电】专用工具导套\MPS317-5ZG\MPS180HP-II</t>
  </si>
  <si>
    <t>【长发电】专用工具导套\MPS410-7ZG\MPS180HP-II</t>
  </si>
  <si>
    <t>【长发电】专用工具磨辊拆卸装置\MPS321.4ZG\MPS180HP-II</t>
  </si>
  <si>
    <t>【长发电】专用工具磨辊拆卸装置\MPS316.2ZG\MPS180HP-II</t>
  </si>
  <si>
    <t>【长发电】专用工具磨辊拆卸装置\MPS310.6ZG\MPS180HP-II</t>
  </si>
  <si>
    <t>【长发电】专用工具磨辊翻出装置\MPS327.3ZG\MPS180HP-II</t>
  </si>
  <si>
    <t>【长发电】专用工具磨辊翻出装置\MPS316.3ZG\MPS180HP-II</t>
  </si>
  <si>
    <t>【长发电】专用工具磨辊翻出装置\MPS311.4ZG\MPS180HP-II</t>
  </si>
  <si>
    <t>【长发电】专用工具磨辊固定装置\MPS321.2ZG\MPS180HP-II</t>
  </si>
  <si>
    <t>【长发电】专用工具磨辊固定装置\MPS334.1ZG\MPS180HP-II</t>
  </si>
  <si>
    <t>【长发电】专用工具磨盘支座安装定位销\MPS210-10ZG\MPS180HP-II</t>
  </si>
  <si>
    <t>【长发电】专用工具磨盘支座安装定位销\MPS316-1ZG\MPS180HP-II</t>
  </si>
  <si>
    <t>【长发电】专用工具磨盘支座安装定位销\MPS410-10ZG\MPS180HP-II</t>
  </si>
  <si>
    <t>【长发电】专用工具磨盘支座顶起装置\MPS327.2ZG\MPS180HP-II</t>
  </si>
  <si>
    <t>【长发电】专用工具磨盘支座顶起装置\MPS316.5ZG\MPS180HP-II</t>
  </si>
  <si>
    <t>【长发电】专用工具磨盘支座顶起装置\MPS311.3ZG\MPS180HP-II</t>
  </si>
  <si>
    <t>【长发电】专用工具盘车装置\MPS325.1ZG\MPS180HP-II</t>
  </si>
  <si>
    <t>【长发电】专用工具盘车装置\MPS316.4ZG\MPS180HP-II</t>
  </si>
  <si>
    <t>【长发电】专用工具盘车装置\MPS311.2ZG\MPS180HP-II</t>
  </si>
  <si>
    <t>【长发电】密封环\MPS426.3</t>
  </si>
  <si>
    <t>【长发电】密封环\MPS426.3MG\MPS190HP-II</t>
  </si>
  <si>
    <t>【长发电】密封环垫片组\MPS428.3-3A\MPS190HP-II</t>
  </si>
  <si>
    <t>【长发电】密封环垫圈\ø30\MPS415.3.2-6</t>
  </si>
  <si>
    <t>【长发电】密封环防护罩\MPS428.3-1A\MPS190HP-II</t>
  </si>
  <si>
    <t>【长发电】密封环螺栓\MPS415.3.2-7</t>
  </si>
  <si>
    <t>【长发电】密封环密封筒\MPS415.3.7-2\MPS190HP-II</t>
  </si>
  <si>
    <t>【长发电】密封环套筒\MPS415.3.1-16\MPS190HP-II</t>
  </si>
  <si>
    <t>【长发电】密封环支撑架\MPS428.3-2A\MPS190HP-II</t>
  </si>
  <si>
    <t>【长发电】密封装置密封环\MPS428.3.2-2A\MPS190HP-II</t>
  </si>
  <si>
    <t>【长发电】密封装置\MPS428.4.7\MPS190HP-II</t>
  </si>
  <si>
    <t>【长发电】密封装置\MPS426.4.5\MPS190HP-II</t>
  </si>
  <si>
    <t>【长发电】密封装置底板\MPS428.4.1-4\MPS190HP-II</t>
  </si>
  <si>
    <t>【长发电】密封装置垫圈\ø30\MPS428.4.2-6\MPS190HP-II</t>
  </si>
  <si>
    <t>【长发电】密封装置法兰\MPS428.4.7.1-3\MPS190HP-II</t>
  </si>
  <si>
    <t>【长发电】密封装置法兰筒\MPS428.4.7.1-5\MPS190HP-II</t>
  </si>
  <si>
    <t>【长发电】密封装置盖板\MPS424.4.1-5\MPS190HP-II</t>
  </si>
  <si>
    <t>【长发电】密封装置螺栓\M30*110\MPS428.4.2-7\MPS190HP-II</t>
  </si>
  <si>
    <t>【长发电】密封装置轴承\MPS415.3.7-1\MPS190HP-II</t>
  </si>
  <si>
    <t>【长发电】中架体耐磨衬板\MPS430.4.1-2\MPS190HP-II</t>
  </si>
  <si>
    <t>【长发电】中架体耐磨衬板\MPS428.4.1-3\MPS190HP-II</t>
  </si>
  <si>
    <t>【长发电】中架体耐磨衬板\300*300*（10+8）\MPS428.4.1-3a\MPS190HP-II</t>
  </si>
  <si>
    <t>【长发电】中架体耐磨衬板\300*300*30\MPS426.4MG-1\MPS190HP-II</t>
  </si>
  <si>
    <t>【长发电】中架体筒体衬板\MPS426.4.1-1\MPS190HP-II</t>
  </si>
  <si>
    <t>【长发电】中架体筒体衬板\MPS426.4.1-2\MPS190HP-II</t>
  </si>
  <si>
    <t>【长发电】中架体筒体护板\MPS428.4.1-9\MPS190HP-II</t>
  </si>
  <si>
    <t>【长发电】磨辊O形密封圈\φ727*10\MPS420.6.1-4\MPS190HP-II</t>
  </si>
  <si>
    <t>【长发电】磨辊O形密封圈\φ450*5.3\MPS422.6.1-7\MPS190HP-II</t>
  </si>
  <si>
    <t>【长发电】磨辊O形密封圈\φ386*8\MPS422.6.1-8\MPS190HP-II</t>
  </si>
  <si>
    <t>【长发电】磨辊O形密封圈\φ298*8\MPS420.6.1-24</t>
  </si>
  <si>
    <t>【长发电】磨辊O形密封圈\φ446*8.4\MPS426.6.1-5\MPS190HP-II</t>
  </si>
  <si>
    <t>【长发电】磨辊板\MPS428.6.2-3A\MPS190HP-II</t>
  </si>
  <si>
    <t>【长发电】磨辊板\MPS428.6.2-10A\MPS190HP-II</t>
  </si>
  <si>
    <t>【长发电】磨辊挡环\MPS420.6.1-22\MPS190HP-II</t>
  </si>
  <si>
    <t>【长发电】磨辊垫\MPS420.6-5\MPS190HP-II</t>
  </si>
  <si>
    <t>【长发电】磨辊垫\MPS420.6-7\MPS190HP-II</t>
  </si>
  <si>
    <t>【长发电】磨辊垫板\MPS428.6.2-2A\MPS190HP-II</t>
  </si>
  <si>
    <t>【长发电】磨辊垫板\MPS428.6.2-5A\MPS190HP-II</t>
  </si>
  <si>
    <t>【长发电】磨辊垫板\MPS428.6.2-6A\MPS190HP-II</t>
  </si>
  <si>
    <t>【长发电】磨辊垫板\MPS428.6.2-8A\MPS190HP-II</t>
  </si>
  <si>
    <t>【长发电】磨辊垫板\MPS420.6.1-11\MPS190HP-II</t>
  </si>
  <si>
    <t>【长发电】磨辊定位板\MPS428.6.2-7A\MPS190HP-II</t>
  </si>
  <si>
    <t>【长发电】磨辊骨架密封\MPS411.12\MPS190HP-II</t>
  </si>
  <si>
    <t>【长发电】磨辊辊套\MPS428.6.1-1\MPS190HP-II</t>
  </si>
  <si>
    <t>【长发电】磨辊辊套\MPS420.6.1-1\MPS190HP-II</t>
  </si>
  <si>
    <t>【长发电】磨辊辊支架\MPS428.6-5\MPS190HP-II</t>
  </si>
  <si>
    <t>【长发电】磨辊辊支架\MPS424.6-1\MPS190HP-II</t>
  </si>
  <si>
    <t>【长发电】磨辊辊支架护板\MPS428.6.2-1A\MPS190HP-II</t>
  </si>
  <si>
    <t>【长发电】磨辊辊支架护板\MPS428.6.2-4A\MPS190HP-II</t>
  </si>
  <si>
    <t>【长发电】磨辊辊支架护板\MPS428.6.2-9A\MPS190HP-II</t>
  </si>
  <si>
    <t>【长发电】磨辊辊支架护板\MPS428.6.2-11A\MPS190HP-II</t>
  </si>
  <si>
    <t>【长发电】磨辊辊支架护板\MPS428.6.2-1A-4A-9A\MPS190HP-II</t>
  </si>
  <si>
    <t>【长发电】磨辊辊支架护板\MPS428.6.2A\MPS190HP-II</t>
  </si>
  <si>
    <t>【长发电】磨辊辊支架护板\MPS420.6-9\MPS190HP-II</t>
  </si>
  <si>
    <t>【长发电】磨辊辊支架护板\MPS420.6-10\MPS190HP-II</t>
  </si>
  <si>
    <t>【长发电】磨辊辊支架护板\MPS420.6-11\MPS190HP-II</t>
  </si>
  <si>
    <t>【长发电】磨辊辊支架护板\MPS424.6-2\MPS190HP-II</t>
  </si>
  <si>
    <t>【长发电】磨辊辊支架密封环\MPS420.6-3\MPS190HP-II</t>
  </si>
  <si>
    <t>【长发电】磨辊辊支架罩\MPS420.6.2\MPS190HP-II</t>
  </si>
  <si>
    <t>【长发电】磨辊护环\MPS420.6.1-2\MPS190HP-II</t>
  </si>
  <si>
    <t>【长发电】磨辊护环\MPS420.6.1-9\MPS190HP-II</t>
  </si>
  <si>
    <t>【长发电】磨辊螺塞\G1A\MPS420.6.1-10\MPS190HP-II</t>
  </si>
  <si>
    <t>【长发电】磨辊螺塞\M18*1.5\MPS420.6.1-7\MPS190HP-II</t>
  </si>
  <si>
    <t>【长发电】磨辊螺塞\G1/8A\MPSB4451-86.1\MPS190HP-II</t>
  </si>
  <si>
    <t>【长发电】磨辊螺塞\G3/4A\MPSB4451-86.2\MPS190HP-II</t>
  </si>
  <si>
    <t>【长发电】磨辊螺塞\G1/2A\MPSB4451-86.3\MPS190HP-II</t>
  </si>
  <si>
    <t>【长发电】磨辊螺栓\M30*380\MPS420.6.1-18a\MPS190HP-II</t>
  </si>
  <si>
    <t>【长发电】磨辊螺栓\M30*381\MPS420.6.1-19a\MPS190HP-II</t>
  </si>
  <si>
    <t>【长发电】磨辊螺栓\M30*95\MPS428.6-4\MPS190HP-II</t>
  </si>
  <si>
    <t>【长发电】磨辊螺栓\M30*95\MPS420.6-4\MPS190HP-II</t>
  </si>
  <si>
    <t>【长发电】磨辊螺栓\M30*80\MPS422.6.1-5\MPS190HP-II</t>
  </si>
  <si>
    <t>【长发电】磨辊螺栓\M30*380\MPS420.6.1-18\MPS190HP-II</t>
  </si>
  <si>
    <t>【长发电】磨辊密封包\JJ190-BT-01/05\MPS430.6.1-45\MPS190HP-II</t>
  </si>
  <si>
    <t>【长发电】磨辊密封风管道垫\MPS430.12.2-3\MPS190HP-II</t>
  </si>
  <si>
    <t>【长发电】磨辊密封风管道垫\MPS428.12.2-2\MPS190HP-II</t>
  </si>
  <si>
    <t>【长发电】磨辊密封风管道固定轴承座\MPS430.12.2-4\MPS190HP-II</t>
  </si>
  <si>
    <t>【长发电】磨辊密封风管道固定轴承座\MPS428.12.2-3\MPS190HP-II</t>
  </si>
  <si>
    <t>【长发电】磨辊密封风管道滑动装置\MPS430.12.2.1\MPS190HP-II</t>
  </si>
  <si>
    <t>【长发电】磨辊密封风管道滑动装置\MPS428.12.2.1\MPS190HP-II</t>
  </si>
  <si>
    <t>【长发电】磨辊密封风管道滑动装置\MPS412.12.2.1\MPS190HP-II</t>
  </si>
  <si>
    <t>【长发电】磨辊密封风管道口盖板\MPS420.6-1A\MPS190HP-II</t>
  </si>
  <si>
    <t>【长发电】磨辊密封风管道立管\MPS430.12.2-1\MPS190HP-II</t>
  </si>
  <si>
    <t>【长发电】磨辊密封风管道立管\MPS412.12.2-2\MPS190HP-II</t>
  </si>
  <si>
    <t>【长发电】磨辊密封风管道密封垫\MPS412.12.2-1\MPS190HP-II</t>
  </si>
  <si>
    <t>【长发电】磨辊密封环\MPS420.6.1-5\MPS190HP-II</t>
  </si>
  <si>
    <t>【长发电】磨辊密封圈\MPS420.6.1-21\MPS190HP-II</t>
  </si>
  <si>
    <t>【长发电】磨辊密封圈包\GP190-BTmf-01/05</t>
  </si>
  <si>
    <t>【长发电】磨辊耐磨套\MPS420.6.1-23\MPS190HP-II</t>
  </si>
  <si>
    <t>【长发电】磨辊通风过滤器\MPS420.6.1.1\MPS190HP-II</t>
  </si>
  <si>
    <t>【长发电】磨辊压板\MPS422.6.1-4\MPS190HP-II</t>
  </si>
  <si>
    <t>【长发电】磨辊压板\MPS426.6.1-3\MPS190HP-II</t>
  </si>
  <si>
    <t>【长发电】磨辊压板\MPS420.6-8\MPS190HP-II</t>
  </si>
  <si>
    <t>【长发电】磨辊压板\MPS420.6.1-6\MPS190HP-II</t>
  </si>
  <si>
    <t>【长发电】磨辊压环\MPS420.6.1-17\MPS190HP-II</t>
  </si>
  <si>
    <t>【长发电】磨辊油位检查门\MPS428.4-1G\MPS190HP-II</t>
  </si>
  <si>
    <t>【长发电】磨辊油位检查门\MPS428.4-2G\MPS190HP-II</t>
  </si>
  <si>
    <t>【长发电】磨辊油位检查门\MPS428.4-1\MPS190HP-II</t>
  </si>
  <si>
    <t>【长发电】磨辊油位检查门\MPS428.4-2\MPS190HP-II</t>
  </si>
  <si>
    <t>【长发电】磨辊罩盖板\MPS420.6-6\MPS190HP-II</t>
  </si>
  <si>
    <t>【长发电】磨辊折销\MPS420.6.1-12\MPS190HP-II</t>
  </si>
  <si>
    <t>【长发电】磨辊轴\MPS428.6.1-2\MPS190HP-II</t>
  </si>
  <si>
    <t>【长发电】磨辊轴\MPS426.6.1-4\MPS190HP-II</t>
  </si>
  <si>
    <t>【长发电】磨辊轴承\24148 CC/W33\MPS428.6.1-B10\MPS190HP-II</t>
  </si>
  <si>
    <t>【长发电】磨辊轴承盖\MPS430.12.2-2\MPS190HP-II</t>
  </si>
  <si>
    <t>【长发电】磨辊轴承盖\MPS422.6.1-3\MPS190HP-II</t>
  </si>
  <si>
    <t>【长发电】磨辊轴承盖\MPS428.12.2-1\MPS190HP-II</t>
  </si>
  <si>
    <t>【长发电】磨辊轴承盖\MPS426.6.1-2\MPS190HP-II</t>
  </si>
  <si>
    <t>【长发电】磨辊轴承压盖\MPS422.6.1-1\MPS190HP-II</t>
  </si>
  <si>
    <t>【长发电】磨辊轴承座\MPS424.6.1-1\MPS190HP-II</t>
  </si>
  <si>
    <t>【长发电】磨辊轴承座\MPS426.6.1-1\MPS190HP-II</t>
  </si>
  <si>
    <t>【长发电】磨辊装配\MPS430.6A\MPS190HP-II</t>
  </si>
  <si>
    <t>【长发电】磨辊装配\MPS428.6B\MPS190HP-II</t>
  </si>
  <si>
    <t>【长发电】磨辊装配\MPS426.6A\MPS190HP-II</t>
  </si>
  <si>
    <t>【长发电】磨辊总成\MPS428.6.1\MPS190HP-II</t>
  </si>
  <si>
    <t>【长发电】磨辊总成\MPS426.6.1\MPS190HP-II</t>
  </si>
  <si>
    <t>【长发电】磨盘\MPS428.5-2\MPS190HP-II</t>
  </si>
  <si>
    <t>【长发电】磨盘\MPS424.5-1</t>
  </si>
  <si>
    <t>【长发电】磨盘垫\MPS412.5-7\MPS190HP-II</t>
  </si>
  <si>
    <t>【长发电】磨盘垫\MPS412.5-9\MPS190HP-II</t>
  </si>
  <si>
    <t>【长发电】磨盘法兰\MPS428.5-1\MPS190HP-II</t>
  </si>
  <si>
    <t>【长发电】磨盘法兰\MPS412.5-8\MPS190HP-II</t>
  </si>
  <si>
    <t>【长发电】磨盘盖板\MPS412.5.2A\MPS190HP-II</t>
  </si>
  <si>
    <t>【长发电】磨盘刮板机构\MPS428.5.1G\MPS190HP-II</t>
  </si>
  <si>
    <t>【长发电】磨盘刮板机构\MPS428.5.1\MPS190HP-II</t>
  </si>
  <si>
    <t>【长发电】磨盘刮板机构\MPS424.5.1\MPS190HP-II</t>
  </si>
  <si>
    <t>【长发电】磨盘螺钉\M8\MPS428.6.2-12A\MPS190HP-II</t>
  </si>
  <si>
    <t>【长发电】磨盘螺栓\M24*55\MPS412.5-6\MPS190HP-II</t>
  </si>
  <si>
    <t>【长发电】磨盘螺栓\M48*180\MPS412.5-10\MPS190HP-II</t>
  </si>
  <si>
    <t>【长发电】磨盘瓦\MPS415.14-1</t>
  </si>
  <si>
    <t>【长发电】磨盘瓦\MPS428.14-1\MPS190HP-II</t>
  </si>
  <si>
    <t>【长发电】磨盘瓦压紧环\MPS412.5-1\MPS190HP-II</t>
  </si>
  <si>
    <t>【长发电】磨盘压紧螺栓\MPS412.5-2\MPS190HP-II</t>
  </si>
  <si>
    <t>【长发电】磨盘压紧螺栓套\MPS412.5-3\MPS190HP-II</t>
  </si>
  <si>
    <t>【长发电】磨盘柱销\MPS412.5-5\MPS190HP-II</t>
  </si>
  <si>
    <t>【长发电】排渣系统箱体\MPS430.14.1\MPS190HP-II</t>
  </si>
  <si>
    <t>【长发电】排渣系统箱体密封圈\SGM85G-SZM/LW-G1-006\MPS430.14.2\MPS190HP-II</t>
  </si>
  <si>
    <t>【长发电】排渣系统闸板阀\MPS412.14-4\MPS190HP-II</t>
  </si>
  <si>
    <t>【长发电】喷嘴环堵板\MPS430.8.1-1PZ\MPS190HP-II</t>
  </si>
  <si>
    <t>【长发电】喷嘴环检修门锥体\MPS430.8.3\MPS190HP-II</t>
  </si>
  <si>
    <t>【长发电】喷嘴环检修门锥体\MPS428.8.3\MPS190HP-II</t>
  </si>
  <si>
    <t>【长发电】喷嘴环检修门锥体\MPS426.8.3\MPS190HP-II</t>
  </si>
  <si>
    <t>【长发电】喷嘴环静压板\MPS426.8-1\MPS190HP-II</t>
  </si>
  <si>
    <t>【长发电】喷嘴环静压板\MPS426.8-2\MPS190HP-II</t>
  </si>
  <si>
    <t>【长发电】喷嘴环静压板\MPS426.8-3\MPS190HP-II</t>
  </si>
  <si>
    <t>【长发电】喷嘴环支撑板\MPS430.8.1-2PZ\MPS190HP-II</t>
  </si>
  <si>
    <t>【长发电】动喷嘴环\MPS430.8.2\MPS190HP-II</t>
  </si>
  <si>
    <t>【长发电】动喷嘴环\MPS428.8.2\MPS190HP-II</t>
  </si>
  <si>
    <t>【长发电】动喷嘴环\MPS426.8.2\MPS190HP-II</t>
  </si>
  <si>
    <t>【长发电】分离器传动皮带\MPS430.9-23\MPS190HP-II</t>
  </si>
  <si>
    <t>【长发电】分离器叶片\MPS428.9.3.2.2\MPS190HP-II</t>
  </si>
  <si>
    <t>【长发电】加载架\MPS424.7-1</t>
  </si>
  <si>
    <t>【长发电】加载架摆动装置叉形接头\MPS412.7-8\MPS190HP-II</t>
  </si>
  <si>
    <t>【长发电】加载架摆动装置垫片组\MPS424.7-5\MPS190HP-II</t>
  </si>
  <si>
    <t>【长发电】加载架摆动装置垫片组\MPS424.7-9\MPS190HP-II</t>
  </si>
  <si>
    <t>【长发电】加载架摆动装置横轴\MPS412.7-6\MPS190HP-II</t>
  </si>
  <si>
    <t>【长发电】加载架摆动装置立轴\MPS412.7-4\MPS190HP-II</t>
  </si>
  <si>
    <t>【长发电】加载架摆动装置调整垫\MPS412.7-10\MPS190HP-II</t>
  </si>
  <si>
    <t>【长发电】加载架摆动装置调整支座\MPS412.7.1\MPS190HP-II</t>
  </si>
  <si>
    <t>【长发电】加载架摆动装置调整支座\MPS412.7.2\MPS190HP-II</t>
  </si>
  <si>
    <t>【长发电】加载架摆动装置支撑环\MPS412.7-5\MPS190HP-II</t>
  </si>
  <si>
    <t>【长发电】加载架摆动装置支架\MPS412.7-7\MPS190HP-II</t>
  </si>
  <si>
    <t>【长发电】加载架导向板\MPS412.7-21\MPS190HP-II</t>
  </si>
  <si>
    <t>【长发电】加载架导向板\MPS424.7-10\MPS190HP-II</t>
  </si>
  <si>
    <t>【长发电】加载架定心支架\MPS424.7-4A\MPS190HP-II</t>
  </si>
  <si>
    <t>【长发电】加载架护板\MPS411.6-28\MPS190HP-II</t>
  </si>
  <si>
    <t>【长发电】加载架支架\MPS424.7-3A\MPS190HP-II</t>
  </si>
  <si>
    <t>【长发电】加载装置弹性销\φ32*75\MPSB879.1\MPS190HP-II</t>
  </si>
  <si>
    <t>【长发电】加载装置导向板\MPS424.7-6\MPS190HP-II</t>
  </si>
  <si>
    <t>【长发电】加载装置导向板\MPS424.7-8\MPS190HP-II</t>
  </si>
  <si>
    <t>【长发电】加载装置导向板固定板\MPS424.7-2\MPS190HP-II</t>
  </si>
  <si>
    <t>【长发电】加载装置导向板固定板\MPS412.7-13\MPS190HP-II</t>
  </si>
  <si>
    <t>【长发电】加载装置导向板固定板\MPS424.7-13\MPS190HP-II</t>
  </si>
  <si>
    <t>【长发电】加载装置导向板螺钉\M24*48\MPS424.7-12\MPS190HP-II</t>
  </si>
  <si>
    <t>【长发电】加载装置导向板螺钉\M24*80\MPS424.7-36\MPS190HP-II</t>
  </si>
  <si>
    <t>【长发电】加载装置垫圈\MPS412.7-26\MPS190HP-II</t>
  </si>
  <si>
    <t>【长发电】加载装置盖板\MPS412.7-2\MPS190HP-II</t>
  </si>
  <si>
    <t>【长发电】加载装置滚架\MPS412.7-30\MPS190HP-II</t>
  </si>
  <si>
    <t>【长发电】加载装置滚架\MPS424.7.1\MPS190HP-II</t>
  </si>
  <si>
    <t>【长发电】加载装置滚架\MPS412.7-17\MPS190HP-II</t>
  </si>
  <si>
    <t>【长发电】加载装置滚架\MPS424.7.2\MPS190HP-II</t>
  </si>
  <si>
    <t>【长发电】加载装置滚柱\MPS412.7-16\MPS190HP-II</t>
  </si>
  <si>
    <t>【长发电】加载装置螺栓\M36\MPS412.7-9\MPS190HP-II</t>
  </si>
  <si>
    <t>【长发电】加载装置螺栓\M30*106\MPS424.7-16\MPS190HP-II</t>
  </si>
  <si>
    <t>【长发电】加载装置螺栓\M30*265\MPS412.7-1\MPS190HP-II</t>
  </si>
  <si>
    <t>【长发电】加载装置密封垫\MPS428.4.7.1-6\MPS190HP-II</t>
  </si>
  <si>
    <t>【长发电】加载装置套管\MPS412.7-3\MPS190HP-II</t>
  </si>
  <si>
    <t>【长发电】加载装置托架\MPS424.7-7\MPS190HP-II</t>
  </si>
  <si>
    <t>【长发电】加载装置托架\MPS424.7-14\MPS190HP-II</t>
  </si>
  <si>
    <t>【长发电】加载装置止动垫圈\MPS424.7-15\MPS190HP-II</t>
  </si>
  <si>
    <t>【长发电】加载装置止动销\MPS424.7-11\MPS190HP-II</t>
  </si>
  <si>
    <t>【长发电】加载装置柱销\MPS412.7-11\MPS190HP-II</t>
  </si>
  <si>
    <t>【长发电】减速机\MPS190F\MPS190HP-II</t>
  </si>
  <si>
    <t>【长发电】减速机\GP190-CCjsj-01\MPS190HP-II</t>
  </si>
  <si>
    <t>【长发电】减速机\XWDY11-8215-87\MPS430.16-34\MPS190HP-II</t>
  </si>
  <si>
    <t>【长发电】减速机地脚螺栓\M42*860\MPS428.1-12\MPS190HP-II</t>
  </si>
  <si>
    <t>【长发电】减速机地脚螺栓\M42*910\MPS424.1-5\MPS190HP-II</t>
  </si>
  <si>
    <t>【长发电】减速机基础球面垫圈\φ42\MPS412.1-23\MPS190HP-II</t>
  </si>
  <si>
    <t>【长发电】减速机空气滤清器\JLXM350\MPS430.16-37\MPS190HP-II</t>
  </si>
  <si>
    <t>【长发电】减速机联轴器膜片\MPS430.16-2-03\MPS190HP-II</t>
  </si>
  <si>
    <t>【长发电】减速机联轴器膜片\GP190-CCjsj-03\MPS190HP-II</t>
  </si>
  <si>
    <t>【长发电】减速机膜片联轴器\MPS430.16-2\MPS190HP-II</t>
  </si>
  <si>
    <t>【长发电】减速机膜片联轴器\GP190-CCjsj-02\MPS190HP-II</t>
  </si>
  <si>
    <t>【长发电】减速机膜片联轴器\MPS426.16-1\MPS190HP-II</t>
  </si>
  <si>
    <t>【长发电】减速机输入轴键\63*32*226\MPSB1096-1979</t>
  </si>
  <si>
    <t>【长发电】减速机输入轴轴封\DIN3760-BAUMSX7\MPS430.16-39\MPS190HP-II</t>
  </si>
  <si>
    <t>【长发电】减速机油杯\B6\MPSB7940.3-95</t>
  </si>
  <si>
    <t>【长发电】静喷嘴环\MPS430.8.1\MPS190HP-II</t>
  </si>
  <si>
    <t>【长发电】静喷嘴环\MPS428.8.1\MPS190HP-II</t>
  </si>
  <si>
    <t>【长发电】静喷嘴环\MPS426.8.1\MPS190HP-II</t>
  </si>
  <si>
    <t>【长发电】开口销\φ6.3*80\MPSB91-2000.1\MPS190HP-II</t>
  </si>
  <si>
    <t>【长发电】拉杆\MPS428.13-1\MPS190HP-II</t>
  </si>
  <si>
    <t>【长发电】拉杆\MPS411.12-4\MPS190HP-II</t>
  </si>
  <si>
    <t>【长发电】拉杆挡板\MPS411.12-6\MPS190HP-II</t>
  </si>
  <si>
    <t>【长发电】拉杆导套\MPS428.13.1\MPS190HP-II</t>
  </si>
  <si>
    <t>【长发电】拉杆导套\MPS411.12.1\MPS190HP-II</t>
  </si>
  <si>
    <t>【长发电】拉杆地脚螺栓\M64*1470\MPS428.1-7\MPS190HP-II</t>
  </si>
  <si>
    <t>【长发电】拉杆地脚螺栓\M64*1510\MPS424.1-3\MPS190HP-II</t>
  </si>
  <si>
    <t>【长发电】拉杆定位传感器支架\MPS410.16-7\MPS190HP-II</t>
  </si>
  <si>
    <t>【长发电】拉杆机构\MPS430.13\MPS190HP-II</t>
  </si>
  <si>
    <t>【长发电】拉杆机构\MPS428.13\MPS190HP-II</t>
  </si>
  <si>
    <t>【长发电】拉杆机构\MPS426.13\MPS190HP-II</t>
  </si>
  <si>
    <t>【长发电】拉杆机构挡环\MPS410.14-10</t>
  </si>
  <si>
    <t>【长发电】拉杆机构滚珠\MPS410.14-3\MPS190HP-II</t>
  </si>
  <si>
    <t>【长发电】拉杆机构滚珠支架\MPS411.12-2\MPS190HP-II</t>
  </si>
  <si>
    <t>【长发电】拉杆机构加载环\MPS411.12-1\MPS190HP-II</t>
  </si>
  <si>
    <t>【长发电】拉杆机构加载梁\MPS411.12-3\MPS190HP-II</t>
  </si>
  <si>
    <t>【长发电】拉杆机构连接件\MPS411.12-7\MPS190HP-II</t>
  </si>
  <si>
    <t>【长发电】拉杆机构螺栓\MPS411.12-8\MPS190HP-II</t>
  </si>
  <si>
    <t>【长发电】拉杆机构销轴\MPS410.14-8\MPS190HP-II</t>
  </si>
  <si>
    <t>【长发电】拉杆基础球面垫圈\φ64\MPS412.1-14\MPS190HP-II</t>
  </si>
  <si>
    <t>【长发电】拉杆密封圈\MPS420.MFQ\MPS190HP-II</t>
  </si>
  <si>
    <t>【长发电】拉杆密封装置\MPS428.4.7.1\MPS190HP-II</t>
  </si>
  <si>
    <t>【长发电】拉杆密封装置密封环\MPS428.4.7.1-1\MPS190HP-II</t>
  </si>
  <si>
    <t>【长发电】密封装置\MPS426.4.110-1\MPS190HP-II</t>
  </si>
  <si>
    <t>【长发电】密封装置密封环\MPS428.4.7.1-2\MPS190HP-II</t>
  </si>
  <si>
    <t>【长发电】密封装置内芯\MPS426.4.110.0\MPS190HP-II</t>
  </si>
  <si>
    <t>【长发电】密封装置压盖\MPS428.4.7.1-4\MPS190HP-II</t>
  </si>
  <si>
    <t>【长发电】拉杆液压缸防尘罩\190-jj-54\MPS426.13-25\MPS190HP-II</t>
  </si>
  <si>
    <t>【长发电】拉杆液压缸防尘罩\MPS428.13-1D\MPS428.13-1D\MPS190HP-II</t>
  </si>
  <si>
    <t>【长发电】拉杆液压缸防尘罩\MPS412.12FCZ\MPS412.12FCZ\MPS190HP-II</t>
  </si>
  <si>
    <t>【长发电】润滑稀油泵\GP190-RHbr-07\GP190-RHbr-07\MPS190HP-II</t>
  </si>
  <si>
    <t>【长发电】液压系统冷却器\HEX S615-30-00/G1\MPS430.16-1\MPS190HP-II</t>
  </si>
  <si>
    <t>【长发电】润滑油泵\MPS190-RHB\MPS190-RHB\MPS190HP-II</t>
  </si>
  <si>
    <t>【长发电】润滑油泵机械密封\HSNS210-66\MPS430.16-3\MPS190HP-II</t>
  </si>
  <si>
    <t>【长发电】润滑站差压开关\101NN-K45\MPS430.16-4\MPS190HP-II</t>
  </si>
  <si>
    <t>【长发电】润滑站电机\Y132M-7.5kW\MPS430.16-5\MPS190HP-II</t>
  </si>
  <si>
    <t>【长发电】润滑站蝶阀\D7A1*5\φ80\MPS430.16-6\MPS190HP-II</t>
  </si>
  <si>
    <t>【长发电】润滑站蝶阀\D7A1*10\φ65\MPS430.16-7\MPS190HP-II</t>
  </si>
  <si>
    <t>【长发电】润滑站蝶型止回阀\H77*5\φ65\MPS430.16-8\MPS190HP-II</t>
  </si>
  <si>
    <t>【长发电】润滑站过滤器滤芯\NRSG-65\MPS430.16-9\MPS190HP-II</t>
  </si>
  <si>
    <t>【长发电】润滑站卡套式截止阀\KT-FA\MPS430.16-10\MPS190HP-II</t>
  </si>
  <si>
    <t>【长发电】润滑站冷却器\GPRL1-18\MPS430.16-11\MPS190HP-II</t>
  </si>
  <si>
    <t>【长发电】润滑站螺杆泵装置\HSNS210-46\MPS430.16-12\MPS190HP-II</t>
  </si>
  <si>
    <t>【长发电】润滑站滤芯\GP190-RHbr-08\GP190-RHbr-08\MPS190HP-II</t>
  </si>
  <si>
    <t>【长发电】润滑站滤油器滤芯\1300 R 005 BN4HC\MPS430.16-13\MPS190HP-II</t>
  </si>
  <si>
    <t>【长发电】润滑站双金属温度计\WSS-471\MPS430.16-14\MPS190HP-II</t>
  </si>
  <si>
    <t>【长发电】润滑站双支三线制铂热电阻\WZPK2\MPS430.16-15\MPS190HP-II</t>
  </si>
  <si>
    <t>【长发电】润滑站压力表\YN-100-Ⅰ\0-1MPa\MPS430.16-16\MPS190HP-II</t>
  </si>
  <si>
    <t>【长发电】润滑站压力表开关\KF-L8/20E\MPS430.16-17\MPS190HP-II</t>
  </si>
  <si>
    <t>【长发电】润滑站压力开关\TCZ-5\MPS430.16-18\MPS190HP-II</t>
  </si>
  <si>
    <t>【长发电】液压反加载力油缸蓄能器\SB330-25AI/113\MPS430.17-1\MPS190HP-II</t>
  </si>
  <si>
    <t>【长发电】液压反加载力油缸蓄能器\GP190-YYxg-10\MPS190HP-II</t>
  </si>
  <si>
    <t>【长发电】液压反加载力油缸蓄能器皮囊\GP190-YYxg-11\MPS190HP-II</t>
  </si>
  <si>
    <t>【长发电】液压缸蓄能器充氮装置\MPS428-202ZG\MPS190HP-II</t>
  </si>
  <si>
    <t>【长发电】液压加载力油缸\MPS424.13\MPS190HP-II</t>
  </si>
  <si>
    <t>【长发电】液压加载力油缸\GP190-YYxg-06\MPS190HP-II</t>
  </si>
  <si>
    <t>【长发电】液压加载力油缸密封组件\GP190-YYxg-12\MPS190HP-II</t>
  </si>
  <si>
    <t>【长发电】液压加载力油缸蓄能器\SB330-20AI/112\MPS430.17-2\MPS190HP-II</t>
  </si>
  <si>
    <t>【长发电】液压加载力油缸蓄能器\GP190-YYxg-08\MPS190HP-II</t>
  </si>
  <si>
    <t>【长发电】液压加载力油缸蓄能器皮囊\GP190-YYxg-09\MPS190HP-II</t>
  </si>
  <si>
    <t>【长发电】液压加载油缸高压胶管\GP190-YYxg-07\MPS190HP-II</t>
  </si>
  <si>
    <t>【长发电】液压加载油缸高压胶管\MPS190-YBJG\MPS190HP-II</t>
  </si>
  <si>
    <t>【长发电】液压加载油站软管\38IIAII-90-1500\MPS430.17-3\MPS190HP-II</t>
  </si>
  <si>
    <t>【长发电】液压加载油站软管\38IIAII-1500\MPS430.17-4\MPS190HP-II</t>
  </si>
  <si>
    <t>【长发电】液压滤芯\GP190-YYxg-02\MPS190HP-II</t>
  </si>
  <si>
    <t>【长发电】液压耐油O型圈\yynymfq-1ø154*6\MPS430.17-5\MPS190HP-II</t>
  </si>
  <si>
    <t>【长发电】液压耐油O型圈\yynymfq-2ø47.5*3.5\MPS430.17-6\MPS190HP-II</t>
  </si>
  <si>
    <t>【长发电】液压耐油O型圈\yynymfq-3ø27.5*3\MPS430.17-7\MPS190HP-II</t>
  </si>
  <si>
    <t>【长发电】液压耐油O型圈\yynymfq-4ø18*3\MPS430.17-8\MPS190HP-II</t>
  </si>
  <si>
    <t>【长发电】液压系统比例放大板\VICLEB\MPS430.17-9\MPS190HP-II</t>
  </si>
  <si>
    <t>【长发电】液压系统电机\GP190-YYxg-17\MPS190HP-II</t>
  </si>
  <si>
    <t>【长发电】液压系统反作用力比例溢流阀\Kcg6w100IZMUH110\MPS430.17-10\MPS190HP-II</t>
  </si>
  <si>
    <t>【长发电】液压系统反作用力比例溢流阀\GP190-YYXg-05\GP190-YYxg-05\MPS190HP-II</t>
  </si>
  <si>
    <t>【长发电】液压系统放大板及支架\GP190-YYxg-03\MPS190HP-II</t>
  </si>
  <si>
    <t>【长发电】液压系统放大器及支架\VTVSPA111X\MPS430.17-11\MPS190HP-II</t>
  </si>
  <si>
    <t>【长发电】液压系统高压胶管\16AⅡ1-1500\MPS430.17-12\MPS190HP-II</t>
  </si>
  <si>
    <t>【长发电】液压系统高压胶管\22AⅡ1-1500\MPS430.17-13\MPS190HP-II</t>
  </si>
  <si>
    <t>【长发电】液压系统蓄能器\MPS424.14D\MPS190HP-II</t>
  </si>
  <si>
    <t>【长发电】液压系统液位计\GP190-YYxg-18\MPS190HP-II</t>
  </si>
  <si>
    <t>【长发电】液压系统液压缸\MPS424.13D\MPS190HP-II</t>
  </si>
  <si>
    <t>【长发电】液压系统作用力比例溢流阀\Kcg6w250IZMUH110\MPS430.17-14\MPS190HP-II</t>
  </si>
  <si>
    <t>【长发电】液压系统作用力比例溢流阀\GP190-YYXg-04\GP190-YYxg-04\MPS190HP-II</t>
  </si>
  <si>
    <t>【长发电】液压压力变送器\STG944\MPS430.17-15\MPS190HP-II</t>
  </si>
  <si>
    <t>【长发电】液压溢流阀\DBEM  10-5X/100YG24K4M\MPS430.17-16\MPS190HP-II</t>
  </si>
  <si>
    <t>【长发电】液压溢流阀\DBEM  10-5X/200YG24K4M\MPS430.17-17\MPS190HP-II</t>
  </si>
  <si>
    <t>【长发电】液压油泵\GP190-YYxg-01\MPS190HP-II</t>
  </si>
  <si>
    <t>【长发电】液压油泵\MPS190-YB\MPS190HP-II</t>
  </si>
  <si>
    <t>【长发电】液压油缸密封                                          包\MJ190-YyXg-29/32\MPS430.17-18\MPS190HP-II</t>
  </si>
  <si>
    <t>【长发电】液压油缸密封组件\ZH190 250/110*450-I\MPS430.17-19\MPS190HP-II</t>
  </si>
  <si>
    <t>【长发电】液压油缸蓄能器组用皮囊\Bladder 20LX7/8-14UNF/VG5 NBR20/P460\MPS430.17-20\MPS190HP-II</t>
  </si>
  <si>
    <t>【长发电】液压油站密封包\190-JJ\MPS430.17-21\MPS190HP-II</t>
  </si>
  <si>
    <t>【长发电】液压站本体密封组件\GP190-YYxg-13\MPS190HP-II</t>
  </si>
  <si>
    <t>【长发电】液压站空气滤清器\GP190-YYxg-14\MPS190HP-II</t>
  </si>
  <si>
    <t>【长发电】液压站冷却器\GP190-YYxg-15\MPS190HP-II</t>
  </si>
  <si>
    <t>【长发电】液压站滤油器滤芯\RFSD160DA10LJ\MPS430.17-22\MPS190HP-II</t>
  </si>
  <si>
    <t>【长发电】液压站滤油器滤芯\MPS430.17-23\MPS190HP-II</t>
  </si>
  <si>
    <t>【长发电】液压站压力表\GP190-YYxg-16\MPS190HP-II</t>
  </si>
  <si>
    <t>【长发电】液压站用皮囊\Bladder 32LX7/8-14UNF/VG5 NBR20/P460\MPS430.17-24\MPS190HP-II</t>
  </si>
  <si>
    <t>【长发电】专用工具导套\MPS412-6ZG\MPS190HP-II</t>
  </si>
  <si>
    <t>【长发电】专用工具定位销\MPS428-1ZG\MPS190HP-II</t>
  </si>
  <si>
    <t>【长发电】专用工具定位销\MPS428-2ZG\MPS190HP-II</t>
  </si>
  <si>
    <t>【长发电】专用工具翻辊液压系统\MPS412.5.1ZG\MPS190HP-II</t>
  </si>
  <si>
    <t>【长发电】专用工具减速机定位装置\MPS412.10ZG\MPS190HP-II</t>
  </si>
  <si>
    <t>【长发电】专用工具磨辊拆卸装置\MPS428.2ZG\MPS190HP-II</t>
  </si>
  <si>
    <t>【长发电】专用工具磨辊拆卸装置\MPS412.6ZG\MPS190HP-II</t>
  </si>
  <si>
    <t>【长发电】专用工具磨辊翻出装置\MPS428.1ZG\MPS190HP-II</t>
  </si>
  <si>
    <t>【长发电】专用工具磨辊翻出装置\MPS426.1ZG\MPS190HP-II</t>
  </si>
  <si>
    <t>【长发电】专用工具磨辊翻出装置液压系统\MPS428-212ZG\MPS190HP-II</t>
  </si>
  <si>
    <t>【长发电】专用工具磨辊固定装置\MPS412.4ZG\MPS190HP-II</t>
  </si>
  <si>
    <t>【长发电】专用工具磨盘支座安装定位销\MPS412-9ZG\MPS190HP-II</t>
  </si>
  <si>
    <t>【长发电】专用工具磨盘支座顶起装置\MPS428.3ZG\MPS190HP-II</t>
  </si>
  <si>
    <t>【长发电】专用工具磨盘支座顶起装置\MPS412.7ZG\MPS190HP-II</t>
  </si>
  <si>
    <t>【长发电】专用工具盘车装置\MPS430.1ZG\MPS190HP-II</t>
  </si>
  <si>
    <t>【长发电】专用工具盘车装置\MPS428.4ZG\MPS190HP-II</t>
  </si>
  <si>
    <t>【长发电】专用工具盘车装置\MPS418.2ZG\MPS190HP-II</t>
  </si>
  <si>
    <t>【长发电】下架体整套密封环\MPS200HP-II\MPS536.3</t>
  </si>
  <si>
    <t>【长发电】密封环\MPS514.3-1\MPS200HP-II</t>
  </si>
  <si>
    <t>【长发电】密封环\MPS516.3-3\MPS200HP-II</t>
  </si>
  <si>
    <t>【长发电】密封环炭精环\MPS428.3.1A\MPS200HP-II</t>
  </si>
  <si>
    <t>【长发电】密封装置\MPS515.4.4\MPS200HP-II</t>
  </si>
  <si>
    <t>【长发电】密封装置\MPS516.3.5\MPS200HP-II</t>
  </si>
  <si>
    <t>【长发电】密封装置\MPS517.2.5\MPS200HP-II</t>
  </si>
  <si>
    <t>【长发电】密封装置底板\MPS515.4.1-6\MPS200HP-II</t>
  </si>
  <si>
    <t>【长发电】密封装置护板\MPS515.4.1-10\MPS200HP-II</t>
  </si>
  <si>
    <t>【长发电】密封装置护板\MPS517.2.1-8\MPS200HP-II</t>
  </si>
  <si>
    <t>【长发电】密封装置套筒\MPS515.4.1-9\MPS200HP-II</t>
  </si>
  <si>
    <t>【长发电】中架体耐磨衬板\MPS515.4.1-2\MPS200HP-II</t>
  </si>
  <si>
    <t>【长发电】中架体耐磨衬板\MPS515.4.1-3\MPS200HP-II</t>
  </si>
  <si>
    <t>【长发电】中架体耐磨衬板\MPS516.4.1-2\MPS200HP-II</t>
  </si>
  <si>
    <t>【长发电】中架体耐磨衬板\MPS516.4.1-3\MPS200HP-II</t>
  </si>
  <si>
    <t>【长发电】中架体耐磨衬板\MPS416.4.1-2/3（1000×1000）\MPS200HP-II</t>
  </si>
  <si>
    <t>【长发电】磨辊O形密封圈\φ328*8\MPS420.6.1-24</t>
  </si>
  <si>
    <t>【长发电】磨辊O形密封圈\φ328*8\MPS512.6.1-23</t>
  </si>
  <si>
    <t>【长发电】磨辊O形密封圈\φ732*10\MPS512.6.1-4</t>
  </si>
  <si>
    <t>【长发电】磨辊O形密封圈\φ481*8\MPS512.6.1-18\MPS200HP-II</t>
  </si>
  <si>
    <t>【长发电】磨辊O形密封圈\φ452*8.4\MPS512.6.1-19\MPS200HP-II</t>
  </si>
  <si>
    <t>【长发电】磨辊挡环\MPS512.6.1-22</t>
  </si>
  <si>
    <t>【长发电】磨辊垫\MPS512.6-7</t>
  </si>
  <si>
    <t>【长发电】磨辊垫\MPS512.6-5\MPS200HP-II</t>
  </si>
  <si>
    <t>【长发电】磨辊垫\MPS518.6AZ-7\MPS200HP-II</t>
  </si>
  <si>
    <t>【长发电】磨辊垫板\MPS512.6.1-11</t>
  </si>
  <si>
    <t>【长发电】磨辊垫圈\φ12\MPS518.6.1-B24\MPS200HP-II</t>
  </si>
  <si>
    <t>【长发电】磨辊盖板\MPS512.6-1\MPS200HP-II</t>
  </si>
  <si>
    <t>【长发电】磨辊盖板\MPS516.6-1</t>
  </si>
  <si>
    <t>【长发电】磨辊盖板\MPS512.6-6</t>
  </si>
  <si>
    <t>【长发电】磨辊辊套\MPS515.6.1-1\MPS200HP-II</t>
  </si>
  <si>
    <t>【长发电】磨辊辊套\MPS516.6.1-1\MPS200HP-II</t>
  </si>
  <si>
    <t>【长发电】磨辊辊套\MPS514.6.1-1\MPS200HP-II</t>
  </si>
  <si>
    <t>【长发电】磨辊辊支架\MPS515.6-1B\MPS200HP-II</t>
  </si>
  <si>
    <t>【长发电】磨辊辊支架\MPS516.6-2\MPS200HP-II</t>
  </si>
  <si>
    <t>【长发电】磨辊辊支架护板\MPS515.6-2\MPS200HP-II</t>
  </si>
  <si>
    <t>【长发电】磨辊辊支架护板\MPS515.6-3\MPS200HP-II</t>
  </si>
  <si>
    <t>【长发电】磨辊辊支架护板\MPS515.6-4\MPS200HP-II</t>
  </si>
  <si>
    <t>【长发电】磨辊辊支架护板\MPS512.6-10\MPS200HP-II</t>
  </si>
  <si>
    <t>【长发电】磨辊辊支架护板\MPS512.6-11\MPS200HP-II</t>
  </si>
  <si>
    <t>【长发电】磨辊辊支架护板\MPS512.6-12\MPS200HP-II</t>
  </si>
  <si>
    <t>【长发电】磨辊辊支架护板\MPS512.6-9\MPS200HP-II</t>
  </si>
  <si>
    <t>【长发电】磨辊辊支架密封环\MPS512.6-3</t>
  </si>
  <si>
    <t>【长发电】密封环罩\MPS516.3-1\MPS200HP-II</t>
  </si>
  <si>
    <t>【长发电】密封环罩\MPS516.3-2\MPS200HP-II</t>
  </si>
  <si>
    <t>【长发电】磨辊辊支架罩\MPS512.6.2</t>
  </si>
  <si>
    <t>【长发电】磨辊护环\MPS512.6.1-2\MPS200HP-II</t>
  </si>
  <si>
    <t>【长发电】磨辊护环\MPS512.6.1-9\MPS200HP-II</t>
  </si>
  <si>
    <t>【长发电】磨辊螺塞\M18*1.5\MPS512.6.1-7</t>
  </si>
  <si>
    <t>【长发电】磨辊螺塞\G1A\MPS512.6.1-10</t>
  </si>
  <si>
    <t>【长发电】磨辊螺塞\G1/8A\MPSB4451-86～1\MPS200HP-II</t>
  </si>
  <si>
    <t>【长发电】磨辊螺塞\G3/4A\MPSB4451-86～2\MPS200HP-II</t>
  </si>
  <si>
    <t>【长发电】磨辊螺塞\G1/2A\MPSB4451-86～3\MPS200HP-II</t>
  </si>
  <si>
    <t>【长发电】磨辊螺栓\M30*104\MPS512.6-4\MPS200HP-II</t>
  </si>
  <si>
    <t>【长发电】磨辊螺栓\M30*90\MPS512.6.1-15\MPS200HP-II</t>
  </si>
  <si>
    <t>【长发电】磨辊螺栓\M36*420\MPS514.6.1-3\MPS200HP-II</t>
  </si>
  <si>
    <t>【长发电】磨辊密封风管道固定轴承座\MPS516.12.2-3\MPS200HP-II</t>
  </si>
  <si>
    <t>【长发电】磨辊密封风管道固定轴承座\MPS516.12.2AZ-5\MPS200HP-II</t>
  </si>
  <si>
    <t>【长发电】磨辊密封风管道滑动装置\MPS516.12.2AZ-3\MPS200HP-II</t>
  </si>
  <si>
    <t>【长发电】磨辊密封风管道立管\MPS510.12.2-2\MPS200HP-II</t>
  </si>
  <si>
    <t>【长发电】磨辊密封风管道立管\MPS516.12.2AZ-2\MPS200HP-II</t>
  </si>
  <si>
    <t>【长发电】磨辊密封风管道轴承盖\MPS516.12.2AZ-4\MPS200HP-II</t>
  </si>
  <si>
    <t>【长发电】磨辊密封环\MPS518.6.1-21\MPS200HP-II</t>
  </si>
  <si>
    <t>【长发电】磨辊密封环\MPS512.6.1-5</t>
  </si>
  <si>
    <t>【长发电】磨辊密封圈\MPS512.6.1-21\MPS200HP-II</t>
  </si>
  <si>
    <t>【长发电】磨辊密封圈\MPS516.6.1-2\MPS200HP-II</t>
  </si>
  <si>
    <t>【长发电】磨辊耐磨套\MPS512.6.1-20\MPS200HP-II</t>
  </si>
  <si>
    <t>【长发电】磨辊通风过滤器\MPS512.6.1.1\MPS200HP-II</t>
  </si>
  <si>
    <t>【长发电】磨辊压板\MPS518.6.1-2</t>
  </si>
  <si>
    <t>【长发电】磨辊压板\MPS512.6.1-40\MPS200HP-II</t>
  </si>
  <si>
    <t>【长发电】磨辊压板\MPS512.6.1-6\MPS200HP-II</t>
  </si>
  <si>
    <t>【长发电】磨辊压板\MPS512.6-8\MPS200HP-II</t>
  </si>
  <si>
    <t>【长发电】磨辊压板\MPS512.6.1-14\MPS200HP-II</t>
  </si>
  <si>
    <t>【长发电】磨辊压环\MPS512.6.1-17\MPS200HP-II</t>
  </si>
  <si>
    <t>【长发电】磨辊压环\MPS514.6.1-4\MPS200HP-II</t>
  </si>
  <si>
    <t>【长发电】磨辊油位检查门\MPS517.2-1\MPS200HP-II</t>
  </si>
  <si>
    <t>【长发电】磨辊油位检查门\MPS517.2-2\MPS200HP-II</t>
  </si>
  <si>
    <t>【长发电】磨辊折销\MPS512.6.1-12</t>
  </si>
  <si>
    <t>【长发电】磨辊轴\MPS518.6.1-4\MPS200HP-II</t>
  </si>
  <si>
    <t>【长发电】磨辊轴\MPS512.6.1-45\MPS200HP-II</t>
  </si>
  <si>
    <t>【长发电】磨辊轴\MPS512.6.1-16\MPS200HP-II</t>
  </si>
  <si>
    <t>【长发电】磨辊轴承盖\MPS512.6.1-13\MPS200HP-II</t>
  </si>
  <si>
    <t>【长发电】磨辊轴承压盖\MPS512.6.1-1\MPS200HP-II</t>
  </si>
  <si>
    <t>【长发电】磨辊轴承压盖\MPS512.6.1-3\MPS200HP-II</t>
  </si>
  <si>
    <t>【长发电】磨辊轴承座\MPS518.6.1-3\MPS200HP-II</t>
  </si>
  <si>
    <t>【长发电】磨辊轴承座\MPS514.6.1-2\MPS200HP-II</t>
  </si>
  <si>
    <t>【长发电】磨辊装配\MPS516.6\MPS200HP-II</t>
  </si>
  <si>
    <t>【长发电】磨辊装配\MPS518.6\MPS200HP-II</t>
  </si>
  <si>
    <t>【长发电】磨辊总成\MPS515.6.1\MPS200HP-II</t>
  </si>
  <si>
    <t>【长发电】磨辊总成\MPS516.6.1A\MPS200HP-II</t>
  </si>
  <si>
    <t>【长发电】磨辊总成\MPS518.6.1\MPS200HP-II</t>
  </si>
  <si>
    <t>【长发电】磨盘\MPS515.5-1\MPS200HP-II</t>
  </si>
  <si>
    <t>【长发电】磨盘垫圈\φ48\MPS510.5-12\MPS200HP-II</t>
  </si>
  <si>
    <t>【长发电】磨盘法兰\MPS510.5-10A\MPS200HP-II</t>
  </si>
  <si>
    <t>【长发电】磨盘盖板\MPS518.5.1\MPS200HP-II</t>
  </si>
  <si>
    <t>【长发电】磨盘盖板\MPS510.5.1\MPS200HP-II</t>
  </si>
  <si>
    <t>【长发电】磨盘刮扳机构\MPS512.5.1\MPS200HP-II</t>
  </si>
  <si>
    <t>【长发电】磨盘刮扳机构\MPS516.5.1\MPS200HP-II</t>
  </si>
  <si>
    <t>【长发电】磨盘刮扳机构\MPS518.5.10AZ\MPS200HP-II</t>
  </si>
  <si>
    <t>【长发电】磨盘刮板机构刮板\MPS516.5.1-1\MPS200HP-II</t>
  </si>
  <si>
    <t>【长发电】磨盘螺栓\M30*70\MPS510.5-8\MPS200HP-II</t>
  </si>
  <si>
    <t>【长发电】磨盘瓦\MPS510.5-2A\MPS200HP-II</t>
  </si>
  <si>
    <t>【长发电】磨盘瓦压紧螺栓\MPS518.5-5\MPS200HP-II</t>
  </si>
  <si>
    <t>【长发电】磨盘瓦压紧螺栓\MPS510.5-4\MPS200HP-II</t>
  </si>
  <si>
    <t>【长发电】磨盘瓦压紧螺栓垫\MPS510.5-9\MPS200HP-II</t>
  </si>
  <si>
    <t>【长发电】磨盘瓦压紧螺栓垫\MPS510.5-11\MPS200HP-II</t>
  </si>
  <si>
    <t>【长发电】磨盘瓦压紧螺栓蝶型弹簧\MPS518.5-B4\MPS200HP-II</t>
  </si>
  <si>
    <t>【长发电】磨盘瓦压紧螺栓平垫\MPS510.5-6\MPS200HP-II</t>
  </si>
  <si>
    <t>【长发电】磨盘瓦压紧螺栓平垫\MPS518.5-7\MPS200HP-II</t>
  </si>
  <si>
    <t>【长发电】磨盘瓦压紧螺栓套\MPS510.5-5\MPS200HP-II</t>
  </si>
  <si>
    <t>【长发电】磨盘瓦压紧螺栓套\MPS518.5-6\MPS200HP-II</t>
  </si>
  <si>
    <t>【长发电】磨盘压紧环\MPS510.5-3\MPS200HP-II</t>
  </si>
  <si>
    <t>【长发电】磨盘柱销\MPS510.5-7\MPS200HP-II</t>
  </si>
  <si>
    <t>【长发电】排渣系统小车\MPS514.2ZG\MPS200HP-II</t>
  </si>
  <si>
    <t>【长发电】喷嘴环堵板\MPS516.8.4\MPS200HP-II</t>
  </si>
  <si>
    <t>【长发电】喷嘴环堵板\MPS518.8.7 AZ\MPS200HP-II</t>
  </si>
  <si>
    <t>【长发电】喷嘴环检修门锥体\MPS515.8.3A\MPS200HP-II</t>
  </si>
  <si>
    <t>【长发电】喷嘴环检修门锥体\MPS516.8.3\MPS200HP-II</t>
  </si>
  <si>
    <t>【长发电】喷嘴环检修门锥体\MPS518.8.3AZ\MPS200HP-II</t>
  </si>
  <si>
    <t>【长发电】喷嘴环静压板\MPS515.8-1A\MPS200HP-II</t>
  </si>
  <si>
    <t>【长发电】喷嘴环静压板\MPS515.8-2A\MPS200HP-II</t>
  </si>
  <si>
    <t>【长发电】喷嘴环静压板\MPS515.8-3A\MPS200HP-II</t>
  </si>
  <si>
    <t>【长发电】喷嘴环静压板\MPS516.8-1\MPS200HP-II</t>
  </si>
  <si>
    <t>【长发电】喷嘴环静压板\MPS516.8-2\MPS200HP-II</t>
  </si>
  <si>
    <t>【长发电】喷嘴环静压板\MPS516.8-3\MPS200HP-II</t>
  </si>
  <si>
    <t>【长发电】喷嘴环静压板\MPS518.8.6 AZ\MPS200HP-II</t>
  </si>
  <si>
    <t>【长发电】喷嘴环静压板\MPS518.8.5 AZ\MPS200HP-II</t>
  </si>
  <si>
    <t>【长发电】喷嘴环静压板\MPS518.8.4 AZ\MPS200HP-II</t>
  </si>
  <si>
    <t>【长发电】喷嘴环支撑板\MPS516.8.5\MPS200HP-II</t>
  </si>
  <si>
    <t>【长发电】喷嘴环支撑板\MPS518.8.8 AZ\MPS200HP-II</t>
  </si>
  <si>
    <t>【长发电】动喷嘴环\MPS515.8.2A\MPS200HP-II</t>
  </si>
  <si>
    <t>【长发电】动喷嘴环\MPS516.8.2\MPS200HP-II</t>
  </si>
  <si>
    <t>【长发电】动喷嘴环\MPS518.8.2AZ\MPS200HP-II</t>
  </si>
  <si>
    <t>【长发电】分离器叶片\MPS516.9.1.3\MPS200HP-II</t>
  </si>
  <si>
    <t>【长发电】分离器叶片轴\MPS516.9.1.3-1\MPS200HP-II</t>
  </si>
  <si>
    <t>【长发电】关节轴承\GE220ES\MPS518.4.1-36\MPS200HP-II</t>
  </si>
  <si>
    <t>【长发电】加压装置导向板固定板\MPS510.7-13\MPS200HP-II</t>
  </si>
  <si>
    <t>【长发电】加压装置导向板固定板\MPS516.7-1\MPS200HP-II</t>
  </si>
  <si>
    <t>【长发电】加压装置导向板固定板\MPS510.7-14\MPS200HP-II</t>
  </si>
  <si>
    <t>【长发电】加载架\MPS515.7-1\MPS200HP-II</t>
  </si>
  <si>
    <t>【长发电】加载架\MPS514.7-1\MPS200HP-II</t>
  </si>
  <si>
    <t>【长发电】加载架\MPS200HP-II\MPS536.7-1</t>
  </si>
  <si>
    <t>【长发电】加载架摆动装置叉形接头\MPS518.7.11\MPS200HP-II</t>
  </si>
  <si>
    <t>【长发电】加载架摆动装置叉形接头\MPS510.7-9\MPS200HP-II</t>
  </si>
  <si>
    <t>【长发电】加载架摆动装置盖板\MPS510.7-3\MPS200HP-II</t>
  </si>
  <si>
    <t>【长发电】加载架摆动装置盖板\MPS518.7.5\MPS200HP-II</t>
  </si>
  <si>
    <t>【长发电】加载架摆动装置横轴\MPS518.7.9\MPS200HP-II</t>
  </si>
  <si>
    <t>【长发电】加载架摆动装置横轴\MPS510.7-7\MPS200HP-II</t>
  </si>
  <si>
    <t>【长发电】加载架摆动装置立轴\MPS515.7-3\MPS200HP-II</t>
  </si>
  <si>
    <t>【长发电】加载架摆动装置立轴\MPS510.7-5\MPS200HP-II</t>
  </si>
  <si>
    <t>【长发电】加载架摆动装置立轴\MPS518.7.7\MPS200HP-II</t>
  </si>
  <si>
    <t>【长发电】加载架摆动装置螺栓\M36*300\MPS515.7-2\MPS200HP-II</t>
  </si>
  <si>
    <t>【长发电】加载架摆动装置套管\MPS518.7.6\MPS200HP-II</t>
  </si>
  <si>
    <t>【长发电】加载架摆动装置套管\MPS510.7-4\MPS200HP-II</t>
  </si>
  <si>
    <t>【长发电】加载架摆动装置调整支座\MPS515.7.1\MPS200HP-II</t>
  </si>
  <si>
    <t>【长发电】加载架摆动装置调整支座\MPS515.7.2\MPS200HP-II</t>
  </si>
  <si>
    <t>【长发电】加载架摆动装置调整支座\MPS510.7.1\MPS200HP-II</t>
  </si>
  <si>
    <t>【长发电】加载架摆动装置调整支座\MPS510.7.2\MPS200HP-II</t>
  </si>
  <si>
    <t>【长发电】加载架摆动装置调整支座\MPS518.7.3 AZ\MPS200HP-II</t>
  </si>
  <si>
    <t>【长发电】加载架摆动装置调整支座\MPS518.7.2 AZ\MPS200HP-II</t>
  </si>
  <si>
    <t>【长发电】加载架摆动装置支撑环\MPS518.7.8\MPS200HP-II</t>
  </si>
  <si>
    <t>【长发电】加载架摆动装置支撑环\MPS510.7-6\MPS200HP-II</t>
  </si>
  <si>
    <t>【长发电】加载架摆动装置支架\MPS518.7.10 AZ\MPS200HP-II</t>
  </si>
  <si>
    <t>【长发电】加载架摆动装置支架\MPS510.7-8\MPS200HP-II</t>
  </si>
  <si>
    <t>【长发电】加载架导向板\MPS518.7.28\MPS200HP-II</t>
  </si>
  <si>
    <t>【长发电】加载架导向板\MPS510.7-22\MPS200HP-II</t>
  </si>
  <si>
    <t>【长发电】加载架导向板\MPS518.7.24\MPS200HP-II</t>
  </si>
  <si>
    <t>【长发电】加载架导向板\MPS510.7-26\MPS200HP-II</t>
  </si>
  <si>
    <t>【长发电】加载架护板\MPS515.7-4\MPS200HP-II</t>
  </si>
  <si>
    <t>【长发电】加载架护板\MPS510.7-30\MPS200HP-II</t>
  </si>
  <si>
    <t>【长发电】加载架支架\MPS510.7-15\MPS200HP-II</t>
  </si>
  <si>
    <t>【长发电】加载架支架\MPS516.7-2\MPS200HP-II</t>
  </si>
  <si>
    <t>【长发电】加载架支架\MPS518.7.18 AZ\MPS200HP-II</t>
  </si>
  <si>
    <t>【长发电】加载装置导向板\MPS518.7.23\MPS200HP-II</t>
  </si>
  <si>
    <t>【长发电】加载装置导向板\MPS510.7-21\MPS200HP-II</t>
  </si>
  <si>
    <t>【长发电】加载装置导向板\MPS510.7-24\MPS200HP-II</t>
  </si>
  <si>
    <t>【长发电】加载装置导向板\MPS518.7-4\MPS200HP-II</t>
  </si>
  <si>
    <t>【长发电】加载装置导向板垫片组\MPS518.7-27\MPS200HP-II</t>
  </si>
  <si>
    <t>【长发电】加载装置导向板垫片组\MPS518.7-22\MPS200HP-II</t>
  </si>
  <si>
    <t>【长发电】加载装置导向板垫片组\MPS510.7-20\MPS200HP-II</t>
  </si>
  <si>
    <t>【长发电】加载装置导向板垫片组\MPS510.7-25\MPS200HP-II</t>
  </si>
  <si>
    <t>【长发电】加载装置导向板螺母组件\MPS518.7.30 AZ\MPS200HP-II</t>
  </si>
  <si>
    <t>【长发电】加载装置导向板螺母组件\MPS510.7-29\MPS200HP-II</t>
  </si>
  <si>
    <t>【长发电】加载装置导向板止动板\MPS510.7-19\MPS200HP-II</t>
  </si>
  <si>
    <t>【长发电】加载装置导向板止动板\MPS510.7-23\MPS200HP-II</t>
  </si>
  <si>
    <t>【长发电】加载装置垫圈\MPS510.7-27\MPS200HP-II</t>
  </si>
  <si>
    <t>【长发电】加载装置定心支架\MPS510.7-16\MPS200HP-II</t>
  </si>
  <si>
    <t>【长发电】加载装置定心支架\MPS516.7-3\MPS200HP-II</t>
  </si>
  <si>
    <t>【长发电】加载装置定心支架\MPS518.7.19 AZ\MPS200HP-II</t>
  </si>
  <si>
    <t>【长发电】加载装置滚架\MPS515.7.3\MPS200HP-II</t>
  </si>
  <si>
    <t>【长发电】加载装置滚架\MPS515.7.4\MPS200HP-II</t>
  </si>
  <si>
    <t>【长发电】加载装置滚架\MPS516.7.1\MPS200HP-II</t>
  </si>
  <si>
    <t>【长发电】加载装置滚架\MPS516.7.2\MPS200HP-II</t>
  </si>
  <si>
    <t>【长发电】加载装置滚架\MPS518.7-21\MPS200HP-II</t>
  </si>
  <si>
    <t>【长发电】加载装置滚架\MPS518.7AZ-17\MPS200HP-II</t>
  </si>
  <si>
    <t>【长发电】加载装置滚架\MPS510.7-18\MPS200HP-II</t>
  </si>
  <si>
    <t>【长发电】加载装置滚柱\MPS518.7-20\MPS200HP-II</t>
  </si>
  <si>
    <t>【长发电】加载装置滚柱\MPS510.7-17\MPS200HP-II</t>
  </si>
  <si>
    <t>【长发电】加载装置螺钉\M30*114\MPS516.7-5\MPS200HP-II</t>
  </si>
  <si>
    <t>【长发电】加载装置螺钉\M30*130\MPS518.7AZ-29\MPS200HP-II</t>
  </si>
  <si>
    <t>【长发电】加载装置螺钉\M30*130\MPS510.7-28\MPS200HP-II</t>
  </si>
  <si>
    <t>【长发电】加载装置螺栓\M36*280\MPS510.7-2\MPS200HP-II</t>
  </si>
  <si>
    <t>【长发电】加载装置螺栓\M36\MPS518.7.12\MPS200HP-II</t>
  </si>
  <si>
    <t>【长发电】加载装置螺栓\M30*114\MPS518.7AZ-37\MPS200HP-II</t>
  </si>
  <si>
    <t>【长发电】加载装置螺栓\MPS518.7.B7\MPS200HP-II</t>
  </si>
  <si>
    <t>【长发电】加载装置螺栓\M36\MPS510.7-10\MPS200HP-II</t>
  </si>
  <si>
    <t>【长发电】加载装置调整垫\MPS510.7-11\MPS200HP-II</t>
  </si>
  <si>
    <t>【长发电】加载装置调整垫\MPS518.7.13\MPS200HP-II</t>
  </si>
  <si>
    <t>【长发电】加载装置销\MPS516.7-4\MPS200HP-II</t>
  </si>
  <si>
    <t>【长发电】加载装置销\MPS518.7.36AZ\MPS200HP-II</t>
  </si>
  <si>
    <t>【长发电】加载装置销轴\MPS518.7AZ-14</t>
  </si>
  <si>
    <t>【长发电】加载装置止动垫圈\MPS518.7-7\MPS200HP-II</t>
  </si>
  <si>
    <t>【长发电】加载装置止动垫圈\MPS518.7.38AZ\MPS200HP-II</t>
  </si>
  <si>
    <t>【长发电】加载装置柱销\MPS510.7-12\MPS200HP-II</t>
  </si>
  <si>
    <t>【长发电】加载装置柱销\MPS518.7AZ-14</t>
  </si>
  <si>
    <t>【长发电】加载装置蝶型弹簧\MPS518.7.B2\MPS200HP-II</t>
  </si>
  <si>
    <t>【长发电】减速机\XWDY12-8215-87\MPS518.16.1\MPS200HP-II</t>
  </si>
  <si>
    <t>【长发电】减速机基础地脚螺栓\M42*960\MPS515.1-2\MPS200HP-II</t>
  </si>
  <si>
    <t>【长发电】减速机基础地脚螺栓\M42*930\MPS512.1-6\MPS200HP-II</t>
  </si>
  <si>
    <t>【长发电】减速机基础地脚螺栓\M42*880\MPS514.1-7\MPS200HP-II</t>
  </si>
  <si>
    <t>【长发电】减速机基础球面垫圈\φ42\MPS510.1-22\MPS200HP-II</t>
  </si>
  <si>
    <t>【长发电】减速机输入轴键\70*36*242\MPSB1096-1979</t>
  </si>
  <si>
    <t>【长发电】减速机输入轴密封圈\MPS-MFQ\MPS-MFQ\MPS200HP-II</t>
  </si>
  <si>
    <t>【长发电】静喷嘴环\MPS515.8.1A\MPS200HP-II</t>
  </si>
  <si>
    <t>【长发电】静喷嘴环\MPS516.8.1\MPS200HP-II</t>
  </si>
  <si>
    <t>【长发电】静喷嘴环\MPS518.8.1AZ\MPS200HP-II</t>
  </si>
  <si>
    <t>【长发电】开口销\MPS518.7.B6\MPS200HP-II</t>
  </si>
  <si>
    <t>【长发电】开口销\φ6.3*65\MPSB91\MPS200HP-II</t>
  </si>
  <si>
    <t>【长发电】拉杆\MPS515.13-1\MPS200HP-II</t>
  </si>
  <si>
    <t>【长发电】拉杆\MPS510.13-5\MPS200HP-II</t>
  </si>
  <si>
    <t>【长发电】拉杆导套\MPS510.13.1\MPS200HP-II</t>
  </si>
  <si>
    <t>【长发电】拉杆机构挡板\MPS510.13-11\MPS200HP-II</t>
  </si>
  <si>
    <t>【长发电】拉杆机构挡环\MPS510.13-10\MPS200HP-II</t>
  </si>
  <si>
    <t>【长发电】拉杆机构滚珠\MPS510.13-3\MPS200HP-II</t>
  </si>
  <si>
    <t>【长发电】拉杆机构滚珠支架\MPS510.13-2\MPS200HP-II</t>
  </si>
  <si>
    <t>【长发电】拉杆机构加载环\MPS510.13-1\MPS200HP-II</t>
  </si>
  <si>
    <t>【长发电】拉杆机构加载梁\MPS510.13-4\MPS200HP-II</t>
  </si>
  <si>
    <t>【长发电】拉杆机构连接件\MPS510.13-12\MPS200HP-II</t>
  </si>
  <si>
    <t>【长发电】拉杆机构连接件螺栓\MPS510.13-13\MPS200HP-II</t>
  </si>
  <si>
    <t>【长发电】拉杆机构锚板销轴\MPS510.13-8\MPS200HP-II</t>
  </si>
  <si>
    <t>【长发电】拉杆基础地脚螺栓\M64*1470\MPS514.1-58\MPS200HP-II</t>
  </si>
  <si>
    <t>【长发电】拉杆基础地脚螺栓\M64*1500\MPS516.1-4\MPS200HP-II</t>
  </si>
  <si>
    <t>【长发电】拉杆基础球面垫圈\φ64\MPS514.1-47\MPS200HP-II</t>
  </si>
  <si>
    <t>【长发电】拉杆基础球面垫圈\φ64\MPS510.1-14\MPS200HP-II</t>
  </si>
  <si>
    <t>【长发电】拉杆锚板轴端挡板\MPS510.13-9\MPS200HP-II</t>
  </si>
  <si>
    <t>【长发电】密封装置\TYMF110.0\MPS510.4.1\MPS200HP-II</t>
  </si>
  <si>
    <t>【长发电】密封装置\TMF110.0\MPS518.4.1-24\MPS200HP-II</t>
  </si>
  <si>
    <t>【长发电】拉杆液压缸防尘罩\MPS412.12FCZ\MPS200HP-II</t>
  </si>
  <si>
    <t>【长发电】润滑系统板式冷却器\i100-BZM/14.9\MPS516.16-1\MPS200HP-II</t>
  </si>
  <si>
    <t>【长发电】润滑系统单筒过滤器\RESD500DA10LJ\MPS516.16-2\MPS200HP-II</t>
  </si>
  <si>
    <t>【长发电】润滑系统过滤器网片\SPL80\MPS516.16-3\MPS200HP-II</t>
  </si>
  <si>
    <t>【长发电】润滑系统螺杆泵\L3NG060/96AFOKII-G\MPS516.16-4\MPS200HP-II</t>
  </si>
  <si>
    <t>【长发电】润滑系统螺杆泵\GR55/SMT16B/330L/S2/AC38/B5\MPS516.16-5\MPS200HP-II</t>
  </si>
  <si>
    <t>【长发电】润滑系统螺杆泵\NHSNS210-40\MPS516.16-6\MPS200HP-II</t>
  </si>
  <si>
    <t>【长发电】润滑系统油冷却器\MPSLC21S\MPS516.16-7\MPS200HP-II</t>
  </si>
  <si>
    <t>【长发电】润滑系统油站冷油器\GPRL1-18\MPS516.16-8\MPS200HP-II</t>
  </si>
  <si>
    <t>【长发电】液压缸底座轴\YYYGDZø120*260\MPS516.17-1\MPS200HP-II</t>
  </si>
  <si>
    <t>【长发电】液压系统安全阀\AQF-E40/0.8\MPS516.17-2\MPS200HP-II</t>
  </si>
  <si>
    <t>【长发电】液压系统板式节流截止阀\YDVP8\MPS516.17-3\MPS200HP-II</t>
  </si>
  <si>
    <t>【长发电】液压系统比例阀组密封组件\YCYY-5101XJ-233\MPS516.17-4\MPS200HP-II</t>
  </si>
  <si>
    <t>【长发电】液压系统比例控制阀\KCG-6-W250/100\MPS516.17-5\MPS200HP-II</t>
  </si>
  <si>
    <t>【长发电】液压系统比例溢流阀\KCGY250\MPS516.17-6\MPS200HP-II</t>
  </si>
  <si>
    <t>【长发电】液压系统比例溢流阀\KCGY100\MPS516.17-7\MPS200HP-II</t>
  </si>
  <si>
    <t>【长发电】液压系统比例溢流阀及放大器\AGMZO-A-10/100\MPS516.17-8\MPS200HP-II</t>
  </si>
  <si>
    <t>【长发电】液压系统比例溢流阀及放大器\AGMZO-A-10/210\MPS516.17-9\MPS200HP-II</t>
  </si>
  <si>
    <t>【长发电】液压系统铂电阻传感器\YDWP2-230 Pt100\MPS516.17-10\MPS200HP-II</t>
  </si>
  <si>
    <t>【长发电】液压系统铂热电阻\HRN-WZPK-926\MPS516.17-11\MPS200HP-II</t>
  </si>
  <si>
    <t>【长发电】液压系统测压胶管\HF2-1-3-P-1\MPS516.17-12\MPS200HP-II</t>
  </si>
  <si>
    <t>【长发电】液压系统测压胶管\HF2-2-3-P-1\MPS516.17-13\MPS200HP-II</t>
  </si>
  <si>
    <t>【长发电】液压系统测压接头\PT3\MPS516.17-14\MPS200HP-II</t>
  </si>
  <si>
    <t>【长发电】液压系统单向阀\YDS10A1\MPS516.17-15\MPS200HP-II</t>
  </si>
  <si>
    <t>【长发电】液压系统单向阀\YDS30A1\MPS516.17-16\MPS200HP-II</t>
  </si>
  <si>
    <t>【长发电】液压系统单向阀\YDS25A5\MPS516.17-17\MPS200HP-II</t>
  </si>
  <si>
    <t>【长发电】液压系统单向阀\YDM-SR10\MPS516.17-18\MPS200HP-II</t>
  </si>
  <si>
    <t>【长发电】液压系统单向节流阀\DRV12\MPS516.17-19\MPS200HP-II</t>
  </si>
  <si>
    <t>【长发电】液压系统电磁控制器\ZCNS-65\MPS516.17-20\MPS200HP-II</t>
  </si>
  <si>
    <t>【长发电】液压系统电机\(M2QA)160L4\MPS516.17-21\MPS200HP-II</t>
  </si>
  <si>
    <t>【长发电】液压系统蝶阀\ND7A1*5-10ZB1DN65\MPS516.17-22\MPS200HP-II</t>
  </si>
  <si>
    <t>【长发电】液压系统蝶阀止回阀\NH77*5-10Z165\MPS516.17-23\MPS200HP-II</t>
  </si>
  <si>
    <t>【长发电】液压系统反作用力蓄能器\ABE32B100RIT4\MPS516.17-24\MPS200HP-II</t>
  </si>
  <si>
    <t>【长发电】液压系统反作用力蓄能器胶囊\JN-40\MPS516.17-25\MPS200HP-II</t>
  </si>
  <si>
    <t>【长发电】液压系统反作用力蓄能器皮囊\PN-32L\MPS516.17-26\MPS200HP-II</t>
  </si>
  <si>
    <t>【长发电】液压系统防爆压差开关\646DZEM2\MPS516.17-27\MPS200HP-II</t>
  </si>
  <si>
    <t>【长发电】液压系统防爆压力变送器\3051GP2A2B21AB4M5K5(0～1MPa)\MPS516.17-28\MPS200HP-II</t>
  </si>
  <si>
    <t>【长发电】液压系统放大板支架\KCA1/S1\MPS516.17-29\MPS200HP-II</t>
  </si>
  <si>
    <t>【长发电】液压系统放大版\VICKESEEA-PAM513A32-EN53\MPS516.17-30\MPS200HP-II</t>
  </si>
  <si>
    <t>【长发电】液压系统放大器\EEAPMA513A\MPS516.17-31\MPS200HP-II</t>
  </si>
  <si>
    <t>【长发电】液压系统放大器支架\VTVSPA111X\MPS516.17-32\MPS200HP-II</t>
  </si>
  <si>
    <t>【长发电】液压系统放大器支架\CARDHOLDERF32\MPS516.17-33\MPS200HP-II</t>
  </si>
  <si>
    <t>【长发电】液压系统高压胶管\2SN40*1000\MPS516.17-34\MPS200HP-II</t>
  </si>
  <si>
    <t>【长发电】液压系统高压胶管\2SN40*1500\MPS516.17-35\MPS200HP-II</t>
  </si>
  <si>
    <t>【长发电】液压系统高压胶管\2SN25*1500\MPS516.17-36\MPS200HP-II</t>
  </si>
  <si>
    <t>【长发电】液压系统高压胶管\2SN16*1000\MPS516.17-37\MPS200HP-II</t>
  </si>
  <si>
    <t>【长发电】液压系统高压胶管\2SN16*1500\MPS516.17-38\MPS200HP-II</t>
  </si>
  <si>
    <t>【长发电】液压系统高压胶管\2SN25*1000\MPS516.17-39\MPS200HP-II</t>
  </si>
  <si>
    <t>【长发电】液压系统高压胶管总成\MPEA112216015S\MPS516.17-40\MPS200HP-II</t>
  </si>
  <si>
    <t>【长发电】液压系统高压胶管总成\MPEA113810020S\MPS516.17-41\MPS200HP-II</t>
  </si>
  <si>
    <t>【长发电】液压系统高压软管总成\MPEA111621015S\MPS516.17-42\MPS200HP-II</t>
  </si>
  <si>
    <t>【长发电】液压系统加载液压泵\PRN44+11DSC37\MPS516.17-43\MPS200HP-II</t>
  </si>
  <si>
    <t>【长发电】液压系统加载油缸\MPEAYLGX250110450/315\MPS516.17-44\MPS200HP-II</t>
  </si>
  <si>
    <t>【长发电】液压系统加载油缸高压胶管\MPS200-YBJG\MPS200HP-II</t>
  </si>
  <si>
    <t>【长发电】液压系统加载油缸活塞杆\MPEAYLGX2501 10450/318\MPS516.17-45\MPS200HP-II</t>
  </si>
  <si>
    <t>【长发电】液压系统加载油缸及蓄能器总成\EA250/110/500\MPS516.17-46\MPS200HP-II</t>
  </si>
  <si>
    <t>【长发电】液压系统加载油缸密封包\MPS-YGMF\MPS-YGMF\MPS200HP-II</t>
  </si>
  <si>
    <t>【长发电】液压系统加载油缸密封组件\CN-220/90*0450-S001AWCHW-243\MPS518.17-1\MPS200HP-II</t>
  </si>
  <si>
    <t>【长发电】液压系统加载油缸密封组件\MPEAYLGX2501 10450/315\MPS518.17-2\MPS200HP-II</t>
  </si>
  <si>
    <t>【长发电】液压系统节流阀\DV30-1-10\MPS518.17-3\MPS200HP-II</t>
  </si>
  <si>
    <t>【长发电】液压系统空气过滤器\QUQ2.10\MPS518.17-4\MPS200HP-II</t>
  </si>
  <si>
    <t>【长发电】液压系统空气滤清器\ELFP7F10W1.0\MPS518.17-5\MPS200HP-II</t>
  </si>
  <si>
    <t>【长发电】液压系统冷却器\SKLY-4\MPS518.17-6\MPS200HP-II</t>
  </si>
  <si>
    <t>【长发电】液压系统联轴器\YCYY-5101*J-0503\MPS518.17-7\MPS200HP-II</t>
  </si>
  <si>
    <t>【长发电】液压系统滤芯\RFSD160DA10LJ\MPS518.17-8\MPS200HP-II</t>
  </si>
  <si>
    <t>【长发电】液压系统滤芯\LX500*10\MPS518.17-9\MPS200HP-II</t>
  </si>
  <si>
    <t>【长发电】液压系统密封组件\XTMF-5041\MPS518.17-10\MPS200HP-II</t>
  </si>
  <si>
    <t>【长发电】液压系统耐震压力表\MPEA100-25\MPS518.17-11\MPS200HP-II</t>
  </si>
  <si>
    <t>【长发电】液压系统耐震压力表\Y-103BFZ/16\MPS518.17-12\MPS200HP-II</t>
  </si>
  <si>
    <t>【长发电】液压系统耐震压力表\Y-103BFZ/25\MPS518.17-13\MPS200HP-II</t>
  </si>
  <si>
    <t>【长发电】液压系统耐震压力表\YN-150-Ⅰ-B(0～1MPa)\MPS518.17-14\MPS200HP-II</t>
  </si>
  <si>
    <t>【长发电】液压系统双金属温度计\WSS-581(-20～80℃)\MPS518.17-15\MPS200HP-II</t>
  </si>
  <si>
    <t>【长发电】液压系统双金属温度计\NWSS-411\MPS518.17-16\MPS200HP-II</t>
  </si>
  <si>
    <t>【长发电】液压系统双联齿轮泵\PD ALPA3A-D-66+ALPP2-D-12\MPS518.17-17\MPS200HP-II</t>
  </si>
  <si>
    <t>【长发电】液压系统双筒过滤器\SRESD500DA10LJ\MPS518.17-18\MPS200HP-II</t>
  </si>
  <si>
    <t>【长发电】液压系统双筒过滤器\RFF250*20\MPS518.17-19\MPS200HP-II</t>
  </si>
  <si>
    <t>【长发电】液压系统双筒过滤器\SPNL-80X\MPS518.17-20\MPS200HP-II</t>
  </si>
  <si>
    <t>【长发电】液压系统双筒过滤器中间体\ZJT500\MPS518.17-21\MPS200HP-II</t>
  </si>
  <si>
    <t>【长发电】液压系统双筒回油滤油器密封\YCYY-5101XJ-251\MPS518.17-22\MPS200HP-II</t>
  </si>
  <si>
    <t>【长发电】液压系统双针压力显示器\YNZS-102\MPS518.17-23\MPS200HP-II</t>
  </si>
  <si>
    <t>【长发电】液压系统调速阀\PCCM1200S\MPS518.17-24\MPS200HP-II</t>
  </si>
  <si>
    <t>【长发电】液压系统芯\HC501\MPS518.17-25\MPS200HP-II</t>
  </si>
  <si>
    <t>【长发电】液压系统蓄能器密封\ABE-B-RIT4-1\MPS518.17-26\MPS200HP-II</t>
  </si>
  <si>
    <t>【长发电】液压系统压差控制器\MPS518.17-27\MPS200HP-II</t>
  </si>
  <si>
    <t>【长发电】液压系统压力变送器\EJA530A-EDS4N-02EN/NF1\MPS518.17-28\MPS200HP-II</t>
  </si>
  <si>
    <t>【长发电】液压系统压力变送器\EJA530A-ECS4N-02EN/NF1\MPS518.17-29\MPS200HP-II</t>
  </si>
  <si>
    <t>【长发电】液压系统压力变送器\3051NTG2A2B21AB4\MPS518.17-30\MPS200HP-II</t>
  </si>
  <si>
    <t>【长发电】液压系统压力开关\6NN-K3-N4-FIA\MPS518.17-31\MPS200HP-II</t>
  </si>
  <si>
    <t>【长发电】液压系统压力显示器\YNN-100\MPS518.17-32\MPS200HP-II</t>
  </si>
  <si>
    <t>【长发电】液压系统压力显示器开关\KFN-L8/20E\MPS518.17-33\MPS200HP-II</t>
  </si>
  <si>
    <t>【长发电】液压系统液位控制\EAZQA500B400S\MPS518.17-34\MPS200HP-II</t>
  </si>
  <si>
    <t>【长发电】液压系统液位控制继电器\YDYW24\MPS518.17-35\MPS200HP-II</t>
  </si>
  <si>
    <t>【长发电】液压系统液位温度计\EAYWZ2300TA\MPS518.17-36\MPS200HP-II</t>
  </si>
  <si>
    <t>【长发电】液压系统液位温度计\YDYW-25\MPS518.17-37\MPS200HP-II</t>
  </si>
  <si>
    <t>【长发电】液压系统溢流阀\YDDB30\MPS518.17-38\MPS200HP-II</t>
  </si>
  <si>
    <t>【长发电】液压系统溢流阀\YDDB25\MPS518.17-39\MPS200HP-II</t>
  </si>
  <si>
    <t>【长发电】液压系统油泵\NPQ44\MPS518.17-40\MPS200HP-II</t>
  </si>
  <si>
    <t>【长发电】液压系统油缸\CN-220/90*0450-S001AWCHW\MPS518.17-41\MPS200HP-II</t>
  </si>
  <si>
    <t>【长发电】液压系统油管\MPS200HP-Ⅱ\MPS200HP-II</t>
  </si>
  <si>
    <t>【长发电】液压系统油站冷油器\YCGL3-2\MPS518.17-42\MPS200HP-II</t>
  </si>
  <si>
    <t>【长发电】液压系统远程温度表\YDWTZ-280\MPS518.17-43\MPS200HP-II</t>
  </si>
  <si>
    <t>【长发电】液压系统站内管路密封组件\YCYY-5101XJ-231\MPS518.17-44\MPS200HP-II</t>
  </si>
  <si>
    <t>【长发电】液压系统站外管路密封组件\YCYY-5103XJ-232\MPS518.17-45\MPS200HP-II</t>
  </si>
  <si>
    <t>【长发电】液压系统作用力蓄能器\ABE13B315RIT4\MPS518.17-46\MPS200HP-II</t>
  </si>
  <si>
    <t>【长发电】液压系统作用力蓄能器胶囊\JN-16L\MPS518.17-47\MPS200HP-II</t>
  </si>
  <si>
    <t>【长发电】液压系统作用力蓄能器皮囊\PN-13L\MPS518.17-48\MPS200HP-II</t>
  </si>
  <si>
    <t>【长发电】专用工具导套\MPS515.17.13\MPS200HP-II</t>
  </si>
  <si>
    <t>【长发电】专用工具导套\MPS510-5ZG</t>
  </si>
  <si>
    <t>【长发电】专用工具翻辊液压系统\MPS510.9.1ZG\MPS200HP-II</t>
  </si>
  <si>
    <t>【长发电】专用工具减速机定位装置\MPS515.17.7\MPS200HP-II</t>
  </si>
  <si>
    <t>【长发电】专用工具减速机定位装置\MPS510.7ZG\MPS200HP-II</t>
  </si>
  <si>
    <t>【长发电】专用工具磨辊拆卸装置\MPS515.17.6\MPS200HP-II</t>
  </si>
  <si>
    <t>【长发电】专用工具磨辊拆卸装置\MPS510.6ZG\MPS200HP-II</t>
  </si>
  <si>
    <t>【长发电】专用工具磨辊翻出装置\MPS515.17.9\MPS200HP-II</t>
  </si>
  <si>
    <t>【长发电】专用工具磨辊翻出装置\MPS518.1ZG\MPS200HP-II</t>
  </si>
  <si>
    <t>【长发电】专用工具磨辊固定装置\MPS515.17.4\MPS200HP-II</t>
  </si>
  <si>
    <t>【长发电】专用工具磨辊固定装置\MPS510.4ZG\MPS200HP-II</t>
  </si>
  <si>
    <t>【长发电】专用工具磨盘支座安装定位销\MPS510.1-4\MPS200HP-II</t>
  </si>
  <si>
    <t>【长发电】专用工具磨盘支座安装定位销\MPS510-8ZG\MPS200HP-II</t>
  </si>
  <si>
    <t>【长发电】专用工具磨盘支座顶起装置\MPS515.17.5\MPS200HP-II</t>
  </si>
  <si>
    <t>【长发电】专用工具磨盘支座顶起装置\MPS510.5ZG\MPS200HP-II</t>
  </si>
  <si>
    <t>【长发电】专用工具盘车装置\MPS515.17.8\MPS200HP-II</t>
  </si>
  <si>
    <t>【长发电】专用工具盘车装置\MPS518.2ZG\MPS200HP-II</t>
  </si>
  <si>
    <t>【长发电】拉杆基础球面垫圈\φ64\MPS519.1-14A\MPS212HP-II</t>
  </si>
  <si>
    <t>【长发电】拉杆基础地脚螺栓\M64*1470\MPS519.1-17A\MPS212HP-II</t>
  </si>
  <si>
    <t>【长发电】减速机基础球面垫圈\φ42\MPS519.1-22A\MPS212HP-II</t>
  </si>
  <si>
    <t>【长发电】减速机基础地脚螺栓\M42*880\MPS519.1-25A\MPS212HP-II</t>
  </si>
  <si>
    <t>【长发电】密封环外防护罩\MPS628.3-1\MPS212HP-II</t>
  </si>
  <si>
    <t>【长发电】密封环内防护罩\MPS628.3-2\MPS212HP-II</t>
  </si>
  <si>
    <t>【长发电】密封环炭精环\MPS628.3.1\MPS212HP-II</t>
  </si>
  <si>
    <t>【长发电】密封环\MPS628.3.2\MPS212HP-II</t>
  </si>
  <si>
    <t>【长发电】密封装置\MPS628.4.5\MPS212HP-II</t>
  </si>
  <si>
    <t>【长发电】密封装置\MPS628.4.5.1\MPS212HP-II</t>
  </si>
  <si>
    <t>【长发电】密封装置密封环\MPS628.4.5.1-1\MPS212HP-II</t>
  </si>
  <si>
    <t>【长发电】中架体耐磨衬板\MPS628.4.1-2\MPS212HP-II</t>
  </si>
  <si>
    <t>【长发电】中架体耐磨衬板\400*400*（10+8）\MPS628.4.1-2a\MPS212HP-II</t>
  </si>
  <si>
    <t>【长发电】密封装置底板\MPS628.4.1-3\MPS212HP-II</t>
  </si>
  <si>
    <t>【长发电】密封装置套筒\MPS530.4.1-7\MPS212HP-II</t>
  </si>
  <si>
    <t>【长发电】密封装置护板\MPS530.4.1-8\MPS212HP-II</t>
  </si>
  <si>
    <t>【长发电】密封装置盖板\MPS628.4.1-6\MPS212HP-II</t>
  </si>
  <si>
    <t>【长发电】密封装置垫圈\ø24\MPS628.4.2-1\MPS212HP-II</t>
  </si>
  <si>
    <t>【长发电】密封装置螺栓\M24*95\MPS628.4.2-2\MPS212HP-II</t>
  </si>
  <si>
    <t>【长发电】磨盘\MPS628.5-1\MPS212HP-II</t>
  </si>
  <si>
    <t>【长发电】磨盘柱销\MPS628.5-9\MPS212HP-II</t>
  </si>
  <si>
    <t>【长发电】磨盘垫圈\φ48\MPS628.5-10\MPS212HP-II</t>
  </si>
  <si>
    <t>【长发电】磨盘瓦\MPS628.5-2\MPS212HP-II</t>
  </si>
  <si>
    <t>【长发电】磨盘瓦压紧环\MPS628.5-3\MPS212HP-II</t>
  </si>
  <si>
    <t>【长发电】磨盘盖板\MPS628.5.1\MPS212HP-II</t>
  </si>
  <si>
    <t>【长发电】磨盘瓦压紧螺栓\MPS628.5-4\MPS212HP-II</t>
  </si>
  <si>
    <t>【长发电】磨盘刮板机构\MPS628.5.2\MPS212HP-II</t>
  </si>
  <si>
    <t>【长发电】磨盘法兰\MPS628.5-7\MPS212HP-II</t>
  </si>
  <si>
    <t>【长发电】磨盘刮板机构刮板\MPS628.5.2-4\MPS212HP-II</t>
  </si>
  <si>
    <t>【长发电】磨辊总成\MPS628.6.1\MPS212HP-II</t>
  </si>
  <si>
    <t>【长发电】磨辊辊支架护板\MPS628.6-4\MPS212HP-II</t>
  </si>
  <si>
    <t>【长发电】磨辊辊支架护板\MPS628.6-5\MPS212HP-II</t>
  </si>
  <si>
    <t>【长发电】磨辊密封风管道口盖板\MPS516.6-1</t>
  </si>
  <si>
    <t>【长发电】磨辊辊支架\MPS628.6-1\MPS212HP-II</t>
  </si>
  <si>
    <t>【长发电】磨辊辊支架罩盖板\MPS512.6-6</t>
  </si>
  <si>
    <t>【长发电】磨辊压板\MPS628.6-2\MPS212HP-II</t>
  </si>
  <si>
    <t>【长发电】磨辊辊支架护板\MPS628.6-3\MPS212HP-II</t>
  </si>
  <si>
    <t>【长发电】磨辊辊套\MPS628.6.1-1\MPS212HP-II</t>
  </si>
  <si>
    <t>【长发电】磨辊护环\MPS628.6.1-2\MPS212HP-II</t>
  </si>
  <si>
    <t>【长发电】磨辊轴承压盖\MPS518.6.1-1\MPS212HP-II</t>
  </si>
  <si>
    <t>【长发电】磨辊轴承座\MPS628.6.1-3\MPS212HP-II</t>
  </si>
  <si>
    <t>【长发电】磨辊护环\MPS628.6.1-4\MPS212HP-II</t>
  </si>
  <si>
    <t>【长发电】磨辊轴承盖\MPS520.6.1-7\MPS212HP-II</t>
  </si>
  <si>
    <t>【长发电】磨辊压板\MPS628.6.1-5\MPS212HP-II</t>
  </si>
  <si>
    <t>【长发电】磨辊轴\MPS628.6.1-6\MPS212HP-II</t>
  </si>
  <si>
    <t>【长发电】磨辊压环\MPS628.6.1-7\MPS212HP-II</t>
  </si>
  <si>
    <t>【长发电】磨辊通风过滤器\MPS621.6.1.1\MPS212HP-II</t>
  </si>
  <si>
    <t>【长发电】磨辊O形密封圈\φ435*8\MPS520.6.1-9\MPS212HP-II</t>
  </si>
  <si>
    <t>【长发电】磨辊耐磨套\MPS628.6.1-8\MPS212HP-II</t>
  </si>
  <si>
    <t>【长发电】磨辊密封圈\MPS628.6.1-9\MPS212HP-II</t>
  </si>
  <si>
    <t>【长发电】磨辊螺栓\M36*420\MPS628.6.1-10\MPS212HP-II</t>
  </si>
  <si>
    <t>【长发电】加载架\MPS628.7-1\MPS212HP-II</t>
  </si>
  <si>
    <t>【长发电】加载架连接支座\MPS628.7-2\MPS212HP-II</t>
  </si>
  <si>
    <t>【长发电】加载架连接支座\MPS628.7-3\MPS212HP-II</t>
  </si>
  <si>
    <t>【长发电】加载架销轴\MPS628.7-4\MPS212HP-II</t>
  </si>
  <si>
    <t>【长发电】加载架销轴挡板\MPS628.7-5\MPS212HP-II</t>
  </si>
  <si>
    <t>【长发电】加载装置导向板\MPS628.7-6\MPS212HP-II</t>
  </si>
  <si>
    <t>【长发电】加载装置导向板垫片组\MPS520.7-7\MPS212HP-II</t>
  </si>
  <si>
    <t>【长发电】加载架导向板\MPS628.7-7\MPS212HP-II</t>
  </si>
  <si>
    <t>【长发电】加载装置导向板螺钉\MPS519.7-26A\MPS212HP-II</t>
  </si>
  <si>
    <t>【长发电】加载装置导向板螺母组件\MPS628.7-8\MPS212HP-II</t>
  </si>
  <si>
    <t>【长发电】加载装置导向板\MPS628.7-9\MPS212HP-II</t>
  </si>
  <si>
    <t>【长发电】加载装置导向板垫片组\MPS519.7-24A\MPS212HP-II</t>
  </si>
  <si>
    <t>【长发电】加载架导向板\MPS628.7-10\MPS212HP-II</t>
  </si>
  <si>
    <t>【长发电】加载装置导向板螺钉垫圈\MPS628.7-11\MPS212HP-II</t>
  </si>
  <si>
    <t>【长发电】加载装置导向板螺钉\M30*90\MPS519.7-29A\MPS212HP-II</t>
  </si>
  <si>
    <t>【长发电】加载架护板\MPS628.7-12\MPS212HP-II</t>
  </si>
  <si>
    <t>【长发电】静喷嘴环\MPS628.8.1\MPS212HP-II</t>
  </si>
  <si>
    <t>【长发电】动喷嘴环\MPS628.8.2\MPS212HP-II</t>
  </si>
  <si>
    <t>【长发电】喷嘴环检修门锥体\MPS628.8.3\MPS212HP-II</t>
  </si>
  <si>
    <t>【长发电】分离器叶片\MPS628.9.7\MPS212HP-II</t>
  </si>
  <si>
    <t>【长发电】分离器叶片轴\MPS628.9.7-1\MPS212HP-II</t>
  </si>
  <si>
    <t>【长发电】磨辊密封风管道立管\MPS523.12.3-2\MPS212HP-II</t>
  </si>
  <si>
    <t>【长发电】磨辊密封风管道滑动装置\MPS628.12.3.1\MPS212HP-II</t>
  </si>
  <si>
    <t>【长发电】拉杆机构加载环\MPS628.13-1\MPS212HP-II</t>
  </si>
  <si>
    <t>【长发电】拉杆机构滚珠支架\MPS628.13-2\MPS212HP-II</t>
  </si>
  <si>
    <t>【长发电】拉杆机构滚珠\MPS628.13-3\MPS212HP-II</t>
  </si>
  <si>
    <t>【长发电】拉杆机构加载梁\MPS628.13-4\MPS212HP-II</t>
  </si>
  <si>
    <t>【长发电】拉杆导套\MPS628.13.1\MPS212HP-II</t>
  </si>
  <si>
    <t>【长发电】拉杆\MPS628.13-5\MPS212HP-II</t>
  </si>
  <si>
    <t>【长发电】拉杆机构锚板销轴\MPS628.13-8\MPS212HP-II</t>
  </si>
  <si>
    <t>【长发电】拉杆机构锚板销轴轴端挡板\MPS628.13-9\MPS212HP-II</t>
  </si>
  <si>
    <t>【长发电】拉杆机构连接件\MPS628.13-10\MPS212HP-II</t>
  </si>
  <si>
    <t>【长发电】拉杆机构螺栓\MPS628.13-11\MPS212HP-II</t>
  </si>
  <si>
    <t>【长发电】拉杆机构挡环\MPS628.13-12\MPS212HP-II</t>
  </si>
  <si>
    <t>【长发电】拉杆机构挡板\MPS628.13-13\MPS212HP-II</t>
  </si>
  <si>
    <t>【长发电】拉杆液压缸防尘罩\MPS530.13-1D\MPS212HP-II</t>
  </si>
  <si>
    <t>【长发电】排渣系统闸门阀及执行机构\MPS628.14-1\MPS212HP-II</t>
  </si>
  <si>
    <t>【长发电】专用工具磨辊固定装置\MPS628.4ZG\MPS212HP-II</t>
  </si>
  <si>
    <t>【长发电】专用工具磨盘支座顶起装置\MPS628.5ZG\MPS212HP-II</t>
  </si>
  <si>
    <t>【长发电】专用工具磨辊拆卸装置\MPS628.6ZG\MPS212HP-II</t>
  </si>
  <si>
    <t>【长发电】专用工具减速机定位装置\MPS610.8ZG\MPS212HP-II</t>
  </si>
  <si>
    <t>【长发电】专用工具磨辊翻出装置\MPS628.7ZG\MPS212HP-II</t>
  </si>
  <si>
    <t>【长发电】专用工具盘车装置\MPS628.8ZG\MPS212HP-II</t>
  </si>
  <si>
    <t>【长发电】专用工具磨盘支座安装定位销\MPS628-4.1ZG\MPS212HP-II</t>
  </si>
  <si>
    <t>【长发电】液压系统充氮装置\MPS628-212ZG\MPS212HP-II</t>
  </si>
  <si>
    <t>【长发电】磨辊轴承\24152 CC/W33\MPS628.6.1-B10\MPS212HP-II</t>
  </si>
  <si>
    <t>【长发电】拉杆机构传感器\Ni20-CP40-VP4*2\MPS628.13-25\MPS212HP-II</t>
  </si>
  <si>
    <t>【长发电】润滑系统稀油泵\CY212-RHxg-01\MPS212HP-II</t>
  </si>
  <si>
    <t>【长发电】润滑站滤芯\CY212-RHxg-02\MPS212HP-II</t>
  </si>
  <si>
    <t>【长发电】减速机膜片联轴器\MPS628.16-1\MPS212HP-II</t>
  </si>
  <si>
    <t>【长发电】减速机联轴器膜片\MPS628.16-1-1\MPS212HP-II</t>
  </si>
  <si>
    <t>【长发电】减速机\CY212-CCjsj-01\MPS212HP-II</t>
  </si>
  <si>
    <t>【长发电】液压系统电机\CY212-YYxg-01\MPS212HP-II</t>
  </si>
  <si>
    <t>【长发电】液压系统钟形罩\CY212-YYxg-02\MPS212HP-II</t>
  </si>
  <si>
    <t>【长发电】液压系统弹性联轴器\CY212-YYxg-03\MPS212HP-II</t>
  </si>
  <si>
    <t>【长发电】液压系统双联齿轮泵\CY212-YYxg-04\MPS212HP-II</t>
  </si>
  <si>
    <t>【长发电】液压系统单向阀\CY212-YYXg-05-15\CY212-YYxg-05-15\MPS212HP-II</t>
  </si>
  <si>
    <t>【长发电】液压系统单向阀\CY212-YYXg-06-20\CY212-YYxg-06-20\MPS212HP-II</t>
  </si>
  <si>
    <t>【长发电】液压系统单向阀\CY212-YYXg-07-32\CY212-YYxg-07-32\MPS212HP-II</t>
  </si>
  <si>
    <t>【长发电】液压系统单向阀\CY212-YYXg-08-an\CY212-YYxg-08-an\MPS212HP-II</t>
  </si>
  <si>
    <t>【长发电】液压系统比例溢流阀\CY212-YYXg-09-1\CY212-YYxg-09-1\MPS212HP-II</t>
  </si>
  <si>
    <t>【长发电】液压系统比例溢流阀\CY212-YYXg-10-2\CY212-YYxg-10-2\MPS212HP-II</t>
  </si>
  <si>
    <t>【长发电】液压系统放大器组件\CY212-YYxg-11\MPS212HP-II</t>
  </si>
  <si>
    <t>【长发电】液压系统回油过滤器\CY212-YYxg-12\MPS212HP-II</t>
  </si>
  <si>
    <t>【长发电】液压系统三通球阀\CY212-YYXg-13\CY212-YYxg-13\MPS212HP-II</t>
  </si>
  <si>
    <t>【长发电】液压系统水冷却器\CY212-YYxg-14\MPS212HP-II</t>
  </si>
  <si>
    <t>【长发电】液压系统双金属温度计\CY212-YYxg-15\MPS212HP-II</t>
  </si>
  <si>
    <t>【长发电】液压系统液位计\CY212-YYxg-16\MPS212HP-II</t>
  </si>
  <si>
    <t>【长发电】液压系统空气滤清器\CY212-YYxg-17\MPS212HP-II</t>
  </si>
  <si>
    <t>【长发电】液压系统蓄能器\CY212-YYxg-18\MPS212HP-II</t>
  </si>
  <si>
    <t>【长发电】液压系统油缸\CY212-YYxg-19\MPS212HP-II</t>
  </si>
  <si>
    <t>【长发电】液压系统蓄能器\CY212-YYxg-20\MPS212HP-II</t>
  </si>
  <si>
    <t>【长发电】液压系统单向调速阀\CY212-YYXg-21\CY212-YYxg-21\MPS212HP-II</t>
  </si>
  <si>
    <t>【长发电】液压系统高压胶管组件\CY212-YYxg-22\MPS212HP-II</t>
  </si>
  <si>
    <t>【长发电】液压系统油站密封包\CY212-YYxg-23\MPS212HP-II</t>
  </si>
  <si>
    <t>【长发电】液压系统油缸密封包\CY212-YYxg-24\MPS212HP-II</t>
  </si>
  <si>
    <t>【长发电】中架体耐磨衬板\MPS812.4.1-3\MPS235HP-II</t>
  </si>
  <si>
    <t>【长发电】中架体护板\MPS812.4.1.14\MPS235HP-II</t>
  </si>
  <si>
    <t>【长发电】密封装置\MPS812.4.5.1\MPS235HP-II</t>
  </si>
  <si>
    <t>【长发电】磨盘\MPS812.5-1\MPS235HP-II</t>
  </si>
  <si>
    <t>【长发电】磨盘瓦\MPS812.5-2\MPS235HP-II</t>
  </si>
  <si>
    <t>【长发电】磨盘瓦夹紧环\MPS812.5-AZ\MPS235HP-II</t>
  </si>
  <si>
    <t>【长发电】磨盘挡环\MPS812.5-3\MPS235HP-II</t>
  </si>
  <si>
    <t>【长发电】磨盘盖板\MPS812.5.1\MPS235HP-II</t>
  </si>
  <si>
    <t>【长发电】磨盘瓦整套压紧螺栓\MPS812.5-4AZ\MPS235HP-II</t>
  </si>
  <si>
    <t>【长发电】磨盘瓦压紧螺栓\MPS812.5-4\MPS235HP-II</t>
  </si>
  <si>
    <t>【长发电】磨盘瓦压紧螺栓套\MPS812.5-5\MPS235HP-II</t>
  </si>
  <si>
    <t>【长发电】磨盘瓦柱销\MPS812.5-6\MPS235HP-II</t>
  </si>
  <si>
    <t>【长发电】磨盘平垫\MPS812.5-7\MPS235HP-II</t>
  </si>
  <si>
    <t>【长发电】磨盘螺栓\M30*70\MPS812.5-8\MPS235HP-II</t>
  </si>
  <si>
    <t>【长发电】磨盘刮板机构\MPS812.5.2\MPS235HP-II</t>
  </si>
  <si>
    <t>【长发电】磨盘垫\MPS812.5-9\MPS235HP-II</t>
  </si>
  <si>
    <t>【长发电】磨盘法兰\MPS812.5-10\MPS235HP-II</t>
  </si>
  <si>
    <t>【长发电】磨盘垫\MPS812.5-11\MPS235HP-II</t>
  </si>
  <si>
    <t>【长发电】磨盘垫圈\φ48\MPS812.5-12\MPS235HP-II</t>
  </si>
  <si>
    <t>【长发电】磨辊装配\MPS812.60\MPS235HP-II</t>
  </si>
  <si>
    <t>【长发电】磨辊总成\MPS812.6.1\MPS235HP-II</t>
  </si>
  <si>
    <t>【长发电】磨辊盖板\MPS812.6-1\MPS235HP-II</t>
  </si>
  <si>
    <t>【长发电】磨辊辊支架\MPS812.6-2\MPS235HP-II</t>
  </si>
  <si>
    <t>【长发电】磨辊辊支架密封环\MPS812.6-3\MPS235HP-II</t>
  </si>
  <si>
    <t>【长发电】磨辊辊支架罩\MPS812.6.2\MPS235HP-II</t>
  </si>
  <si>
    <t>【长发电】磨辊螺栓\M42*131\MPS812.6-4\MPS235HP-II</t>
  </si>
  <si>
    <t>【长发电】磨辊压板\MPS812.6-8\MPS235HP-II</t>
  </si>
  <si>
    <t>【长发电】辊支架护板\MPS812.6.3B\MPS235HP-II</t>
  </si>
  <si>
    <t>【长发电】磨辊辊套\MPS812.6.1-1\MPS235HP-II</t>
  </si>
  <si>
    <t>【长发电】磨辊护环\MPS812.6.1-2\MPS235HP-II</t>
  </si>
  <si>
    <t>【长发电】磨辊轴承压盖\MPS812.6.1-3\MPS235HP-II</t>
  </si>
  <si>
    <t>【长发电】磨辊O形密封圈\φ814*8.4\MPS812.6.1-4\MPS235HP-II</t>
  </si>
  <si>
    <t>【长发电】磨辊密封环\MPS812.6.1-5\MPS235HP-II</t>
  </si>
  <si>
    <t>【长发电】磨辊压板\MPS812.6.1-6\MPS235HP-II</t>
  </si>
  <si>
    <t>【长发电】磨辊螺塞\MPS812.6.1-7\MPS235HP-II</t>
  </si>
  <si>
    <t>【长发电】磨辊轴承座\MPS812.6.1-8\MPS235HP-II</t>
  </si>
  <si>
    <t>【长发电】磨辊护环\MPS812.6.1-9\MPS235HP-II</t>
  </si>
  <si>
    <t>【长发电】磨辊螺塞\G1A\MPS812.6.1-10\MPS235HP-II</t>
  </si>
  <si>
    <t>【长发电】磨辊垫板\MPS812.6.1-11\MPS235HP-II</t>
  </si>
  <si>
    <t>【长发电】磨辊折销\MPS812.6.1-35\MPS235HP-II</t>
  </si>
  <si>
    <t>【长发电】磨辊轴承盖\MPS812.6.1-13\MPS235HP-II</t>
  </si>
  <si>
    <t>【长发电】磨辊压板\MPS812.6.1-14\MPS235HP-II</t>
  </si>
  <si>
    <t>【长发电】磨辊螺栓\M36*107\MPS812.6.1-15\MPS235HP-II</t>
  </si>
  <si>
    <t>【长发电】磨辊总成主轴\MPS812.6A\MPS235HP-II</t>
  </si>
  <si>
    <t>【长发电】磨辊轴\MPS812.6.1-16\MPS235HP-II</t>
  </si>
  <si>
    <t>【长发电】磨辊压环\MPS812.6.1-17\MPS235HP-II</t>
  </si>
  <si>
    <t>【长发电】磨辊通风过滤器\MPS812.6.1.1\MPS235HP-II</t>
  </si>
  <si>
    <t>【长发电】磨辊O形密封圈\φ452*8.4\MPS812.6.1-18\MPS235HP-II</t>
  </si>
  <si>
    <t>【长发电】磨辊密封圈\MPS812.6.1-19\MPS235HP-II</t>
  </si>
  <si>
    <t>【长发电】磨辊挡环\MPS812.6.1-20\MPS235HP-II</t>
  </si>
  <si>
    <t>【长发电】磨辊耐磨套\MPS812.6.1-21\MPS235HP-II</t>
  </si>
  <si>
    <t>【长发电】磨辊O行密封圈\φ338*8\MPS812.6.1-22\MPS235HP-II</t>
  </si>
  <si>
    <t>【长发电】磨辊螺栓\M36*520\MPS812.6.1-23\MPS235HP-II</t>
  </si>
  <si>
    <t>【长发电】磨辊O行密封圈\φ528*5.3\MPS812.6.1-24\MPS235HP-II</t>
  </si>
  <si>
    <t>【长发电】磨辊辊支架护板\MPS812.6-9\MPS235HP-II</t>
  </si>
  <si>
    <t>【长发电】磨辊辊支架护板\MPS812.6-10\MPS235HP-II</t>
  </si>
  <si>
    <t>【长发电】磨辊辊支架护板\MPS812.6-11\MPS235HP-II</t>
  </si>
  <si>
    <t>【长发电】磨辊辊支架护板\MPS812.6-12\MPS235HP-II</t>
  </si>
  <si>
    <t>【长发电】加载架\MPS812.7-1\MPS235HP-II</t>
  </si>
  <si>
    <t>【长发电】加载架摆动装置调整支座\MPS812.7.1\MPS235HP-II</t>
  </si>
  <si>
    <t>【长发电】加载架摆动装置螺栓\M36*325\MPS812.7-2\MPS235HP-II</t>
  </si>
  <si>
    <t>【长发电】加载架摆动装置套管\MPS812.7-4\MPS235HP-II</t>
  </si>
  <si>
    <t>【长发电】加载架摆动装置立轴\MPS812.7-5\MPS235HP-II</t>
  </si>
  <si>
    <t>【长发电】加载架摆动装置支撑环\MPS812.7-6\MPS235HP-II</t>
  </si>
  <si>
    <t>【长发电】加载架摆动装置横轴\MPS812.7-7\MPS235HP-II</t>
  </si>
  <si>
    <t>【长发电】加载架摆动装置支架\MPS812.7-22\MPS235HP-II</t>
  </si>
  <si>
    <t>【长发电】加载架摆动装置叉形接头\MPS812.7-9\MPS235HP-II</t>
  </si>
  <si>
    <t>【长发电】加载架摆动装置调整垫\MPS812.7-11\MPS235HP-II</t>
  </si>
  <si>
    <t>【长发电】加载装置柱销\MPS812.7-12\MPS235HP-II</t>
  </si>
  <si>
    <t>【长发电】加载装置导向板固定板\MPS812.7-13\MPS235HP-II</t>
  </si>
  <si>
    <t>【长发电】加载装置导向板固定板\MPS812.7-14\MPS235HP-II</t>
  </si>
  <si>
    <t>【长发电】加载架滚架\MPS812.7.2\MPS235HP-II</t>
  </si>
  <si>
    <t>【长发电】加载架支架\MPS812.7-15\MPS235HP-II</t>
  </si>
  <si>
    <t>【长发电】加载装置定心支架\MPS812.7-16\MPS235HP-II</t>
  </si>
  <si>
    <t>【长发电】加载架滚柱\MPS812.7-17\MPS235HP-II</t>
  </si>
  <si>
    <t>【长发电】加载架滚架\MPS812.7-39\MPS235HP-II</t>
  </si>
  <si>
    <t>【长发电】加载架滚架\MPS812.7-18\MPS235HP-II</t>
  </si>
  <si>
    <t>【长发电】加载装置导向板垫片组\MPS812.7-19\MPS235HP-II</t>
  </si>
  <si>
    <t>【长发电】加载装置导向板\MPS812.7-20\MPS235HP-II</t>
  </si>
  <si>
    <t>【长发电】加载架导向板\MPS812.7-21\MPS235HP-II</t>
  </si>
  <si>
    <t>【长发电】加载装置导向板托架\MPS812.7-30\MPS235HP-II</t>
  </si>
  <si>
    <t>【长发电】加载装置导向板\MPS812.7-23\MPS235HP-II</t>
  </si>
  <si>
    <t>【长发电】加载装置导向板垫片组\MPS812.7-24\MPS235HP-II</t>
  </si>
  <si>
    <t>【长发电】加载架导向板\MPS812.7-25\MPS235HP-II</t>
  </si>
  <si>
    <t>【长发电】加载装置止动销\MPS812.7-26\MPS235HP-II</t>
  </si>
  <si>
    <t>【长发电】加载装置导向板螺钉\M30*53\MPS812.7-27\MPS235HP-II</t>
  </si>
  <si>
    <t>【长发电】加载装置导向板螺钉垫圈\MPS812.7-28\MPS235HP-II</t>
  </si>
  <si>
    <t>【长发电】加载装置导向板螺钉\M30*90\MPS812.7-29\MPS235HP-II</t>
  </si>
  <si>
    <t>【长发电】加载装置导向板托架\II\MPS812.7-8\MPS235HP-II</t>
  </si>
  <si>
    <t>【长发电】加载装置导向板螺钉止动垫圈\MPS812.7-31\MPS235HP-II</t>
  </si>
  <si>
    <t>【长发电】加载装置螺栓\M36*129\MPS812.7-32\MPS235HP-II</t>
  </si>
  <si>
    <t>【长发电】加载架护板\MPS812.7-33\MPS235HP-II</t>
  </si>
  <si>
    <t>【长发电】加载装置螺栓\M30*80\MPS812.7-38A\MPS235HP-II</t>
  </si>
  <si>
    <t>【长发电】加载装置螺栓\M30*75\MPS812.7-39A\MPS235HP-II</t>
  </si>
  <si>
    <t>【长发电】喷嘴环\MPS812.8\MPS235HP-II</t>
  </si>
  <si>
    <t>【长发电】静喷嘴环\MPS812.8.1\MPS235HP-II</t>
  </si>
  <si>
    <t>【长发电】动喷嘴环\MPS812.8.2\MPS235HP-II</t>
  </si>
  <si>
    <t>【长发电】喷嘴环检修门锥体\MPS812.8.3\MPS235HP-II</t>
  </si>
  <si>
    <t>【长发电】分离器叶片\MPS812.9.1.4\MPS235HP-II</t>
  </si>
  <si>
    <t>【长发电】磨辊密封风管道立管\MPS812.12.2-2\MPS235HP-II</t>
  </si>
  <si>
    <t>【长发电】磨辊密封风管道滑动装置\MPS812.12.2.1\MPS235HP-II</t>
  </si>
  <si>
    <t>【长发电】拉杆机构\MPS812.13\MPS235HP-II</t>
  </si>
  <si>
    <t>【长发电】拉杆机构加载环\MPS812.13-1\MPS235HP-II</t>
  </si>
  <si>
    <t>【长发电】拉杆机构滚珠支架\MPS812.13-2\MPS235HP-II</t>
  </si>
  <si>
    <t>【长发电】拉杆机构滚珠\MPS812.13-3\MPS235HP-II</t>
  </si>
  <si>
    <t>【长发电】拉杆机构加载梁\MPS812.13-4\MPS235HP-II</t>
  </si>
  <si>
    <t>【长发电】拉杆导套\MPS812.13.1\MPS235HP-II</t>
  </si>
  <si>
    <t>【长发电】拉杆\MPS812.13-5\MPS235HP-II</t>
  </si>
  <si>
    <t>【长发电】拉杆机构传感器架\MPS812.13-6\MPS235HP-II</t>
  </si>
  <si>
    <t>【长发电】磨辊检修门螺栓\MPS812.4-7\MPS235HP-II</t>
  </si>
  <si>
    <t>【长发电】磨辊螺栓\M24*65\MPS812.6AZ\MPS235HP-II</t>
  </si>
  <si>
    <t>【长发电】拉杆机构传感器支座\MPS812.13-7\MPS235HP-II</t>
  </si>
  <si>
    <t>【长发电】拉杆机构锚板销轴\MPS812.13-8\MPS235HP-II</t>
  </si>
  <si>
    <t>【长发电】拉杆机构锚板销轴挡板\MPS812.13-9\MPS235HP-II</t>
  </si>
  <si>
    <t>【长发电】拉杆机构挡环\MPS812.13-10\MPS235HP-II</t>
  </si>
  <si>
    <t>【长发电】拉杆机构挡板\MPS812.13-11\MPS235HP-II</t>
  </si>
  <si>
    <t>【长发电】拉杆机构连接件\MPS812.13-12\MPS235HP-II</t>
  </si>
  <si>
    <t>【长发电】拉杆机构耐磨环\MPS812.13AS\MPS235HP-II</t>
  </si>
  <si>
    <t>【长发电】密封环炭精环\MPS812.4AS\MPS235HP-II</t>
  </si>
  <si>
    <t>【长发电】磨辊密封包\MPS812.6SL\MPS235HP-II</t>
  </si>
  <si>
    <t>【长发电】润滑系统冷却器\MPS812.16\MPS235HP-II</t>
  </si>
  <si>
    <t>【长发电】润滑系统双筒过滤器\MPS812.12SL4\MPS235HP-II</t>
  </si>
  <si>
    <t>【长发电】润滑系统橡胶密封件\MPS812.12SL3\MPS235HP-II</t>
  </si>
  <si>
    <t>【长发电】润滑系统油泵电机\MPS812.12SL2\MPS235HP-II</t>
  </si>
  <si>
    <t>【长发电】润滑系统螺杆泵\MPS812.12SL1\MPS235HP-II</t>
  </si>
  <si>
    <t>【长发电】关节轴承\CE110\MPS812.12.2.1-B1\MPS235HP-II</t>
  </si>
  <si>
    <t>【长发电】磨辊密封风管道滑动装置轴承\MPS812.12.2.1-1\MPS235HP-II</t>
  </si>
  <si>
    <t>【长发电】关节轴承\CE260\MPS812.12.2.1-B2\MPS235HP-II</t>
  </si>
  <si>
    <t>【长发电】密封装置轴承\MPS812.4.5\MPS235HP-II</t>
  </si>
  <si>
    <t>【长发电】加载架摆动装置\MPS812.7AZS\MPS235HP-II</t>
  </si>
  <si>
    <t>【长发电】加载装置柱销\MPS812.7.32\MPS235HP-II</t>
  </si>
  <si>
    <t>【长发电】加载装置支架\MPS812.7-38\MPS235HP-II</t>
  </si>
  <si>
    <t>【长发电】加载装置垫圈\MPS812.7.28\MPS235HP-II</t>
  </si>
  <si>
    <t>【长发电】加载装置螺钉\M30*9\MPS812.7.29\MPS235HP-II</t>
  </si>
  <si>
    <t>【长发电】减速机基础地脚螺栓\M48*915\MPS812.1-10\MPS235HP-II</t>
  </si>
  <si>
    <t>【长发电】减速机基础球面垫圈\φ48\MPS812.1-13\MPS235HP-II</t>
  </si>
  <si>
    <t>【长发电】拉杆基础球面垫圈\φ80\MPS812.1-17\MPS235HP-II</t>
  </si>
  <si>
    <t>【长发电】拉杆基础地脚螺栓\M80*6*1560\MPS812.1-20\MPS235HP-II</t>
  </si>
  <si>
    <t>【长发电】密封环防护罩\MPS812.3-1C\MPS235HP-II</t>
  </si>
  <si>
    <t>【长发电】密封环支撑架\MPS812.3-2C\MPS235HP-II</t>
  </si>
  <si>
    <t>【长发电】密封环\MPS812.3.1B\MPS235HP-II</t>
  </si>
  <si>
    <t>【长发电】密封环\MPS812.3.2B\MPS235HP-II</t>
  </si>
  <si>
    <t>【长发电】密封环堵板\MPS812.3-4B\MPS235HP-II</t>
  </si>
  <si>
    <t>【长发电】密封装置底板\MPS812.4.1-5\MPS235HP-II</t>
  </si>
  <si>
    <t>【长发电】密封装置套筒\MPS812.4.1-13\MPS235HP-II</t>
  </si>
  <si>
    <t>【长发电】密封装置盖板\MPS812.4.1-16\MPS235HP-II</t>
  </si>
  <si>
    <t>【长发电】密封装置密封筒\MPS812.4.5-2\MPS235HP-II</t>
  </si>
  <si>
    <t>【长发电】密封装置密封环\MPS812.4.5.1-2\MPS235HP-II</t>
  </si>
  <si>
    <t>【长发电】密封装置法兰\MPS812.4.5.1-3\MPS235HP-II</t>
  </si>
  <si>
    <t>【长发电】密封装置压盖\MPS812.4.5.1-4\MPS235HP-II</t>
  </si>
  <si>
    <t>【长发电】密封装置密封垫\MPS812.4.5.1-5\MPS235HP-II</t>
  </si>
  <si>
    <t>【长发电】密封装置法兰筒\MPS812.4.5.1-6\MPS235HP-II</t>
  </si>
  <si>
    <t>【长发电】磨盘螺栓\M20*50\MPS812.5.2-4\MPS235HP-II</t>
  </si>
  <si>
    <t>【长发电】磨辊垫\MPS812.6-5\MPS235HP-II</t>
  </si>
  <si>
    <t>【长发电】磨辊盖板\MPS812.6-6\MPS235HP-II</t>
  </si>
  <si>
    <t>【长发电】加载装置盖板\MPS812.7-3\MPS235HP-II</t>
  </si>
  <si>
    <t>【长发电】加载装置螺栓\M42\MPS812.7-10\MPS235HP-II</t>
  </si>
  <si>
    <t>【长发电】磨辊密封风管道轴承盖\MPS812.12.2-3\MPS235HP-II</t>
  </si>
  <si>
    <t>【长发电】磨辊密封风管道固定轴承座\MPS812.12.2-5\MPS235HP-II</t>
  </si>
  <si>
    <t>【长发电】拉杆机构螺栓\MPS812.13-13\MPS235HP-II</t>
  </si>
  <si>
    <t>【长发电】排渣系统箱体\MPS812.14.1\MPS235HP-II</t>
  </si>
  <si>
    <t>【长发电】减速机膜片联轴器\MPS812.16-2\MPS812.16-2\MPS235HP-II</t>
  </si>
  <si>
    <t>【长发电】减速机\KMP360\MPS812.16.1\MPS235HP-II</t>
  </si>
  <si>
    <t>【长发电】专用工具磨辊固定装置\MPS812.4ZG\MPS235HP-II</t>
  </si>
  <si>
    <t>【长发电】专用工具磨盘支座顶起装置\MPS812.5ZGA\MPS235HP-II</t>
  </si>
  <si>
    <t>【长发电】专用工具磨辊拆卸装置\MPS812.6ZGB\MPS235HP-II</t>
  </si>
  <si>
    <t>【长发电】专用工具磨辊翻出装置\MPS812.9ZG\MPS235HP-II</t>
  </si>
  <si>
    <t>【长发电】专用工具盘车装置\MPS812.10ZG\MPS235HP-II</t>
  </si>
  <si>
    <t>【长发电】专用工具减速机定位装置\MPS812.11ZG\MPS235HP-II</t>
  </si>
  <si>
    <t>【长发电】专用工具导套\MPS812-5ZG\MPS235HP-II</t>
  </si>
  <si>
    <t>【长发电】拉杆机构传感器\NI20-CP40-VP4*2\MPS812.13-23\MPS235HP-II</t>
  </si>
  <si>
    <t>【长发电】液压系统油缸密封组件\ZH225 270/130*550-I\MPS812.17-1\MPS235HP-II</t>
  </si>
  <si>
    <t>【长发电】液压系统双联齿轮泵\PRN 48+11\MPS812.17-2\MPS235HP-II</t>
  </si>
  <si>
    <t>【长发电】液压系统冷却器\HEXS615-30-00/G1\MPS812.17-3\MPS235HP-II</t>
  </si>
  <si>
    <t>【长发电】液压系统比例溢流阀\DBEM10-51/200YG24K4M\MPS812.17-4\MPS235HP-II</t>
  </si>
  <si>
    <t>【长发电】液压系统比例溢流阀\DBEM10-51/100YG24K4M\MPS812.17-5\MPS235HP-II</t>
  </si>
  <si>
    <t>【长发电】液压系统单向调速阀\SRVR-12-12.1/0\MPS812.17-6\MPS235HP-II</t>
  </si>
  <si>
    <t>【长发电】液压系统双筒过滤器滤芯\RFD BH/HC 660 DAZ 10C1.1(310133)\MPS812.17-7\MPS235HP-II</t>
  </si>
  <si>
    <t>【长发电】液压系统蓄能器皮囊\SB330-20A1/112A9-330A\MPS812.17-8\MPS235HP-II</t>
  </si>
  <si>
    <t>【长发电】液压系统蓄能器皮囊\SB330-50A1/112A9-330A\MPS812.17-9\MPS235HP-II</t>
  </si>
  <si>
    <t>【长发电】液压系统油缸防尘罩\φ270/130*550\MPS812.17-10\MPS235HP-II</t>
  </si>
  <si>
    <t>【长发电】液压缸\φ270*130-550\MPS812.17-11\MPS235HP-II</t>
  </si>
  <si>
    <t>【长发电】液压缸蓄能器\SB330-20A/112A9-330A\MPS812.17-12\MPS235HP-II</t>
  </si>
  <si>
    <t>【长发电】液压系统比例放大版\VT-VSPA1-1\MPS812.17-13\MPS235HP-II</t>
  </si>
  <si>
    <t>【长发电】液压缸活塞杆\φ270*130-550-1\MPS812.17-14\MPS235HP-II</t>
  </si>
  <si>
    <t>【长发电】液压系统精细滤油车滤芯\OP5CM13P6N2BO5E\MPS812.17-16\MPS235HP-II</t>
  </si>
  <si>
    <t>【长发电】机壳衬板及护板\FM.301.4-1\FM318.800</t>
  </si>
  <si>
    <t>【长发电】分离器下节\FM301.7.3-4\FM318.800</t>
  </si>
  <si>
    <t>【长发电】内六角螺栓\M30*120\FM301.7.3-5A\FM318.800</t>
  </si>
  <si>
    <t>【长发电】内六角螺栓\M16*40\FM301.7.3-6A\FM318.800</t>
  </si>
  <si>
    <t>【长发电】内六角螺栓\M24*115\FM301.7.3-7A\FM318.800</t>
  </si>
  <si>
    <t>【长发电】内六角螺栓\M24*95\FM301.7.3-8A\FM318.800</t>
  </si>
  <si>
    <t>【长发电】防松块\FM251.6-8\FM318.800</t>
  </si>
  <si>
    <t>【长发电】防松块\FM251.6-11\FM318.800</t>
  </si>
  <si>
    <t>【长发电】外打击板垫铁\FM251.6-3\FM318.800</t>
  </si>
  <si>
    <t>【长发电】内打击板垫铁\FM251.6-5\FM318.800</t>
  </si>
  <si>
    <t>【长发电】前盘楔块\FM251.6-6\FM318.800</t>
  </si>
  <si>
    <t>【长发电】后盘楔块\FM251.6-10\FM318.800</t>
  </si>
  <si>
    <t>【长发电】内外打击板\FM.301.5-1-2\FM318.800</t>
  </si>
  <si>
    <t>【长发电】防松片\FM251.6-9\FM318.800</t>
  </si>
  <si>
    <t>【长发电】防松片\FM251.6-12\FM318.800</t>
  </si>
  <si>
    <t>【长发电】前盘衬板\FM251.6.2\FM318.800</t>
  </si>
  <si>
    <t>【长发电】后盘衬板\FM251.6.5\FM318.800</t>
  </si>
  <si>
    <t>【长发电】前盘挡板\FM251.6.3\FM318.800</t>
  </si>
  <si>
    <t>【长发电】后盘挡板\FM251.6.4\FM318.800</t>
  </si>
  <si>
    <t>【长发电】密封环\FM.301.5-3\FM318.800</t>
  </si>
  <si>
    <t>【长发电】后盘背筋\FM251.6-14\FM318.800</t>
  </si>
  <si>
    <t>【长发电】联接梁\FM.301.5.1\FM318.800</t>
  </si>
  <si>
    <t>【长发电】前盘\FM251.6-1\FM318.800</t>
  </si>
  <si>
    <t>【长发电】后盘\FM251.6-16\FM318.800</t>
  </si>
  <si>
    <t>【长发电】打击轮\FM.301.5\FM318.800</t>
  </si>
  <si>
    <t>【长发电】挡圈\42\FM251.9AZ-3\FM318.800</t>
  </si>
  <si>
    <t>【长发电】挡圈\20\FM251.9AZ-4\FM318.800</t>
  </si>
  <si>
    <t>【长发电】侧盖密封垫\FM251.8AZ\FM318.800</t>
  </si>
  <si>
    <t>【长发电】均流环衬板\FM.302.2AAZ\FM318.800</t>
  </si>
  <si>
    <t>【长发电】回粉漏斗衬板\FM.301.7.2AZ\FM318.800</t>
  </si>
  <si>
    <t>【长发电】柱销\FM251.9AZ-1\FM318.800</t>
  </si>
  <si>
    <t>【长发电】弹性圈\FM251.9AZ-2\FM318.800</t>
  </si>
  <si>
    <t>【长发电】分离器调节挡板\FM251.3AZ\FM318.800</t>
  </si>
  <si>
    <t>【长发电】分离器上节衬板\FM251.13AZ\FM318.800</t>
  </si>
  <si>
    <t>【长发电】大门衬板\FM301.2.4AAZ.1\FM318.800</t>
  </si>
  <si>
    <t>【长发电】大门衬板\FM301.2.4AAZ.2\FM318.800</t>
  </si>
  <si>
    <t>【长发电】法兰内衬板\FM251.2-2\FM318.800</t>
  </si>
  <si>
    <t>【长发电】法兰外衬板\FM251.2.7\FM318.800</t>
  </si>
  <si>
    <t>【长发电】均流环\FM301.2.7\FM318.800</t>
  </si>
  <si>
    <t>【长发电】涡轮减速器\FM301.1AZ\FM318.800</t>
  </si>
  <si>
    <t>【长发电】锁紧装置\FM301.4-13\FM318.800</t>
  </si>
  <si>
    <t>【长发电】冷却器\B21\FM.302.1AZ\FM318.800</t>
  </si>
  <si>
    <t>【长发电】冷却器\B19\FM.302.2AZ\FM318.800</t>
  </si>
  <si>
    <t>【长发电】风扇磨主轴\FM.302.3AZ\FM318.800</t>
  </si>
  <si>
    <t>【长发电】护板\FM301.4-1-1\FM318.800</t>
  </si>
  <si>
    <t>【长发电】护板\FM301.4-2-2\FM318.800</t>
  </si>
  <si>
    <t>【长发电】护板\FM301.4-3-3\FM318.800</t>
  </si>
  <si>
    <t>【长发电】护板\FM301.4-4-4\FM318.800</t>
  </si>
  <si>
    <t>【长发电】护板\FM301.4-5-5\FM318.800</t>
  </si>
  <si>
    <t>【长发电】护板\FM301.4-6-6\FM318.800</t>
  </si>
  <si>
    <t>【长发电】护钩\FM301.430\FM318.800</t>
  </si>
  <si>
    <t>【长发电】机壳内圈衬板\FM301.4-2\FM318.800</t>
  </si>
  <si>
    <t>【长发电】机壳外圈衬板\FM301.4-1\FM318.800</t>
  </si>
  <si>
    <t>【长发电】衬板\FM301.7.4-1-1\FM318.800</t>
  </si>
  <si>
    <t>【长发电】衬板\FM301.7.4-1-2\FM318.800</t>
  </si>
  <si>
    <t>【长发电】衬板\FM301.7.4-2-1\FM318.800</t>
  </si>
  <si>
    <t>【长发电】衬板\FM301.7.4-2-2\FM318.800</t>
  </si>
  <si>
    <t>【长发电】衬板\FM301.7.4-2-3\FM318.800</t>
  </si>
  <si>
    <t>【长发电】衬板\FM301.7.4-2-4\FM318.800</t>
  </si>
  <si>
    <t>【长发电】衬板\FM301.7.4-2-5\FM318.800</t>
  </si>
  <si>
    <t>【长发电】衬板\FM301.7.4-2-6\FM318.800</t>
  </si>
  <si>
    <t>【长发电】衬板\FM251.12.6-15-1\FM318.800</t>
  </si>
  <si>
    <t>【长发电】衬板\FM251.12.6-15-2\FM318.800</t>
  </si>
  <si>
    <t>【长发电】衬板\FM251.12.6-16-1\FM318.800</t>
  </si>
  <si>
    <t>【长发电】衬板\FM251.12.6-16-2\FM318.800</t>
  </si>
  <si>
    <t>【长发电】衬板\FM301.4-1-1CB\FM318.800</t>
  </si>
  <si>
    <t>【长发电】衬板\FM301.4-1-2CB\FM318.800</t>
  </si>
  <si>
    <t>【长发电】衬板\FM301.4-1-3CB\FM318.800</t>
  </si>
  <si>
    <t>【长发电】衬板\FM301.4-1-4CB\FM318.800</t>
  </si>
  <si>
    <t>【长发电】衬板\FM301.4-1-5CB\FM318.800</t>
  </si>
  <si>
    <t>【长发电】衬板\FM301.4-1-6CB\FM318.800</t>
  </si>
  <si>
    <t>【长发电】衬板\FM301.4-1-7CB\FM318.800</t>
  </si>
  <si>
    <t>【长发电】衬板\FM301.4-1-8CB\FM318.800</t>
  </si>
  <si>
    <t>【长发电】衬板\FM301.4-1-9CB\FM318.800</t>
  </si>
  <si>
    <t>【长发电】衬板\FM301.4-1-10CB\FM318.800</t>
  </si>
  <si>
    <t>【长发电】衬板\FM301.4-1-11CB\FM318.800</t>
  </si>
  <si>
    <t>【长发电】衬板\FM301.4-1-12CB\FM318.800</t>
  </si>
  <si>
    <t>【长发电】衬板\FM301.4-1-13CB\FM318.800</t>
  </si>
  <si>
    <t>【长发电】衬板\FM301.4-1-14CB\FM318.800</t>
  </si>
  <si>
    <t>【长发电】衬板\FM301.4-1-15CB\FM318.800</t>
  </si>
  <si>
    <t>【长发电】衬板\FM301.4-1-16CB\FM318.800</t>
  </si>
  <si>
    <t>【长发电】衬板\FM301.4-1-17CB\FM318.800</t>
  </si>
  <si>
    <t>【长发电】衬板\FM301.4-1-18CB\FM318.800</t>
  </si>
  <si>
    <t>【长发电】衬板\FM301.4-1-19CB\FM318.800</t>
  </si>
  <si>
    <t>【长发电】衬板\FM301.4-1-20CB\FM318.800</t>
  </si>
  <si>
    <t>【长发电】衬板\FM301.4-1-21CB\FM318.800</t>
  </si>
  <si>
    <t>【长发电】衬板\FM301.4-1-22CB\FM318.800</t>
  </si>
  <si>
    <t>【长发电】衬板\FM301.4-1-23CB\FM318.800</t>
  </si>
  <si>
    <t>【长发电】衬板\FM301.4-1-24CB\FM318.800</t>
  </si>
  <si>
    <t>【长发电】衬板\FM301.4-1-25CB\FM318.800</t>
  </si>
  <si>
    <t>【长发电】衬板\FM301.4-1-26CB\FM318.800</t>
  </si>
  <si>
    <t>【长发电】衬板\FM301.4-1-28CB\FM318.800</t>
  </si>
  <si>
    <t>【长发电】衬板\FM301.4-1-32CB\FM318.800</t>
  </si>
  <si>
    <t>【长发电】衬板\FM301.4-1-33CB\FM318.800</t>
  </si>
  <si>
    <t>【长发电】衬板\FM301.4-1-35CB\FM318.800</t>
  </si>
  <si>
    <t>【长发电】衬板\FM301.4-1-37CB\FM318.800</t>
  </si>
  <si>
    <t>【长发电】衬板\FM301.4-1-38CB\FM318.800</t>
  </si>
  <si>
    <t>【长发电】衬板\FM301.4-1-39CB\FM318.800</t>
  </si>
  <si>
    <t>【长发电】衬板\FM301.4-1-40CB\FM318.800</t>
  </si>
  <si>
    <t>【长发电】衬板\FM301.4-1-41CB\FM318.800</t>
  </si>
  <si>
    <t>【长发电】衬板\FM301.4-1-45CB\FM318.800</t>
  </si>
  <si>
    <t>【长发电】衬板\FM301.4-1-47CB\FM318.800</t>
  </si>
  <si>
    <t>【长发电】衬板\FM301.4-1-48CB\FM318.800</t>
  </si>
  <si>
    <t>【长发电】衬板\FM301.4-1-50CB\FM318.800</t>
  </si>
  <si>
    <t>【长发电】衬板\FM301.4-1-51CB\FM318.800</t>
  </si>
  <si>
    <t>【长发电】衬板\FM301.4-1-52CB\FM318.800</t>
  </si>
  <si>
    <t>【长发电】衬板\FM301.4-1-54CB\FM318.800</t>
  </si>
  <si>
    <t>【长发电】衬板\FM301.4-1-56CB\FM318.800</t>
  </si>
  <si>
    <t>【长发电】衬板\FM301.2.1DM\FM318.800</t>
  </si>
  <si>
    <t>【长发电】衬板\FM301.2.2DM\FM318.800</t>
  </si>
  <si>
    <t>【长发电】衬板\FM301.2.3DM\FM318.800</t>
  </si>
  <si>
    <t>【长发电】支撑杆\FM301.2.6DM\FM318.800</t>
  </si>
  <si>
    <t>【长发电】压环\FM251.2-3DM\FM318.800</t>
  </si>
  <si>
    <t>【长发电】衬板\FM301.2-2DM-15\FM318.800</t>
  </si>
  <si>
    <t>【长发电】衬板\FM301.2-3DM-16\FM318.800</t>
  </si>
  <si>
    <t>【长发电】衬板\FM301.2-4DM-17\FM318.800</t>
  </si>
  <si>
    <t>【长发电】衬板\FM251.12.6-3\FM318.800</t>
  </si>
  <si>
    <t>【长发电】衬板\FM251.2-8DM-124\FM318.800</t>
  </si>
  <si>
    <t>【长发电】中架体关节轴承密封装置\MPS190HP-II\MPS415.3.7-1/1\MPS415.3.7-1/1</t>
  </si>
  <si>
    <t>【长发电】液压系统轴向带边压力表\MPS212HP-II\CY212-YYxg-25\CY212-YYxg-25</t>
  </si>
  <si>
    <t>【长发电】液压系统压力变压器\MPS212HP-II\CY212-YYxg-26\CY212-YYxg-26</t>
  </si>
  <si>
    <t>【长发电】液压系统测压软管\MPS212HP-II\CY212-YYxg-27\CY212-YYxg-27</t>
  </si>
  <si>
    <t>【长发电】液压系统测压接头\MPS212HP-II\CY212-YYxg-28\CY212-YYxg-28</t>
  </si>
  <si>
    <t>【长发电】液压系统球阀\MPS212HP-II\CY212-YYxg-29\CY212-YYxg-29</t>
  </si>
  <si>
    <t>【长发电】液压系统热电阻\MPS212HP-II\CY212-YYxg-30\CY212-YYxg-30</t>
  </si>
  <si>
    <t>【长发电】液压系统液位开关\MPS212HP-II\CY212-YYxg-31\CY212-YYxg-31</t>
  </si>
  <si>
    <t>【长发电】液压系统抱箍\MPS212HP-II\CY212-YYxg-32\CY212-YYxg-32</t>
  </si>
  <si>
    <t>【长发电】液压系统补油阀组件\MPS212HP-II\CY212-YYxg-33\CY212-YYxg-33</t>
  </si>
  <si>
    <t>【长发电】液压系统比例阀块组件\MPS212HP-II\CY212-YYxg-34\CY212-YYxg-34</t>
  </si>
  <si>
    <t>【长发电】液压系统安全阀管路组件\MPS212HP-II\CY212-YYxg-35\CY212-YYxg-35</t>
  </si>
  <si>
    <t>【长发电】液压系统塑料管夹\MPS212HP-II\CY212-YYxg-36\CY212-YYxg-36</t>
  </si>
  <si>
    <t>【长发电】液压系统焊接管家头\MPS212HP-II\CY212-YYxg-37\CY212-YYxg-37</t>
  </si>
  <si>
    <t>【长发电】中架体耐磨衬板\MPS190HP-II\300*300*(10+10)\MPS428.4.1-3b</t>
  </si>
  <si>
    <t>【长发电】中架体耐磨衬板\MPS190HP-II\400*400*(12+13)\MPS428.4.1-3c</t>
  </si>
  <si>
    <t>【长发电】中架体耐磨衬板\MPS212HP-II\400*400*(12+13)\MPS628.4.1-2B</t>
  </si>
  <si>
    <t>【长发电】下压密封圈\63AB180.GHS04.01\MPSTYBJ080\MPS-HP-Ⅱ</t>
  </si>
  <si>
    <t>【长发电】软连接\63AB180.GHS04.02\MPSTYBJ081\MPS-HP-Ⅱ</t>
  </si>
  <si>
    <t>【长发电】观察窗\63AB180.GHS02.01\MPSTYBJ083\MPS-HP-Ⅱ</t>
  </si>
  <si>
    <t>【长发电】呼吸器\63AB180.GHS03.02\MPSTYBJ084\MPS-HP-Ⅱ</t>
  </si>
  <si>
    <t>【长发电】压紧气缸\63AB180.GHS01.02\MPSTYBJ085\MPS-HP-Ⅱ</t>
  </si>
  <si>
    <t>【长发电】改进式动喷嘴环\MPS415.8-15MG\MPS415.8-15MG\MPS190HP-Ⅱ</t>
  </si>
  <si>
    <t>【长发电】轴承密封装置\MPS415.3.7-1/1\MPS415.3.7-1/1\MPS190HP-Ⅱ</t>
  </si>
  <si>
    <t>【长发电】耐磨衬板\300*300*(10+10)\MPS428.4.1-3b\MPS190HP-II</t>
  </si>
  <si>
    <t>【长发电】耐磨衬板\400*400*(12+13)\MPS428.4.1-3c\MPS190HP-Ⅱ</t>
  </si>
  <si>
    <t>【长发电】耐磨衬板\400*400*(12+13)\MPS628.4.1-2B\MPS212HP-Ⅱ</t>
  </si>
  <si>
    <t>【长发电】刮板机构\MPS316.5-1MG\MPS316.5-1MG\MPS180HP-Ⅱ</t>
  </si>
  <si>
    <t>【长发电】分离器窄V带\MPS316.9-35\MPS316.9-23\MPS180HP-Ⅱ</t>
  </si>
  <si>
    <t>【长发电】分离器油杯\MPS316.9-38\MPS316.9-38\MPS180HP-Ⅱ</t>
  </si>
  <si>
    <t>【长发电】油封\MPS316.9.4-6\MPS316.9.4-6\MPS180HP-Ⅱ</t>
  </si>
  <si>
    <t>【长发电】密封环\MPS316.9.4-7\MPS316.9.4-7\MPS180HP-Ⅱ</t>
  </si>
  <si>
    <t>【长发电】密封环\MPS316.9.4-10\MPS316.9.4-10\MPS180HP-Ⅱ</t>
  </si>
  <si>
    <t>【长发电】磨辊复合辊套\MPS316.6-12MG\MPS316.6-12MG\MPS180HP-II</t>
  </si>
  <si>
    <t>【长发电】磨辊复合磨盘瓦\MPS316.5-16MG\MPS316.5-16MG\MPS180HP-Ⅱ</t>
  </si>
  <si>
    <t>【长发电】磨辊陶瓷辊套\MPS316.6-13MG\MPS316.6-13MG\MPS180HP-Ⅱ</t>
  </si>
  <si>
    <t>【长发电】磨辊陶瓷磨盘瓦\MPS316.5-17MG\MPS316.5-17MG\MPS180HP-II</t>
  </si>
  <si>
    <t>【长发电】磨辊压紧螺栓\MPS316.5-15MG\MPS316.5-15MG\MPS180HP-Ⅱ</t>
  </si>
  <si>
    <t>【长发电】耐磨护板\MPS316.6-14MG\MPS316.6-14MG\MPS180HP-Ⅱ</t>
  </si>
  <si>
    <t>【长发电】耐磨护板\MPS316.6-15MG\MPS316.6-15MG\MPS180HP-Ⅱ</t>
  </si>
  <si>
    <t>【长发电】耐磨护板\MPS316.6-16MG\MPS316.6-16MG\MPS180HP-Ⅱ</t>
  </si>
  <si>
    <t>【长发电】耐磨加载架护板\MPS316.7-11MG\MPS316.7-11MG\MPS180HP-Ⅱ</t>
  </si>
  <si>
    <t>【长发电】斗轮机斗子\DQ3025\DQ531.1.5</t>
  </si>
  <si>
    <t>WZSCCG-2020-BJ-038</t>
  </si>
  <si>
    <t>2020年度北京配送长发电斗轮机备件商城铺货长协采购框架合同</t>
  </si>
  <si>
    <t>【长发电】斗轮机斗齿装配\DQ3025\T011</t>
  </si>
  <si>
    <t>【长发电】斗轮机轮体\DQ3025\DQ531.1.2</t>
  </si>
  <si>
    <t>【长发电】斗轮机轴承组件\DQ3025\DQ45.55.244.2</t>
  </si>
  <si>
    <t>【长发电】斗轮机轴承组件\DQ3025\DQ45.55.244.3</t>
  </si>
  <si>
    <t>【长发电】斗轮机圆弧挡板\DQ3025\DQ531.1.4</t>
  </si>
  <si>
    <t>【长发电】斗轮机斗轮轴\DQ3025\DQ851.1-2</t>
  </si>
  <si>
    <t>【长发电】斗轮机液力偶合器\DQ3025\DQ531.1.1-2</t>
  </si>
  <si>
    <t>【长发电】斗轮机销轴\DQ3025\DQ121.1.3-4</t>
  </si>
  <si>
    <t>【长发电】斗轮机滚子链联轴器\DQ3025\DQ531.1.1.1</t>
  </si>
  <si>
    <t>【长发电】斗轮机驱动齿轮\DQ3025\DQ531.1.1-1</t>
  </si>
  <si>
    <t>【长发电】斗轮机夹轨器\TZ-J190</t>
  </si>
  <si>
    <t>【长发电】斗轮机主动台车组\TA01130</t>
  </si>
  <si>
    <t>【长发电】斗轮机从动台车组\TA01204a</t>
  </si>
  <si>
    <t>【长发电】斗轮机单轮从动台车组\TA02205</t>
  </si>
  <si>
    <t>【长发电】斗轮机头部缓冲器装配\DQ531.7.1</t>
  </si>
  <si>
    <t>【长发电】斗轮机尾部缓冲器装配\DQ531.7.2</t>
  </si>
  <si>
    <t>【长发电】斗轮机限矩联轴器\DQ3025\DQ531.8.1</t>
  </si>
  <si>
    <t>【长发电】斗轮机俯仰液压缸\DQ3025\DQ532.5-B1</t>
  </si>
  <si>
    <t>【长发电】斗轮机液控单向阀\DQ3025\DQ532.5-B3</t>
  </si>
  <si>
    <t>【长发电】斗轮机电磁换向阀\DQ3025\DQ532.5-B4</t>
  </si>
  <si>
    <t>【长发电】斗轮机单向阀\DQ3025\DQ532.5-B6</t>
  </si>
  <si>
    <t>【长发电】斗轮机油缸密封件\DQ3025\DQ532.5-B8</t>
  </si>
  <si>
    <t>【长发电】斗轮机挡煤装置电动推杆\DQ3025\DQ541.6.1-1</t>
  </si>
  <si>
    <t>【长发电】斗轮机料斗衬板\DQ3025\DQ541.6-1</t>
  </si>
  <si>
    <t>【长发电】斗轮机溜料装置衬板\DQ3025\DD532.1.3-1</t>
  </si>
  <si>
    <t>【长发电】斗轮机分配器\DQ3025\DQ532.10-B1</t>
  </si>
  <si>
    <t>【长发电】斗轮机分配器\DQ3025\DQ532.10-B2</t>
  </si>
  <si>
    <t>【长发电】斗轮机分配器\DQ3025\DQ532.10-B3</t>
  </si>
  <si>
    <t>【长发电】斗轮机司机室阻尼装置\DQ3025\DQ534.12-1</t>
  </si>
  <si>
    <t>【长发电】斗轮机俯仰装置液压缸轴套\DQ3025\DQ532.5-1</t>
  </si>
  <si>
    <t>【长发电】斗轮机俯仰装置液压管路及附件\DQ3025\DQ532.5-2</t>
  </si>
  <si>
    <t>【长发电】斗轮机俯仰装置液压缸轴套\DQ3025\DQ532.5-3</t>
  </si>
  <si>
    <t>【长发电】斗轮机俯仰装置液压缸轴卡板\DQ3025\DQ532.5-4</t>
  </si>
  <si>
    <t>【长发电】斗轮机俯仰装置液压缸轴\DQ3025\DQ532.5-5</t>
  </si>
  <si>
    <t>【长发电】斗轮机俯仰装置液压缸轴\DQ3025\DQ532.5-6</t>
  </si>
  <si>
    <t>【长发电】斗轮机悬臂皮带机液力偶合器\DQ3025\DQ534.3-B1</t>
  </si>
  <si>
    <t>【长发电】斗轮机钢轨清扫器\DQ3025\DQ171.14.2</t>
  </si>
  <si>
    <t>【长发电】斗轮机Y型防溢裙板\DQ3025\DQ541.6.2-B1</t>
  </si>
  <si>
    <t>【长发电】斗轮机动力电缆卷筒\DQ3025\DQ12.34.2.55.3.3.1</t>
  </si>
  <si>
    <t>【长发电】斗轮机电缆导轮\DQ3025\DQ12.34.2.55.3.3.2</t>
  </si>
  <si>
    <t>【长发电】斗轮机控制电缆卷筒\DQ3025\DQ12.34.2.55.3.3.3</t>
  </si>
  <si>
    <t>【长发电】斗轮机斗子\DQ5030\DQ635.1.21</t>
  </si>
  <si>
    <t>【长发电】斗轮机斗子\DQ5030\DQ635.1.22</t>
  </si>
  <si>
    <t>【长发电】斗轮机斗齿装配\DQ5030\T011.0</t>
  </si>
  <si>
    <t>【长发电】斗轮机轮体\DQ5030\DQ595.1.1</t>
  </si>
  <si>
    <t>【长发电】斗轮机轴承组件\DQ5030\DQ591.1.41</t>
  </si>
  <si>
    <t>【长发电】斗轮机轴承组件\DQ5030\DQ591.1.5</t>
  </si>
  <si>
    <t>【长发电】斗轮机圆弧挡板\DQ5030\DQ1431.1.3</t>
  </si>
  <si>
    <t>【长发电】斗轮机销轴\DQ5030\DQ315.1-1</t>
  </si>
  <si>
    <t>【长发电】斗轮机挡圈\DQ5030\DQ315.1-2</t>
  </si>
  <si>
    <t>【长发电】斗轮机限矩装置\DQ5030\DQ6107.8.2</t>
  </si>
  <si>
    <t>【长发电】斗轮机缓冲器\DQ251.6.1</t>
  </si>
  <si>
    <t>【长发电】斗轮机缓冲器\DQ251.6.12</t>
  </si>
  <si>
    <t>【长发电】斗轮机钢轨清扫器\DQ51.6.2</t>
  </si>
  <si>
    <t>【长发电】斗轮机限矩联轴器\DQ5030\TK01930.0</t>
  </si>
  <si>
    <t>【长发电】斗轮机齿轮\DQ5030\DQ51.6.3-2</t>
  </si>
  <si>
    <t>【长发电】斗轮机从动车轮组\TA02204a</t>
  </si>
  <si>
    <t>【长发电】斗轮机车轮\DQ51.6.3.3-4</t>
  </si>
  <si>
    <t>【长发电】斗轮机电液推杆\DQ5030\DQ4752.36.5</t>
  </si>
  <si>
    <t>【长发电】斗轮机胀套\DQ5030\DQ51.6.3.3-41</t>
  </si>
  <si>
    <t>【长发电】斗轮机防溢裙板\DQ5030\DQ143.2.3</t>
  </si>
  <si>
    <t>【长发电】斗轮机圆弧挡板衬板\DQ5030\DQ1432.1.3</t>
  </si>
  <si>
    <t>【长发电】斗轮机溜料装置衬板\DQ5030\DQ1143.1.2-1</t>
  </si>
  <si>
    <t>【长发电】斗轮机导料装置衬板\DQ5030\DQ149.1.1-1</t>
  </si>
  <si>
    <t>【长发电】斗轮机除大块衬板\DQ5030\DQ149.1.1-2</t>
  </si>
  <si>
    <t>【长发电】斗轮机液力偶合器\DQ5030\DQ785.365.354</t>
  </si>
  <si>
    <t>【长发电】斗轮机菱形胶面传动滚筒\DQ5030\DQ592.3-3</t>
  </si>
  <si>
    <t>【长发电】斗轮机胶面改向滚筒\DQ5030\DQ785.3669.321</t>
  </si>
  <si>
    <t>【长发电】斗轮机胶面改向滚筒\DQ5030\DQ414.3.9</t>
  </si>
  <si>
    <t>【长发电】斗轮机胶面改向滚筒\DQ5030\DQ3114.3.9</t>
  </si>
  <si>
    <t>【长发电】斗轮机胶面改向滚筒\DQ5030\DQ592.3-13</t>
  </si>
  <si>
    <t>【长发电】斗轮机第二道MSC型皮带清扫器\DQ5030\DQ47.52.36.52</t>
  </si>
  <si>
    <t>【长发电】斗轮机可逆空段皮带清扫器\DQ5030\DQ47.52.36.53</t>
  </si>
  <si>
    <t>【长发电】斗轮机料流检测器\DQ5030\DQ47.52.36.54</t>
  </si>
  <si>
    <t>【长发电】斗轮机制动器\DQ5030\DQ47.52.36.57</t>
  </si>
  <si>
    <t>【长发电】斗轮机偶合器\DQ5030\DQ47.52.36.58</t>
  </si>
  <si>
    <t>【长发电】斗轮机夹轨器\TZ-J170</t>
  </si>
  <si>
    <t>【长发电】斗轮机溜料装置衬板\DQ5030\DQ143.1.2-1</t>
  </si>
  <si>
    <t>【长发电】斗轮机油杯\DQ5030\DQ24.36584.55.1</t>
  </si>
  <si>
    <t>【长发电】斗轮机尾车驱动装置链子\DQ5030\DQ47.36.58.66</t>
  </si>
  <si>
    <t>【长发电】斗轮机尾车驱动装置轴套\DQ5030\DQ1851.13.10.2-13</t>
  </si>
  <si>
    <t>【长发电】斗轮机尾车驱动装置小齿轮\DQ5030\DQ1431.9.6.2-1</t>
  </si>
  <si>
    <t>【长发电】斗轮机卡套对接管接头\DQ5030\DQ365.9685.65.3</t>
  </si>
  <si>
    <t>【长发电】斗轮机卡套端直通管角接头\DQ5030\DQ365.9685.65.4</t>
  </si>
  <si>
    <t>【长发电】斗轮机卡套直角接头\DQ5030\DQ365.9685.65.5</t>
  </si>
  <si>
    <t>【长发电】斗轮机变径接头\DQ5030\DQ1511.12-4</t>
  </si>
  <si>
    <t>【长发电】斗轮机变径接头\DQ5030\DQ151.12-4</t>
  </si>
  <si>
    <t>【长发电】斗轮机管夹及管托架\DQ5030\DQ275.248.992.6</t>
  </si>
  <si>
    <t>【长发电】斗轮机管夹及管托架\DQ5030\DQ275.248.992.7</t>
  </si>
  <si>
    <t>【长发电】斗轮机管夹及管托架\DQ5030\DQ275.248.992.8</t>
  </si>
  <si>
    <t>【长发电】斗轮机分配器\DQ5030\DQ5547.365.25.6</t>
  </si>
  <si>
    <t>【长发电】斗轮机分配器\DQ5030\DQ5547.365.25.7</t>
  </si>
  <si>
    <t>【长发电】斗轮机分配器\DQ5030\DQ5547.365.25.8</t>
  </si>
  <si>
    <t>【长发电】斗轮机复合橡胶软管\DQ5030\DQ5547.365.25.9</t>
  </si>
  <si>
    <t>【长发电】斗轮机复合橡胶软管\DQ5030\DQ5547.365.25.10</t>
  </si>
  <si>
    <t>【长发电】斗轮机回转减速机呼吸器\DQ5030\DQ2606.7.1JG</t>
  </si>
  <si>
    <t>【长发电】斗轮机回转小齿轮\DQ5030\DQ596.5.1.1-2</t>
  </si>
  <si>
    <t>【长发电】斗轮机司机室阻尼装置\DQ5030\DQ2912.21.2-2</t>
  </si>
  <si>
    <t>【长发电】斗轮机俯仰装置液压缸轴套\DQ5030\DQ1414.5-3</t>
  </si>
  <si>
    <t>【长发电】斗轮机俯仰装置液压管路及附件\DQ5030\DQ595.5</t>
  </si>
  <si>
    <t>【长发电】斗轮机俯仰装置液压缸轴套\DQ5030\DQ1414.5-4</t>
  </si>
  <si>
    <t>【长发电】斗轮机俯仰装置液压缸轴卡板\DQ5030\DQ162.4-5</t>
  </si>
  <si>
    <t>【长发电】斗轮机俯仰装置液压缸轴\DQ5030\DQ1414.5-2</t>
  </si>
  <si>
    <t>【长发电】斗轮机俯仰装置液压缸轴\DQ5030\DQ1414.5-1</t>
  </si>
  <si>
    <t>【长发电】斗轮机管接头\DQ5030\DQ447.65.985.655</t>
  </si>
  <si>
    <t>【长发电】斗轮机钢丝绳夹\DQ5030\DQ447.65.985.657</t>
  </si>
  <si>
    <t>【长发电】斗轮机尾部缓冲器\DQ251.6.13</t>
  </si>
  <si>
    <t>【长发电】斗轮机钢制拖链\DQ5030\DQ365.68.69.5</t>
  </si>
  <si>
    <t>【长发电】斗轮机圆弧过渡铰链销轴\DQ5030\MDQ36.1.2-3</t>
  </si>
  <si>
    <t>【长发电】斗轮机圆弧过渡铰链链板\DQ5030\MDQ59.2.3-1</t>
  </si>
  <si>
    <t>【长发电】斗轮机钢丝绳\DQ5030\DQ145.84.6.5.565</t>
  </si>
  <si>
    <t>【长发电】斗轮机螺栓\DQ5030\DQ5846.365.65</t>
  </si>
  <si>
    <t>【长发电】斗轮机夹轨器液压油管\DQ5030\DQ7854.365.365</t>
  </si>
  <si>
    <t>【长发电】斗轮机俯仰液压油管\DQ5030\DQ74.638.98.5</t>
  </si>
  <si>
    <t>【长发电】斗轮机尾车变换液压油管\DQ5030\DQ745.698.6541</t>
  </si>
  <si>
    <t>【长发电】斗轮机悬臂皮带机液力偶合器\DQ5030\DQ23.65.3</t>
  </si>
  <si>
    <t>【长发电】斗轮机斗子\DQ6035\DQ4111.1.1.1</t>
  </si>
  <si>
    <t>【长发电】斗轮机斗齿\DQ6035\T011.0</t>
  </si>
  <si>
    <t>【长发电】斗轮机圆弧挡板\DQ6035\DQ4111.1.2.1</t>
  </si>
  <si>
    <t>【长发电】斗轮机溜料装置\DQ6035\DQ7812.1.1.2</t>
  </si>
  <si>
    <t>【长发电】斗轮机斗轮轴\DQ6035\DQ7812.1.1.12</t>
  </si>
  <si>
    <t>【长发电】斗轮机轴承组件\DQ6035\DQ7812.1-1.1</t>
  </si>
  <si>
    <t>【长发电】斗轮机轴承组件\DQ6035\DQ7812.3.1-2.1</t>
  </si>
  <si>
    <t>【长发电】斗轮机限矩装置\DQ6035\TC01116A.1.1</t>
  </si>
  <si>
    <t>【长发电】斗轮机导料装置\DQ6035\DQ7812.1.1-2.1</t>
  </si>
  <si>
    <t>【长发电】斗轮机斗子销轴\DQ6035\DQ7812.1.2.1-3.2</t>
  </si>
  <si>
    <t>【长发电】斗轮机车轮\Φ630</t>
  </si>
  <si>
    <t>【长发电】斗轮机主动台车组\TA01133-1</t>
  </si>
  <si>
    <t>【长发电】斗轮机单轮台车组\DQ511.9.1A.1</t>
  </si>
  <si>
    <t>【长发电】斗轮机俯仰装置液压缸轴套\DQ6035\DQ4701.6-1.1.2</t>
  </si>
  <si>
    <t>【长发电】斗轮机俯仰装置液压缸卡板\DQ6035\DQ4701.5-2.1</t>
  </si>
  <si>
    <t>【长发电】斗轮机俯仰装置液压缸轴\DQ6035\DQ0321.6-1.1</t>
  </si>
  <si>
    <t>【长发电】斗轮机俯仰装置液压缸轴\DQ6035\DQ4701.3-1.1.2</t>
  </si>
  <si>
    <t>【长发电】斗轮机落煤斗\DQ6035\DQ7812.7.1.2</t>
  </si>
  <si>
    <t>【长发电】斗轮机导料槽\DQ6035\DQ7812.2.2.1</t>
  </si>
  <si>
    <t>【长发电】斗轮机电动推杆\DQ6035\DQ0601.8.5-B1.1</t>
  </si>
  <si>
    <t>【长发电】斗轮机阻尼装置\DQ6035\DQ292.20.2-2.2</t>
  </si>
  <si>
    <t>【长发电】斗轮机上下承力圈\DQ6035\DQ832.21-1.1</t>
  </si>
  <si>
    <t>【长发电】斗轮机行走距离检测装置\DQ6035\TW01204-1</t>
  </si>
  <si>
    <t>【长发电】斗轮机变幅角度检测装置\DQ6035\TW01308-1</t>
  </si>
  <si>
    <t>【长发电】斗轮机回转角度检测装置\DQ6035\TW01406-1</t>
  </si>
  <si>
    <t>【长发电】斗轮机钢套\DQ6035\DQ7812.7-B1.1</t>
  </si>
  <si>
    <t>【长发电】斗轮机夹轨器\TZ-J160</t>
  </si>
  <si>
    <t>【长发电】斗轮机限矩联轴器\DQ6035\QL141.10.1.1.3</t>
  </si>
  <si>
    <t>【长发电】斗轮机槽形托辊\DQ6035\DQ7365.234.77.32.5</t>
  </si>
  <si>
    <t>【长发电】斗轮机缓冲托辊\DQ6035\DQ7365.234.77.32.6</t>
  </si>
  <si>
    <t>【长发电】斗轮机缓冲托辊\DQ6035\DQ7365.234.77.32.7</t>
  </si>
  <si>
    <t>【长发电】斗轮机普通辊子\DQ6035\DQ7365.234.77.32.8</t>
  </si>
  <si>
    <t>【长发电】斗轮机锥形下调心托辊\DQ6035\DQ7365.234.77.32.9</t>
  </si>
  <si>
    <t>【长发电】斗轮机锥形上调心托辊\DQ6035\DQ7365.234.77.32.10</t>
  </si>
  <si>
    <t>【长发电】斗轮机单向阀\DQ6035\DQ12.7.9.42.2.5.10</t>
  </si>
  <si>
    <t>【长发电】斗轮机钟形罩联轴器\DQ6035\DQ145.368.584.36</t>
  </si>
  <si>
    <t>【长发电】斗轮机高压软管总成\DQ6035\DQ457.65.84365.2</t>
  </si>
  <si>
    <t>【长发电】斗轮机高压软管总成\DQ6035\DQ457.65.84365.3</t>
  </si>
  <si>
    <t>【长发电】斗轮机高压软管总成\DQ6035\DQ457.65.84365.4</t>
  </si>
  <si>
    <t>【长发电】斗轮机加热器\DQ6035\DQ65.4.62.784.2.5.5</t>
  </si>
  <si>
    <t>【长发电】斗轮机密封圈\DQ6035\DQ145.6584.654.3</t>
  </si>
  <si>
    <t>【长发电】斗轮机密封圈\DQ6035\DQ145.6584.654.4</t>
  </si>
  <si>
    <t>【长发电】斗轮机大链轮装配\DQ6035\DQ185.13.10.2.1.3</t>
  </si>
  <si>
    <t>【长发电】斗轮机中链轮装配\DQ6035\DQ185.13.10.2.3.5</t>
  </si>
  <si>
    <t>【长发电】斗轮机链子\DQ6035\DQ14.6525.3.1.25</t>
  </si>
  <si>
    <t>【长发电】斗轮机车轮组\MDQ36.1.3.2</t>
  </si>
  <si>
    <t>【长发电】斗轮机铰轴\DQ6035\DQ185.13-6.3</t>
  </si>
  <si>
    <t>【长发电】斗轮机斗子\DQ7530\DQ352.1-1</t>
  </si>
  <si>
    <t>【长发电】斗轮机斗齿\DQ7530\T011.0</t>
  </si>
  <si>
    <t>【长发电】斗轮机圆弧挡板\DQ7530\DQ2422.1.1</t>
  </si>
  <si>
    <t>【长发电】斗轮机溜料装置\DQ7530\DQ3422.1.2.1</t>
  </si>
  <si>
    <t>【长发电】斗轮机斗轮轴\DQ7530\DQ3422.1</t>
  </si>
  <si>
    <t>【长发电】斗轮机轴承组件\DQ7530\DQ146.1.4</t>
  </si>
  <si>
    <t>【长发电】斗轮机轴承组件\DQ7530\DQ146.1.5</t>
  </si>
  <si>
    <t>【长发电】斗轮机限距杆\DQ7530\DQ3422.1.3-1</t>
  </si>
  <si>
    <t>【长发电】斗轮机导料装置\DQ7530\DQ3422.1.2.2</t>
  </si>
  <si>
    <t>【长发电】斗轮机斗子销轴\DQ7530\DQ345.1-1</t>
  </si>
  <si>
    <t>【长发电】斗轮机轴\DQ7530\DQ4711.4-1</t>
  </si>
  <si>
    <t>【长发电】斗轮机卡板\DQ7530\DQ4711.4-2</t>
  </si>
  <si>
    <t>【长发电】斗轮机头部缓冲装配\DQ596.10.1</t>
  </si>
  <si>
    <t>【长发电】斗轮机尾部清扫器装配\DQ211.6.1</t>
  </si>
  <si>
    <t>【长发电】斗轮机落煤斗\DQ7530\DQ3422.7.1</t>
  </si>
  <si>
    <t>【长发电】斗轮机行走距离检测装置\DQ7530\TW01319</t>
  </si>
  <si>
    <t>【长发电】斗轮机齿轮\DQ7530\TW01227-1</t>
  </si>
  <si>
    <t>【长发电】斗轮机齿轮\DQ7530\TW01227-2</t>
  </si>
  <si>
    <t>【长发电】斗轮机回转角度检测装置\DQ7530\TW01317</t>
  </si>
  <si>
    <t>【长发电】斗轮机变幅角度检测装置\DQ7530\TW01313</t>
  </si>
  <si>
    <t>【长发电】斗轮机拔轴\DQ7530\TW01143-2</t>
  </si>
  <si>
    <t>【长发电】斗轮机料位检测装置\DQ7530\TW01402</t>
  </si>
  <si>
    <t>【长发电】斗轮机连杆装配\DQ7530\DQ3422.12.2</t>
  </si>
  <si>
    <t>【长发电】斗轮机支座\DQ7530\DQ7312.12-2</t>
  </si>
  <si>
    <t>【长发电】斗轮机阻尼装置\DQ7530\DQ7943.15.1</t>
  </si>
  <si>
    <t>【长发电】斗轮机上铰座\DQ7530\DQ5311.20.2-1</t>
  </si>
  <si>
    <t>【长发电】斗轮机下铰座\DQ7530\DQ5311.20.2-2</t>
  </si>
  <si>
    <t>【长发电】斗轮机板\DQ7530\DQ2311.16.2-7</t>
  </si>
  <si>
    <t>【长发电】斗轮机卡板\DQ7530\DQ2311.16.2-6</t>
  </si>
  <si>
    <t>【长发电】斗轮机销轴\DQ7530\DQ5311.20.2-9</t>
  </si>
  <si>
    <t>【长发电】斗轮机销轴\DQ7530\DQ5311.20.2-7</t>
  </si>
  <si>
    <t>【长发电】斗轮机卡板\DQ7530\DQ5311.20.2-8</t>
  </si>
  <si>
    <t>【长发电】斗轮机磁滞式电缆卷筒\DQ7530\DQ4396.376.396.33</t>
  </si>
  <si>
    <t>【长发电】斗轮机磁滞式电缆卷筒\DQ7530\DQ4396.376.396.34</t>
  </si>
  <si>
    <t>【长发电】斗轮机吸油过滤器\DQ7530\DQ12.34.64.8.3.245.1</t>
  </si>
  <si>
    <t>【长发电】斗轮机加热器\DQ7530\DQ12.34.64.8.3.245.2</t>
  </si>
  <si>
    <t>【长发电】斗轮机液位控制器\DQ7530\DQ12.34.64.8.3.245.3</t>
  </si>
  <si>
    <t>【长发电】斗轮机回油过滤器\DQ7530\DQ12.34.64.8.3.245.4</t>
  </si>
  <si>
    <t>【长发电】斗轮机测压软管\DQ7530\DQ12.34.64.8.3.245.6</t>
  </si>
  <si>
    <t>【长发电】斗轮机密封件\DQ7530\DQ12.34.64.8.3.245.8</t>
  </si>
  <si>
    <t>【长发电】斗轮机油缸密封\DQ7530\DQ12.34.64.8.3.245.9</t>
  </si>
  <si>
    <t>【长发电】斗轮机单向阀\DQ7530\DQ12.34.64.8.3.245.11</t>
  </si>
  <si>
    <t>【长发电】斗轮机单向阀\DQ7530\DQ12.34.64.8.3.245.12</t>
  </si>
  <si>
    <t>【长发电】斗轮机电磁换向阀\DQ7530\DQ12.34.64.8.3.245.15</t>
  </si>
  <si>
    <t>【长发电】斗轮机电磁换向阀\DQ7530\DQ12.34.64.8.3.245.17</t>
  </si>
  <si>
    <t>【长发电】斗轮机液控单向阀\DQ7530\DQ12.34.64.8.3.245.19</t>
  </si>
  <si>
    <t>【长发电】斗轮机回油滤器滤芯\DQ7530\DQ12.34.64.8.3.245.24</t>
  </si>
  <si>
    <t>【长发电】斗轮机管式单向阀\DQ7530\DQ12.34.64.8.3.245.28</t>
  </si>
  <si>
    <t>【长发电】斗轮机管式单向阀\DQ7530\DQ12.34.64.8.3.245.29</t>
  </si>
  <si>
    <t>【长发电】斗轮机中压过滤器滤芯\DQ7530\DQ12.34.64.8.3.245.30</t>
  </si>
  <si>
    <t>【长发电】斗轮机斗子\DQ7535\DQ0417.1.1</t>
  </si>
  <si>
    <t>【长发电】斗轮机斗齿\DQ7535\T011.0</t>
  </si>
  <si>
    <t>【长发电】斗轮机圆弧挡板\DQ7535\DQ7812.1.1</t>
  </si>
  <si>
    <t>【长发电】斗轮机溜料装置\DQ7535\DQ7812.1.2.1</t>
  </si>
  <si>
    <t>【长发电】斗轮机斗轮轴\DQ7535\DQ7812.1-1</t>
  </si>
  <si>
    <t>【长发电】斗轮机轴承组件\DQ7535\DQ176.1.14</t>
  </si>
  <si>
    <t>【长发电】斗轮机轴承组件\DQ7535\DQ176.1.15</t>
  </si>
  <si>
    <t>【长发电】斗轮机限矩装置\DQ7535\TC10811.2</t>
  </si>
  <si>
    <t>【长发电】斗轮机导料装置\DQ7535\DQ7812.1.2.2</t>
  </si>
  <si>
    <t>【长发电】斗轮机斗子销轴\DQ7535\DQ0417.1.1-B1</t>
  </si>
  <si>
    <t>【长发电】斗轮机车轮\Φ630\DQ521.8.1.1</t>
  </si>
  <si>
    <t>【长发电】斗轮机主动台车组\TA10328</t>
  </si>
  <si>
    <t>【长发电】斗轮机单轮台车组\DQ521.8.1A</t>
  </si>
  <si>
    <t>【长发电】斗轮机俯仰装置液压缸轴套\DQ7535\DQ7812.6.1</t>
  </si>
  <si>
    <t>【长发电】斗轮机俯仰装置液压缸卡板\DQ7535\DQ7812.6.2</t>
  </si>
  <si>
    <t>【长发电】斗轮机俯仰装置液压缸轴\DQ7535\DQ7812.6.3</t>
  </si>
  <si>
    <t>【长发电】斗轮机俯仰装置液压缸轴\DQ7535\DQ7812.6.4</t>
  </si>
  <si>
    <t>【长发电】斗轮机落煤斗\DQ7535\DQ7812.8.1</t>
  </si>
  <si>
    <t>【长发电】斗轮机导料槽\DQ7535\DQ7812.8-2</t>
  </si>
  <si>
    <t>【长发电】斗轮机电动推杆\DQ7535\DQ0701.8.1-B1</t>
  </si>
  <si>
    <t>【长发电】斗轮机阻尼装置\DQ7535\DQ282.21.2-2</t>
  </si>
  <si>
    <t>【长发电】斗轮机动力卷缆磁滞偶合器\DQ7535\DQ576.25893.368.9.90</t>
  </si>
  <si>
    <t>【长发电】斗轮机电缆卷筒减速机\DQ7535\DQ34.7.8936.64.32.21</t>
  </si>
  <si>
    <t>【长发电】斗轮机行走距离检测装置\DQ7535\TW01404</t>
  </si>
  <si>
    <t>【长发电】斗轮机变幅角度检测装置\DQ7535\TW01308</t>
  </si>
  <si>
    <t>【长发电】斗轮机回转角度检测装置\DQ7535\TW01404-1</t>
  </si>
  <si>
    <t>【长发电】斗轮机改向滚筒\DQ7535\DQ324.3.9</t>
  </si>
  <si>
    <t>【长发电】斗轮机胶面改向滚筒\DQ7535\DQ5812.2-1</t>
  </si>
  <si>
    <t>【长发电】斗轮机排渣改向滚筒\DQ7535\DQ7812.3.2-B1</t>
  </si>
  <si>
    <t>【长发电】斗轮机排渣改向滚筒\DQ7535\DQ7812.3.3-B1</t>
  </si>
  <si>
    <t>【长发电】斗轮机菱形胶面传动滚筒\DQ7535\DQ931.3-3</t>
  </si>
  <si>
    <t>【长发电】斗轮机夹轨器\TZ-J140</t>
  </si>
  <si>
    <t>【长发电】斗轮机排渣改向滚筒\DQ7535\DQ7812.13.2-B15</t>
  </si>
  <si>
    <t>【长发电】斗轮机排渣滚筒\DQ7535\DQ712.1.2-14</t>
  </si>
  <si>
    <t>【长发电】斗轮机限矩联轴器\DQ7535\QL141.10.1.1</t>
  </si>
  <si>
    <t>【长发电】斗轮机电磁阀\DQ7535\DQ56.34.98.5.3</t>
  </si>
  <si>
    <t>【长发电】斗轮机电磁阀线圈\DQ7535\DQ56.34.98.5.5</t>
  </si>
  <si>
    <t>【长发电】斗轮机电磁换向阀\DQ7535\DQ56.34.98.5.6</t>
  </si>
  <si>
    <t>【长发电】斗轮机尾车挂钩装置\DQ7535\DQ7812.13.3</t>
  </si>
  <si>
    <t>【长发电】斗轮机尾车车体\DQ7535\DQ7812.13.1.1</t>
  </si>
  <si>
    <t>【长发电】斗轮机连杆装置\DQ7535\DQ952.21.3-2</t>
  </si>
  <si>
    <t>【长发电】斗轮机料斗\DQ7535\DQ7821.13-1</t>
  </si>
  <si>
    <t>【长发电】斗轮机液压推动器\DQ7535\DQ34.1.7.44.7.9</t>
  </si>
  <si>
    <t>【长发电】斗轮机钢丝绳\DQ7535\DQ14.3653.952.521</t>
  </si>
  <si>
    <t>【长发电】斗轮机改向压轮\DQ7535\DQ197.19.1.1</t>
  </si>
  <si>
    <t>【长发电】斗轮机动滑轮组\DQ7535\DQ81.11.2.1</t>
  </si>
  <si>
    <t>【长发电】斗轮机定滑轮组\DQ7535\DQ72.15.3.1</t>
  </si>
  <si>
    <t>【长发电】斗轮机连杆装配\DQ7535\DQ7812.13.6</t>
  </si>
  <si>
    <t>【长发电】斗轮机连杆装配\DQ7535\DQ156.19.6</t>
  </si>
  <si>
    <t>【长发电】斗轮机头部落料斗\DQ7535\DQ7812.13.5</t>
  </si>
  <si>
    <t>【长发电】斗轮机铰座\DQ7535\DQ291.18.3.1</t>
  </si>
  <si>
    <t>【长发电】斗轮机缸支座组件\DQ7535\DQ7812.13.3-1</t>
  </si>
  <si>
    <t>【长发电】斗轮机保险支架\DQ7535\DQ193.3.3-1</t>
  </si>
  <si>
    <t>【长发电】斗轮机缓冲托架及落煤管\DQ7535\DQ7812.9ST</t>
  </si>
  <si>
    <t>【长发电】斗轮机托辊\DQ7535\DQ2254.33.12</t>
  </si>
  <si>
    <t>【长发电】斗轮机铜套\DQ7535\DQ4125.21.3.7</t>
  </si>
  <si>
    <t>【长发电】斗轮机加热器\DQ7535\DQ333.21.5</t>
  </si>
  <si>
    <t>【长发电】斗轮机油缸支承铰轴\DQ7535\DQ145.365.9852</t>
  </si>
  <si>
    <t>【长发电】斗轮机保险支架\DQ7535\DQ183.3.3-1</t>
  </si>
  <si>
    <t>【长发电】斗轮机定滑轮组\DQ7535\DQ82.15.3.1</t>
  </si>
  <si>
    <t>【长发电】斗轮机动滑轮组\DQ7535\DQ91.11.2.1</t>
  </si>
  <si>
    <t>【长发电】斗轮机斗轮堆取料机缓冲托架及落煤管\DQ7535\DQ7912.9ST</t>
  </si>
  <si>
    <t>【长发电】斗轮机斗轮机阻尼装置\DQ7535\DQ2922.21.2-2</t>
  </si>
  <si>
    <t>【长发电】斗轮机改向压轮\DQ7535\DQ187.19.1.1</t>
  </si>
  <si>
    <t>【长发电】斗轮机缸支座组件\DQ7535\DQ7912.13.3-1</t>
  </si>
  <si>
    <t>【长发电】斗轮机铰座\DQ7535\DQ281.18.3.1</t>
  </si>
  <si>
    <t>【长发电】斗轮机连杆装配\DQ7535\DQ146.19.6</t>
  </si>
  <si>
    <t>【长发电】斗轮机连杆装配\DQ7535\DQ7912.13.6</t>
  </si>
  <si>
    <t>【长发电】斗轮机连杆装置\DQ7535\DQ942.21.3-2</t>
  </si>
  <si>
    <t>【长发电】斗轮机料斗\DQ7535\DQ7921.13-1</t>
  </si>
  <si>
    <t>【长发电】斗轮机轮车动力卷缆矫正器\DQ7535\QL750.20</t>
  </si>
  <si>
    <t>【长发电】斗轮机头部落料斗\DQ7535\DQ7912.13.5</t>
  </si>
  <si>
    <t>【长发电】斗轮机尾车车体\DQ7535\DQ7912.13.1.1</t>
  </si>
  <si>
    <t>【长发电】斗轮机尾车挂钩装置\DQ7535\DQ7912.13.3</t>
  </si>
  <si>
    <t>【长发电】斗轮机斗子\DQ8035\DQ1111.1.1</t>
  </si>
  <si>
    <t>【长发电】斗轮机斗子\DQ8035\DQ1121.1.1</t>
  </si>
  <si>
    <t>【长发电】斗轮机斗子\DQ8035\DQ5121.1.1</t>
  </si>
  <si>
    <t>【长发电】斗轮机料斗\DQ8035\DQ9302.1.1</t>
  </si>
  <si>
    <t>【长发电】斗轮机斗齿装配\DQ8035\MDQ2120.10.1.1</t>
  </si>
  <si>
    <t>【长发电】斗轮机斗齿装配\DQ8035\MDQ2110.10.1.1</t>
  </si>
  <si>
    <t>【长发电】斗轮机斗齿\DQ8035\DQ521.1.2</t>
  </si>
  <si>
    <t>【长发电】斗轮机斗齿装配\DQ8035\DQ9301.1.2.1</t>
  </si>
  <si>
    <t>【长发电】斗轮机料斗\DQ8035\DQ9422.1.1</t>
  </si>
  <si>
    <t>【长发电】斗轮机驱动齿轮\DQ8035\DQ9412.1.2-2</t>
  </si>
  <si>
    <t>【长发电】斗轮机斗轮轴\DQ8035\DQ9102.1.5-1</t>
  </si>
  <si>
    <t>【长发电】斗轮机斗轮轴\DQ8035\DQ2721.1.3</t>
  </si>
  <si>
    <t>【长发电】斗轮机斗轮轴\DQ8035\DQ9302.1.5-1</t>
  </si>
  <si>
    <t>【长发电】斗轮机斗轮轴\DQ8035\DQ2171.1.3</t>
  </si>
  <si>
    <t>【长发电】斗轮机斗轮轴连接收缩环\DQ8035\DQ7903.1QJG</t>
  </si>
  <si>
    <t>【长发电】斗轮机圆弧挡板安装\DQ8035\DQ9202.6</t>
  </si>
  <si>
    <t>【长发电】斗轮机圆弧挡板\DQ8035\DQ2171.1.4</t>
  </si>
  <si>
    <t>【长发电】斗轮机圆弧挡板调整螺杆\DQ8035\DQ187.1.3-6</t>
  </si>
  <si>
    <t>【长发电】斗轮机圆弧挡板\DQ8035\DQ2721.1.4</t>
  </si>
  <si>
    <t>【长发电】斗轮机圆弧挡板安装\DQ8035\DQ9302.6</t>
  </si>
  <si>
    <t>【长发电】斗轮机圆弧挡板\DQ8035\DQ1810.1.3JG</t>
  </si>
  <si>
    <t>【长发电】斗轮机轮体\DQ8035\DQ2271.1.2</t>
  </si>
  <si>
    <t>【长发电】斗轮机轮体\DQ8035\DQ9302.1.3.1</t>
  </si>
  <si>
    <t>【长发电】斗轮机轮体\DQ8035\DQ9102.1.3.1</t>
  </si>
  <si>
    <t>【长发电】斗轮机轮体\DQ8035\DQ2711.1.2</t>
  </si>
  <si>
    <t>【长发电】斗轮机胀套\DQ8035\DQ578.635.398</t>
  </si>
  <si>
    <t>【长发电】斗轮机轴承组件\DQ8035\DQ3115.1.2</t>
  </si>
  <si>
    <t>【长发电】斗轮机轴承组件\DQ8035\DQ3115.1.4</t>
  </si>
  <si>
    <t>【长发电】斗轮机轴承组件\DQ8035\DQ3215.1.2</t>
  </si>
  <si>
    <t>【长发电】斗轮机轴承组件\DQ8035\DQ3125.1.4</t>
  </si>
  <si>
    <t>【长发电】斗轮机斗轮减速机\DQ8035\TC01119.1a</t>
  </si>
  <si>
    <t>【长发电】斗轮机液力偶合器\DQ8035\TT1132-5</t>
  </si>
  <si>
    <t>【长发电】斗轮机滚子链联轴器\DQ8035\TK1702</t>
  </si>
  <si>
    <t>【长发电】斗轮机夹轨器\DQ8035\DQ46.75.24.85.3.35</t>
  </si>
  <si>
    <t>【长发电】斗轮机行走减速机\MT0501.b.1</t>
  </si>
  <si>
    <t>【长发电】斗轮机主动台车组\TA1103a</t>
  </si>
  <si>
    <t>【长发电】斗轮机从动台车组\TA1103</t>
  </si>
  <si>
    <t>【长发电】斗轮机从动台车组\TA1204a</t>
  </si>
  <si>
    <t>【长发电】斗轮机夹轨器\TZ-190</t>
  </si>
  <si>
    <t>【长发电】斗轮机行走减速机\MT0411.b.1</t>
  </si>
  <si>
    <t>【长发电】斗轮机主动台车组\TA11103a</t>
  </si>
  <si>
    <t>【长发电】斗轮机从动台车组\TA11203</t>
  </si>
  <si>
    <t>【长发电】斗轮机从动台车组\TA12104a</t>
  </si>
  <si>
    <t>【长发电】斗轮机限矩联轴器\DQ8035\TK17109.0</t>
  </si>
  <si>
    <t>【长发电】斗轮机回转减速机\DQ8035\TG13105</t>
  </si>
  <si>
    <t>【长发电】斗轮机限矩联轴器\DQ8035\TK09119.0</t>
  </si>
  <si>
    <t>【长发电】斗轮机回转减速机\DQ8035\TG14105</t>
  </si>
  <si>
    <t>【长发电】斗轮机滚子\DQ8035\DQ3201.11.1-2</t>
  </si>
  <si>
    <t>【长发电】斗轮机小链轮\DQ8035\DQ812.13.3.1-1</t>
  </si>
  <si>
    <t>【长发电】斗轮机大链轮\DQ8035\DQ812.13.1.1</t>
  </si>
  <si>
    <t>【长发电】斗轮机制动轮\DQ8035\DQ812.13.3-11</t>
  </si>
  <si>
    <t>【长发电】斗轮机联轴器\DQ8035\DQ9702.1.2.2</t>
  </si>
  <si>
    <t>【长发电】斗轮机过力矩保护装置\DQ8035\DQ9422.1.2-1</t>
  </si>
  <si>
    <t>【长发电】斗轮机减速机\DQ8035\DQ58.24.76.33.77.4</t>
  </si>
  <si>
    <t>【长发电】斗轮机制动轮联轴器\DQ8035\DQ9501.8.4</t>
  </si>
  <si>
    <t>【长发电】斗轮机联轴器\DQ8035\DQ9701.8.5</t>
  </si>
  <si>
    <t>【长发电】斗轮机大齿轮\DQ8035\DQ9411.13.6.3-19</t>
  </si>
  <si>
    <t>【长发电】斗轮机小链轮\DQ8035\DQ9411.13.6.3-22</t>
  </si>
  <si>
    <t>【长发电】斗轮机中链轮\DQ8035\DQ9411.13.6.3-24</t>
  </si>
  <si>
    <t>【长发电】斗轮机大链轮\DQ8035\DQ9411.13.6.3.4</t>
  </si>
  <si>
    <t>【长发电】斗轮机大齿轮\DQ8035\DQ9301.13.6.3-19</t>
  </si>
  <si>
    <t>【长发电】斗轮机大链轮\DQ8035\DQ821.13.1.1</t>
  </si>
  <si>
    <t>【长发电】斗轮机小链轮\DQ8035\DQ9301.13.6.3-22</t>
  </si>
  <si>
    <t>【长发电】斗轮机小链轮\DQ8035\DQ821.13.3.1-1</t>
  </si>
  <si>
    <t>【长发电】斗轮机中链轮\DQ8035\DQ9301.13.6.3-24</t>
  </si>
  <si>
    <t>【长发电】斗轮机大链轮\DQ8035\DQ9301.13.6.3.4</t>
  </si>
  <si>
    <t>【长发电】斗轮机驱动齿轮\DQ8035\DQ9302.18-1</t>
  </si>
  <si>
    <t>【长发电】斗轮机驱动齿轮\DQ8035\DQ9102.18-1</t>
  </si>
  <si>
    <t>【长发电】斗轮机联轴器\DQ8035\DQ9421.9.5</t>
  </si>
  <si>
    <t>【长发电】斗轮机减速机\DQ8035\DQ464.64.764</t>
  </si>
  <si>
    <t>【长发电】斗轮机液控单向阀\DQ8035\DQ748.24.88.9.4</t>
  </si>
  <si>
    <t>【长发电】斗轮机单向阀\DQ8035\DQ748.24.88.9.7</t>
  </si>
  <si>
    <t>【长发电】斗轮机油缸密封件\DQ8035\DQ748.24.88.9.9</t>
  </si>
  <si>
    <t>【长发电】斗轮机液控单向阀\DQ8035\DQ748.24.88.9.11</t>
  </si>
  <si>
    <t>【长发电】斗轮机单向阀\DQ8035\DQ748.24.88.9.15</t>
  </si>
  <si>
    <t>【长发电】斗轮机行走减速机密封\DQ8035\DQ035-13/14-6</t>
  </si>
  <si>
    <t>【长发电】斗轮机胶带机减速机密封\DQ8035\DQ035-13/14-3</t>
  </si>
  <si>
    <t>【长发电】斗轮机斗轮减速机密封\DQ8035\DQ035-13/14-1</t>
  </si>
  <si>
    <t>【长发电】斗轮机回转减速机密封\DQ8035\DQ035-13/14-10</t>
  </si>
  <si>
    <t>【长发电】斗轮机油孔螺栓\DQ8035\DQ315.24.2-7</t>
  </si>
  <si>
    <t>【长发电】斗轮机尾车变换装置减速器密封件\DQ8035\DQ4701.11.1.2JG</t>
  </si>
  <si>
    <t>【长发电】斗轮机主动台车组收缩环\Φ630\DQ26525.3.4</t>
  </si>
  <si>
    <t>【长发电】斗轮机挡煤装置销轴\DQ8035\DQ185.8.1-4</t>
  </si>
  <si>
    <t>【长发电】斗轮机挡煤装置电动推杆\DQ8035\DQ35.76.254.78.2</t>
  </si>
  <si>
    <t>【长发电】斗轮机落煤斗衬板\DQ8035\DQ7904.3-2JG</t>
  </si>
  <si>
    <t>【长发电】斗轮机料斗衬板\DQ8035\DQ7903.6-2JG</t>
  </si>
  <si>
    <t>【长发电】斗轮机一字型空段清扫器\DQ8035\DQ562.245.363</t>
  </si>
  <si>
    <t>【长发电】斗轮机销\DQ8035\DQ478.785.3636</t>
  </si>
  <si>
    <t>【长发电】斗轮机销轴\DQ8035\DQ3115.1-1</t>
  </si>
  <si>
    <t>【长发电】斗轮机管夹及管托架\DQ8035\DQ234.65.2.6.33</t>
  </si>
  <si>
    <t>【长发电】斗轮机溜料装置衬板\DQ8035\DQ7903.1.1.1-1Q</t>
  </si>
  <si>
    <t>【长发电】斗轮机油杯\DQ8035\DQ14.65.578.51.1</t>
  </si>
  <si>
    <t>【长发电】斗轮机尾车驱动装置链子\DQ8035\DQ145.65.85</t>
  </si>
  <si>
    <t>【长发电】斗轮机尾车驱动装置轴套\DQ8035\DQ185.13.10.2-13</t>
  </si>
  <si>
    <t>【长发电】斗轮机尾车驱动装置小齿轮\DQ8035\DQ1432.9.6.2-1</t>
  </si>
  <si>
    <t>【长发电】斗轮机卡套对接管接头\DQ8035\DQ3737.1-81</t>
  </si>
  <si>
    <t>【长发电】斗轮机卡套端直通管角接头\DQ8035\DQ3733.1-83</t>
  </si>
  <si>
    <t>【长发电】斗轮机卡套直角接头\DQ8035\DQ3738.1-83</t>
  </si>
  <si>
    <t>【长发电】斗轮机变径接头\DQ8035\DQ222.4752.36</t>
  </si>
  <si>
    <t>【长发电】斗轮机变径接头\DQ8035\DQ4785.333.333</t>
  </si>
  <si>
    <t>【长发电】斗轮机管夹及管托架\DQ8035\DQ4635.66.32.7.33.67</t>
  </si>
  <si>
    <t>【长发电】斗轮机管夹及管托架\DQ8035\DQ4635.66.32.7.33.68</t>
  </si>
  <si>
    <t>【长发电】斗轮机管夹及管托架\DQ8035\DQ4635.66.32.7.33.69</t>
  </si>
  <si>
    <t>【长发电】斗轮机分配器\DQ8035\DQ1458.365.98.1</t>
  </si>
  <si>
    <t>【长发电】斗轮机分配器\DQ8035\DQ1458.365.98.2</t>
  </si>
  <si>
    <t>【长发电】斗轮机分配器\DQ8035\DQ1458.365.98.3</t>
  </si>
  <si>
    <t>【长发电】斗轮机复合橡胶软管\DQ8035\DQ1458.365.98.4</t>
  </si>
  <si>
    <t>【长发电】斗轮机复合橡胶软管\DQ8035\DQ1458.365.98.5</t>
  </si>
  <si>
    <t>【长发电】斗轮机回转减速机呼吸器\DQ8035\DQ2606.7.2JG</t>
  </si>
  <si>
    <t>【长发电】斗轮机限矩联轴器\DQ8035\TK09132</t>
  </si>
  <si>
    <t>【长发电】斗轮机回转小齿轮\DQ8035\DQ292.9-1</t>
  </si>
  <si>
    <t>【长发电】斗轮机司机室阻尼装置\DQ8035\DQ2932.21.2-2</t>
  </si>
  <si>
    <t>【长发电】斗轮机俯仰装置液压缸轴套\DQ8035\DQ5914.3-12</t>
  </si>
  <si>
    <t>【长发电】斗轮机俯仰装置液压管路及附件\DQ8035\DQ1709.5JG</t>
  </si>
  <si>
    <t>【长发电】斗轮机俯仰装置液压缸轴套\DQ8035\DQ5914.3-1</t>
  </si>
  <si>
    <t>【长发电】斗轮机俯仰装置液压缸轴卡板\DQ8035\DQ599.5-3</t>
  </si>
  <si>
    <t>【长发电】斗轮机俯仰装置液压缸轴\DQ8035\DQ5914.3-14</t>
  </si>
  <si>
    <t>【长发电】斗轮机俯仰装置液压缸轴\DQ8035\DQ5914.3-3</t>
  </si>
  <si>
    <t>【长发电】斗轮机轮体销轴\DQ8035\DQ511.1.3-3</t>
  </si>
  <si>
    <t>【长发电】斗轮机管接头\DQ8035\DQ8547.36514.25</t>
  </si>
  <si>
    <t>【长发电】斗轮机钢丝绳夹\DQ8035\DQ74764.56.4.2.5</t>
  </si>
  <si>
    <t>【长发电】斗轮机尾部缓冲器\DQ595.10.1-1</t>
  </si>
  <si>
    <t>【长发电】斗轮机钢制拖链\DQ8035\DQ1458.687.952.32</t>
  </si>
  <si>
    <t>【长发电】斗轮机尾部缓冲器\DQ145.63.5.25</t>
  </si>
  <si>
    <t>【长发电】斗轮机轨道变换装置电动推杆\DQ8035\DQ563.6.3.6</t>
  </si>
  <si>
    <t>【长发电】斗轮机圆弧过渡铰链销轴\DQ8035\MDQ36.1.2-13</t>
  </si>
  <si>
    <t>【长发电】斗轮机圆弧过渡铰链链板\DQ8035\MDQ59.2.3-11</t>
  </si>
  <si>
    <t>【长发电】斗轮机钢丝绳\DQ8035\DQ1452.354.6854.4</t>
  </si>
  <si>
    <t>【长发电】斗轮机夹轨器液压油管\DQ8035\DQ14.36.87.55</t>
  </si>
  <si>
    <t>【长发电】斗轮机俯仰液压油管\DQ8035\DQ145.655.4.696.2</t>
  </si>
  <si>
    <t>【长发电】斗轮机尾车变换液压油管\DQ8035\DQ145.655.4.696.3</t>
  </si>
  <si>
    <t>【长发电】斗轮机悬臂皮带机液力偶合器\DQ8035\DQ475.365.985.1</t>
  </si>
  <si>
    <t>【长发电】斗轮机斗轮减速机\DQ8035\TC01179.1a</t>
  </si>
  <si>
    <t>【长发电】斗轮机滚子链联轴器\DQ8035\TK11772</t>
  </si>
  <si>
    <t>【长发电】斗轮机滚子\DQ8035\DQ3120.11.1-2</t>
  </si>
  <si>
    <t>【长发电】斗轮机制动轮\DQ8035\DQ821.13.3-1</t>
  </si>
  <si>
    <t>【长发电】斗轮机驱动齿轮\DQ8035\DQ9302.1.2-2</t>
  </si>
  <si>
    <t>【长发电】斗轮机过力矩保护装置\DQ8035\DQ9302.1.2-1</t>
  </si>
  <si>
    <t>【长发电】斗轮机减速机\DQ8035\DQ576.788.34.6.77</t>
  </si>
  <si>
    <t>【长发电】斗轮机制动轮联轴器\DQ8035\DQ9301.8.4</t>
  </si>
  <si>
    <t>【长发电】斗轮机联轴器\DQ8035\DQ9301.8.5</t>
  </si>
  <si>
    <t>【长发电】斗轮机联轴器\DQ8035\DQ9301.9.5</t>
  </si>
  <si>
    <t>【长发电】斗轮机联轴器\DQ8035\DQ9302.1.2.2</t>
  </si>
  <si>
    <t>【长发电】斗轮机减速机\DQ8035\DQ675.77.3.5.9.6</t>
  </si>
  <si>
    <t>【长发电】斗轮机斗子\DQ10030\DQ165.1.1</t>
  </si>
  <si>
    <t>【长发电】斗轮机斗子\DQ10030\DQ188.1.1</t>
  </si>
  <si>
    <t>【长发电】斗轮机料斗\DQ10030\DQ9422.1.11</t>
  </si>
  <si>
    <t>【长发电】斗轮机斗齿装配\DQ10030\DQ9411.1.2.1</t>
  </si>
  <si>
    <t>【长发电】斗轮机斗齿装配\DQ10030\T111.0</t>
  </si>
  <si>
    <t>【长发电】斗轮机轮体\DQ10030\DQ166.1.2</t>
  </si>
  <si>
    <t>【长发电】斗轮机轮体\DQ10030\DQ9102.1.3.11</t>
  </si>
  <si>
    <t>【长发电】斗轮机斗轮轴\DQ10030\DQ9102.1.5-11</t>
  </si>
  <si>
    <t>【长发电】斗轮机圆弧挡板安装\DQ10030\DQ9202.16</t>
  </si>
  <si>
    <t>【长发电】斗轮机轴承组件\DQ10030\DQ188.1.4</t>
  </si>
  <si>
    <t>【长发电】斗轮机轴承组件\DQ10030\DQ114.1.3</t>
  </si>
  <si>
    <t>【长发电】斗轮机圆弧挡板\DQ10030\DQ163.1.1</t>
  </si>
  <si>
    <t>【长发电】斗轮机斗轮轴\DQ10030\DQ166.1-1</t>
  </si>
  <si>
    <t>【长发电】斗轮机斗轮减速机\DQ10030\DQ168.1.1</t>
  </si>
  <si>
    <t>【长发电】斗轮机斗齿装配\DQ10030\T011.0</t>
  </si>
  <si>
    <t>【长发电】斗轮机圆弧挡板\DQ10030\DQ552.1.1</t>
  </si>
  <si>
    <t>【长发电】斗轮机轮体\DQ10030\DQ552.1.3</t>
  </si>
  <si>
    <t>【长发电】斗轮机滚子链联轴器\DQ10030\DQ162.4-4</t>
  </si>
  <si>
    <t>【长发电】斗轮机驱动齿轮\DQ10030\DQ551.1.5-3</t>
  </si>
  <si>
    <t>【长发电】斗轮机溜料导料装置\DQ10030\DQ1165.1.2</t>
  </si>
  <si>
    <t>【长发电】斗轮机轴承组件\DQ10030\DQ1186.1.5.1-5</t>
  </si>
  <si>
    <t>【长发电】斗轮机销轴\DQ10030\DQ6111.1-3</t>
  </si>
  <si>
    <t>【长发电】斗轮机挡圈\DQ10030\DQ6111.1-4</t>
  </si>
  <si>
    <t>【长发电】斗轮机轴承组件\DQ10030\DQ1186.1.4-2</t>
  </si>
  <si>
    <t>【长发电】斗轮机斗轮轴装配\DQ10030\DQ1165.1.4</t>
  </si>
  <si>
    <t>【长发电】斗轮机改向压轮\DQ10030\DQ2913.10.1</t>
  </si>
  <si>
    <t>【长发电】斗轮机从动车轮组\DQ511.6.4.1</t>
  </si>
  <si>
    <t>【长发电】斗轮机隔套\DQ1165.9.3-2</t>
  </si>
  <si>
    <t>【长发电】斗轮机铰轴\DQ1165.9.3-3</t>
  </si>
  <si>
    <t>【长发电】斗轮机卡板\DQ10030\DQ1165.9.3-4</t>
  </si>
  <si>
    <t>【长发电】斗轮机卡板\DQ10030\DQ3121.6.1-6</t>
  </si>
  <si>
    <t>【长发电】斗轮机轴\DQ10030\DQ3116.8-1</t>
  </si>
  <si>
    <t>【长发电】斗轮机轴\DQ10030\DQ1615.4-1</t>
  </si>
  <si>
    <t>【长发电】斗轮机卡板\DQ10030\DQ1615.4-2</t>
  </si>
  <si>
    <t>【长发电】斗轮机轴\DQ10030\DQ1615.5-1</t>
  </si>
  <si>
    <t>【长发电】斗轮机回转角度检测装置\DQ10030\TW01318</t>
  </si>
  <si>
    <t>【长发电】斗轮机料位检测装置\DQ10030\TW01342</t>
  </si>
  <si>
    <t>【长发电】斗轮机限矩联轴器\DQ10030\TK01832</t>
  </si>
  <si>
    <t>【长发电】斗轮机齿轮\DQ10030\DQ1615.9-1</t>
  </si>
  <si>
    <t>【长发电】斗轮机键\DQ10030\DQ1615.9-2</t>
  </si>
  <si>
    <t>【长发电】斗轮机主动车轮组\DQ511.6.3.3</t>
  </si>
  <si>
    <t>【长发电】斗轮机齿轮\DQ10030\DQ511.6.3-2</t>
  </si>
  <si>
    <t>【长发电】斗轮机中间轴装配\TA01118.1</t>
  </si>
  <si>
    <t>【长发电】斗轮机液力偶合器\DQ10030\TT01132-5</t>
  </si>
  <si>
    <t>【长发电】斗轮机滚子链联轴器\DQ10030\TK11702</t>
  </si>
  <si>
    <t>【长发电】斗轮机行走减速机\MT0501.b.11</t>
  </si>
  <si>
    <t>【长发电】斗轮机限矩联轴器\DQ10030\TK10919.0</t>
  </si>
  <si>
    <t>【长发电】斗轮机回转减速机\DQ10030\TG11405</t>
  </si>
  <si>
    <t>【长发电】斗轮机滚子\DQ10030\DQ3211.11.1-2</t>
  </si>
  <si>
    <t>【长发电】斗轮机小链轮\DQ10030\DQ812.13.3.1-11</t>
  </si>
  <si>
    <t>【长发电】斗轮机大链轮\DQ10030\DQ812.13.1.11</t>
  </si>
  <si>
    <t>【长发电】斗轮机制动轮\DQ10030\DQ812.13.3-1</t>
  </si>
  <si>
    <t>【长发电】斗轮机驱动齿轮\DQ10030\DQ9412.1.2-21</t>
  </si>
  <si>
    <t>【长发电】斗轮机联轴器\DQ10030\DQ9702.1.2.21</t>
  </si>
  <si>
    <t>【长发电】斗轮机过力矩保护装置\DQ10030\TK10929.0</t>
  </si>
  <si>
    <t>【长发电】斗轮机减速机\DQ10030\DQ7564.99.3.6.7.24</t>
  </si>
  <si>
    <t>【长发电】斗轮机制动轮联轴器\DQ10030\DQ9501.8.41</t>
  </si>
  <si>
    <t>【长发电】斗轮机联轴器\DQ10030\DQ9701.8.51</t>
  </si>
  <si>
    <t>【长发电】斗轮机大齿轮\DQ10030\DQ9411.13.6.3-29</t>
  </si>
  <si>
    <t>【长发电】斗轮机小链轮\DQ10030\DQ9411.13.6.3-23</t>
  </si>
  <si>
    <t>【长发电】斗轮机中链轮\DQ10030\DQ9411.13.6.3-26</t>
  </si>
  <si>
    <t>【长发电】斗轮机大链轮\DQ10030\DQ9411.13.6.3.14</t>
  </si>
  <si>
    <t>【长发电】斗轮机驱动齿轮\DQ10030\DQ9102.18-11</t>
  </si>
  <si>
    <t>【长发电】斗轮机联轴器\DQ10030\DQ9421.9.51</t>
  </si>
  <si>
    <t>【长发电】斗轮机斗子\DQ10035\DQ5121.1.11</t>
  </si>
  <si>
    <t>【长发电】斗轮机斗子\DQ10035\DQ1720.1.1</t>
  </si>
  <si>
    <t>【长发电】斗轮机斗子\DQ10035\DQ1177.1-3</t>
  </si>
  <si>
    <t>【长发电】斗轮机斗齿装配\DQ10035\T011.0</t>
  </si>
  <si>
    <t>【长发电】斗轮机斗齿\DQ10035\DQ1720.1.2-1</t>
  </si>
  <si>
    <t>【长发电】斗轮机圆弧挡板\DQ10035\DQ2708.1.1</t>
  </si>
  <si>
    <t>【长发电】斗轮机圆弧挡板\DQ10035\DQ1177.1-1</t>
  </si>
  <si>
    <t>【长发电】斗轮机圆弧挡板\DQ10035\DQ1720.1.5</t>
  </si>
  <si>
    <t>【长发电】斗轮机轮体\DQ10035\DQ2708.1.3</t>
  </si>
  <si>
    <t>【长发电】斗轮机轮体\DQ10035\DQ1177.1-2</t>
  </si>
  <si>
    <t>【长发电】斗轮机斗轮轴\DQ10035\DQ1177.1-4</t>
  </si>
  <si>
    <t>【长发电】斗轮机斗轮轴\DQ10035\DQ2708.1-1</t>
  </si>
  <si>
    <t>【长发电】斗轮机斗轮轴装配\DQ10035\DQ1720.1.6</t>
  </si>
  <si>
    <t>【长发电】斗轮机扭力臂装置\DQ10035\DQ1177.1-5</t>
  </si>
  <si>
    <t>【长发电】斗轮机溜料装置\DQ10035\DQ1720.1.3-1</t>
  </si>
  <si>
    <t>【长发电】斗轮机导料装置\DQ10035\DQ1720.1.3.1</t>
  </si>
  <si>
    <t>【长发电】斗轮机溜料导料装置\DQ10035\DQ2708.1.4</t>
  </si>
  <si>
    <t>【长发电】斗轮机溜料装置\DQ10035\DQ2708.1.4-1</t>
  </si>
  <si>
    <t>【长发电】斗轮机导料装置\DQ10035\DQ2708.1.4-2</t>
  </si>
  <si>
    <t>【长发电】斗轮机限矩装置\DQ10035\DQ1720.1.4</t>
  </si>
  <si>
    <t>【长发电】斗轮机胀套\DQ10035\DQ1720.1.7</t>
  </si>
  <si>
    <t>【长发电】斗轮机轴承组件\DQ10035\DQ5192.1.4</t>
  </si>
  <si>
    <t>【长发电】斗轮机轴承组件\DQ10035\DQ8101.1.5</t>
  </si>
  <si>
    <t>【长发电】斗轮机销轴\DQ10035\DQ3135.1-1</t>
  </si>
  <si>
    <t>【长发电】斗轮机挡圈\DQ10035\DQ3115.1-2</t>
  </si>
  <si>
    <t>【长发电】斗轮机扭力臂装置\DQ10035\DQ1418.1.3</t>
  </si>
  <si>
    <t>【长发电】斗轮机改向压轮\DQ10035\DQ2193.10.1</t>
  </si>
  <si>
    <t>【长发电】斗轮机从动车轮组\DQ511.6.4.12</t>
  </si>
  <si>
    <t>【长发电】斗轮机隔套\DQ10035\DQ2708.9.3-2</t>
  </si>
  <si>
    <t>【长发电】斗轮机铰轴\DQ10035\DQ2708.9.3-3</t>
  </si>
  <si>
    <t>【长发电】斗轮机卡板\DQ10035\DQ2708.9.3-4</t>
  </si>
  <si>
    <t>【长发电】斗轮机卡板\DQ10035\DQ3421.6.1-6</t>
  </si>
  <si>
    <t>【长发电】斗轮机轴\DQ10035\DQ3416.8-1</t>
  </si>
  <si>
    <t>【长发电】斗轮机轴\DQ10035\DQ4102.4-1</t>
  </si>
  <si>
    <t>【长发电】斗轮机卡板\DQ10035\DQ4102.4-2</t>
  </si>
  <si>
    <t>【长发电】斗轮机轴\DQ10035\DQ0122.5-1</t>
  </si>
  <si>
    <t>【长发电】斗轮机回转角度检测装置\DQ10035\TW10428</t>
  </si>
  <si>
    <t>【长发电】斗轮机料位检测装置\DQ10035\TW10132</t>
  </si>
  <si>
    <t>【长发电】斗轮机限矩联轴器\DQ10035\TK10631</t>
  </si>
  <si>
    <t>【长发电】斗轮机齿轮\DQ10035\DQ2913.9-1</t>
  </si>
  <si>
    <t>【长发电】斗轮机键\DQ10035\DQ2913.9-2</t>
  </si>
  <si>
    <t>【长发电】斗轮机主动车轮组\DQ521.6.3.3</t>
  </si>
  <si>
    <t>【长发电】斗轮机齿轮\DQ521.6.3-2</t>
  </si>
  <si>
    <t>【长发电】斗轮机中间轴装配\TA01218.1</t>
  </si>
  <si>
    <t>【长发电】斗轮机蓤形胶面传动滚筒\DQ10035\DQ1177.3-1</t>
  </si>
  <si>
    <t>【长发电】斗轮机俯仰液压缸\DQ10035\DQ1612.4-1</t>
  </si>
  <si>
    <t>【长发电】斗轮机轴\DQ10035\DQ1612.4-2</t>
  </si>
  <si>
    <t>【长发电】斗轮机轴套\DQ10035\DQ1612.4-3</t>
  </si>
  <si>
    <t>【长发电】斗轮机轴\DQ10035\DQ1612.4-4</t>
  </si>
  <si>
    <t>【长发电】斗轮机头部缓冲器装配\DQ1717.5-1</t>
  </si>
  <si>
    <t>【长发电】斗轮机尾部缓冲器装配\DQ1717.5-2</t>
  </si>
  <si>
    <t>【长发电】斗轮机主动车轮组\DQ1717.5-3</t>
  </si>
  <si>
    <t>【长发电】斗轮机从动车轮组\DQ1717.5-4</t>
  </si>
  <si>
    <t>【长发电】斗轮机从动车轮组\DQ1717.5-5</t>
  </si>
  <si>
    <t>【长发电】斗轮机电动推杆\DQ10035\DQ1717.7-1</t>
  </si>
  <si>
    <t>【长发电】斗轮机轴\DQ10035\DQ1717.8-2</t>
  </si>
  <si>
    <t>【长发电】斗轮机限矩联轴器\DQ10035\DQ1717.9-2</t>
  </si>
  <si>
    <t>【长发电】斗轮机减速机加长轴装置\DQ10035\DQ1717.9-3</t>
  </si>
  <si>
    <t>【长发电】斗轮机改向滚筒\DQ10035\DQ1717.12-2</t>
  </si>
  <si>
    <t>【长发电】斗轮机胶面传动滚筒\DQ10035\DQ1717.12-3</t>
  </si>
  <si>
    <t>【长发电】斗轮机回转角度检测装置\DQ10035\DQ1817.12-1</t>
  </si>
  <si>
    <t>【长发电】斗轮机变幅角度检测装置\DQ10035\DQ1817.12-12</t>
  </si>
  <si>
    <t>【长发电】斗轮机行走检测装置\DQ10035\DQ1817.12-2</t>
  </si>
  <si>
    <t>【长发电】斗轮机尾车链条\DQ10035\DQ145.685.358</t>
  </si>
  <si>
    <t>【长发电】斗轮机电动推杆\DQ10035\DQ576.44.8.3.7.955</t>
  </si>
  <si>
    <t>【长发电】斗轮机电动推杆\DQ10035\DQ576.44.8.3.7.956</t>
  </si>
  <si>
    <t>【长发电】斗轮机传动滚筒\DQ10035\DQ1720.3-1</t>
  </si>
  <si>
    <t>【长发电】斗轮机缓冲床\DQ10035\DQ1720.3-2</t>
  </si>
  <si>
    <t>【长发电】斗轮机改向滚筒\DQ10035\DQ3124.3.9</t>
  </si>
  <si>
    <t>【长发电】斗轮机料流检测器\DQ10035\DQ145.35.98</t>
  </si>
  <si>
    <t>【长发电】斗轮机胶面改向滚筒\DQ10035\DQ56.5.8.447.57.4.34</t>
  </si>
  <si>
    <t>【长发电】斗轮机一级清扫器\DQ10035\DQ576.34.774.77</t>
  </si>
  <si>
    <t>【长发电】斗轮机胶面改向滚筒\DQ10035\DQ57.7.2.44.753.5</t>
  </si>
  <si>
    <t>【长发电】斗轮机液压缸\DQ10035\DQ0611.5-B1</t>
  </si>
  <si>
    <t>【长发电】斗轮机尾部缓冲器装配\DQ1720.6.1</t>
  </si>
  <si>
    <t>【长发电】斗轮机从动台车组件\Φ630\DQ1720.6.4</t>
  </si>
  <si>
    <t>【长发电】斗轮机堵塞检测器\DQ10035\DQ1720.8.B4</t>
  </si>
  <si>
    <t>【长发电】斗轮机移动滑道\DQ10035\DQ1011.9.1</t>
  </si>
  <si>
    <t>【长发电】斗轮机固定滑道\DQ10035\DQ1011.9.2</t>
  </si>
  <si>
    <t>【长发电】斗轮机滑车轮组\DQ10035\DQ1011.9.3</t>
  </si>
  <si>
    <t>【长发电】斗轮机拖链\DQ10035\DQ1011.9.B1</t>
  </si>
  <si>
    <t>【长发电】斗轮机固定饺\DQ10035\DQ1011.9.11</t>
  </si>
  <si>
    <t>【长发电】斗轮机料位检测装置\DQ10035\DQ1720.12.1</t>
  </si>
  <si>
    <t>【长发电】斗轮机变幅角度检测装置\DQ10035\DQ1720.12.3</t>
  </si>
  <si>
    <t>【长发电】斗轮机拔轴\DQ10035\DQ1720.12.4</t>
  </si>
  <si>
    <t>【长发电】斗轮机行走距离检测装置\DQ10035\DQ1720.12.5</t>
  </si>
  <si>
    <t>【长发电】斗轮机回转角度检测装置\DQ10035\DQ1720.12.6</t>
  </si>
  <si>
    <t>【长发电】斗轮机车轮组\Φ400\DQ1720.13.3</t>
  </si>
  <si>
    <t>【长发电】斗轮机改向滚筒\DQ10035\DQ1720.13.4</t>
  </si>
  <si>
    <t>【长发电】斗轮机可变槽角托辊组\DQ10035\DQ1720.13.5</t>
  </si>
  <si>
    <t>【长发电】斗轮机圆弧段过渡铰链\DQ10035\DQ1720.13.6</t>
  </si>
  <si>
    <t>【长发电】斗轮机变换车尾架\DQ10035\DQ1720.13.4.1</t>
  </si>
  <si>
    <t>【长发电】斗轮机链轮罩\DQ10035\DQ1720.13.4.2</t>
  </si>
  <si>
    <t>【长发电】斗轮机小链轮装配\DQ10035\DQ1720.13.4.3</t>
  </si>
  <si>
    <t>【长发电】斗轮机大链轮装配\DQ10035\DQ1720.13.4.4</t>
  </si>
  <si>
    <t>【长发电】斗轮机横梁支轮组件\DQ10035\DQ1720.13.4.5</t>
  </si>
  <si>
    <t>【长发电】斗轮机链子托架\DQ10035\DQ1720.13.4.7</t>
  </si>
  <si>
    <t>【长发电】斗轮机中链轮装配\DQ10035\DQ1720.13.4.8</t>
  </si>
  <si>
    <t>【长发电】斗轮机轨道\DQ10035\DQ1720.13.4.9</t>
  </si>
  <si>
    <t>【长发电】斗轮机驱动装置组\DQ10035\DQ1720.13.4.10</t>
  </si>
  <si>
    <t>【长发电】斗轮机齿轮罩\DQ10035\DQ1720.13.4.11</t>
  </si>
  <si>
    <t>【长发电】斗轮机轴组件\DQ10035\DQ1720.13.4.12</t>
  </si>
  <si>
    <t>【长发电】斗轮机链子\DQ10035\DQ1720.13.4.13</t>
  </si>
  <si>
    <t>【长发电】斗轮机轨道变换装置组件\DQ10035\DQ1720.13.4.14</t>
  </si>
  <si>
    <t>【长发电】斗轮机磁滞式电缆卷筒\DQ10035\DQ66.84.2.679.54</t>
  </si>
  <si>
    <t>【长发电】斗轮机激光防撞本体\DQ10035\DQ1720.23-1.1</t>
  </si>
  <si>
    <t>【长发电】斗轮机反射板\DQ10035\DQ1720.23-1.3</t>
  </si>
  <si>
    <t>【长发电】斗轮机卡套对接管接头\DQ10035\DQ3737.1-821</t>
  </si>
  <si>
    <t>【长发电】斗轮机卡套端直通管角接头\DQ10035\DQ3734.1-83</t>
  </si>
  <si>
    <t>【长发电】斗轮机卡套直角接头\DQ10035\DQ3738.1-84</t>
  </si>
  <si>
    <t>【长发电】斗轮机变径接头\DQ10035\DQ2542.362</t>
  </si>
  <si>
    <t>【长发电】斗轮机变径接头\DQ10035\DQ.63255.33</t>
  </si>
  <si>
    <t>【长发电】斗轮机管夹及管托架\DQ10035\DQ576.346.467.4.7</t>
  </si>
  <si>
    <t>【长发电】斗轮机管夹及管托架\DQ10035\DQ576.346.467.4.8</t>
  </si>
  <si>
    <t>【长发电】斗轮机管夹及管托架\DQ10035\DQ576.346.467.4.9</t>
  </si>
  <si>
    <t>【长发电】斗轮机分配器\DQ10035\DQ254.6.527.14</t>
  </si>
  <si>
    <t>【长发电】斗轮机分配器\DQ10035\DQ254.6.527.15</t>
  </si>
  <si>
    <t>【长发电】斗轮机分配器\DQ10035\DQ254.6.527.16</t>
  </si>
  <si>
    <t>【长发电】斗轮机复合橡胶软管\DQ10035\DQ254.6.527.17</t>
  </si>
  <si>
    <t>【长发电】斗轮机复合橡胶软管\DQ10035\DQ254.6.527.18</t>
  </si>
  <si>
    <t>【长发电】斗轮机卡套对接接头\DQ10035\DQ586.883.67.35.8</t>
  </si>
  <si>
    <t>【长发电】斗轮机管夹及管托架\DQ10035\DQ586.883.67.35.9</t>
  </si>
  <si>
    <t>【长发电】斗轮机管夹及管托架\DQ10035\DQ586.883.67.35.10</t>
  </si>
  <si>
    <t>【长发电】斗轮机管夹及管托架\DQ10035\DQ586.883.67.35.11</t>
  </si>
  <si>
    <t>【长发电】斗轮机管夹及管托架\DQ10035\DQ586.883.67.35.12</t>
  </si>
  <si>
    <t>【长发电】斗轮机卡套端直通接头\DQ10035\DQ586.883.67.35.13</t>
  </si>
  <si>
    <t>【长发电】斗轮机子分配器\DQ10035\DQ254.65.358.1</t>
  </si>
  <si>
    <t>【长发电】斗轮机变径接头\DQ10035\DQ7485.651</t>
  </si>
  <si>
    <t>【长发电】斗轮机管夹及管托架\DQ10035\DQ586.883.67.35.14</t>
  </si>
  <si>
    <t>【长发电】斗轮机管夹及管托架\DQ10035\DQ586.883.67.35.15</t>
  </si>
  <si>
    <t>【长发电】斗轮机子分配器\DQ10035\DQ254.658.5.14</t>
  </si>
  <si>
    <t>【长发电】斗轮机卡套端直角接头\DQ10035\DQ145.6552.6998</t>
  </si>
  <si>
    <t>【长发电】斗轮机复合橡胶软管\DQ10035\DQ145.65.68</t>
  </si>
  <si>
    <t>【长发电】斗轮机复合橡胶软管\DQ10035\DQ145.65.69</t>
  </si>
  <si>
    <t>【长发电】斗轮机垫圈\DQ10035\DQ685.878.3.6.47.7</t>
  </si>
  <si>
    <t>【长发电】斗轮机复合橡胶软管\DQ10035\DQ457.688.54</t>
  </si>
  <si>
    <t>【长发电】斗轮机纽扣式油嘴\DQ10035\DQ457.688.55</t>
  </si>
  <si>
    <t>【长发电】斗轮机电动油脂润滑泵集成柜\DQ10035\DQ457.688.56</t>
  </si>
  <si>
    <t>【长发电】斗轮机复合橡胶软管\DQ10035\DQ457.688.57</t>
  </si>
  <si>
    <t>【长发电】斗轮机变径接头\DQ10035\DQ3614.354</t>
  </si>
  <si>
    <t>【长发电】斗轮机卡套端直通接头\DQ10035\DQ3735.1-83</t>
  </si>
  <si>
    <t>【长发电】斗轮机卡套对接接头\DQ10035\DQ3737.1-83</t>
  </si>
  <si>
    <t>【长发电】斗轮机母分配器\DQ10035\DQ6949.3654.45</t>
  </si>
  <si>
    <t>【长发电】斗轮机子分配器\DQ10035\DQ254.654.547.5</t>
  </si>
  <si>
    <t>【长发电】斗轮机管夹及管托架\DQ10035\DQ6756.44.77.3.3.4</t>
  </si>
  <si>
    <t>【长发电】斗轮机管夹及管托架\DQ10035\DQ6756.44.77.3.3.5</t>
  </si>
  <si>
    <t>【长发电】斗轮机管夹及管托架\DQ10035\DQ6756.44.77.3.3.6</t>
  </si>
  <si>
    <t>【长发电】斗轮机管夹及管托架\DQ10035\DQ6756.44.77.3.3.7</t>
  </si>
  <si>
    <t>【长发电】斗轮机管夹及管托架\DQ10035\DQ6756.44.77.3.3.8</t>
  </si>
  <si>
    <t>【长发电】斗轮机管夹及管托架\DQ10035\DQ6756.44.77.3.3.9</t>
  </si>
  <si>
    <t>【长发电】斗轮机子分配器\DQ10035\DQ544.65.84658</t>
  </si>
  <si>
    <t>【长发电】斗轮机纽扣式油嘴\DQ10035\DQ544.65.84659</t>
  </si>
  <si>
    <t>【长发电】斗轮机垫圈\DQ10035\DQ86.7443.85.5.3</t>
  </si>
  <si>
    <t>【长发电】斗轮机卡套端直角接头\DQ10035\DQ125.652.56.1</t>
  </si>
  <si>
    <t>【长发电】斗轮机斗轮机尾车链条\DQ10035\DQ548.31.51.565</t>
  </si>
  <si>
    <t>【长发电】斗轮机测压软管\DQ10035\DQ674.878.2.77.89.5</t>
  </si>
  <si>
    <t>【长发电】斗轮机测压接头\DQ10035\DQ674.878.2.77.89.6</t>
  </si>
  <si>
    <t>【长发电】斗轮机高压软管\DQ10035\DQ674.878.2.77.89.7</t>
  </si>
  <si>
    <t>【长发电】斗轮机单向阀\DQ10035\DQ365.84.554.5.2</t>
  </si>
  <si>
    <t>【长发电】斗轮机电磁换向阀\DQ10035\DQ365.84.554.5.5</t>
  </si>
  <si>
    <t>【长发电】斗轮机防爆阀\DQ10035\DQ365.84.554.5.6</t>
  </si>
  <si>
    <t>【长发电】斗轮机轮斗联轴器\DQ10035\DQ365.84.554.5.7</t>
  </si>
  <si>
    <t>【长发电】斗轮机减震胶块\DQ10035\DQ365.84.554.5.8</t>
  </si>
  <si>
    <t>【长发电】斗轮机斗轮机尾车减速机\DQ10035\DQ585.734.63.7787.5</t>
  </si>
  <si>
    <t>【长发电】斗轮机斗轮机电动推杆\DQ10035\DQ56.78.567.4467.3</t>
  </si>
  <si>
    <t>【长发电】斗轮机斗轮机中部料斗电动推杆\DQ10035\DQ56.78.567.4467.4</t>
  </si>
  <si>
    <t>【长发电】斗轮机卡板\DQ10035\DQ1320.6.1-6</t>
  </si>
  <si>
    <t>【长发电】斗轮机轴\DQ10035\DQ1315.8-1</t>
  </si>
  <si>
    <t>【长发电】斗轮机圆弧挡板\DQ10035\DQ254.35.47.635</t>
  </si>
  <si>
    <t>【长发电】斗轮机料流检测器\DQ10035\DQ576.227.885.355</t>
  </si>
  <si>
    <t>【长发电】斗轮机液压锁\DQ10035\DQ8547.3652.621</t>
  </si>
  <si>
    <t>【长发电】斗轮机回转抱闸推动器\DQ10035\DQ3654.1565.652</t>
  </si>
  <si>
    <t>【长发电】斗轮机回转抱闸\DQ10035\DQ254.68.74</t>
  </si>
  <si>
    <t>【长发电】斗轮机悬臂皮带减速机抱闸电力液压推动器\DQ10035\DQ3654.546589.6</t>
  </si>
  <si>
    <t>【长发电】斗轮机悬臂皮带减速机抱闸\DQ10035\DQ3678.175.584.7</t>
  </si>
  <si>
    <t>【长发电】斗轮机俯仰电磁换向阀\DQ10035\DQ3654.54.3258</t>
  </si>
  <si>
    <t>【长发电】斗轮机俯仰液压锁\DQ10035\DQ145.365.98.57.1</t>
  </si>
  <si>
    <t>【长发电】斗轮机油缸出口软管一头带弯头\DQ10035\DQ145.365.98.57.4</t>
  </si>
  <si>
    <t>【长发电】斗轮机俯仰油缸控制油管\DQ10035\DQ145.365.98.57.6</t>
  </si>
  <si>
    <t>【长发电】斗轮机轮斗\DQ10035\DQ3652.36.1</t>
  </si>
  <si>
    <t>【长发电】斗轮机轮斗斗齿\DQ10035\DQ3652.36.1.1.1</t>
  </si>
  <si>
    <t>【长发电】斗轮机油箱加热器\DQ10035\DQ14.658.57.695.9</t>
  </si>
  <si>
    <t>【长发电】斗轮机胀套\DQ10035\DQ2448.6585.6554</t>
  </si>
  <si>
    <t>【长发电】斗轮机斗轮轴\DQ10035\DQ1713.1-11</t>
  </si>
  <si>
    <t>【长发电】斗轮机油滤芯\DQ10035\DQ564.773.423.5</t>
  </si>
  <si>
    <t>【长发电】斗轮机测试接头\DQ10035\DQ564.773.423.11</t>
  </si>
  <si>
    <t>【长发电】斗轮机主油泵联轴橡胶减振垫\DQ10035\DQ564.773.423.12</t>
  </si>
  <si>
    <t>【长发电】斗轮机限矩联轴器\DQ10035\TK093</t>
  </si>
  <si>
    <t>【长发电】斗轮机主动台车组收缩环\Φ630\DQ658.365.36</t>
  </si>
  <si>
    <t>【长发电】斗轮机管夹及管托架\DQ10035\DQ576.45.7.4.57</t>
  </si>
  <si>
    <t>【长发电】斗轮机管夹及管托架\DQ10035\DQ576.45.7.4.58</t>
  </si>
  <si>
    <t>【长发电】斗轮机管夹及管托架\DQ10035\DQ576.45.7.4.59</t>
  </si>
  <si>
    <t>【长发电】斗轮机分配器\DQ10035\DQ254.36.8.57.1</t>
  </si>
  <si>
    <t>【长发电】斗轮机分配器\DQ10035\DQ254.36.8.57.2</t>
  </si>
  <si>
    <t>【长发电】斗轮机分配器\DQ10035\DQ254.36.8.57.3</t>
  </si>
  <si>
    <t>【长发电】斗轮机复合橡胶软管\DQ10035\DQ254.36.8.57.4</t>
  </si>
  <si>
    <t>【长发电】斗轮机复合橡胶软管\DQ10035\DQ254.36.8.57.5</t>
  </si>
  <si>
    <t>【长发电】斗轮机尾部缓冲器\DQ10035\DQ1713.6</t>
  </si>
  <si>
    <t>【长发电】斗轮机胶面改向滚筒\DQ10035\DQ14.658.682</t>
  </si>
  <si>
    <t>【长发电】斗轮机液力偶合器\DQ10035\DQ7302.3.1-B1</t>
  </si>
  <si>
    <t>【长发电】斗轮机溜料装置\DQ10035\DQ1713.1.2.1</t>
  </si>
  <si>
    <t>【长发电】斗轮机圆弧挡板\DQ10035\DQ1713.1.12</t>
  </si>
  <si>
    <t>【长发电】斗轮机导料装置\DQ10035\DQ1713.1.2-2</t>
  </si>
  <si>
    <t>【长发电】斗轮机菱形传动滚筒\DQ10035\DQ7302.3-2</t>
  </si>
  <si>
    <t>【长发电】斗轮机胶面改向滚筒\DQ10035\DQ576.356.46.5.7</t>
  </si>
  <si>
    <t>【长发电】斗轮机胶面改向滚筒\DQ10035\DQ576.356.46.5.8</t>
  </si>
  <si>
    <t>【长发电】斗轮机阻尼装置\DQ10035\DQ2942.21.2-2</t>
  </si>
  <si>
    <t>【长发电】斗轮机电液推杆\DQ10035\DQ576.7734.75.7543.4</t>
  </si>
  <si>
    <t>【长发电】斗轮机斗子\DQ10038\DQ9213.1.1</t>
  </si>
  <si>
    <t>【长发电】斗轮机斗齿装配\DQ10038\DQ92123.1.1.1</t>
  </si>
  <si>
    <t>【长发电】斗轮机轮体\DQ10038\DQ1628.1.2</t>
  </si>
  <si>
    <t>【长发电】斗轮机轴承组件\DQ10038\DQ1816.1.4</t>
  </si>
  <si>
    <t>【长发电】斗轮机轴承组件\DQ10038\DQ1186.1.7</t>
  </si>
  <si>
    <t>【长发电】斗轮机销轴\DQ10038\DQ3215.1-1</t>
  </si>
  <si>
    <t>【长发电】斗轮机挡圈\DQ10038\DQ325.1-2</t>
  </si>
  <si>
    <t>【长发电】斗轮机限矩装置\DQ10038\TC01139.2</t>
  </si>
  <si>
    <t>【长发电】斗轮机主动台车组\TA10175</t>
  </si>
  <si>
    <t>【长发电】斗轮机从动台车组\TA10274a</t>
  </si>
  <si>
    <t>【长发电】斗轮机从动台车组\TA10213</t>
  </si>
  <si>
    <t>【长发电】斗轮机从动台车组\TA10228</t>
  </si>
  <si>
    <t>【长发电】斗轮机缓冲器\JHQ-C-17</t>
  </si>
  <si>
    <t>【长发电】斗轮机缓冲器\JHQ-C-156</t>
  </si>
  <si>
    <t>【长发电】斗轮机钢轨清扫器\DQ1624.4.1</t>
  </si>
  <si>
    <t>【长发电】斗轮机钢轨清扫器\DQ1624.4.2</t>
  </si>
  <si>
    <t>【长发电】斗轮机限矩联轴器\DQ912.9.1.1</t>
  </si>
  <si>
    <t>【长发电】斗轮机齿轮\DQ9213.10.1-1</t>
  </si>
  <si>
    <t>【长发电】斗轮机从动车轮组\DQ511.6.4.11</t>
  </si>
  <si>
    <t>【长发电】斗轮机车轮\DQ511.6.3.3-4</t>
  </si>
  <si>
    <t>【长发电】斗轮机电液推杆\DQ10038\DQ676.46.6.4.6.8</t>
  </si>
  <si>
    <t>【长发电】斗轮机胀套\DQ10038\DQ254.62.5652</t>
  </si>
  <si>
    <t>【长发电】斗轮机防溢裙板\DQ10038\DQ576.45.8.4.8.4</t>
  </si>
  <si>
    <t>【长发电】斗轮机圆弧挡板衬板\DQ10038\DQ3211.1.1-2</t>
  </si>
  <si>
    <t>【长发电】斗轮机溜料装置衬板\DQ10038\DQ3211.1.2.1-1</t>
  </si>
  <si>
    <t>【长发电】斗轮机导料装置衬板\DQ10038\DQ3211.1.2.2-2</t>
  </si>
  <si>
    <t>【长发电】斗轮机除大块衬板\DQ10038\DQ3211.1.4-1</t>
  </si>
  <si>
    <t>【长发电】斗轮机减速机\DQ10038\DQ576.84.75.96.35.76</t>
  </si>
  <si>
    <t>【长发电】斗轮机液力偶合器\DQ10038\DQ3311.1.3-B7</t>
  </si>
  <si>
    <t>【长发电】斗轮机菱形胶面传动滚筒\DQ10038\DQ3311.3-1</t>
  </si>
  <si>
    <t>【长发电】斗轮机缓冲床\DQ10038\DQ3311.3-3</t>
  </si>
  <si>
    <t>【长发电】斗轮机胶面改向滚筒\DQ10038\DQ9223.3-4</t>
  </si>
  <si>
    <t>【长发电】斗轮机胶面改向滚筒\DQ10038\DQ9233.3.2-3</t>
  </si>
  <si>
    <t>【长发电】斗轮机胶面改向滚筒\DQ10038\DQ3411.3-5</t>
  </si>
  <si>
    <t>【长发电】斗轮机胶面改向滚筒\DQ10038\DQ3711.3-6</t>
  </si>
  <si>
    <t>【长发电】斗轮机第二道皮带清扫器\DQ10038\DQ7684.85.78.544.34</t>
  </si>
  <si>
    <t>【长发电】斗轮机可逆空段皮带清扫器\DQ10038\DQ7684.85.78.544.35</t>
  </si>
  <si>
    <t>【长发电】斗轮机槽型托辊\DQ10038\DQ7684.85.78.544.36</t>
  </si>
  <si>
    <t>【长发电】斗轮机双向自动调心下托辊\DQ10038\DQ7684.85.78.544.37</t>
  </si>
  <si>
    <t>【长发电】斗轮机双向自动调心上托辊\DQ10038\DQ7684.85.78.544.38</t>
  </si>
  <si>
    <t>【长发电】斗轮机料流检测器\DQ10038\DQ587.474.74.84</t>
  </si>
  <si>
    <t>【长发电】斗轮机平行下托辊\DQ10038\DQ7684.85.78.544.2</t>
  </si>
  <si>
    <t>【长发电】斗轮机槽型过渡缓冲托辊\DQ10038\DQ7684.85.78.544.3</t>
  </si>
  <si>
    <t>【长发电】斗轮机槽型过渡缓冲托辊\DQ10038\DQ7684.85.78.544.4</t>
  </si>
  <si>
    <t>【长发电】斗轮机制动器\DQ10038\DQ5783.56.4.4.35</t>
  </si>
  <si>
    <t>【长发电】斗轮机减速器\DQ10038\DQ68736.6.7.4.74</t>
  </si>
  <si>
    <t>【长发电】斗轮机偶合器\DQ10038\DQ7171.3.2-2A</t>
  </si>
  <si>
    <t>【长发电】斗轮机液压缸\DQ10038\DQ37111.5-B1</t>
  </si>
  <si>
    <t>【长发电】斗轮机夹轨器\DQ10038\DQ586.64.774.74.4</t>
  </si>
  <si>
    <t>【长发电】斗轮机电动推杆\DQ10038\DQ5I6.64632.894</t>
  </si>
  <si>
    <t>【长发电】斗轮机堵塞检测器\DQ10038\DQ53.7448.5.25.2</t>
  </si>
  <si>
    <t>【长发电】斗轮机防溢裙板\DQ10038\DQ53.73.72764.56</t>
  </si>
  <si>
    <t>【长发电】斗轮机落煤斗衬板\DQ10038\DQ3721.7.1-1</t>
  </si>
  <si>
    <t>【长发电】斗轮机挡煤板衬板\DQ10038\DQ3721.7.2.1-1</t>
  </si>
  <si>
    <t>【长发电】斗轮机料斗衬板\DQ10038\DQ3721.7.4-1</t>
  </si>
  <si>
    <t>【长发电】斗轮机落煤斗衬板\DQ10038\DQ3721.7.5-1</t>
  </si>
  <si>
    <t>【长发电】斗轮机落煤斗衬板\DQ10038\DQ3721.7.6-1</t>
  </si>
  <si>
    <t>【长发电】斗轮机缓冲床\DQ10038\DQ3721.8-2</t>
  </si>
  <si>
    <t>【长发电】斗轮机标准托辊\DQ10038\DQ656.64.7.8.3.87</t>
  </si>
  <si>
    <t>【长发电】斗轮机缓冲托辊\DQ10038\DQ656.64.7.8.3.88</t>
  </si>
  <si>
    <t>【长发电】斗轮机制动器\DQ10038\DQ65.765.8.97.5</t>
  </si>
  <si>
    <t>【长发电】斗轮机减速器\DQ10038\DQ43.87.99.56.76</t>
  </si>
  <si>
    <t>【长发电】斗轮机分配器\DQ10038\DQ365.84.685</t>
  </si>
  <si>
    <t>【长发电】斗轮机循环指示器\DQ10038\DQ545.657.876.55</t>
  </si>
  <si>
    <t>【长发电】斗轮机电控柜\DQ10038\DQ54.34.86.45.354.6</t>
  </si>
  <si>
    <t>【长发电】斗轮机复合橡胶软管\DQ10038\DQ36.57.841</t>
  </si>
  <si>
    <t>【长发电】斗轮机垫圈\DQ10038\DQ56.23.98.45</t>
  </si>
  <si>
    <t>【长发电】斗轮机卡套端直角接头\DQ10038\DQ657.865.465</t>
  </si>
  <si>
    <t>【长发电】斗轮机管夹及管托架\DQ10038\DQ43.876.34.65.99</t>
  </si>
  <si>
    <t>【长发电】斗轮机卡套对接接头\DQ10038\DQ556.765.345</t>
  </si>
  <si>
    <t>【长发电】斗轮机卡套端直角接头\DQ10038\DQ54.77.88.45.23</t>
  </si>
  <si>
    <t>【长发电】斗轮机纽扣式油嘴\DQ10038\DQ67.656.87.75.55</t>
  </si>
  <si>
    <t>【长发电】斗轮机电动油脂润滑泵集成柜\DQ10038\DQ657.876.5667.456</t>
  </si>
  <si>
    <t>【长发电】斗轮机循环指示器\DQ10038\DQ56.766.88.89.44</t>
  </si>
  <si>
    <t>【长发电】斗轮机卡套对接接头\DQ10038\DQ5465.67.98.45</t>
  </si>
  <si>
    <t>【长发电】斗轮机管夹及管托架\DQ10038\DQ5465.67.98.46</t>
  </si>
  <si>
    <t>【长发电】斗轮机管夹及管托架\DQ10038\DQ5465.67.98.47</t>
  </si>
  <si>
    <t>【长发电】斗轮机管夹及管托架\DQ10038\DQ5465.67.98.48</t>
  </si>
  <si>
    <t>【长发电】斗轮机管夹及管托架\DQ10038\DQ5465.67.98.49</t>
  </si>
  <si>
    <t>【长发电】斗轮机卡套端直通接头\DQ10038\DQ5465.67.98.50</t>
  </si>
  <si>
    <t>【长发电】斗轮机子分配器\DQ10038\DQ768.3.4.6.95.5</t>
  </si>
  <si>
    <t>【长发电】斗轮机变径接头\DQ10038\DQ145.65.55.55</t>
  </si>
  <si>
    <t>【长发电】斗轮机管夹及管托架\DQ10038\DQ555.74.76.7.33</t>
  </si>
  <si>
    <t>【长发电】斗轮机管夹及管托架\DQ10038\DQ555.74.76.7.34</t>
  </si>
  <si>
    <t>【长发电】斗轮机子分配器\DQ10038\DQ555.74.76.7.35</t>
  </si>
  <si>
    <t>【长发电】斗轮机卡套端直角接头\DQ10038\DQ555.74.76.7.36</t>
  </si>
  <si>
    <t>【长发电】斗轮机复合橡胶软管\DQ10038\DQ555.74.76.7.37</t>
  </si>
  <si>
    <t>【长发电】斗轮机复合橡胶软管\DQ10038\DQ555.74.76.7.38</t>
  </si>
  <si>
    <t>【长发电】斗轮机垫圈\DQ10038\DQ555.74.76.7.39</t>
  </si>
  <si>
    <t>【长发电】斗轮机复合橡胶软管\DQ10038\DQ555.74.76.7.40</t>
  </si>
  <si>
    <t>【长发电】斗轮机纽扣式油嘴\DQ10038\DQ555.74.76.7.41</t>
  </si>
  <si>
    <t>【长发电】斗轮机电动油脂润滑泵集成柜\DQ10038\DQ555.74.76.7.42</t>
  </si>
  <si>
    <t>【长发电】斗轮机复合橡胶软管\DQ10038\DQ555.74.76.7.43</t>
  </si>
  <si>
    <t>【长发电】斗轮机卡套端直通接头\DQ10038\DQ555.74.76.7.45</t>
  </si>
  <si>
    <t>【长发电】斗轮机卡套对接接头\DQ10038\DQ555.74.76.7.46</t>
  </si>
  <si>
    <t>【长发电】斗轮机子分配器\DQ10038\DQ555.74.76.7.48</t>
  </si>
  <si>
    <t>【长发电】斗轮机管夹及管托架\DQ10038\DQ555.74.76.7.49</t>
  </si>
  <si>
    <t>【长发电】斗轮机管夹及管托架\DQ10038\DQ555.74.76.7.50</t>
  </si>
  <si>
    <t>【长发电】斗轮机管夹及管托架\DQ10038\DQ555.74.76.7.51</t>
  </si>
  <si>
    <t>【长发电】斗轮机管夹及管托架\DQ10038\DQ555.74.76.7.52</t>
  </si>
  <si>
    <t>【长发电】斗轮机管夹及管托架\DQ10038\DQ555.74.76.7.53</t>
  </si>
  <si>
    <t>【长发电】斗轮机管夹及管托架\DQ10038\DQ555.74.76.7.54</t>
  </si>
  <si>
    <t>【长发电】斗轮机子分配器\DQ10038\DQ555.74.76.7.55</t>
  </si>
  <si>
    <t>【长发电】斗轮机纽扣式油嘴\DQ10038\DQ555.74.76.7.56</t>
  </si>
  <si>
    <t>【长发电】斗轮机垫圈\DQ10038\DQ555.74.76.7.57</t>
  </si>
  <si>
    <t>【长发电】斗轮机卡套端直角接头\DQ10038\DQ555.74.76.7.58</t>
  </si>
  <si>
    <t>【长发电】斗轮机不锈钢箱\DQ10038\TW10339-1</t>
  </si>
  <si>
    <t>【长发电】斗轮机金属软管接头\DQ10038\DQ55.2.6234.67.8.3</t>
  </si>
  <si>
    <t>【长发电】斗轮机金属软管接头\DQ10038\DQ55.2.6234.67.8.4</t>
  </si>
  <si>
    <t>【长发电】斗轮机不锈钢箱\DQ10038\TW10150-2</t>
  </si>
  <si>
    <t>【长发电】斗轮机不锈钢箱\DQ10038\TW10817-4</t>
  </si>
  <si>
    <t>【长发电】斗轮机涡轮减速机\DQ10038\DQ5768.3.4.78.11</t>
  </si>
  <si>
    <t>【长发电】斗轮机缓冲床\DQ10038\DQ3211.3-3</t>
  </si>
  <si>
    <t>【长发电】斗轮机胶面改向滚筒\DQ10038\DQ9303.3.2-3</t>
  </si>
  <si>
    <t>【长发电】斗轮机菱形胶面传动滚筒\DQ10038\DQ3312.3-1</t>
  </si>
  <si>
    <t>【长发电】斗轮机胶面改向滚筒\DQ10038\DQ3781.11.1-2</t>
  </si>
  <si>
    <t>【长发电】斗轮机胶面改向滚筒\DQ10038\DQ3741.11.1-3</t>
  </si>
  <si>
    <t>【长发电】斗轮机槽形过渡托辊组\DQ10038\DQ574.873.66.34.6</t>
  </si>
  <si>
    <t>【长发电】斗轮机槽形过渡托辊组\DQ10038\DQ574.873.66.34.7</t>
  </si>
  <si>
    <t>【长发电】斗轮机槽形过渡托辊组\DQ10038\DQ574.873.66.34.8</t>
  </si>
  <si>
    <t>【长发电】斗轮机槽形过渡托辊组\DQ10038\DQ574.873.66.34.9</t>
  </si>
  <si>
    <t>【长发电】斗轮机可逆空段皮带清扫器\DQ10038\DQ574.873.66.34.10</t>
  </si>
  <si>
    <t>【长发电】斗轮机双向自动调心上托辊\DQ10038\DQ574.873.66.34.11</t>
  </si>
  <si>
    <t>【长发电】斗轮机缓冲托辊组\DQ10038\DQ574.873.66.34.12</t>
  </si>
  <si>
    <t>【长发电】斗轮机第二道皮带清扫器\DQ10038\DQ574.873.66.34.13</t>
  </si>
  <si>
    <t>【长发电】斗轮机平行下托辊组\DQ10038\DQ574.873.66.34.14</t>
  </si>
  <si>
    <t>【长发电】斗轮机双向自动调心下托辊\DQ10038\DQ574.873.66.34.15</t>
  </si>
  <si>
    <t>【长发电】斗轮机缓冲托辊组\DQ10038\DQ574.873.66.34.16</t>
  </si>
  <si>
    <t>【长发电】斗轮机料流检测器\DQ10038\DQ674.7.23.754.46</t>
  </si>
  <si>
    <t>【长发电】斗轮机胶面改向滚筒\DQ10038\DQ3731.3-5</t>
  </si>
  <si>
    <t>【长发电】斗轮机胶面改向滚筒\DQ10038\DQ3741.11-B1</t>
  </si>
  <si>
    <t>【长发电】斗轮机托辊\DQ10038\DQ465.33.6.6.6.7</t>
  </si>
  <si>
    <t>【长发电】斗轮机双向自动调心上托辊\DQ10038\DQ465.33.6.6.6.8</t>
  </si>
  <si>
    <t>【长发电】斗轮机油缸\DQ10038\DQ3711.11.4-B1</t>
  </si>
  <si>
    <t>【长发电】斗轮机头部落煤斗衬板\DQ10038\DQ5768.3.4.6.7.3</t>
  </si>
  <si>
    <t>【长发电】斗轮机头部落煤斗衬板\DQ10038\DQ5768.3.4.6.7.4</t>
  </si>
  <si>
    <t>【长发电】斗轮机头部落煤斗衬板\DQ10038\DQ5768.3.4.6.7.5</t>
  </si>
  <si>
    <t>【长发电】斗轮机头部落煤斗衬板\DQ10038\DQ5768.3.4.6.7.6</t>
  </si>
  <si>
    <t>【长发电】斗轮机头部落煤斗衬板\DQ10038\DQ5768.3.4.6.7.7</t>
  </si>
  <si>
    <t>【长发电】斗轮机头部落煤斗衬板\DQ10038\DQ5768.3.4.6.7.8</t>
  </si>
  <si>
    <t>【长发电】斗轮机头部落煤斗衬板\DQ10038\DQ5768.3.4.6.7.9</t>
  </si>
  <si>
    <t>【长发电】斗轮机制动器\DQ10038\DQ576.36.63.6.78</t>
  </si>
  <si>
    <t>【长发电】斗轮机减速器\DQ10038\DQ576.4.458.7.354</t>
  </si>
  <si>
    <t>【长发电】斗轮机偶合器\DQ10038\DQ7711.3.2-2A</t>
  </si>
  <si>
    <t>【长发电】斗轮机液压缸\DQ10038\DQ9703.17.1-B1</t>
  </si>
  <si>
    <t>【长发电】斗轮机电磁阀\DQ10038\DQ587.4.7.8.4.6.19</t>
  </si>
  <si>
    <t>【长发电】斗轮机高压胶管总成\DQ10038\DQ587.4.7.8.4.6.20</t>
  </si>
  <si>
    <t>【长发电】斗轮机喷嘴\DQ10038\DQ587.4.7.8.4.6.21</t>
  </si>
  <si>
    <t>【长发电】斗轮机高压胶管总成\DQ10038\DQ587.4.7.8.4.6.23</t>
  </si>
  <si>
    <t>【长发电】斗轮机磁滞式电缆卷筒\DQ10038\DQ587.46.8.4478.4</t>
  </si>
  <si>
    <t>【长发电】斗轮机电缆导轮\DQ10038\DQ587.46.8.4478.5</t>
  </si>
  <si>
    <t>【长发电】斗轮机磁滞式电缆卷筒\DQ10038\DQ587.46.8.4478.6</t>
  </si>
  <si>
    <t>【长发电】斗轮机斗子\DQ12030\DQ12.1.1</t>
  </si>
  <si>
    <t>【长发电】斗轮机斗子\DQ12030\DQ5211.1.1</t>
  </si>
  <si>
    <t>【长发电】斗轮机斗齿装配\DQ12030\T011.0</t>
  </si>
  <si>
    <t>【长发电】斗轮机圆弧挡板\DQ12030\DQ0707.1.1-1</t>
  </si>
  <si>
    <t>【长发电】斗轮机轮体\DQ12030\DQ1718.1.2</t>
  </si>
  <si>
    <t>【长发电】斗轮机斗子\DQ12030\DQ81.1.1</t>
  </si>
  <si>
    <t>【长发电】斗轮机轮体\DQ12030\DQ81.1-1</t>
  </si>
  <si>
    <t>【长发电】斗轮机斗轮轴\DQ12030\DQ81.1-3</t>
  </si>
  <si>
    <t>【长发电】斗轮机圆弧挡板\DQ12030\DQ81.1.2</t>
  </si>
  <si>
    <t>【长发电】斗轮机斗齿装配\DQ12030\MDQ220.10.1.1</t>
  </si>
  <si>
    <t>【长发电】斗轮机溜料装置\DQ12030\DQ812.1.2-1</t>
  </si>
  <si>
    <t>【长发电】斗轮机导料装置\DQ12030\DQ813.1.1-1</t>
  </si>
  <si>
    <t>【长发电】斗轮机轮毂\DQ12030\DQ812.1.3-1</t>
  </si>
  <si>
    <t>【长发电】斗轮机圆弧挡板\DQ12030\DQ812.1.7</t>
  </si>
  <si>
    <t>【长发电】斗轮机防偏装置\DQ12030\DQ812.5-2</t>
  </si>
  <si>
    <t>【长发电】斗轮机空段清扫器\DQ12030\DQ812.5.8</t>
  </si>
  <si>
    <t>【长发电】斗轮机夹轨器\DQ12030\DQ76.3.8.4.84.4</t>
  </si>
  <si>
    <t>【长发电】斗轮机导料槽\DQ12030\DQ812.11-3</t>
  </si>
  <si>
    <t>【长发电】斗轮机行走距离检测装置\DQ12030\TW10325</t>
  </si>
  <si>
    <t>【长发电】斗轮机回转角度检测装置\DQ12030\TW10133</t>
  </si>
  <si>
    <t>【长发电】斗轮机变幅角度检测装置\DQ12030\TW10142</t>
  </si>
  <si>
    <t>【长发电】斗轮机限矩联轴器\DQ12030\TK10904.0</t>
  </si>
  <si>
    <t>【长发电】斗轮机梅花弹性联轴器\DQ12030\DQ687.55.74.64.3</t>
  </si>
  <si>
    <t>【长发电】斗轮机联轴器链条\DQ12030\DQ265.541.655</t>
  </si>
  <si>
    <t>【长发电】斗轮机铜垫\DQ12030\DQ812.7.1-4</t>
  </si>
  <si>
    <t>【长发电】斗轮机铜垫\DQ12030\DQ812.7.1-7</t>
  </si>
  <si>
    <t>【长发电】斗轮机铜套\DQ12030\DQ812.7.2-3</t>
  </si>
  <si>
    <t>【长发电】斗轮机销齿\DQ12030\DQ812.7.6</t>
  </si>
  <si>
    <t>【长发电】斗轮机销齿\DQ12030\DQ812.7.7</t>
  </si>
  <si>
    <t>【长发电】斗轮机铜套\DQ12030\DQ812.7.1-6</t>
  </si>
  <si>
    <t>【长发电】斗轮机溜料导料装置\DQ12030\DQ0707.1.2</t>
  </si>
  <si>
    <t>【长发电】斗轮机溜料装置\DQ12030\DQ0707.1.2.1</t>
  </si>
  <si>
    <t>【长发电】斗轮机导料装置\DQ12030\DQ0707.1.2.1-1</t>
  </si>
  <si>
    <t>【长发电】斗轮机导料槽翻转装置\DQ12030\DQ0707.1.2.2a</t>
  </si>
  <si>
    <t>【长发电】斗轮机斗轮轴\DQ12030\DQ0707.1-1</t>
  </si>
  <si>
    <t>【长发电】斗轮机轴承组件\DQ12030\DQ176.1.4</t>
  </si>
  <si>
    <t>【长发电】斗轮机销轴\DQ12030\DQ375.1-1</t>
  </si>
  <si>
    <t>【长发电】斗轮机挡圈\DQ12030\DQ375.1.4</t>
  </si>
  <si>
    <t>【长发电】斗轮机轴承组件\DQ12030\DQ176.1.2</t>
  </si>
  <si>
    <t>【长发电】斗轮机扭力臂装置\DQ12030\DQ176.1.5</t>
  </si>
  <si>
    <t>【长发电】斗轮机改向压轮\DQ12030\DQ0707.13.4</t>
  </si>
  <si>
    <t>【长发电】斗轮机从动车轮组\DQ571.6.4.1</t>
  </si>
  <si>
    <t>【长发电】斗轮机隔套\DQ12030\DQ0707.13.22</t>
  </si>
  <si>
    <t>【长发电】斗轮机铰轴\DQ12030\DQ0707.13.14</t>
  </si>
  <si>
    <t>【长发电】斗轮机卡板\DQ12030\DQ0707.13.33</t>
  </si>
  <si>
    <t>【长发电】斗轮机卡板\DQ12030\DQ0706.6.1.1</t>
  </si>
  <si>
    <t>【长发电】斗轮机轴\DQ12030\DQ571.6.1.4-1</t>
  </si>
  <si>
    <t>【长发电】斗轮机轴\DQ12030\DQ4771.4.2</t>
  </si>
  <si>
    <t>【长发电】斗轮机卡板\DQ12030\DQ4771.4-1</t>
  </si>
  <si>
    <t>【长发电】斗轮机轴\DQ12030\DQ0721.5-1</t>
  </si>
  <si>
    <t>【长发电】斗轮机回转角度检测装置\DQ12030\TW10278</t>
  </si>
  <si>
    <t>【长发电】斗轮机料位检测装置\DQ12030\TW10472</t>
  </si>
  <si>
    <t>【长发电】斗轮机齿轮\DQ12030\DQ0876.10-3</t>
  </si>
  <si>
    <t>【长发电】斗轮机键\DQ12030\DQ0876.10-1</t>
  </si>
  <si>
    <t>【长发电】斗轮机主动车轮组\DQ571.6.3.3</t>
  </si>
  <si>
    <t>【长发电】斗轮机齿轮\DQ0876.6.1.1</t>
  </si>
  <si>
    <t>【长发电】斗轮机中间轴装配\DQ571.6.1.4-11</t>
  </si>
  <si>
    <t>【长发电】斗轮机键\DQ12030\DQ0876.6.1.1-1</t>
  </si>
  <si>
    <t>【长发电】斗轮机齿轮\DQ12030\DQ0876.6.1</t>
  </si>
  <si>
    <t>【长发电】斗轮机限矩联轴器\DQ12030\TK10931</t>
  </si>
  <si>
    <t>【长发电】斗轮机轴\DQ571.7.1.4-1</t>
  </si>
  <si>
    <t>【长发电】斗轮机单轮车轮组\DQ0876.9.1.1</t>
  </si>
  <si>
    <t>【长发电】斗轮机单轮车轮组\DQ0876.12.1.1-1</t>
  </si>
  <si>
    <t>【长发电】斗轮机单向阀\DQ12030\DQ74.8873.6.4.10</t>
  </si>
  <si>
    <t>【长发电】斗轮机联轴器弹性体\DQ12030\DQ74.8873.6.4.14</t>
  </si>
  <si>
    <t>【长发电】斗轮机联轴器弹性体\DQ12030\DQ74.8873.6.4.19</t>
  </si>
  <si>
    <t>【长发电】斗轮机单向阀\DQ12030\DQ74.8873.6.4.23</t>
  </si>
  <si>
    <t>【长发电】斗轮机联轴器弹性体\DQ12030\DQ6748.88.465.8.5</t>
  </si>
  <si>
    <t>【长发电】斗轮机大车行走距离检测装置\DQ12030\TW10704</t>
  </si>
  <si>
    <t>【长发电】斗轮机臂架防撞保护装置\DQ12030\DQ61.11.3</t>
  </si>
  <si>
    <t>【长发电】斗轮机两车防撞保护装置\DQ12030\DQ1407.12.2</t>
  </si>
  <si>
    <t>【长发电】斗轮机溜料装置\DQ12030\DQ81.1.2.1</t>
  </si>
  <si>
    <t>【长发电】斗轮机胀套\DQ12030\DQ81.1.2-1</t>
  </si>
  <si>
    <t>【长发电】斗轮机导料装置\DQ12030\DQ81.1.2.2</t>
  </si>
  <si>
    <t>【长发电】斗轮机斗轮减速器\DQ12030\DQ81.1.2.3</t>
  </si>
  <si>
    <t>【长发电】斗轮机斗齿\DQ12030\DQ81.1.1.1</t>
  </si>
  <si>
    <t>【长发电】斗轮机齿轮轴\DQ12030\DQ81.1.2.3-1</t>
  </si>
  <si>
    <t>【长发电】斗轮机梅花弹性联轴器\DQ12030\DQ6879.4.5.67.7.4.6</t>
  </si>
  <si>
    <t>【长发电】斗轮机回转减速器\DQ12030\DQ82.8.2</t>
  </si>
  <si>
    <t>【长发电】斗轮机制动器\DQ12030\DQ2543.658.5544.1</t>
  </si>
  <si>
    <t>【长发电】斗轮机回转限矩安全联轴器\DQ12030\DQ48.6.1</t>
  </si>
  <si>
    <t>【长发电】斗轮机改向滚筒\DQ12030\DQ131.3.7</t>
  </si>
  <si>
    <t>【长发电】斗轮机液力耦合器\DQ12030\DQ131.3.8</t>
  </si>
  <si>
    <t>【长发电】斗轮机回转小齿轮\DQ12030\DQ163.6.1-1</t>
  </si>
  <si>
    <t>【长发电】斗轮机限矩联轴器\DQ12030\TC10108.2</t>
  </si>
  <si>
    <t>【长发电】斗轮机车轮\DQ48.6.11</t>
  </si>
  <si>
    <t>【长发电】斗轮机从动车轮轴\DQ1311.3.4</t>
  </si>
  <si>
    <t>【长发电】斗轮机齿轮\DQ82.6.1-1</t>
  </si>
  <si>
    <t>【长发电】斗轮机异型缓冲托辊\DQ12030\DQ131.3.2</t>
  </si>
  <si>
    <t>【长发电】斗轮机异型缓冲托辊\DQ12030\DQ131.3.3</t>
  </si>
  <si>
    <t>【长发电】斗轮机异型缓冲托辊\DQ12030\DQ131.3.4</t>
  </si>
  <si>
    <t>【长发电】斗轮机定滑轮组\DQ12030\DQ48.7.1.2</t>
  </si>
  <si>
    <t>【长发电】斗轮机动滑轮组\DQ12030\DQ48.7.1.3</t>
  </si>
  <si>
    <t>【长发电】斗轮机动滑轮座\DQ12030\DQ48.7.1.4</t>
  </si>
  <si>
    <t>【长发电】斗轮机滑轮轴\DQ12030\DQ48.7.1.5</t>
  </si>
  <si>
    <t>【长发电】斗轮机定滑轮组\DQ12030\DQ48.7.1.6</t>
  </si>
  <si>
    <t>【长发电】斗轮机动滑轮组\DQ12030\DQ48.7.1.7</t>
  </si>
  <si>
    <t>【长发电】斗轮机滑轮\DQ12030\DQ48.7.1.8</t>
  </si>
  <si>
    <t>【长发电】斗轮机齿轮轴\DQ12030\TC10109.2-1</t>
  </si>
  <si>
    <t>【长发电】斗轮机齿轮轴\DQ12030\TC10404.1-1</t>
  </si>
  <si>
    <t>【长发电】斗轮机伞齿轮\DQ12030\TA10204.1-1</t>
  </si>
  <si>
    <t>【长发电】斗轮机齿轮轴\DQ12030\TA10204.1-2</t>
  </si>
  <si>
    <t>【长发电】斗轮机齿轮轴\DQ12030\TA10204.1-3</t>
  </si>
  <si>
    <t>【长发电】斗轮机伞齿轮轴\DQ12030\TA10204.1-4</t>
  </si>
  <si>
    <t>【长发电】斗轮机齿轮\DQ12030\TA10204.1-6</t>
  </si>
  <si>
    <t>【长发电】斗轮机缓冲器\DQ12030\DQ76.3.5.57.234.4</t>
  </si>
  <si>
    <t>【长发电】斗轮机钢制拖链\DQ15030\DQ145.651.6</t>
  </si>
  <si>
    <t>【长发电】斗轮机电力液压起动器\DQ15030\DQ677.46.8.4.7.4</t>
  </si>
  <si>
    <t>【长发电】斗轮机轴承座\DQ15030\DQ185.13.10.2-16</t>
  </si>
  <si>
    <t>【长发电】斗轮机齿轮\DQ15030\DQ1433.9.6.2-1</t>
  </si>
  <si>
    <t>【长发电】斗轮机制动架\DQ15030\DQ784.98.74</t>
  </si>
  <si>
    <t>【长发电】斗轮机对轮弹性柱销\DQ15030\DQ77.99.47</t>
  </si>
  <si>
    <t>【长发电】斗轮机轴\DQ15030\DQ185.13.10.2.-8</t>
  </si>
  <si>
    <t>【长发电】斗轮机制动器\DQ15030\DQ79.55.14</t>
  </si>
  <si>
    <t>【长发电】斗轮机小链轮\DQ15030\DQ1851.13.10.2-18</t>
  </si>
  <si>
    <t>【长发电】斗轮机限矩联轴器\DQ15030\TK09131</t>
  </si>
  <si>
    <t>【长发电】斗轮机尾车变换伸缩装置滑轮\DQ15030\DQ1415.11</t>
  </si>
  <si>
    <t>【长发电】斗轮机斗轮堆料机轮斗销轴\DQ15030\DQ784.62.47</t>
  </si>
  <si>
    <t>【长发电】斗轮机斗轮堆取料机轮斗\DQ15030\DQ784.635.98</t>
  </si>
  <si>
    <t>【长发电】斗轮机斗轮机皮带驱动滚筒\DQ15030\DQ173.3-2</t>
  </si>
  <si>
    <t>【长发电】斗轮机对轮\DQ15030\DQ5911.1.2a</t>
  </si>
  <si>
    <t>【长发电】斗轮机斗齿\DQ15030\DQ14115.1.1</t>
  </si>
  <si>
    <t>【长发电】斗轮机限矩装置\DQ15030\DQ5911.1.12a</t>
  </si>
  <si>
    <t>【长发电】斗轮机溜料装置\DQ15030\DQ1415.1.1</t>
  </si>
  <si>
    <t>【长发电】斗轮机导料装置组件\DQ15030\DQ1415.1.1-2</t>
  </si>
  <si>
    <t>【长发电】斗轮机圆弧挡板\DQ15030\DQ5913.1.1</t>
  </si>
  <si>
    <t>【长发电】斗轮机开口销\DQ15030\DQ1415.1-B9</t>
  </si>
  <si>
    <t>【长发电】斗轮机从动台车轮\DQ1415.6-15</t>
  </si>
  <si>
    <t>【长发电】斗轮机主动台车组\TA01328</t>
  </si>
  <si>
    <t>【长发电】斗轮机俯仰装置液压缸轴套\DQ15030\DQ1415.5-1</t>
  </si>
  <si>
    <t>【长发电】斗轮机俯仰装置液压缸轴卡板\DQ15030\DQ1415.5-2</t>
  </si>
  <si>
    <t>【长发电】斗轮机俯仰装置液压缸轴I\DQ15030\DQ1415.5-4</t>
  </si>
  <si>
    <t>【长发电】斗轮机俯仰装置液压缸轴II\DQ15030\DQ1415.5-3</t>
  </si>
  <si>
    <t>【长发电】斗轮机DT型电动推杆\DQ15030\DQ4712.365.7</t>
  </si>
  <si>
    <t>【长发电】斗轮机司机室阻尼装置\DQ15030\DQ2952.21.2-2</t>
  </si>
  <si>
    <t>【长发电】斗轮机控制电缆卷筒\DQ15030\DQ74.14.65.2</t>
  </si>
  <si>
    <t>【长发电】斗轮机行走距离检测装置\DQ15030\DQ1415.8-1</t>
  </si>
  <si>
    <t>【长发电】斗轮机变幅角度检测装置\DQ15030\DQ1415.8-2</t>
  </si>
  <si>
    <t>【长发电】斗轮机回转角度检测装置\DQ15030\DQ1415.8-3</t>
  </si>
  <si>
    <t>【长发电】斗轮机改向滚筒\DQ15030\DQ314.3.9</t>
  </si>
  <si>
    <t>【长发电】斗轮机胶面改向滚筒\DQ15030\DQ576.4.744.574</t>
  </si>
  <si>
    <t>【长发电】斗轮机胶面改向滚筒\DQ15030\DQ576.4.744.575</t>
  </si>
  <si>
    <t>【长发电】斗轮机胶面改向滚筒\DQ15030\DQ5912.2-1</t>
  </si>
  <si>
    <t>【长发电】斗轮机胶面改向滚筒\DQ15030\DQ77.65.274</t>
  </si>
  <si>
    <t>【长发电】斗轮机夹轨器\DQ15030\DQ1415.6-2</t>
  </si>
  <si>
    <t>【长发电】斗轮机卡套对接管接头\DQ15030\DQ3737.1-811</t>
  </si>
  <si>
    <t>【长发电】斗轮机卡套端直通管角接头\DQ15030\DQ3737.1-822</t>
  </si>
  <si>
    <t>【长发电】斗轮机卡套直角接头\DQ15030\DQ3737.1-84</t>
  </si>
  <si>
    <t>【长发电】斗轮机变径接头\DQ15030\DQ1452.362.84</t>
  </si>
  <si>
    <t>【长发电】斗轮机变径接头\DQ15030\DQ78.14.98</t>
  </si>
  <si>
    <t>【长发电】斗轮机管夹及管托架\DQ15030\DQ621.4.00</t>
  </si>
  <si>
    <t>【长发电】斗轮机管夹及管托架\DQ15030\DQ621.3.00</t>
  </si>
  <si>
    <t>【长发电】斗轮机管夹及管托架\DQ15030\DQ621.2.00</t>
  </si>
  <si>
    <t>【长发电】斗轮机分配器\DQ15030\DQ145.2.6.58.1</t>
  </si>
  <si>
    <t>【长发电】斗轮机分配器\DQ15030\DQ145.2.6.58.2</t>
  </si>
  <si>
    <t>【长发电】斗轮机分配器\DQ15030\DQ145.2.6.58.3</t>
  </si>
  <si>
    <t>【长发电】斗轮机复合橡胶软管\DQ15030\DQ145.2.6.58.4</t>
  </si>
  <si>
    <t>【长发电】斗轮机复合橡胶软管\DQ15030\DQ145.2.6.58.5</t>
  </si>
  <si>
    <t>【长发电】斗轮机管接头\DQ15030\DQ475.3654.78.1</t>
  </si>
  <si>
    <t>【长发电】斗轮机钢丝绳夹\DQ15030\DQ47.32.78.2</t>
  </si>
  <si>
    <t>【长发电】斗轮机尾部缓冲器\DQ595.10.1-11</t>
  </si>
  <si>
    <t>【长发电】斗轮机圆弧过渡铰链销轴\DQ15030\MDQ36.1.2-23</t>
  </si>
  <si>
    <t>【长发电】斗轮机圆弧过渡铰链链板\DQ15030\MDQ59.2.3-12</t>
  </si>
  <si>
    <t>【长发电】斗轮机地面接线箱\DQ15030\DQ1415.16-1</t>
  </si>
  <si>
    <t>【长发电】斗轮机斗轮减速机\DQ15030\DQ500.30.1</t>
  </si>
  <si>
    <t>【长发电】斗轮机回转减速机\DQ15030\DQ500.30.2</t>
  </si>
  <si>
    <t>【长发电】斗轮机行走减速机\DQ15030\DQ500.30.3</t>
  </si>
  <si>
    <t>【长发电】斗轮机斗子\DQ15035\DQ591.1.1</t>
  </si>
  <si>
    <t>【长发电】斗轮机斗子\DQ15035\DQ9212.1.1</t>
  </si>
  <si>
    <t>【长发电】斗轮机斗齿装配\DQ15035\T011.0</t>
  </si>
  <si>
    <t>【长发电】斗轮机斗子\DQ15035\DQ635.1.23</t>
  </si>
  <si>
    <t>【长发电】斗轮机斗齿\DQ15035\DQ635.1.3</t>
  </si>
  <si>
    <t>【长发电】斗轮机轮体\DQ15035\DQ1346.1.1</t>
  </si>
  <si>
    <t>【长发电】斗轮机料斗\DQ15035\DQ1431.6.1</t>
  </si>
  <si>
    <t>【长发电】斗轮机驱动齿轮\DQ15035\DQ6107.9-1</t>
  </si>
  <si>
    <t>【长发电】斗轮机轮体\DQ15035\DQ595.1.12</t>
  </si>
  <si>
    <t>【长发电】斗轮机斗轮轴\DQ15035\DQ1419.1-1</t>
  </si>
  <si>
    <t>【长发电】斗轮机圆弧挡板\DQ15035\DQ1433.1.3</t>
  </si>
  <si>
    <t>【长发电】斗轮机溜料装置\DQ15035\DQ7865.2.1A</t>
  </si>
  <si>
    <t>【长发电】斗轮机导料装置\DQ15035\DQ7865.2.1</t>
  </si>
  <si>
    <t>【长发电】斗轮机限矩杆\DQ15035\DQ245.2.1-1</t>
  </si>
  <si>
    <t>【长发电】斗轮机圆弧挡板\DQ15035\DQ5924.1.1</t>
  </si>
  <si>
    <t>【长发电】斗轮机轮体\DQ15035\DQ6150.1.2</t>
  </si>
  <si>
    <t>【长发电】斗轮机溜料导料装置\DQ15035\DQ5952.1.4</t>
  </si>
  <si>
    <t>【长发电】斗轮机限矩装置\DQ15035\TC10159.2</t>
  </si>
  <si>
    <t>【长发电】斗轮机斗轮轴\DQ15035\DQ5953.1-1A</t>
  </si>
  <si>
    <t>【长发电】斗轮机轴承组件\DQ15035\DQ5952.1.14</t>
  </si>
  <si>
    <t>【长发电】斗轮机斗齿\DQ15035\T011.0</t>
  </si>
  <si>
    <t>【长发电】斗轮机圆弧挡板\DQ15035\DQ5918.2.1</t>
  </si>
  <si>
    <t>【长发电】斗轮机溜料装置\DQ15035\DQ5918.1.1.1.1</t>
  </si>
  <si>
    <t>【长发电】斗轮机斗轮轴\DQ15035\DQ597-1.1</t>
  </si>
  <si>
    <t>【长发电】斗轮机轴承组件\DQ15035\DQ597.1-2.1</t>
  </si>
  <si>
    <t>【长发电】斗轮机轴承组件\DQ15035\DQ597.1-3.1</t>
  </si>
  <si>
    <t>【长发电】斗轮机限矩装置\DQ15035\TC10108.2.1</t>
  </si>
  <si>
    <t>【长发电】斗轮机导料装置\DQ15035\DQ5918.1.2.1</t>
  </si>
  <si>
    <t>【长发电】斗轮机斗子销轴\DQ15035\DQ511.3-3.1</t>
  </si>
  <si>
    <t>【长发电】斗轮机车轮\DQ511.1.1.1</t>
  </si>
  <si>
    <t>【长发电】斗轮机主动台车组\TA10117-1</t>
  </si>
  <si>
    <t>【长发电】斗轮机头部缓冲器装配\DQ591.1.1.2</t>
  </si>
  <si>
    <t>【长发电】斗轮机俯仰装置液压缸轴套\DQ15035\DQ5914.3.2</t>
  </si>
  <si>
    <t>【长发电】斗轮机俯仰装置液压缸卡板\DQ15035\DQ599.5-3.1</t>
  </si>
  <si>
    <t>【长发电】斗轮机俯仰装置液压缸轴\DQ15035\DQ5914.3-3.2</t>
  </si>
  <si>
    <t>【长发电】斗轮机俯仰装置液压缸轴\DQ15035\DQ5914.3-4.2</t>
  </si>
  <si>
    <t>【长发电】斗轮机落煤斗\DQ15035\DQ5918.6.2</t>
  </si>
  <si>
    <t>【长发电】斗轮机导料槽\DQ15035\DQ5912.6-1.1</t>
  </si>
  <si>
    <t>【长发电】斗轮机电动推杆\DQ15035\DQ0601.8.1.3</t>
  </si>
  <si>
    <t>【长发电】斗轮机阻尼装置\DQ15035\DQ292.21.2.2</t>
  </si>
  <si>
    <t>【长发电】斗轮机行走距离检测装置\DQ15035\TW10304-1</t>
  </si>
  <si>
    <t>【长发电】斗轮机变幅角度检测装置\DQ15035\TW10102-1</t>
  </si>
  <si>
    <t>【长发电】斗轮机回转角度检测装置\DQ15035\TW10104-1</t>
  </si>
  <si>
    <t>【长发电】斗轮机大链轮装配\DQ15035\DQ185.13.10.1.2</t>
  </si>
  <si>
    <t>【长发电】斗轮机卡板\DQ15035\DQ185.13.10.2-4.1</t>
  </si>
  <si>
    <t>【长发电】斗轮机推杆\DQ15035\DQ595.14.2-2.2</t>
  </si>
  <si>
    <t>【长发电】斗轮机中链轮装配\DQ15035\DQ185.13.1.2.3.1</t>
  </si>
  <si>
    <t>【长发电】斗轮机链子\DQ15035\DQ14.52.68.33</t>
  </si>
  <si>
    <t>【长发电】斗轮机铰轴\DQ15035\DQ185.3-6.1</t>
  </si>
  <si>
    <t>【长发电】斗轮机轴端挡板\DQ15035\DQ185.3-7.3</t>
  </si>
  <si>
    <t>【长发电】斗轮机销轴\DQ15035\DQ531.2.2-7.1</t>
  </si>
  <si>
    <t>【长发电】斗轮机卡板\DQ15035\DQ531.2.2-8.1</t>
  </si>
  <si>
    <t>【长发电】斗轮机改向滚筒\DQ15035\DQ314.13.9.2</t>
  </si>
  <si>
    <t>【长发电】斗轮机胶面改向滚筒\DQ15035\DQ675.88.44.75.5.4</t>
  </si>
  <si>
    <t>【长发电】斗轮机胶面改向滚筒\DQ15035\DQ675.88.44.75.5.5</t>
  </si>
  <si>
    <t>【长发电】斗轮机胶面改向滚筒\DQ15035\DQ675.88.44.75.5.6</t>
  </si>
  <si>
    <t>【长发电】斗轮机可变槽角缓冲托辊组\DQ15035\DQ7912.3-1.2</t>
  </si>
  <si>
    <t>【长发电】斗轮机菱形胶面传动滚筒\DQ15035\DQ5918.2-1.3</t>
  </si>
  <si>
    <t>【长发电】斗轮机平行梳形托辊\DQ15035\DQ55.3.6.45.7.5</t>
  </si>
  <si>
    <t>【长发电】斗轮机槽型托辊组\DQ15035\DQ55.3.6.45.7.6</t>
  </si>
  <si>
    <t>【长发电】斗轮机槽形缓冲托辊组\DQ15035\DQ55.3.6.45.7.7</t>
  </si>
  <si>
    <t>【长发电】斗轮机合金橡胶清扫器\DQ15035\DQ55.3.6.45.7.8</t>
  </si>
  <si>
    <t>【长发电】斗轮机合金橡胶清扫器\DQ15035\DQ55.3.6.45.7.9</t>
  </si>
  <si>
    <t>【长发电】斗轮机可逆空段清扫器\DQ15035\DQ55.3.6.45.7.10</t>
  </si>
  <si>
    <t>【长发电】斗轮机料流检测器\DQ15035\DQ674.774.4.6.45</t>
  </si>
  <si>
    <t>【长发电】斗轮机双向摇篮换向自动纠偏托辊\DQ15035\DQ8577.45.7.7.5.4</t>
  </si>
  <si>
    <t>【长发电】斗轮机双向摇篮换向自动纠偏托辊\DQ15035\DQ8577.45.7.7.5.5</t>
  </si>
  <si>
    <t>【长发电】斗轮机夹轨器\DQ15035\DQ674.8.3.4.94</t>
  </si>
  <si>
    <t>【长发电】斗轮机销轴\DQ15035\DQ3155.1-1</t>
  </si>
  <si>
    <t>【长发电】斗轮机挡圈\DQ15035\DQ3155.1-2</t>
  </si>
  <si>
    <t>【长发电】斗轮机轴承组件\DQ15035\DQ8052.1.5</t>
  </si>
  <si>
    <t>【长发电】斗轮机改向压轮\DQ15035\DQ2953.10.1</t>
  </si>
  <si>
    <t>【长发电】斗轮机从动车轮组\DQ515.6.4.1</t>
  </si>
  <si>
    <t>【长发电】斗轮机隔套\DQ15035\DQ5513.9.3-2</t>
  </si>
  <si>
    <t>【长发电】斗轮机铰轴\DQ15035\DQ5513.9.3-3</t>
  </si>
  <si>
    <t>【长发电】斗轮机卡板\DQ15035\DQ5513.9.3-4</t>
  </si>
  <si>
    <t>【长发电】斗轮机卡板\DQ15035\DQ3251.6.1-6</t>
  </si>
  <si>
    <t>【长发电】斗轮机轴\DQ15035\DQ3516.8-1</t>
  </si>
  <si>
    <t>【长发电】斗轮机轴\DQ15035\DQ5513.4-1</t>
  </si>
  <si>
    <t>【长发电】斗轮机卡板\DQ15035\DQ5513.4-2</t>
  </si>
  <si>
    <t>【长发电】斗轮机轴\DQ15035\DQ5513.5-1</t>
  </si>
  <si>
    <t>【长发电】斗轮机回转角度检测装置\DQ15035\TW01508</t>
  </si>
  <si>
    <t>【长发电】斗轮机料位检测装置\DQ15035\TW01452</t>
  </si>
  <si>
    <t>【长发电】斗轮机限矩联轴器\DQ15035\TK01732</t>
  </si>
  <si>
    <t>【长发电】斗轮机齿轮\DQ15035\DQ2953.9-1</t>
  </si>
  <si>
    <t>【长发电】斗轮机键\DQ15035\DQ2953.9-2</t>
  </si>
  <si>
    <t>【长发电】斗轮机主动车轮组\DQ519.6.3.3</t>
  </si>
  <si>
    <t>【长发电】斗轮机齿轮\DQ519.6.3-2</t>
  </si>
  <si>
    <t>【长发电】斗轮机中间轴装配\TA0158.1</t>
  </si>
  <si>
    <t>【长发电】斗轮机减速器\DQ15035\DQ1347.1.1</t>
  </si>
  <si>
    <t>【长发电】斗轮机液力偶合器\DQ15035\DQ1478.1.1</t>
  </si>
  <si>
    <t>【长发电】斗轮机圆弧挡板\DQ15035\DQ7865.1.8A</t>
  </si>
  <si>
    <t>【长发电】斗轮机轴承组件\DQ15035\DQ751.1.3</t>
  </si>
  <si>
    <t>【长发电】斗轮机轴承组件\DQ15035\DQ751.1.4</t>
  </si>
  <si>
    <t>【长发电】斗轮机胀套\DQ15035\DQ366.1.7</t>
  </si>
  <si>
    <t>【长发电】斗轮机斗轮轴\DQ15035\DQ7865.1-3A</t>
  </si>
  <si>
    <t>【长发电】斗轮机限矩联轴器\DQ15035\DQ7865.10.5.1</t>
  </si>
  <si>
    <t>【长发电】斗轮机减速机\DQ15035\DQ7865.10.3</t>
  </si>
  <si>
    <t>【长发电】斗轮机齿轮\DQ15035\DQ7865.10.3-1</t>
  </si>
  <si>
    <t>【长发电】斗轮机制动器\DQ15035\DQ7865.10.2</t>
  </si>
  <si>
    <t>【长发电】斗轮机胶面改向滚筒\DQ15035\DQ7865.3-4</t>
  </si>
  <si>
    <t>【长发电】斗轮机胶面改向滚筒\DQ15035\DQ7865.3.3</t>
  </si>
  <si>
    <t>【长发电】斗轮机改向滚筒\DQ15035\DQ418.3.6</t>
  </si>
  <si>
    <t>【长发电】斗轮机菱形胶面传动滚筒\DQ15035\DQ7865.3-2</t>
  </si>
  <si>
    <t>【长发电】斗轮机液力耦合器\DQ15035\DQ7865.3.4-B</t>
  </si>
  <si>
    <t>【长发电】斗轮机制动器\DQ15035\DQ7865.3.8</t>
  </si>
  <si>
    <t>【长发电】斗轮机聚酯运输带\DQ15035\DQ7865.3.7</t>
  </si>
  <si>
    <t>【长发电】斗轮机平行下托辊\DQ15035\DQ7865.3.5</t>
  </si>
  <si>
    <t>【长发电】斗轮机过渡托辊\DQ15035\DQ7865.3-1</t>
  </si>
  <si>
    <t>【长发电】斗轮机槽型托辊\DQ15035\DQ7865.4.2</t>
  </si>
  <si>
    <t>【长发电】斗轮机导料槽\DQ15035\DQ7865.8.3</t>
  </si>
  <si>
    <t>【长发电】斗轮机电动推杆\DQ15035\DQ7865.8.4</t>
  </si>
  <si>
    <t>【长发电】斗轮机阻尼装置\DQ15035\DQ7865.8.6</t>
  </si>
  <si>
    <t>【长发电】斗轮机胶面改向滚筒\DQ15035\DQ7865.14.1.1</t>
  </si>
  <si>
    <t>【长发电】斗轮机菱形胶面传动滚筒\DQ15035\DQ7865.14.1.3</t>
  </si>
  <si>
    <t>【长发电】斗轮机排渣改向滚筒\DQ15035\DQ7865.14-1</t>
  </si>
  <si>
    <t>【长发电】斗轮机胶面改向滚筒\DQ15035\DQ32.8.3.1</t>
  </si>
  <si>
    <t>【长发电】斗轮机液压缸密封组件\DQ15035\DQ631.10.3</t>
  </si>
  <si>
    <t>【长发电】斗轮机液压缸\DQ15035\DQ7865.10.1-B1</t>
  </si>
  <si>
    <t>【长发电】斗轮机轴\DQ15035\DQ3276.6-1</t>
  </si>
  <si>
    <t>【长发电】斗轮机惯性制动器\DQ15035\DQ7865.6.6</t>
  </si>
  <si>
    <t>【长发电】斗轮机夹轨器\DQ7865.6.5</t>
  </si>
  <si>
    <t>【长发电】斗轮机齿轮\DQ44.7.3-2</t>
  </si>
  <si>
    <t>【长发电】斗轮机中间轴装配\DQ1140.6.1</t>
  </si>
  <si>
    <t>【长发电】斗轮机头部缓冲器装配\DQ7865.6.7</t>
  </si>
  <si>
    <t>【长发电】斗轮机尾部缓冲器装配\DQ7865.6.8</t>
  </si>
  <si>
    <t>【长发电】斗轮机单轮从动台车组\DQ7865.6.3</t>
  </si>
  <si>
    <t>【长发电】斗轮机磁滞式电缆卷筒\DQ15035\DQ7865.21.1</t>
  </si>
  <si>
    <t>【长发电】斗轮机控制电缆卷筒磁滞联轴器\DQ15035\DQ7865.21.2</t>
  </si>
  <si>
    <t>【长发电】斗轮机动力电缆卷筒磁滞式电缆卷筒\DQ15035\DQ7865.20.1</t>
  </si>
  <si>
    <t>【长发电】斗轮机磁滞联轴器\DQ15035\DQ7865.20.2</t>
  </si>
  <si>
    <t>【长发电】斗轮机单向阀\DQ15035\DQ76.336.7.447.7</t>
  </si>
  <si>
    <t>【长发电】斗轮机单向阀\DQ15035\DQ76.336.7.447.8</t>
  </si>
  <si>
    <t>【长发电】斗轮机电磁换向阀\DQ15035\DQ76.336.7.447.11</t>
  </si>
  <si>
    <t>【长发电】斗轮机电磁换向阀\DQ15035\DQ76.336.7.447.14</t>
  </si>
  <si>
    <t>【长发电】斗轮机胶管\DQ15035\DQ76.336.7.447.15</t>
  </si>
  <si>
    <t>【长发电】斗轮机胶管\DQ15035\DQ76.336.7.447.16</t>
  </si>
  <si>
    <t>【长发电】斗轮机吸过滤器滤芯\DQ15035\DQ76.336.7.447.18</t>
  </si>
  <si>
    <t>【长发电】斗轮机回油滤油器滤芯\DQ15035\DQ76.336.7.447.21</t>
  </si>
  <si>
    <t>【长发电】斗轮机插装式液控单向阀\DQ15035\DQ76.336.7.447.22</t>
  </si>
  <si>
    <t>【长发电】斗轮机管路密封件\DQ15035\DQ76.336.7.447.24</t>
  </si>
  <si>
    <t>【长发电】斗轮机油缸密封件\DQ15035\DQ76.336.7.447.25</t>
  </si>
  <si>
    <t>【长发电】斗轮机斗子\DQ15035\DQ635.1.24</t>
  </si>
  <si>
    <t>【长发电】斗轮机轮体\DQ15035\DQ595.1.13</t>
  </si>
  <si>
    <t>【长发电】斗轮机轴承组件\DQ15035\DQ591.1.42</t>
  </si>
  <si>
    <t>【长发电】斗轮机轴承组件\DQ15035\DQ591.1.15</t>
  </si>
  <si>
    <t>【长发电】斗轮机圆弧挡板\DQ15035\DQ45.365.36</t>
  </si>
  <si>
    <t>【长发电】斗轮机斗轮轴\DQ15035\DQ149.1-1</t>
  </si>
  <si>
    <t>【长发电】斗轮机液力偶合器\DQ15035\DQ24.36.25.1</t>
  </si>
  <si>
    <t>【长发电】斗轮机滚子链联轴器\DQ15035\DQ674.6.4.567.6</t>
  </si>
  <si>
    <t>【长发电】斗轮机夹轨器\TZ-J180</t>
  </si>
  <si>
    <t>【长发电】斗轮机限矩联轴器\DQ15035\TK10930.0</t>
  </si>
  <si>
    <t>【长发电】斗轮机滚子\DQ15035\DQ576.3987.OO</t>
  </si>
  <si>
    <t>【长发电】斗轮机小链轮\DQ15035\DQ185.13.13.2-18</t>
  </si>
  <si>
    <t>【长发电】斗轮机大链轮\DQ15035\DQ1851.13.10.2.1.1</t>
  </si>
  <si>
    <t>【长发电】斗轮机制动轮\DQ15035\DQ45.36.87</t>
  </si>
  <si>
    <t>【长发电】斗轮机联轴器\DQ15035\DQ6107.8-1</t>
  </si>
  <si>
    <t>【长发电】斗轮机过力矩保护装置\DQ15035\DQ6107.8.12</t>
  </si>
  <si>
    <t>【长发电】斗轮机减速机\DQ15035\DQ6107.1.3</t>
  </si>
  <si>
    <t>【长发电】斗轮机制动轮联轴器\DQ15035\DQ6107.8.4</t>
  </si>
  <si>
    <t>【长发电】斗轮机联轴器\DQ15035\DQ6107.8-2</t>
  </si>
  <si>
    <t>【长发电】斗轮机大齿轮\DQ15035\DQ185.13.10.2-15</t>
  </si>
  <si>
    <t>【长发电】斗轮机小链轮\DQ15035\DQ185.13.11.2-18</t>
  </si>
  <si>
    <t>【长发电】斗轮机中链轮\DQ15035\DQ185.13.10.2.3-1</t>
  </si>
  <si>
    <t>【长发电】斗轮机大链轮\DQ15035\DQ185.13.10.2.1.1</t>
  </si>
  <si>
    <t>【长发电】斗轮机驱动齿轮\DQ15035\DQ6107.6.1-1</t>
  </si>
  <si>
    <t>【长发电】斗轮机联轴器\DQ15035\DQ143.9.6.2.1-2</t>
  </si>
  <si>
    <t>【长发电】斗轮机液控单向阀\DQ15035\DQ867.687.366.88.2</t>
  </si>
  <si>
    <t>【长发电】斗轮机电磁换向阀\DQ15035\DQ867.687.366.88.3</t>
  </si>
  <si>
    <t>【长发电】斗轮机单向阀\DQ15035\DQ867.687.366.88.5</t>
  </si>
  <si>
    <t>【长发电】斗轮机油缸密封件\DQ15035\DQ145.658.355.5</t>
  </si>
  <si>
    <t>【长发电】斗轮机斗轮轴连接收缩环\DQ15035\DQ7903.2QJG</t>
  </si>
  <si>
    <t>【长发电】斗轮机胀套\DQ15035\DQ365.324.4</t>
  </si>
  <si>
    <t>【长发电】斗轮机挡煤装置销轴\DQ15035\DQ185.8.12-4</t>
  </si>
  <si>
    <t>【长发电】斗轮机挡煤装置电动推杆\DQ15035\DQ658.36.14</t>
  </si>
  <si>
    <t>【长发电】斗轮机落煤斗衬板\DQ15035\DQ596.4-3</t>
  </si>
  <si>
    <t>【长发电】斗轮机料斗衬板\DQ15035\DQ1432.6.1</t>
  </si>
  <si>
    <t>【长发电】斗轮机一字型空段清扫器\DQ15035\DQ577.33.6.3.85</t>
  </si>
  <si>
    <t>【长发电】斗轮机销\DQ15035\DQ14.36.8.1</t>
  </si>
  <si>
    <t>【长发电】斗轮机销轴\DQ15035\DQ185.3-925.5656</t>
  </si>
  <si>
    <t>【长发电】斗轮机管夹及管托架\DQ15035\DQ577.4.7.4.67</t>
  </si>
  <si>
    <t>【长发电】斗轮机斗子\DQ15040\DQ768.35.7.4.7.4</t>
  </si>
  <si>
    <t>【长发电】斗轮机料斗\DQ15040\DQ768.35.7.4.7.5</t>
  </si>
  <si>
    <t>【长发电】斗轮机斗子\DQ15040\DQ591.1.21</t>
  </si>
  <si>
    <t>【长发电】斗轮机料斗\DQ15040\DQ1901.6</t>
  </si>
  <si>
    <t>【长发电】斗轮机斗齿装配\DQ15040\T011-2</t>
  </si>
  <si>
    <t>【长发电】斗轮机斗齿装配\DQ15040\DQ756.23.44.22.1</t>
  </si>
  <si>
    <t>【长发电】斗轮机轮体\DQ15040\DQ756.23.44.22.2</t>
  </si>
  <si>
    <t>【长发电】斗轮机轮体\DQ15040\DQ756.23.44.22.3</t>
  </si>
  <si>
    <t>【长发电】斗轮机胀套\DQ15040\DQ756.23.44.22.4</t>
  </si>
  <si>
    <t>【长发电】斗轮机轴承组件\DQ15040\DQ756.23.44.22.5</t>
  </si>
  <si>
    <t>【长发电】斗轮机轴承组件\DQ15040\DQ756.23.44.22.6</t>
  </si>
  <si>
    <t>【长发电】斗轮机圆弧挡板\DQ15040\DQ756.23.44.22.7</t>
  </si>
  <si>
    <t>【长发电】斗轮机斗轮轴\DQ15040\DQ756.23.44.22.8</t>
  </si>
  <si>
    <t>【长发电】斗轮机斗轮轴\DQ15040\DQ756.23.44.22.9</t>
  </si>
  <si>
    <t>【长发电】斗轮机斗轮液力偶合器\DQ15040\DQ756.23.44.22.10</t>
  </si>
  <si>
    <t>【长发电】斗轮机限矩装置\DQ15040\TC10108.12</t>
  </si>
  <si>
    <t>【长发电】斗轮机限矩联轴器\DQ15040\DQ215.36.36.5</t>
  </si>
  <si>
    <t>【长发电】斗轮机回转减速机\DQ15040\DQ76.34.7.4.5</t>
  </si>
  <si>
    <t>【长发电】斗轮机回转轴承滚柱滚珠及隔套组件\DQ15040\DQ76.36.7.677.33</t>
  </si>
  <si>
    <t>【长发电】斗轮机小齿轮\DQ15040\DQ7310-02-014-0</t>
  </si>
  <si>
    <t>【长发电】斗轮机斗轮溜槽\DQ15040\DQ7310-04-003-0</t>
  </si>
  <si>
    <t>【长发电】斗轮机槽形托辊组\DQ15040\DQ7310-04-012-0</t>
  </si>
  <si>
    <t>【长发电】斗轮机平行托辊组\DQ15040\DQ7310-04-014-0</t>
  </si>
  <si>
    <t>【长发电】斗轮机改向滚筒\DQ15040\DQ7310-04-032-0</t>
  </si>
  <si>
    <t>【长发电】斗轮机液力偶合器\DQ15040\DQ7310-04-087-0</t>
  </si>
  <si>
    <t>【长发电】斗轮机俯仰液压缸\DQ15040\DQ7310-05-101-0</t>
  </si>
  <si>
    <t>【长发电】斗轮机液控单向阀\DQ15040\DQ7310-05-101-2</t>
  </si>
  <si>
    <t>【长发电】斗轮机电磁换向阀\DQ15040\DQ730-05-101-3</t>
  </si>
  <si>
    <t>【长发电】斗轮机单向阀\DQ15040\DQ7310-05-101-5</t>
  </si>
  <si>
    <t>【长发电】斗轮机油缸密封件\DQ15040\DQ7310-05-101-20</t>
  </si>
  <si>
    <t>【长发电】斗轮机分配器\DQ15040\DQ7310-10-001-10</t>
  </si>
  <si>
    <t>【长发电】斗轮机分配器\DQ15040\DQ7310-10-001-20</t>
  </si>
  <si>
    <t>【长发电】斗轮机分配器\DQ15040\DQ7310-10-001-30</t>
  </si>
  <si>
    <t>【长发电】斗轮机挡板推杆\DQ15040\DQ7310-14-104</t>
  </si>
  <si>
    <t>【长发电】斗轮机压轮\DQ15040\DQ7310-14-111</t>
  </si>
  <si>
    <t>【长发电】斗轮机缓冲托辊组\DQ15040\DQ7310-44-011-0</t>
  </si>
  <si>
    <t>【长发电】斗轮机动力电缆卷筒\DQ15040\DQ563.676.3.45.6</t>
  </si>
  <si>
    <t>【长发电】斗轮机控制电缆卷筒\DQ15040\DQ563.676.3.45.7</t>
  </si>
  <si>
    <t>【长发电】斗轮机轴承组件\DQ15040\DQ591.1.43</t>
  </si>
  <si>
    <t>【长发电】斗轮机轴承组件\DQ15040\DQ801.1.5</t>
  </si>
  <si>
    <t>【长发电】斗轮机圆弧挡板\DQ15040\DQ591.1.3</t>
  </si>
  <si>
    <t>【长发电】斗轮机溜料导料装置\DQ15040\DQ9101.1.1</t>
  </si>
  <si>
    <t>【长发电】斗轮机胀套\DQ15040\DQ145.68.520.2</t>
  </si>
  <si>
    <t>【长发电】斗轮机扭力臂装置\DQ15040\DQ141.1.3</t>
  </si>
  <si>
    <t>【长发电】斗轮机夹轨器\ZT-J250</t>
  </si>
  <si>
    <t>【长发电】斗轮机限矩联轴器\DQ15040\DQ1901.8.1.1</t>
  </si>
  <si>
    <t>【长发电】斗轮机回转减速机\DQ15040\DQ6754.94.8754.3</t>
  </si>
  <si>
    <t>【长发电】斗轮机齿轮\DQ15040\DQ1901.8-1</t>
  </si>
  <si>
    <t>【长发电】斗轮机斗轮机悬臂胶带机减速机\DQ15040\DQ68.6867.33.66</t>
  </si>
  <si>
    <t>【长发电】斗轮机斗轮机悬臂驱动滚筒骨架密封圈\DQ15040\DQ145.68.85.2</t>
  </si>
  <si>
    <t>【长发电】斗轮机改向滚筒\DQ15040\DQ311.3.9</t>
  </si>
  <si>
    <t>【长发电】斗轮机可变槽角缓冲托辊组\DQ15040\DQ1811.3-11</t>
  </si>
  <si>
    <t>【长发电】斗轮机防偏装置\DQ15040\DQ181.3-4</t>
  </si>
  <si>
    <t>【长发电】斗轮机挡料装置\DQ15040\DQ191.7.1</t>
  </si>
  <si>
    <t>【长发电】斗轮机导料槽\DQ15040\DQ191.7-2</t>
  </si>
  <si>
    <t>【长发电】斗轮机液控单向阀\DQ15040\DQ1901.3-B2</t>
  </si>
  <si>
    <t>【长发电】斗轮机电磁换向阀\DQ15040\DQ1901.3-B3</t>
  </si>
  <si>
    <t>【长发电】斗轮机单向阀\DQ15040\DQ1901.3-B5</t>
  </si>
  <si>
    <t>【长发电】斗轮机油缸密封件\DQ15040\DQ1901.3-B7</t>
  </si>
  <si>
    <t>【长发电】斗轮机分配器\DQ15040\DQ1902.9-B1</t>
  </si>
  <si>
    <t>【长发电】斗轮机分配器\DQ15040\DQ1902.9-B2</t>
  </si>
  <si>
    <t>【长发电】斗轮机分配器\DQ15040\DQ1902.9-B3</t>
  </si>
  <si>
    <t>【长发电】斗轮机司机室阻尼装置\DQ15040\DQ1902.15-B1</t>
  </si>
  <si>
    <t>【长发电】斗轮机行走尾部缓冲器\DQ591.5.1</t>
  </si>
  <si>
    <t>【长发电】斗轮机斗轮轴组件\DQ15050\DQ1713.1-12</t>
  </si>
  <si>
    <t>【长发电】斗轮机圆弧挡板\DQ15050\DQ1713.1.11</t>
  </si>
  <si>
    <t>【长发电】斗轮机轮体\DQ15050\DQ1618.1.2</t>
  </si>
  <si>
    <t>【长发电】斗轮机支撑杆组件\DQ15050\DQ1713.3.1</t>
  </si>
  <si>
    <t>【长发电】斗轮机俯仰装置轴套\DQ15050\DQ5914.3-11</t>
  </si>
  <si>
    <t>【长发电】斗轮机俯仰装置轴套\DQ15050\DQ5914.3-2</t>
  </si>
  <si>
    <t>【长发电】斗轮机俯仰装置轴\DQ15050\DQ5914.3-13</t>
  </si>
  <si>
    <t>【长发电】斗轮机俯仰装置卡板\DQ15050\DQ599.5-13</t>
  </si>
  <si>
    <t>【长发电】斗轮机俯仰装置轴\DQ15050\DQ5914.3-4</t>
  </si>
  <si>
    <t>【长发电】斗轮机落煤斗\DQ15050\DQ1713.7.1</t>
  </si>
  <si>
    <t>【长发电】斗轮机溜料板\DQ15050\DQ17113.7-2a</t>
  </si>
  <si>
    <t>【长发电】斗轮机导料槽\DQ15050\DQ1713.7-2a</t>
  </si>
  <si>
    <t>【长发电】斗轮机斗子\DQ15050\DQ1713.7-3</t>
  </si>
  <si>
    <t>【长发电】斗轮机斗齿\DQ15050\DQ1713.SJ</t>
  </si>
  <si>
    <t>【长发电】斗轮机落煤斗\DQ15050\DQ1713.7.3</t>
  </si>
  <si>
    <t>【长发电】斗轮机落煤斗\DQ15050\DQ1713.7.4</t>
  </si>
  <si>
    <t>【长发电】斗轮机法兰\DQ15050\DQ0321.8-1</t>
  </si>
  <si>
    <t>【长发电】斗轮机从动轮台车组\TA0203</t>
  </si>
  <si>
    <t>【长发电】斗轮机主动台车组\TA0113a</t>
  </si>
  <si>
    <t>【长发电】斗轮机行走车轮\TA0114a</t>
  </si>
  <si>
    <t>【长发电】斗轮机压辊装置\DQ15050\DQ188.15.2</t>
  </si>
  <si>
    <t>【长发电】斗轮机旋转接头\DQ15050\DQ565.774.3.23.87.54</t>
  </si>
  <si>
    <t>【长发电】斗轮机行走减速器\DQ15050\DQ674.74.744.88.55</t>
  </si>
  <si>
    <t>【长发电】斗轮机电动夹轨器\DQ15050\DQ566.33.66.85.54</t>
  </si>
  <si>
    <t>【长发电】斗轮机制动器\DQ15050\DQ68.47.365.8.456</t>
  </si>
  <si>
    <t>【长发电】斗轮机胀套\DQ15050\DQ675.8776.4444</t>
  </si>
  <si>
    <t>【长发电】斗轮机可变槽角缓冲托辊组\DQ15050\DQ1811.3-1</t>
  </si>
  <si>
    <t>【长发电】斗轮机胶面改向滚筒\DQ15050\DQ4766.3.6.45</t>
  </si>
  <si>
    <t>【长发电】斗轮机改向滚筒\DQ15050\DQ4766.3.6.46</t>
  </si>
  <si>
    <t>【长发电】斗轮机胶面改向滚筒\DQ15050\DQ4766.3.6.47</t>
  </si>
  <si>
    <t>【长发电】斗轮机胶面改向滚筒\DQ15050\DQ4766.3.6.48</t>
  </si>
  <si>
    <t>【长发电】斗轮机菱形传动滚筒\DQ15050\DQ7302.3-12</t>
  </si>
  <si>
    <t>【长发电】斗轮机平行下托辊\DQ15050\DQ8674.74.4</t>
  </si>
  <si>
    <t>【长发电】斗轮机槽型托辊组\DQ15050\DQ8674.74.5</t>
  </si>
  <si>
    <t>【长发电】斗轮机可逆空段清扫器\DQ15050\DQ8674.74.6</t>
  </si>
  <si>
    <t>【长发电】斗轮机合金橡胶清扫器\DQ15050\DQ8674.74.7</t>
  </si>
  <si>
    <t>【长发电】斗轮机料流检测器\DQ15050\DQ76.24.244.2</t>
  </si>
  <si>
    <t>【长发电】斗轮机托辊架\DQ15050\DQ611.5-2</t>
  </si>
  <si>
    <t>【长发电】斗轮机托辊架\DQ15050\DQ611.5-4</t>
  </si>
  <si>
    <t>【长发电】斗轮机缓冲床\DQ15050\DQ1713.8-1</t>
  </si>
  <si>
    <t>【长发电】斗轮机标准辊\DQ15050\DQ756.6.6.888.3</t>
  </si>
  <si>
    <t>【长发电】斗轮机缓冲辊子\DQ15050\DQ756.6.6.888.4</t>
  </si>
  <si>
    <t>【长发电】斗轮机司机室阻尼装置\DQ15050\DQ2962.21.2-2</t>
  </si>
  <si>
    <t>【长发电】斗轮机动力电缆卷筒\DQ15050\DQ867.2.2.213.1</t>
  </si>
  <si>
    <t>【长发电】斗轮机电缆导向轮\DQ15050\DQ867.2.2.213.2</t>
  </si>
  <si>
    <t>【长发电】斗轮机控制电缆卷筒\DQ15050\DQ867.2.2.213.3</t>
  </si>
  <si>
    <t>【长发电】斗轮机电缆导向轮\DQ15050\DQ867.2.2.213.4</t>
  </si>
  <si>
    <t>【长发电】斗轮机堵塞检测器\DQ15050\DQ756.33.6.345</t>
  </si>
  <si>
    <t>【长发电】斗轮机防闭塞装置\DQ15050\DQ756.33.6.346</t>
  </si>
  <si>
    <t>【长发电】斗轮机电液推杆\DQ15050\DQ822.4.2.434</t>
  </si>
  <si>
    <t>【长发电】斗轮机胶带机耦合器\DQ15050\DQ563.123.24.6</t>
  </si>
  <si>
    <t>【长发电】斗轮机回转限距联轴器\DQ15050\DQ563.2.562.54</t>
  </si>
  <si>
    <t>【长发电】斗轮机马达滤芯\DQ15050\DQ32.55.2.6.34</t>
  </si>
  <si>
    <t>【长发电】斗轮机马达各种阀块\DQ15050\DQ23.78.933.22.2</t>
  </si>
  <si>
    <t>【长发电】斗轮机俯仰液压系统型圈\DQ15050\DQ32.8.77.337.3.67</t>
  </si>
  <si>
    <t>【长发电】斗轮机俯仰液压系统阀块\DQ15050\DQ32.8.77.337.3.68</t>
  </si>
  <si>
    <t>【长发电】斗轮机俯仰液压系统滤芯\DQ15050\DQ32.8.77.337.3.69</t>
  </si>
  <si>
    <t>【长发电】斗轮机尾车液压系统滤芯\DQ15050\DQ32.8.77.337.3.71</t>
  </si>
  <si>
    <t>【长发电】斗轮机卷筒滑环\DQ15050\DQ522.13.2343</t>
  </si>
  <si>
    <t>【长发电】斗轮机挂钩装置\DQ15050\DQ657.3.5.22</t>
  </si>
  <si>
    <t>【长发电】斗轮机斗轮减速机\DQ15050\DQ1713.1.13</t>
  </si>
  <si>
    <t>【长发电】斗轮机回转减速机\DQ15050\DQ1713.1.2</t>
  </si>
  <si>
    <t>【长发电】斗轮机行走减速机\DQ15050\DQ1713.1.3</t>
  </si>
  <si>
    <t>【长发电】斗轮机斗子\DQ16035\DQ91.1.1</t>
  </si>
  <si>
    <t>【长发电】斗轮机斗齿装配\DQ16035\T011-4</t>
  </si>
  <si>
    <t>【长发电】斗轮机轮体\DQ16035\DQ91.1.11</t>
  </si>
  <si>
    <t>【长发电】斗轮机轴承组件\DQ16035\DQ91.1.5</t>
  </si>
  <si>
    <t>【长发电】斗轮机轴承组件\DQ16035\DQ91.1.4</t>
  </si>
  <si>
    <t>【长发电】斗轮机圆弧挡板\DQ16035\DQ91.1.15</t>
  </si>
  <si>
    <t>【长发电】斗轮机斗轮轴\DQ16035\DQ91.1-1</t>
  </si>
  <si>
    <t>【长发电】斗轮机液力偶合器\DQ16035\DQ478.65.33</t>
  </si>
  <si>
    <t>【长发电】斗轮机滚子链联轴器\DQ16035\DQ91.1.12</t>
  </si>
  <si>
    <t>【长发电】斗轮机夹轨器\TZT-J100</t>
  </si>
  <si>
    <t>【长发电】斗轮机限矩联轴器\DQ16035\DQ91.21.0</t>
  </si>
  <si>
    <t>【长发电】斗轮机料斗\DQ16035\DQ91.6</t>
  </si>
  <si>
    <t>【长发电】斗轮机液控单向阀\DQ16035\DQ452.24.36.53</t>
  </si>
  <si>
    <t>【长发电】斗轮机电磁换向阀\DQ16035\DQ452.24.36.54</t>
  </si>
  <si>
    <t>【长发电】斗轮机单向阀\DQ16035\DQ452.24.36.56</t>
  </si>
  <si>
    <t>【长发电】斗轮机斗轮轴连接收缩环\DQ16035\DQ452.24.36.58</t>
  </si>
  <si>
    <t>【长发电】斗轮机胀套\DQ16035\DQ475.36.44</t>
  </si>
  <si>
    <t>【长发电】斗轮机挡煤装置销轴\DQ16035\DQ185.8.13-4</t>
  </si>
  <si>
    <t>【长发电】斗轮机一字型空段清扫器\DQ16035\DQ7453.6.654.3</t>
  </si>
  <si>
    <t>【长发电】斗轮机限矩联轴器\DQ16035\TK09201.0</t>
  </si>
  <si>
    <t>【长发电】斗轮机回转小齿轮\DQ16035\TB0107</t>
  </si>
  <si>
    <t>【长发电】斗轮机司机室阻尼装置\DQ16035\DQ149.21.2-2</t>
  </si>
  <si>
    <t>【长发电】斗轮机圆弧挡板\DQ16035\DQ91.1.25</t>
  </si>
  <si>
    <t>【长发电】斗轮机俯仰装置液压缸轴套\DQ16035\DQ91.3-3</t>
  </si>
  <si>
    <t>【长发电】斗轮机俯仰装置液压管路及附件\DQ16035\DQ145.36.25.1</t>
  </si>
  <si>
    <t>【长发电】斗轮机俯仰装置液压缸轴套\DQ16035\DQ745.698.35</t>
  </si>
  <si>
    <t>【长发电】斗轮机俯仰装置液压缸轴卡板\DQ16035\DQ91.4-1</t>
  </si>
  <si>
    <t>【长发电】斗轮机俯仰装置液压缸轴\DQ16035\DQ91.3-2</t>
  </si>
  <si>
    <t>【长发电】斗轮机俯仰装置液压缸轴\DQ16035\DQ91.3-1</t>
  </si>
  <si>
    <t>【长发电】斗轮机轮体销轴\DQ16035\DQ91.1.3-3</t>
  </si>
  <si>
    <t>【长发电】斗轮机尾部缓冲器\DQ145.362.36.2</t>
  </si>
  <si>
    <t>【长发电】斗轮机钢制拖链\DQ16035\DQ7458.695.325.1</t>
  </si>
  <si>
    <t>【长发电】斗轮机压力表焊接接头\DQ16035\DQ7458963.2</t>
  </si>
  <si>
    <t>【长发电】斗轮机过滤减压阀\DQ16035\DQ4521.36.82</t>
  </si>
  <si>
    <t>【长发电】斗轮机夹轨器液压油管\DQ16035\DQ145.365.85</t>
  </si>
  <si>
    <t>【长发电】斗轮机俯仰液压油管\DQ16035\DQ745.368.54</t>
  </si>
  <si>
    <t>【长发电】斗轮机尾车变换液压油管\DQ16035\DQ142.36.85.9</t>
  </si>
  <si>
    <t>【长发电】斗轮机悬臂皮带机液力偶合器\DQ16035\DQ74.698.25.98</t>
  </si>
  <si>
    <t>【长发电】斗轮机从动车轮组\MDQ111-17.4a</t>
  </si>
  <si>
    <t>【长发电】斗轮机驱动车轮组\MDQ111-17.3a</t>
  </si>
  <si>
    <t>【长发电】斗轮机导轨组凹轮\Φ230*Φ207*131\MDQ452.23.147</t>
  </si>
  <si>
    <t>【长发电】斗轮机驱动车轮组\MDQ514.1.1.2</t>
  </si>
  <si>
    <t>【长发电】斗轮机车轮\MDQ514.1.1.2-5</t>
  </si>
  <si>
    <t>【长发电】斗轮机改向滚筒\MDQ12050\MDQ.12.3.4.11</t>
  </si>
  <si>
    <t>【长发电】斗轮机配重小车轮\MDQ253.165.6345</t>
  </si>
  <si>
    <t>【长发电】斗轮机主尾车伸缩轮\MDQ12050\MDQ88.1.33.5</t>
  </si>
  <si>
    <t>【长发电】斗轮机轮斗小车行走车轮\MDQ111-8.13</t>
  </si>
  <si>
    <t>【长发电】斗轮机导向轮\MDQ12050\MDQ111-8.13</t>
  </si>
  <si>
    <t>【长发电】斗轮机链轮\MDQ12050\MDQ111-10.17</t>
  </si>
  <si>
    <t>【长发电】斗轮机内外齿联轴器\MDQ12050\MT1811.1-B1</t>
  </si>
  <si>
    <t>【长发电】斗轮机液压系统胶管\MDQ12050\MDQ111-1P-B1</t>
  </si>
  <si>
    <t>【长发电】斗轮机油箱滤油器\MDQ12050\MDQ111-19-2.1</t>
  </si>
  <si>
    <t>【长发电】斗轮机活动梁靠滚\MDQ12050\MDQ111-5.1.7</t>
  </si>
  <si>
    <t>【长发电】斗轮机低速齿轮轴\MDQ12050\MDQ112-17a-B7</t>
  </si>
  <si>
    <t>【长发电】斗轮机单联滑轮组\MDQ12050\MDQ111-9.3.7</t>
  </si>
  <si>
    <t>【长发电】斗轮机料斗\MDQ12050\MDQ111-10.1</t>
  </si>
  <si>
    <t>【长发电】斗轮机滚轮\MDQ12050\MDQ111-10.2</t>
  </si>
  <si>
    <t>【长发电】斗轮机圆弧挡板\MDQ12050\MDQ111-10.3</t>
  </si>
  <si>
    <t>【长发电】斗轮机双出轴主动车轮组\MDQ111-10.6</t>
  </si>
  <si>
    <t>【长发电】斗轮机键\MDQ245.365.4</t>
  </si>
  <si>
    <t>【长发电】斗轮机轴\MDQ111-10.6.2</t>
  </si>
  <si>
    <t>【长发电】斗轮机主动车轮\MDQ111-10.6.5</t>
  </si>
  <si>
    <t>【长发电】斗轮机键\MDQ4557.365.2</t>
  </si>
  <si>
    <t>【长发电】斗轮机角型轴承箱\MDQ111-10.6.9</t>
  </si>
  <si>
    <t>【长发电】斗轮机制动轮联轴器\MT29011</t>
  </si>
  <si>
    <t>【长发电】斗轮机导辊组\MDQ12050\MDQ111-10.9</t>
  </si>
  <si>
    <t>【长发电】斗轮机主动车轮组\MDQ111-10.11</t>
  </si>
  <si>
    <t>【长发电】斗轮机轴\MDQ12050\MDQ111-10.11.1</t>
  </si>
  <si>
    <t>【长发电】斗轮机导辊组\MDQ12050\MDQ101-10.14</t>
  </si>
  <si>
    <t>【长发电】斗轮机柱销联轴器\MDQ12050\MT13032</t>
  </si>
  <si>
    <t>【长发电】斗轮机水平导轮\MDQ12050\MQD111-10.20</t>
  </si>
  <si>
    <t>【长发电】斗轮机齿轮联轴器\MDQ12050\MT15037</t>
  </si>
  <si>
    <t>【长发电】斗轮机传动轴\MDQ12050\MDQ111-10.26</t>
  </si>
  <si>
    <t>【长发电】斗轮机柱销联轴器\MDQ12050\MT11101</t>
  </si>
  <si>
    <t>【长发电】斗轮机支架\MDQ12050\MDQ111-17.1</t>
  </si>
  <si>
    <t>【长发电】斗轮机驱动车轮组\MDQ111-17.3</t>
  </si>
  <si>
    <t>【长发电】斗轮机带齿车轮\MDQ111-17.3.1</t>
  </si>
  <si>
    <t>【长发电】斗轮机小齿轮\MDQ111-17.3.7</t>
  </si>
  <si>
    <t>【长发电】斗轮机高速轴装配\MT01231</t>
  </si>
  <si>
    <t>【长发电】斗轮机中速轴装配\MT01242</t>
  </si>
  <si>
    <t>【长发电】斗轮机低速轴装配\MT01273</t>
  </si>
  <si>
    <t>【长发电】斗轮机高速轴\MDQ12050\MT01231.1</t>
  </si>
  <si>
    <t>【长发电】斗轮机高速轴\MDQ12050\MT01231.2</t>
  </si>
  <si>
    <t>【长发电】斗轮机高速轴\MDQ12050\MT01271.3</t>
  </si>
  <si>
    <t>【长发电】斗轮机中速轴\MDQ12050\MT02112.1</t>
  </si>
  <si>
    <t>【长发电】斗轮机中速轴\MDQ12050\MT02132.2</t>
  </si>
  <si>
    <t>【长发电】斗轮机中速轴\MDQ12050\MT01252.3</t>
  </si>
  <si>
    <t>【长发电】斗轮机齿轮\MDQ12050\MT0241-2.4</t>
  </si>
  <si>
    <t>【长发电】斗轮机齿轮\MDQ12050\MT0231-2.4.1</t>
  </si>
  <si>
    <t>【长发电】斗轮机齿轮\MDQ12050\MT0271-2.4.2</t>
  </si>
  <si>
    <t>【长发电】斗轮机齿轮\MDQ12050\MT0231-2.4.3</t>
  </si>
  <si>
    <t>【长发电】斗轮机低速齿轮轴\MDQ12050\MT0271-2.3.1</t>
  </si>
  <si>
    <t>【长发电】斗轮机齿轮\MDQ12050\MT0221-3.4</t>
  </si>
  <si>
    <t>【长发电】斗轮机双联定滑轮组\MDQ12050\MDQ111-9.1</t>
  </si>
  <si>
    <t>【长发电】斗轮机滑轮\MDQ12050\MDQ111-9.1.7</t>
  </si>
  <si>
    <t>【长发电】斗轮机双联定滑轮组\MDQ12050\MDQ111-9.3</t>
  </si>
  <si>
    <t>【长发电】斗轮机滑轮\MDQ12050\MDQ111-9.3.17</t>
  </si>
  <si>
    <t>【长发电】斗轮机双联定滑轮组\MDQ12050\MDQ111-9.4</t>
  </si>
  <si>
    <t>【长发电】斗轮机滑轮\MDQ12050\MDQ141-9.3.4</t>
  </si>
  <si>
    <t>【长发电】斗轮机配重小车车轮\MDQ111-9.5.1.4</t>
  </si>
  <si>
    <t>【长发电】斗轮机配重小车车轮轴\MDQ111-9.5.1.1</t>
  </si>
  <si>
    <t>【长发电】斗轮机压轮\MDQ12050\MDQ111-9.5.7.1</t>
  </si>
  <si>
    <t>【长发电】斗轮机轴\MDQ12050\MDQ111-9.5.7.2</t>
  </si>
  <si>
    <t>【长发电】斗轮机滑轮\MDQ12050\MDQ111-9.5.7.5</t>
  </si>
  <si>
    <t>【长发电】斗轮机轴\MDQ12050\MDQ111-9.5.7.6</t>
  </si>
  <si>
    <t>【长发电】斗轮机滑轮座\MDQ12050\MDQ111-9.5.7.7</t>
  </si>
  <si>
    <t>【长发电】斗轮机大车防撞装置\MDQ12050\MDQ125-8.1.29</t>
  </si>
  <si>
    <t>【长发电】斗轮机鼓形齿式联轴器\MDQ12050\MDQ125-8.2.10</t>
  </si>
  <si>
    <t>【长发电】斗轮机液力偶合器\MDQ12050\MDQ125-8.2.16</t>
  </si>
  <si>
    <t>【长发电】斗轮机轴承组件\MDQ12050\MDQ125-8.2.38</t>
  </si>
  <si>
    <t>【长发电】斗轮机主尾车从动车轮组\MDQ125-8.2.82</t>
  </si>
  <si>
    <t>【长发电】斗轮机车轮\MDQ125-8.2.83</t>
  </si>
  <si>
    <t>【长发电】斗轮机轴\MDQ125-8.2.84</t>
  </si>
  <si>
    <t>【长发电】斗轮机手动夹轨器\MDQ125-8.3.6</t>
  </si>
  <si>
    <t>【长发电】斗轮机滚轮\MDQ12050\MDQ125-8.4.2</t>
  </si>
  <si>
    <t>【长发电】斗轮机液力偶合器\MDQ12050\MDQ125-8.4.22</t>
  </si>
  <si>
    <t>【长发电】斗轮机驱动齿轮\MDQ12050\MDQ125-8.4.23</t>
  </si>
  <si>
    <t>【长发电】斗轮机传动轴装配\MDQ12050\MDQ125-8.4.24</t>
  </si>
  <si>
    <t>【长发电】斗轮机传动轴\MDQ12050\MDQ125-8.4.25</t>
  </si>
  <si>
    <t>【长发电】斗轮机齿轮联轴器\MDQ12050\MDQ125-8.4.35</t>
  </si>
  <si>
    <t>【长发电】斗轮机导辊组\MDQ12050\MDQ125-8.4.40</t>
  </si>
  <si>
    <t>【长发电】斗轮机圆弧挡板安装\MDQ12050\MDQ125-8.4.54</t>
  </si>
  <si>
    <t>【长发电】斗轮机传动轴\MDQ12050\MDQ125-8.4.63</t>
  </si>
  <si>
    <t>【长发电】斗轮机双出轴主动车轮组\MDQ125-8.4.75</t>
  </si>
  <si>
    <t>【长发电】斗轮机轴\MDQ125-8.4.76</t>
  </si>
  <si>
    <t>【长发电】斗轮机主动车轮\MDQ125-8.4.78</t>
  </si>
  <si>
    <t>【长发电】斗轮机主动车轮组\MDQ125-8.4.88</t>
  </si>
  <si>
    <t>【长发电】斗轮机轴\MDQ12050\MDQ125-8.4.89</t>
  </si>
  <si>
    <t>【长发电】斗轮机轴\MDQ12050\MDQ125-8.4.107</t>
  </si>
  <si>
    <t>【长发电】斗轮机轴套\MDQ12050\MDQ125-8.4.108</t>
  </si>
  <si>
    <t>【长发电】斗轮机水平轮\MDQ12050\MDQ125-8.4.109</t>
  </si>
  <si>
    <t>【长发电】斗轮机齿轮联轴器\MDQ12050\MDQ125-8.4.T1</t>
  </si>
  <si>
    <t>【长发电】斗轮机斗齿装配\MDQ12050\MDQ125-8.4.T2</t>
  </si>
  <si>
    <t>【长发电】斗轮机限位器总成\MDQ12050\MDQ125-8.5.3</t>
  </si>
  <si>
    <t>【长发电】斗轮机联轴器\MDQ12050\MDQ125-8.5.5</t>
  </si>
  <si>
    <t>【长发电】斗轮机卷筒装配\MDQ12050\MDQ125-8.5.7</t>
  </si>
  <si>
    <t>【长发电】斗轮机外齿联轴器\MDQ12050\MDQ125-8.5.8</t>
  </si>
  <si>
    <t>【长发电】斗轮机内齿联轴器\MDQ12050\MDQ125-8.5.13</t>
  </si>
  <si>
    <t>【长发电】斗轮机轴\MDQ12050\MDQ125-8.5.14</t>
  </si>
  <si>
    <t>【长发电】斗轮机卷筒\MDQ12050\MDQ125-8.5.15</t>
  </si>
  <si>
    <t>【长发电】斗轮机键\MDQ12050\MDQ125-8.5.16</t>
  </si>
  <si>
    <t>【长发电】斗轮机轴承座\MDQ12050\MDQ125-8.5.23</t>
  </si>
  <si>
    <t>【长发电】斗轮机制动轮-齿轮联轴器\MDQ12050\MDQ125-8.5.33</t>
  </si>
  <si>
    <t>【长发电】斗轮机单定滑轮\MDQ12050\MDQ125-8.5.47</t>
  </si>
  <si>
    <t>【长发电】斗轮机七联定滑轮组\MDQ12050\MDQ125-8.5.56</t>
  </si>
  <si>
    <t>【长发电】斗轮机正向导轮\MDQ12050\MDQ125-8.5.71</t>
  </si>
  <si>
    <t>【长发电】斗轮机反向导轮\MDQ12050\MDQ125-8.5.81</t>
  </si>
  <si>
    <t>【长发电】斗轮机轴座\MDQ12050\MDQ125-8.5.82</t>
  </si>
  <si>
    <t>【长发电】斗轮机轴\MDQ12050\MDQ125-8.5.83</t>
  </si>
  <si>
    <t>【长发电】斗轮机钢丝绳托辊\MDQ12050\MDQ125-8.5.88</t>
  </si>
  <si>
    <t>【长发电】斗轮机辊子装配\MDQ12050\MDQ125-8.5.89</t>
  </si>
  <si>
    <t>【长发电】斗轮机外装式电动滚筒\MDQ12050\MDQ125-8.6.4</t>
  </si>
  <si>
    <t>【长发电】斗轮机外装式电动滚筒\MDQ12050\MDQ125-8.7.7</t>
  </si>
  <si>
    <t>【长发电】斗轮机螺旋张紧装置\MDQ12050\MDQ125-8.8.2</t>
  </si>
  <si>
    <t>【长发电】斗轮机电动滚筒\MDQ12050\MDQ125-8.8.12</t>
  </si>
  <si>
    <t>【长发电】斗轮机主动车轮组\MDQ125-8.8.20</t>
  </si>
  <si>
    <t>【长发电】斗轮机带齿车轮\MDQ125-8.8.21</t>
  </si>
  <si>
    <t>【长发电】斗轮机小齿轮\MDQ12050\MDQ125-8.8.27</t>
  </si>
  <si>
    <t>【长发电】斗轮机检修吊车小齿轮\MDQ12050\MDQ125-8.24.10</t>
  </si>
  <si>
    <t>【长发电】斗轮机检修吊车大齿轮\MDQ12050\MDQ125-8.24.11</t>
  </si>
  <si>
    <t>【长发电】斗轮机斗子\QL7520\DQ0327.1.1</t>
  </si>
  <si>
    <t>【长发电】斗轮机斗齿\QL7520\T011.0</t>
  </si>
  <si>
    <t>【长发电】斗轮机限矩装置\QL7520\TC01211.2</t>
  </si>
  <si>
    <t>【长发电】斗轮机斗轮轴\QL7520\QL2501.1-1</t>
  </si>
  <si>
    <t>【长发电】斗轮机溜料装置\QL7520\QL2501.1.1.1</t>
  </si>
  <si>
    <t>【长发电】斗轮机导料装置\QL7520\QL2501.1.1.2</t>
  </si>
  <si>
    <t>【长发电】斗轮机销轴\QL7520\DQ325.1-1</t>
  </si>
  <si>
    <t>【长发电】斗轮机圆弧挡板\QL7520\DQ0417.1.3</t>
  </si>
  <si>
    <t>【长发电】斗轮机轴承组件\QL7520\DQ196.1.4</t>
  </si>
  <si>
    <t>【长发电】斗轮机胀套\QL7520\DQ245.68.96</t>
  </si>
  <si>
    <t>【长发电】斗轮机胀套\QL7520\DQ245.68.97</t>
  </si>
  <si>
    <t>【长发电】斗轮机排渣改向滚筒\QL7520\QL2501.3-B1</t>
  </si>
  <si>
    <t>【长发电】斗轮机排渣改向滚筒\QL7520\QL2501.3.2-B2</t>
  </si>
  <si>
    <t>【长发电】斗轮机排渣改向滚筒\QL7520\QL2501.3.2-B1</t>
  </si>
  <si>
    <t>【长发电】斗轮机菱型胶面传动滚筒\QL7520\QL2501.3-1</t>
  </si>
  <si>
    <t>【长发电】斗轮机第一道清扫器\QL7520\DQ6587.33.66.3</t>
  </si>
  <si>
    <t>【长发电】斗轮机第二道清扫器\QL7520\DQ6587.33.66.4</t>
  </si>
  <si>
    <t>【长发电】斗轮机空段清扫器\QL7520\DQ6587.33.66.5</t>
  </si>
  <si>
    <t>【长发电】斗轮机平行下托辊\QL7520\DQ6587.33.66.6</t>
  </si>
  <si>
    <t>【长发电】斗轮机料流检测器\QL7520\DQ6874.7345.55</t>
  </si>
  <si>
    <t>【长发电】斗轮机头部缓冲器\QL7520\DQ565.10.1</t>
  </si>
  <si>
    <t>【长发电】斗轮机车轮\Φ630\TA0228.1</t>
  </si>
  <si>
    <t>【长发电】斗轮机主动台车组\Φ630\TA0228</t>
  </si>
  <si>
    <t>【长发电】斗轮机从动台车组\Φ630\TA0304a</t>
  </si>
  <si>
    <t>【长发电】斗轮机行走距离检测装置\QL7520\TW0704</t>
  </si>
  <si>
    <t>【长发电】斗轮机回转角度检测装置\QL7520\TW0808</t>
  </si>
  <si>
    <t>【长发电】斗轮机齿轮\QL7520\TW0301-1</t>
  </si>
  <si>
    <t>【长发电】斗轮机齿轮\QL7520\TW0401-2</t>
  </si>
  <si>
    <t>【长发电】斗轮机变幅角度检测装置\QL7520\TW0908</t>
  </si>
  <si>
    <t>【长发电】斗轮机拔轴\QL7520\TW0708-2</t>
  </si>
  <si>
    <t>【长发电】斗轮机阻尼装置\QL7520\DQ241.16.2.1</t>
  </si>
  <si>
    <t>【长发电】斗轮机动力电缆卷筒磁滞偶合器\QL7520\DQ563.53.66.356.34</t>
  </si>
  <si>
    <t>【长发电】斗轮机控制电缆卷筒磁滞偶合器\QL7520\DQ563.53.66.356.35</t>
  </si>
  <si>
    <t>【长发电】斗轮机限矩联轴器\QL7520\QL141.10.1.11</t>
  </si>
  <si>
    <t>【长发电】斗轮机俯仰装置液压缸轴套\QL7520\QL245.1.2.2</t>
  </si>
  <si>
    <t>【长发电】斗轮机俯仰装置液压缸卡板\QL7520\QL245.1.2.3</t>
  </si>
  <si>
    <t>【长发电】斗轮机俯仰装置液压缸轴\QL7520\QL245.2.2.3</t>
  </si>
  <si>
    <t>【长发电】斗轮机俯仰装置液压缸轴\QL7520\QL245.2.2.4</t>
  </si>
  <si>
    <t>【长发电】斗轮机电缆卷筒减速机\QL7520\DQ56.3133.42</t>
  </si>
  <si>
    <t>【长发电】斗轮机槽形托辊\QL7520\DQ45.73.1566.3</t>
  </si>
  <si>
    <t>【长发电】斗轮机缓冲托辊\QL7520\DQ45.73.1566.4</t>
  </si>
  <si>
    <t>【长发电】斗轮机缓冲托辊\QL7520\DQ45.73.1566.5</t>
  </si>
  <si>
    <t>【长发电】斗轮机普通辊子\QL7520\DQ45.73.1566.6</t>
  </si>
  <si>
    <t>【长发电】斗轮机锥形下调心托辊\QL7520\DQ45.73.1566.7</t>
  </si>
  <si>
    <t>【长发电】斗轮机锥形上调心托辊\QL7520\DQ45.73.1566.8</t>
  </si>
  <si>
    <t>【长发电】斗轮机斗子\QL15025\DQ5191.1.1</t>
  </si>
  <si>
    <t>【长发电】斗轮机斗齿装配\QL15025\DQ5191.1.2.1</t>
  </si>
  <si>
    <t>【长发电】斗轮机轮体\QL15025\DQ592.1.1</t>
  </si>
  <si>
    <t>【长发电】斗轮机溜料导料装置\QL15025\QL2102.1.1</t>
  </si>
  <si>
    <t>【长发电】斗轮机轴承组件\QL15025\DQ592.1.4</t>
  </si>
  <si>
    <t>【长发电】斗轮机轴承组件\QL15025\DQ802.1.5</t>
  </si>
  <si>
    <t>【长发电】斗轮机圆弧挡板\QL15025\DQ592.1.3</t>
  </si>
  <si>
    <t>【长发电】斗轮机斗轮轴\QL15025\DQ592.1-1</t>
  </si>
  <si>
    <t>【长发电】斗轮机扭力臂装置\QL15025\DQ142.1.3</t>
  </si>
  <si>
    <t>【长发电】斗轮机胀套\QL15025\DQ475.365.47</t>
  </si>
  <si>
    <t>【长发电】斗轮机夹轨器\TZ-J130</t>
  </si>
  <si>
    <t>【长发电】斗轮机斗轮机行走减速机\DQ4785.65.584</t>
  </si>
  <si>
    <t>【长发电】斗轮机回转减速机\QL15025\DQ74.74.66634.3</t>
  </si>
  <si>
    <t>【长发电】斗轮机限距联轴器\QL15025\QL2102.10.1.1</t>
  </si>
  <si>
    <t>【长发电】斗轮机齿轮\QL15025\QL2102.10-5</t>
  </si>
  <si>
    <t>【长发电】斗轮机液控单向阀\QL15025\QL2102.5-B2</t>
  </si>
  <si>
    <t>【长发电】斗轮机电磁换向阀\QL15025\QL2102.5-B3</t>
  </si>
  <si>
    <t>【长发电】斗轮机单向阀\QL15025\QL2102.5-B5</t>
  </si>
  <si>
    <t>【长发电】斗轮机油缸密封件\QL15025\QL2102.5-B7</t>
  </si>
  <si>
    <t>【长发电】斗轮机斗轮机落煤电动推杆\QL15025\DQ475.325.513.1</t>
  </si>
  <si>
    <t>【长发电】斗轮机分配器\QL15025\QL2102.11-B1</t>
  </si>
  <si>
    <t>【长发电】斗轮机分配器\QL15025\QL2102.11-B2</t>
  </si>
  <si>
    <t>【长发电】斗轮机分配器\QL15025\QL2102.11-B3</t>
  </si>
  <si>
    <t>【长发电】斗轮机司机室阻尼装置\QL15025\QL2102.17-B1</t>
  </si>
  <si>
    <t>【长发电】斗轮机斗子\QL15030\QL2901.1-1</t>
  </si>
  <si>
    <t>【长发电】斗轮机斗齿装配\QL15030\DQ243.21.21.2</t>
  </si>
  <si>
    <t>【长发电】斗轮机轮体\QL15030\QL2901.1.11</t>
  </si>
  <si>
    <t>【长发电】斗轮机轴承组件\QL15030\QL2901.1.5</t>
  </si>
  <si>
    <t>【长发电】斗轮机轴承组件\QL15030\QL2901.2154.5541</t>
  </si>
  <si>
    <t>【长发电】斗轮机圆弧挡板\QL15030\QL2901.1.3</t>
  </si>
  <si>
    <t>【长发电】斗轮机斗轮轴\QL15030\QL2901.1-2</t>
  </si>
  <si>
    <t>【长发电】斗轮机斗轮减速机\QL15030\QL475.63541.5245</t>
  </si>
  <si>
    <t>【长发电】斗轮机斗轮液力偶合器\QL15030\TC0121-4</t>
  </si>
  <si>
    <t>【长发电】斗轮机限矩装置\QL15030\TC0108.2</t>
  </si>
  <si>
    <t>【长发电】斗轮机夹轨器\QL145.365.84</t>
  </si>
  <si>
    <t>【长发电】斗轮机行走减速机\QL745.324.66</t>
  </si>
  <si>
    <t>【长发电】斗轮机头部缓冲器装配\DQ591.10.1</t>
  </si>
  <si>
    <t>【长发电】斗轮机齿轮\QL15030\DQ51.6.1-2</t>
  </si>
  <si>
    <t>【长发电】斗轮机从动车轮轴\TA0201b.1-2</t>
  </si>
  <si>
    <t>【长发电】斗轮机回转减速机\QL15030\QL74.365.14</t>
  </si>
  <si>
    <t>【长发电】斗轮机齿轮\QL15030\QL2902.10-1</t>
  </si>
  <si>
    <t>【长发电】斗轮机传动滚筒\QL15030\QL2902.3-2</t>
  </si>
  <si>
    <t>【长发电】斗轮机改向滚筒\QL15030\DQ312.3.9</t>
  </si>
  <si>
    <t>【长发电】斗轮机可变槽角缓冲托辊组\QL15030\QL2902.3-3</t>
  </si>
  <si>
    <t>【长发电】斗轮机防偏装置\QL15030\DQ591.2-1</t>
  </si>
  <si>
    <t>【长发电】斗轮机缓冲床\QL15030\QL2902.3-4</t>
  </si>
  <si>
    <t>【长发电】斗轮机纵向撕裂保护装置\QL15030\DQ7921.3-B1</t>
  </si>
  <si>
    <t>【长发电】斗轮机俯仰液压缸\QL15030\QL2601.13-B1</t>
  </si>
  <si>
    <t>【长发电】斗轮机分配器\QL15030\QL2601.8-B1</t>
  </si>
  <si>
    <t>【长发电】斗轮机分配器\QL15030\QL2601.8-B2</t>
  </si>
  <si>
    <t>【长发电】斗轮机分配器\QL15030\QL2601.8-B3</t>
  </si>
  <si>
    <t>【长发电】斗轮机司机室阻尼装置\QL15030\QL475.3652.144</t>
  </si>
  <si>
    <t>【长发电】斗轮机俯仰装置液压缸轴套\QL15030\QL2601.13-1</t>
  </si>
  <si>
    <t>【长发电】斗轮机俯仰装置液压管路及附件\QL15030\QL2601.13-2</t>
  </si>
  <si>
    <t>【长发电】斗轮机俯仰装置液压缸轴套\QL15030\QL2601.13-3</t>
  </si>
  <si>
    <t>【长发电】斗轮机俯仰装置液压缸轴卡板\QL15030\QL2601.13-4</t>
  </si>
  <si>
    <t>【长发电】斗轮机俯仰装置液压缸轴\QL15030\QL2601.13-5</t>
  </si>
  <si>
    <t>【长发电】斗轮机俯仰装置液压缸轴\QL15030\QL2601.13-6</t>
  </si>
  <si>
    <t>【长发电】斗轮机悬臂皮带机液力偶合器\QL15030\QL2601.2-B1</t>
  </si>
  <si>
    <t>【长发电】斗轮机动力电缆卷筒\QL15030\QL2901.19</t>
  </si>
  <si>
    <t>【长发电】斗轮机电缆导架\QL15030\QL2901.19-2</t>
  </si>
  <si>
    <t>【长发电】斗轮机控制电缆卷筒\QL15030\QL2901.20</t>
  </si>
  <si>
    <t>【长发电】斗轮机斗子\QL15035\QL2901.1-11</t>
  </si>
  <si>
    <t>【长发电】斗轮机斗齿装配\QL15035\QL2901.52.1</t>
  </si>
  <si>
    <t>【长发电】斗轮机轮体\QL15035\QL2901.1.12</t>
  </si>
  <si>
    <t>【长发电】斗轮机轴承组件\QL15035\QL2901.1.51</t>
  </si>
  <si>
    <t>【长发电】斗轮机轴承组件\QL15035\QL2901.47.36.5</t>
  </si>
  <si>
    <t>【长发电】斗轮机圆弧挡板\QL15035\QL2901.1.31</t>
  </si>
  <si>
    <t>【长发电】斗轮机斗轮轴\QL15035\QL2901.1-21</t>
  </si>
  <si>
    <t>【长发电】斗轮机斗轮液力偶合器\QL15035\TC01221-4</t>
  </si>
  <si>
    <t>【长发电】斗轮机限矩装置\QL15035\TC01208.2</t>
  </si>
  <si>
    <t>【长发电】斗轮机夹轨器\QL15035\DQ415.665.33</t>
  </si>
  <si>
    <t>【长发电】斗轮机齿轮\QL15035\QL2901.10-1</t>
  </si>
  <si>
    <t>【长发电】斗轮机悬臂胶带机液力偶合器\QL15035\DQ08101.3.1-B1</t>
  </si>
  <si>
    <t>【长发电】斗轮机传动滚筒\QL15035\QL2901.3-2</t>
  </si>
  <si>
    <t>【长发电】斗轮机改向滚筒\QL15035\DQ313.3.9</t>
  </si>
  <si>
    <t>【长发电】斗轮机可变槽角缓冲托辊组\QL15035\QL2902.3-31</t>
  </si>
  <si>
    <t>【长发电】斗轮机防偏装置\QL15035\DQ591.2-11</t>
  </si>
  <si>
    <t>【长发电】斗轮机缓冲床\QL15035\QL2902.3-41</t>
  </si>
  <si>
    <t>【长发电】斗轮机纵向撕裂保护装置\QL15035\DQ7921.3-B3</t>
  </si>
  <si>
    <t>【长发电】斗轮机俯仰液压缸\QL15035\QL2902.5-B1</t>
  </si>
  <si>
    <t>【长发电】斗轮机液控单向阀\QL15035\QL2902.5-B2-2</t>
  </si>
  <si>
    <t>【长发电】斗轮机电磁换向阀\QL15035\QL2902.5-B2-3</t>
  </si>
  <si>
    <t>【长发电】斗轮机单向阀\QL15035\QL2902.5-B2-5</t>
  </si>
  <si>
    <t>【长发电】斗轮机油缸密封件\QL15035\QL2902.5-B2</t>
  </si>
  <si>
    <t>【长发电】斗轮机衬板\QL15035\QL2902.8.1-1</t>
  </si>
  <si>
    <t>【长发电】斗轮机衬板\QL15035\QL2902.8.2-1</t>
  </si>
  <si>
    <t>【长发电】斗轮机衬板\QL15035\QL2902.8.3-1</t>
  </si>
  <si>
    <t>【长发电】斗轮机缓冲床\QL15035\DQ8611.9-4</t>
  </si>
  <si>
    <t>【长发电】斗轮机压紧装置\QL15035\DQ7301.1.2.1-2</t>
  </si>
  <si>
    <t>【长发电】斗轮机分配器\QL15035\QL2902.11-B1</t>
  </si>
  <si>
    <t>【长发电】斗轮机分配器\QL15035\QL2902.11-B2</t>
  </si>
  <si>
    <t>【长发电】斗轮机分配器\QL15035\QL2902.11-B3</t>
  </si>
  <si>
    <t>【长发电】斗轮机司机室阻尼装置\QL15035\QL2902.16-B1</t>
  </si>
  <si>
    <t>【长发电】斗轮机俯仰装置液压缸轴套\QL15035\QL2902.5-1</t>
  </si>
  <si>
    <t>【长发电】斗轮机俯仰装置液压管路及附件\QL15035\QL2902.5-2</t>
  </si>
  <si>
    <t>【长发电】斗轮机俯仰装置液压缸轴套\QL15035\QL2902.5-3</t>
  </si>
  <si>
    <t>【长发电】斗轮机俯仰装置液压缸轴卡板\QL15035\QL2902.5-4</t>
  </si>
  <si>
    <t>【长发电】斗轮机俯仰装置液压缸轴\QL15035\QL2902.5-5</t>
  </si>
  <si>
    <t>【长发电】斗轮机俯仰装置液压缸轴\QL15035\QL2902.5-6</t>
  </si>
  <si>
    <t>【长发电】斗轮机动力电缆卷筒\QL15035\QL2902.19</t>
  </si>
  <si>
    <t>【长发电】斗轮机电缆导架\QL15035\QL2902.19-B1</t>
  </si>
  <si>
    <t>【长发电】斗轮机控制电缆卷筒\QL15035\QL2902.20</t>
  </si>
  <si>
    <t>【长发电】斗轮机双轮主动车轮组\YDQ159-8.1.4</t>
  </si>
  <si>
    <t>【长发电】斗轮机双轮台车架\YDQ159-8.1.5</t>
  </si>
  <si>
    <t>【长发电】斗轮机主动车轮组装配\YDQ159-8.1.6</t>
  </si>
  <si>
    <t>【长发电】斗轮机车轮\YDQ159-8.1.7</t>
  </si>
  <si>
    <t>【长发电】斗轮机车轮轴\YDQ159-8.1.8</t>
  </si>
  <si>
    <t>【长发电】斗轮机从动车轮组装配\YDQ159-8.1.19</t>
  </si>
  <si>
    <t>【长发电】斗轮机车轮轴\YDQ159-8.1.21</t>
  </si>
  <si>
    <t>【长发电】斗轮机带编码器双轮主动车轮组\YDQ159-8.1.25</t>
  </si>
  <si>
    <t>【长发电】斗轮机带编码器从动车轮组装配\YDQ159-8.1.26</t>
  </si>
  <si>
    <t>【长发电】斗轮机车轮轴\YDQ159-8.1.28</t>
  </si>
  <si>
    <t>【长发电】斗轮机支撑铰座装配\YDQ15093\YDQ159-8.1.36</t>
  </si>
  <si>
    <t>【长发电】斗轮机水平轮装置\YDQ15093\YDQ159-8.1.48</t>
  </si>
  <si>
    <t>【长发电】斗轮机定滑轮组\YDQ15093\YDQ159-8.3.2</t>
  </si>
  <si>
    <t>【长发电】斗轮机耐磨滑轮\YDQ15093\YDQ159-8.3.10</t>
  </si>
  <si>
    <t>【长发电】斗轮机动滑轮组\YDQ15093\YDQ159-8.3.11</t>
  </si>
  <si>
    <t>【长发电】斗轮机轴\YDQ15093\YDQ159-8.3.13</t>
  </si>
  <si>
    <t>【长发电】斗轮机钢丝绳长度补偿装置\YDQ15093\YDQ159-8.3.14</t>
  </si>
  <si>
    <t>【长发电】斗轮机铜套\YDQ15093\YDQ159-8.3.17</t>
  </si>
  <si>
    <t>【长发电】斗轮机从动轮装配\YDQ15093\YDQ159-8.4.2</t>
  </si>
  <si>
    <t>【长发电】斗轮机从动轮\YDQ15093\YDQ159-8.4.3</t>
  </si>
  <si>
    <t>【长发电】斗轮机从动轮\YDQ159-8.4.4</t>
  </si>
  <si>
    <t>【长发电】斗轮机链轮\YDQ159-8.4.5</t>
  </si>
  <si>
    <t>【长发电】斗轮机张紧装置液压缸\YDQ15093\YDQ159-8.4.18</t>
  </si>
  <si>
    <t>【长发电】斗轮机液力偶合器\YDQ15093\YDQ159-8.4.23</t>
  </si>
  <si>
    <t>【长发电】斗轮机链轮装配\YDQ15093\YDQ159-8.4.24</t>
  </si>
  <si>
    <t>【长发电】斗轮机链轮\YDQ15093\YDQ159-8.4.25</t>
  </si>
  <si>
    <t>【长发电】斗轮机轴承座\YDQ15093\YDQ159-8.4.31</t>
  </si>
  <si>
    <t>【长发电】斗轮机链条\YDQ15093\YDQ159-8.4.32</t>
  </si>
  <si>
    <t>【长发电】斗轮机刮板叶片\YDQ15093\YDQ159-8.4.35</t>
  </si>
  <si>
    <t>【长发电】斗轮机斗齿\YDQ15093\YDQ159-8.4.36</t>
  </si>
  <si>
    <t>【长发电】斗轮机衬板\YDQ15093\YDQ159-8.6.4</t>
  </si>
  <si>
    <t>【长发电】斗轮机衬板\YDQ15093\YDQ159-8.6.6</t>
  </si>
  <si>
    <t>【长发电】斗轮机衬板\YDQ15093\YDQ159-8.6.12</t>
  </si>
  <si>
    <t>【长发电】斗轮机液力偶合器\YDQ15093\YDQ159-8.16.11</t>
  </si>
  <si>
    <t>【长发电】斗轮机胶面传动滚筒\YDQ15093\YDQ159-8.16.25</t>
  </si>
  <si>
    <t>【长发电】斗轮机导料槽\YDQ15093\YDQ159-8.16.29</t>
  </si>
  <si>
    <t>【长发电】斗轮机衬板\YDQ15093\YDQ159-8.16.30</t>
  </si>
  <si>
    <t>【长发电】斗轮机防偏装置\YDQ15093\YDQ159-8.16.31</t>
  </si>
  <si>
    <t>【长发电】斗轮机导轨支架\YDQ15093\YDQ159-8.16.35</t>
  </si>
  <si>
    <t>【长发电】斗轮机滚轮装置\YDQ15093\YDQ159-8.16.36</t>
  </si>
  <si>
    <t>【长发电】斗轮机缓冲床\YDQ15093\YDQ159-8.16.42</t>
  </si>
  <si>
    <t>【长发电】冲洗过滤器\DQ8035\DQ100.200.3</t>
  </si>
  <si>
    <t>【长发电】滤芯\DQ8035\DQ100.200.4</t>
  </si>
  <si>
    <t>【长发电】补偿器\DQ8035\DQ100.200.5</t>
  </si>
  <si>
    <t>【长发电】冲洗阀电磁铁\DQ8035\DQ100.200.9</t>
  </si>
  <si>
    <t>【长发电】蓄能器\DQ8035\DQ100.200-8</t>
  </si>
  <si>
    <t>【长发电】主泵联轴器\DQ8035\DQ100.200-9</t>
  </si>
  <si>
    <t>【长发电】泵密封包\DQ8035\DQ100.200.1-1</t>
  </si>
  <si>
    <t>【长发电】泵轴封密封包\DQ8035\DQ100.200.1-2</t>
  </si>
  <si>
    <t>【长发电】比例阀\DQ8035\DQ100.200.1-3</t>
  </si>
  <si>
    <t>【长发电】比例电磁阀\DQ8035\DQ100.200.1-4</t>
  </si>
  <si>
    <t>【长发电】冲洗泵联轴器\DQ8035\DQ100.200.1-6</t>
  </si>
  <si>
    <t>【长发电】高压胶管\DQ8035\DQ200.100.1</t>
  </si>
  <si>
    <t>【长发电】高压胶管\DQ8035\DQ200.100.2</t>
  </si>
  <si>
    <t>【长发电】高压胶管\DQ8035\DQ200.100.3</t>
  </si>
  <si>
    <t>【长发电】高压胶管\DQ8035\DQ200.100.4</t>
  </si>
  <si>
    <t>【长发电】高压胶管\DQ8035\DQ200.100.5</t>
  </si>
  <si>
    <t>【长发电】高压胶管\DQ8035\DQ200.100.6</t>
  </si>
  <si>
    <t>【长发电】高压胶管\DQ8035\DQ200.100.7</t>
  </si>
  <si>
    <t>【长发电】高压胶管\DQ8035\DQ200.100.8</t>
  </si>
  <si>
    <t>【长发电】高压胶管\DQ8035\DQ200.100.9</t>
  </si>
  <si>
    <t>【长发电】高压胶管\DQ8035\DQ200.100.10</t>
  </si>
  <si>
    <t>【长发电】高压胶管\DQ8035\DQ200.100.11</t>
  </si>
  <si>
    <t>【长发电】高压胶管\DQ8035\DQ200.100.12</t>
  </si>
  <si>
    <t>【长发电】高压胶管\DQ8035\DQ200.100.13</t>
  </si>
  <si>
    <t>【长发电】高压胶管\DQ8035\DQ200.100.14</t>
  </si>
  <si>
    <t>【长发电】高压胶管\DQ8035\DQ200.100.15</t>
  </si>
  <si>
    <t>【长发电】高压胶管\DQ8035\DQ200.100.16</t>
  </si>
  <si>
    <t>【长发电】高压胶管\DQ8035\DQ200.100.17</t>
  </si>
  <si>
    <t>【长发电】高压胶管\DQ8035\DQ200.100.18</t>
  </si>
  <si>
    <t>【长发电】高压胶管\DQ8035\DQ200.100.19</t>
  </si>
  <si>
    <t>【长发电】高压胶管\DQ8035\DQ200.100.20</t>
  </si>
  <si>
    <t>【长发电】高压胶管\DQ8035\DQ200.100.21</t>
  </si>
  <si>
    <t>【长发电】高压胶管\DQ8035\DQ200.100.22</t>
  </si>
  <si>
    <t>【长发电】接头\DQ10030\DQ200.100-7</t>
  </si>
  <si>
    <t>【长发电】测压软管\DQ10030\DQ200.100-8</t>
  </si>
  <si>
    <t>【长发电】电加热器\DQ10030\DQ200.100-9</t>
  </si>
  <si>
    <t>【长发电】管式单向阀\DQ10030\DQ200.100-13</t>
  </si>
  <si>
    <t>【长发电】管式中压滤器\DQ10030\DQ200.100-14</t>
  </si>
  <si>
    <t>【长发电】滤芯\DQ10030\DQ200.100-15</t>
  </si>
  <si>
    <t>【长发电】管式单向阀\DQ10030\DQ200.100-17</t>
  </si>
  <si>
    <t>【长发电】测压接头\DQ10030\DQ200.100-18</t>
  </si>
  <si>
    <t>【长发电】测压接头\DQ10030\DQ200.100-19</t>
  </si>
  <si>
    <t>【长发电】电磁换向阀\DQ10030\DQ300.100.2</t>
  </si>
  <si>
    <t>【长发电】叠加式调速阀\DQ10030\DQ300.100.3</t>
  </si>
  <si>
    <t>【长发电】插装式单向阀\DQ10030\DQ300.100.8</t>
  </si>
  <si>
    <t>【长发电】插装式管路防爆阀\DQ10030\DQ300.100.9</t>
  </si>
  <si>
    <t>【长发电】插装式管路防爆阀\DQ10030\DQ300.100.11</t>
  </si>
  <si>
    <t>【长发电】液控单向阀\DQ10030\DQ300.100.12</t>
  </si>
  <si>
    <t>【长发电】油缸密封\DQ10030\DQ300.100.13</t>
  </si>
  <si>
    <t>【长发电】冲洗过滤器\DQ15030\DQ300.100-1</t>
  </si>
  <si>
    <t>【长发电】滤芯\DQ15030\DQ300.100-2</t>
  </si>
  <si>
    <t>【长发电】补偿器\DQ15030\DQ300.100-3</t>
  </si>
  <si>
    <t>【长发电】冲洗阀电磁铁\DQ15030\DQ300.100-7</t>
  </si>
  <si>
    <t>【长发电】蓄能器\DQ15030\DQ100.400.3</t>
  </si>
  <si>
    <t>【长发电】主泵联轴器\DQ15030\DQ100.400.4</t>
  </si>
  <si>
    <t>【长发电】泵密封包\DQ15030\DQ100.400.6</t>
  </si>
  <si>
    <t>【长发电】泵轴封密封包\DQ15030\DQ100.400.7</t>
  </si>
  <si>
    <t>【长发电】比例阀\DQ15030\DQ100.400.8</t>
  </si>
  <si>
    <t>【长发电】比例电磁阀\DQ15030\DQ100.400.9</t>
  </si>
  <si>
    <t>【长发电】冲洗泵联轴器\DQ15030\DQ100.400.11</t>
  </si>
  <si>
    <t>【长发电】滤芯\DQ15050\DQ400.100.1</t>
  </si>
  <si>
    <t>【长发电】补偿器\DQ15050\DQ400.100.2</t>
  </si>
  <si>
    <t>【长发电】蓄能器\DQ15050\DQ400.100.14</t>
  </si>
  <si>
    <t>【长发电】主泵联轴器\DQ15050\DQ400.100.15</t>
  </si>
  <si>
    <t>【长发电】泵密封包\DQ15050\DQ400.100.17</t>
  </si>
  <si>
    <t>【长发电】阀密封包\DQ15050\DQ400.100.18</t>
  </si>
  <si>
    <t>【长发电】比例电磁阀\DQ15050\DQ400.100.20</t>
  </si>
  <si>
    <t>【长发电】冲洗泵联轴器\DQ15050\DQ400.100.22</t>
  </si>
  <si>
    <t>【长发电】高压胶管\DQ15050\DQ500.100-1</t>
  </si>
  <si>
    <t>【长发电】高压胶管\DQ15050\DQ500.100-2</t>
  </si>
  <si>
    <t>【长发电】高压胶管\DQ15050\DQ500.100-3</t>
  </si>
  <si>
    <t>【长发电】高压胶管\DQ15050\DQ500.100-4</t>
  </si>
  <si>
    <t>【长发电】高压胶管\DQ15050\DQ500.100-5</t>
  </si>
  <si>
    <t>【长发电】高压胶管\DQ15050\DQ500.100-6</t>
  </si>
  <si>
    <t>【长发电】高压胶管\DQ15050\DQ500.100-7</t>
  </si>
  <si>
    <t>【长发电】高压胶管\DQ15050\DQ500.100-8</t>
  </si>
  <si>
    <t>【长发电】高压胶管\DQ15050\DQ500.100-9</t>
  </si>
  <si>
    <t>【长发电】高压胶管\DQ15050\DQ500.100-10</t>
  </si>
  <si>
    <t>【长发电】高压胶管\DQ15050\DQ500.100-11</t>
  </si>
  <si>
    <t>【长发电】高压胶管\DQ15050\DQ500.100-12</t>
  </si>
  <si>
    <t>【长发电】高压胶管\DQ15050\DQ500.100-13</t>
  </si>
  <si>
    <t>【长发电】高压胶管\DQ15050\DQ500.100-14</t>
  </si>
  <si>
    <t>【长发电】高压胶管\DQ15050\DQ500.100-15</t>
  </si>
  <si>
    <t>【长发电】高压胶管\DQ15050\DQ500.100-16</t>
  </si>
  <si>
    <t>【长发电】高压胶管\DQ15050\DQ500.100-17</t>
  </si>
  <si>
    <t>【长发电】高压胶管\DQ15050\DQ500.100-18</t>
  </si>
  <si>
    <t>【长发电】高压胶管\DQ15050\DQ500.100-19</t>
  </si>
  <si>
    <t>【长发电】高压胶管\DQ15050\DQ500.100-20</t>
  </si>
  <si>
    <t>【长发电】高压胶管\DQ15050\DQ500.100-21</t>
  </si>
  <si>
    <t>【长发电】高压胶管\DQ15050\DQ500.100-22</t>
  </si>
  <si>
    <t>【长发电】接头\DQ15050\DQ600.100.7</t>
  </si>
  <si>
    <t>【长发电】测压软管\DQ15050\DQ600.100.8</t>
  </si>
  <si>
    <t>【长发电】电加热器\DQ15050\DQ600.100.9</t>
  </si>
  <si>
    <t>【长发电】管式单向阀\DQ15050\DQ600.100.13</t>
  </si>
  <si>
    <t>【长发电】管式中压滤器\DQ15050\DQ600.100.14</t>
  </si>
  <si>
    <t>【长发电】滤芯\DQ15050\DQ600.100.15</t>
  </si>
  <si>
    <t>【长发电】管式单向阀\DQ15050\DQ700.100-2</t>
  </si>
  <si>
    <t>【长发电】测压接头\DQ15050\DQ700.100-3</t>
  </si>
  <si>
    <t>【长发电】测压接头\DQ15050\DQ700.100-4</t>
  </si>
  <si>
    <t>【长发电】电磁换向阀\DQ15050\DQ700.100-7</t>
  </si>
  <si>
    <t>【长发电】叠加式调速阀\DQ15050\DQ700.100-8</t>
  </si>
  <si>
    <t>【长发电】插装式单向阀\DQ15050\DQ700.100-13</t>
  </si>
  <si>
    <t>【长发电】插装式管路防爆阀\DQ15050\DQ700.100-14</t>
  </si>
  <si>
    <t>【长发电】插装式管路防爆阀\DQ15050\DQ100.800.1</t>
  </si>
  <si>
    <t>【长发电】液控单向阀\DQ15050\DQ100.800.2</t>
  </si>
  <si>
    <t>【长发电】油缸密封\DQ15050\DQ100.800.3</t>
  </si>
  <si>
    <t>【长发电】电磁阀\DQ8035\DQ100.800.4</t>
  </si>
  <si>
    <t>【长发电】电磁铁\DQ8035\DQ100.800.5</t>
  </si>
  <si>
    <t>【长发电】直角单向阀\DQ8035\DQ100.800.7</t>
  </si>
  <si>
    <t>【长发电】集成块\DQ8035\DQ100.800.8</t>
  </si>
  <si>
    <t>【长发电】油缸密封件\DQ8035\DQ100.800.9</t>
  </si>
  <si>
    <t>【长发电】联轴器\DQ8035\DQ100.800.12</t>
  </si>
  <si>
    <t>【长发电】拉杆头\DQ8035\DQ100.800-2</t>
  </si>
  <si>
    <t>【长发电】车轮\DQ8035\DQ100.800-3</t>
  </si>
  <si>
    <t>【长发电】钳口铁\DQ8035\DQ100.800-4</t>
  </si>
  <si>
    <t>【长发电】油缸\DQ8035\DQ100.800-5</t>
  </si>
  <si>
    <t>【长发电】夹轨器油站\DQ8035\DQ100.800-6</t>
  </si>
  <si>
    <t>【长发电】控制电缆卷筒联轴器\DQ8035\DQ100.800-8</t>
  </si>
  <si>
    <t>【长发电】动力电缆卷筒联轴器\DQ8035\DQ100.800-9</t>
  </si>
  <si>
    <t>【长发电】控制电缆卷筒控制滑环\DQ8035\DQ100.800-10</t>
  </si>
  <si>
    <t>【长发电】动力电缆卷筒控制滑环\DQ8035\DQ100.800-11</t>
  </si>
  <si>
    <t>【长发电】斗轮机活动梁导向轮组件\DQ8035\MDQ36.6.1.1-1.1</t>
  </si>
  <si>
    <t>【长发电】斗轮机活动梁铜滑槽\DQ8035\MDQ36.6.1.2-5-1</t>
  </si>
  <si>
    <t>【长发电】斗轮机变幅机构链条\DQ8035\DQ100.900.1</t>
  </si>
  <si>
    <t>节</t>
  </si>
  <si>
    <t>【长发电】司机室座椅\DQ8035\DQ100.900.3</t>
  </si>
  <si>
    <t>【长发电】回转减速机高速轴\DQ8035\TG0401.0.1</t>
  </si>
  <si>
    <t>【长发电】回转减速机高速轴轴套总成\DQ8035\TG0401.0</t>
  </si>
  <si>
    <t>【长发电】回转减速机输出轴油封\DQ8035\DQ100.900.5</t>
  </si>
  <si>
    <t>【长发电】减速机高速轴轴承支撑座\DQ8035\TC0109.0a</t>
  </si>
  <si>
    <t>【长发电】钢套\DQ8035\DQ82.7.2-2.1</t>
  </si>
  <si>
    <t>【长发电】偏心轴\DQ8035\DQ82.7.2-6.1</t>
  </si>
  <si>
    <t>【长发电】水平轮\DQ8035\DQ82.7.2-4.1</t>
  </si>
  <si>
    <t>【长发电】铜垫\DQ8035\DQ82.7.2-5.1</t>
  </si>
  <si>
    <t>【长发电】对轮\DQ8035\TC0109.1-B24</t>
  </si>
  <si>
    <t>【长发电】接轴\DQ8035\TC0109.1-14</t>
  </si>
  <si>
    <t>【长发电】锥齿轮总成\DQ8035\TC0109.1-B25</t>
  </si>
  <si>
    <t>【长发电】输出轴行星架\DQ8035\TC0109.1-2</t>
  </si>
  <si>
    <t>【长发电】输出轴轴套\DQ8035\TC0109.1-2a</t>
  </si>
  <si>
    <t>【长发电】铜套\DQ8035\DQ82.7.1-6</t>
  </si>
  <si>
    <t>【长发电】铜垫\DQ8035\DQ82.7.1-7</t>
  </si>
  <si>
    <t>【长发电】铜垫\DQ8035\DQ82.7.1-4</t>
  </si>
  <si>
    <t>【长发电】齿销\DQ8035\DQ82.7-7</t>
  </si>
  <si>
    <t>【长发电】齿销\DQ8035\DQ82.7-6</t>
  </si>
  <si>
    <t>【长发电】回转行走轮\DQ8035\DQ82.7.1-3</t>
  </si>
  <si>
    <t>【长发电】传动齿轮\DQ8035\DQ82.7-2</t>
  </si>
  <si>
    <t>【长发电】悬臂减速机\DQ8035\DQ100.900.12</t>
  </si>
  <si>
    <t>【长发电】胶管接头总成\DQ8035\DQ100.900.13</t>
  </si>
  <si>
    <t>【东方锅炉】管子\φ57×6.5\SA-210C\89M1111-4-1\300MW亚临界CFB机组</t>
  </si>
  <si>
    <t>东方电气集团东方锅炉股份有限公司</t>
  </si>
  <si>
    <t>WZSCCG-2020-BJ-1056</t>
  </si>
  <si>
    <t>国家能源e购商城东方锅炉备件铺货长协采购框架协议</t>
  </si>
  <si>
    <t>【东方锅炉】弯管\φ57×6.5\SA-210C\89M1112-1-6\300MW亚临界CFB机组</t>
  </si>
  <si>
    <t>【东方锅炉】吊耳\φ70\20#\89M1112-1-8\300MW亚临界CFB机组</t>
  </si>
  <si>
    <t>【东方锅炉】座\δ6\Q235A\TG66605.10-2007\1000MW超超临界机组</t>
  </si>
  <si>
    <t>【东方锅炉】圆钢\φ10；L=2m×\20#\93M1112-1-0\300MW亚临界CFB机组</t>
  </si>
  <si>
    <t>【东方锅炉】钢板\δ6；1000×1000\20#\93M1112-1-0\300MW亚临界CFB机组</t>
  </si>
  <si>
    <t>【东方锅炉】耳板\L=410\20#\89M1112-1-10\300MW亚临界CFB机组</t>
  </si>
  <si>
    <t>【东方锅炉】弯管\φ57×6.5\SA-210C\89M1112-2-6\300MW亚临界CFB机组</t>
  </si>
  <si>
    <t>【东方锅炉】钢板\δ6×\20#\89M1113-1-3\300MW亚临界CFB机组</t>
  </si>
  <si>
    <t>【东方锅炉】组件\φ31.8×6.5\装配件\TGS11512\100万超超临界前后墙炉</t>
  </si>
  <si>
    <t>【东方锅炉】阻流板\δ6\12Cr1MoV\16N2552-31-2\600MW超临界机组</t>
  </si>
  <si>
    <t>【东方锅炉】钢板\δ6；3912×62\20#\93M1115-1-0\300MW亚临界CFB机组</t>
  </si>
  <si>
    <t>【东方锅炉】钢板\δ6；500×95.5\20#\93M1115-1-0\300MW亚临界CFB机组</t>
  </si>
  <si>
    <t>【东方锅炉】钢板\δ6；3680×74.5\20#\93M1115-2-0\300MW亚临界CFB机组</t>
  </si>
  <si>
    <t>【东方锅炉】钢板\δ6；500×726\20#\93M1115-4-0\300MW亚临界CFB机组</t>
  </si>
  <si>
    <t>【东方锅炉】钢板\δ6；2951.5×68\20#\93M1115-4-0\300MW亚临界CFB机组</t>
  </si>
  <si>
    <t>【东方锅炉】管子\φ57×6.5\SA-210C\89M1121-1-1\300MW亚临界CFB机组</t>
  </si>
  <si>
    <t>【东方锅炉】管子\φ57×6.5\SA-210C\89M1121-1-2\300MW亚临界CFB机组</t>
  </si>
  <si>
    <t>【东方锅炉】弯管\φ57×6.5\SA-210C\89M1121-1-4\300MW亚临界CFB机组</t>
  </si>
  <si>
    <t>【东方锅炉】弯管\φ57×6.5\SA-210C\89M1121-1-5\300MW亚临界CFB机组</t>
  </si>
  <si>
    <t>【东方锅炉】管子\φ57×6.5\SA-210C\89M1121-1-6\300MW亚临界CFB机组</t>
  </si>
  <si>
    <t>【东方锅炉】管子\φ57×6.5\SA-210C\89M1121-1-7\300MW亚临界CFB机组</t>
  </si>
  <si>
    <t>【东方锅炉】管子\φ57×6.5\SA-210C\89M1121-1-8\300MW亚临界CFB机组</t>
  </si>
  <si>
    <t>【东方锅炉】管子\φ57×6.5\SA-210C\89M1121-1-9\300MW亚临界CFB机组</t>
  </si>
  <si>
    <t>【东方锅炉】管子\φ57×6.5\SA-210C\89M1121-2-1\300MW亚临界CFB机组</t>
  </si>
  <si>
    <t>【东方锅炉】管子\φ57×6.5\SA-210C\89M1121-2-2\300MW亚临界CFB机组</t>
  </si>
  <si>
    <t>【东方锅炉】钢板\δ6；400×220\20#\98M1121-1-0\300MW亚临界CFB机组</t>
  </si>
  <si>
    <t>【东方锅炉】钢板\δ6；1000×500\20#\98M1121-1-0\300MW亚临界CFB机组</t>
  </si>
  <si>
    <t>【东方锅炉】管子\φ57×6.5\SA-210C\98M1121-1-1\300MW亚临界CFB机组</t>
  </si>
  <si>
    <t>【东方锅炉】管子\φ57×6.5\SA-210C\98M1121-1-2\300MW亚临界CFB机组</t>
  </si>
  <si>
    <t>【东方锅炉】管子\φ57×6.5\SA-210C\89M1122-1-1\300MW亚临界CFB机组</t>
  </si>
  <si>
    <t>【东方锅炉】阻流板\δ6\12Cr1MoV\16N2552-31-3\600MW超临界机组</t>
  </si>
  <si>
    <t>【东方锅炉】阻流板\δ6\SA-240GR304\16N2552-35-2\600MW超临界机组</t>
  </si>
  <si>
    <t>【东方锅炉】阻流板\δ6\SA-240GR304\16N2552-35-3\600MW超临界机组</t>
  </si>
  <si>
    <t>【东方锅炉】钢板\δ6；1300×1200\20#\98M1122-1-0\300MW亚临界CFB机组</t>
  </si>
  <si>
    <t>【东方锅炉】钢板\δ6；800×308\20#\98M1122-2-0\300MW亚临界CFB机组</t>
  </si>
  <si>
    <t>【东方锅炉】钢板\δ6；300×600\20#\98M1122-2-0\300MW亚临界CFB机组</t>
  </si>
  <si>
    <t>【东方锅炉】钢板\δ6；500×300\20#\98M1122-2-0\300MW亚临界CFB机组</t>
  </si>
  <si>
    <t>【东方锅炉】钢板\δ6；1300×1500\20#\98M1122-3-0\300MW亚临界CFB机组</t>
  </si>
  <si>
    <t>【东方锅炉】钢板\δ6；1300×1100\20#\98M1122-4-0\300MW亚临界CFB机组</t>
  </si>
  <si>
    <t>【东方锅炉】钢板\δ6；1300×1400\20#\98M1122-5-0\300MW亚临界CFB机组</t>
  </si>
  <si>
    <t>【东方锅炉】管子\φ57×6.5\SA-210C\89M1123-1-1\300MW亚临界CFB机组</t>
  </si>
  <si>
    <t>【东方锅炉】钢板\δ6；1880×500×\20#\89M1123-3-0\300MW亚临界CFB机组</t>
  </si>
  <si>
    <t>【东方锅炉】管子\φ57×6.5\SA-210C\98M1133-1-1\300MW亚临界CFB机组</t>
  </si>
  <si>
    <t>【东方锅炉】锥套\38CrMoAlA\166YR61-1\600MW超临界机组</t>
  </si>
  <si>
    <t>【东方锅炉】风管\φ62×4\ZG1Cr20Ni14Si2\98M114-1-2\300MW亚临界CFB机组</t>
  </si>
  <si>
    <t>【东方锅炉】套管\φ80×3\ZG1Cr20Ni14Si2\89M114-10-3\300MW亚临界CFB机组</t>
  </si>
  <si>
    <t>【东方锅炉】导向风管\φ32×4\1Cr20Ni14Si2\89M114-11\300MW亚临界CFB机组</t>
  </si>
  <si>
    <t>【东方锅炉】导向风管\φ32×4\1Cr20Ni14Si2\89M114-12\300MW亚临界CFB机组</t>
  </si>
  <si>
    <t>【东方锅炉】梳形板\δ6\Q235A\89M114-14\300MW亚临界CFB机组</t>
  </si>
  <si>
    <t>【东方锅炉】梳形板\δ6\Q235A\89M114-16\300MW亚临界CFB机组</t>
  </si>
  <si>
    <t>【东方锅炉】梳形板\δ6\Q235A\89M114-18\300MW亚临界CFB机组</t>
  </si>
  <si>
    <t>【东方锅炉】梳形板\δ6\Q235A\89M114-20\300MW亚临界CFB机组</t>
  </si>
  <si>
    <t>【东方锅炉】钢板\δ6；164×150\20#\98M114-0\300MW亚临界CFB机组</t>
  </si>
  <si>
    <t>【东方锅炉】锥套\38CrMoAlA\31YR61-15\600MW超临界机组</t>
  </si>
  <si>
    <t>【东方锅炉】锥套\38CrMoAlA\TYP00064\600MW超临界机组</t>
  </si>
  <si>
    <t>【东方锅炉】过渡管\Ⅰ\SA-210C\93M114-1-2\300MW亚临界CFB机组</t>
  </si>
  <si>
    <t>【东方锅炉】内螺纹管\φ82.55×12.7\SA-210C\93M114-1-1\300MW亚临界CFB机组</t>
  </si>
  <si>
    <t>【东方锅炉】圆钢\φ8，L=5m\20#\93M14-0\300MW亚临界CFB机组</t>
  </si>
  <si>
    <t>【东方锅炉】圆钢\φ10，L=6m\20#\93M14-0\300MW亚临界CFB机组</t>
  </si>
  <si>
    <t>【东方锅炉】端盖\φ273×45-Ⅰ-Ⅲ\20#\DG3318-20#15\300MW亚临界CFB机组</t>
  </si>
  <si>
    <t>【东方锅炉】套管\dH28 φ60×6 f2.5\SA-210C\DG3281-2013\300MW亚临界CFB机组</t>
  </si>
  <si>
    <t>【东方锅炉】圆弧板\δ10\20#\89M141-1-6\300MW亚临界CFB机组</t>
  </si>
  <si>
    <t>【东方锅炉】圆弧板\δ10\20#\89M141-1-7\300MW亚临界CFB机组</t>
  </si>
  <si>
    <t>【东方锅炉】圆弧板\δ10\20#\89M141-1-8\300MW亚临界CFB机组</t>
  </si>
  <si>
    <t>【东方锅炉】短管\φ133×16；R139\SA-106C\DG3282-2017\300MW亚临界CFB机组</t>
  </si>
  <si>
    <t>【东方锅炉】端盖\φ133×18\20#\DG3315-20#15\300MW亚临界CFB机组</t>
  </si>
  <si>
    <t>【东方锅炉】端盖\φ298.5×48\SA-105\89M145-1-1\300MW亚临界CFB机组</t>
  </si>
  <si>
    <t>【东方锅炉】端盖\φ219×38\SA-105\89M149-1-1\300MW亚临界CFB机组</t>
  </si>
  <si>
    <t>【东方锅炉】蛇形管U型弯管\φ51×6.5\12Cr1MoVG\89M211-1-1\300MW亚临界CFB机组</t>
  </si>
  <si>
    <t>【东方锅炉】蛇形管180°弯管\φ52×6.5\SA-213T91\89M211-1-1\300MW亚临界CFB机组</t>
  </si>
  <si>
    <t>【东方锅炉】蛇形管U型弯管\φ53×6.5\12Cr1MoVG\89M211-1-2\300MW亚临界CFB机组</t>
  </si>
  <si>
    <t>【东方锅炉】蛇形管180°弯管\φ54×6.5\SA-213T91\89M211-1-2\300MW亚临界CFB机组</t>
  </si>
  <si>
    <t>【东方锅炉】蛇形管180°弯管\φ55×6.5\12Cr1MoVG\89M211-1-3\300MW亚临界CFB机组</t>
  </si>
  <si>
    <t>【东方锅炉】蛇形管U型弯管\φ56×6.5\SA-213T91\89M211-1-3\300MW亚临界CFB机组</t>
  </si>
  <si>
    <t>【东方锅炉】蛇形管180°弯管\φ57×6.5\12Cr1MoVG\89M211-1-4\300MW亚临界CFB机组</t>
  </si>
  <si>
    <t>【东方锅炉】蛇形管U型弯管\φ58×6.5\SA-213T91\89M211-1-4\300MW亚临界CFB机组</t>
  </si>
  <si>
    <t>【东方锅炉】集箱连接处90°弯管\φ59×6.5\12Cr1MoVG\89M211-9\300MW亚临界CFB机组</t>
  </si>
  <si>
    <t>【东方锅炉】集箱连接处90°弯管\φ60×6.5\SA-213T91\89M211-17\300MW亚临界CFB机组</t>
  </si>
  <si>
    <t>【东方锅炉】蛇形管90°弯管\φ61×6.5\15CrMoG\89M212-1-1\300MW亚临界CFB机组</t>
  </si>
  <si>
    <t>【东方锅炉】蛇形管U型弯管\φ62×6.5\SA-210C\89M212-1-1\300MW亚临界CFB机组</t>
  </si>
  <si>
    <t>【东方锅炉】蛇形管180°弯管\φ63×6.5\15CrMoG\89M212-1-2\300MW亚临界CFB机组</t>
  </si>
  <si>
    <t>【东方锅炉】蛇形管U型弯管\φ64×6.5\SA-210C\89M212-1-2\300MW亚临界CFB机组</t>
  </si>
  <si>
    <t>【东方锅炉】蛇形管U型弯管\φ65×6.5\15CrMoG\89M212-1-3\300MW亚临界CFB机组</t>
  </si>
  <si>
    <t>【东方锅炉】蛇形管U型弯管\φ66×6.5\15CrMoG\89M212-1-4\300MW亚临界CFB机组</t>
  </si>
  <si>
    <t>【东方锅炉】管子\φ57×7\SA-210C\89M2141-1-1\300MW亚临界CFB机组</t>
  </si>
  <si>
    <t>【东方锅炉】90°弯管\φ57×7\SA-210C\89M2141-1-2\300MW亚临界CFB机组</t>
  </si>
  <si>
    <t>【东方锅炉】管子\φ57×7\SA-210C\89M2141-4-4\300MW亚临界CFB机组</t>
  </si>
  <si>
    <t>【东方锅炉】管子\φ57×7\SA-210C\89M2141-4-5\300MW亚临界CFB机组</t>
  </si>
  <si>
    <t>【东方锅炉】90°弯管\φ57×7\SA-210C\89M2142-1-1\300MW亚临界CFB机组</t>
  </si>
  <si>
    <t>【东方锅炉】管子\φ57×7\SA-210C\89M2142-1-2\300MW亚临界CFB机组</t>
  </si>
  <si>
    <t>【东方锅炉】管子\φ63.5×7\SA-210C\89M2143-1-1\300MW亚临界CFB机组</t>
  </si>
  <si>
    <t>【东方锅炉】管子\φ63.5×7\SA-210C\89M2143-1-2\300MW亚临界CFB机组</t>
  </si>
  <si>
    <t>【东方锅炉】管子\φ63.5×7\SA-210C\89M2143-1-3\300MW亚临界CFB机组</t>
  </si>
  <si>
    <t>【东方锅炉】管子\φ63.5×7\SA-210C\89M2143-1-4\300MW亚临界CFB机组</t>
  </si>
  <si>
    <t>【东方锅炉】管子\φ63.5×7\SA-210C\89M2143-2-1\300MW亚临界CFB机组</t>
  </si>
  <si>
    <t>【东方锅炉】管子\φ63.5×7\SA-210C\89M2143-2-2\300MW亚临界CFB机组</t>
  </si>
  <si>
    <t>【东方锅炉】管子\φ63.5×7\SA-210C\89M2143-2-3\300MW亚临界CFB机组</t>
  </si>
  <si>
    <t>【东方锅炉】管子\φ63.5×7\SA-210C\89M2143-3-1\300MW亚临界CFB机组</t>
  </si>
  <si>
    <t>【东方锅炉】管子\φ63.5×7\SA-210C\89M2143-4-1\300MW亚临界CFB机组</t>
  </si>
  <si>
    <t>【东方锅炉】管子\φ63.5×7\SA-210C\89M2143-5-1\300MW亚临界CFB机组</t>
  </si>
  <si>
    <t>【东方锅炉】管子\φ63.5×7\SA-210C\89M2143-5-2\300MW亚临界CFB机组</t>
  </si>
  <si>
    <t>【东方锅炉】管子\φ63.5×7\SA-210C\89M2143-5-3\300MW亚临界CFB机组</t>
  </si>
  <si>
    <t>【东方锅炉】管子\φ63.5×7\SA-210C\89M2143-5-4\300MW亚临界CFB机组</t>
  </si>
  <si>
    <t>【东方锅炉】管子\φ63.5×7\SA-210C\89M2143-5-5\300MW亚临界CFB机组</t>
  </si>
  <si>
    <t>【东方锅炉】管子\φ63.5×7\SA-210C\89M2143-5-6\300MW亚临界CFB机组</t>
  </si>
  <si>
    <t>【东方锅炉】管子\φ63.5×7\SA-210C\89M2145-1-1\300MW亚临界CFB机组</t>
  </si>
  <si>
    <t>【东方锅炉】弯管\φ63.5×7\SA-210C\89M2145-1-2\300MW亚临界CFB机组</t>
  </si>
  <si>
    <t>【东方锅炉】管子\φ63.5×7\SA-210C\89M2145-4-2\300MW亚临界CFB机组</t>
  </si>
  <si>
    <t>【东方锅炉】锥套\38CrMoAlA127YR61-15\600MW超临界机组</t>
  </si>
  <si>
    <t>【东方锅炉】弯管\φ63.5×7\SA-210C\89M2145-4-5\300MW亚临界CFB机组</t>
  </si>
  <si>
    <t>【东方锅炉】锥套\1000MW超超临界机组\38CrMoAlA\253YR61 No.4\1000MW超超临界机组</t>
  </si>
  <si>
    <t>【东方锅炉】管子\φ57×7\15CrMoG\89M2147-1-1\300MW亚临界CFB机组</t>
  </si>
  <si>
    <t>【东方锅炉】弯管\φ57×7\15CrMoG\89M2147-1-2\300MW亚临界CFB机组</t>
  </si>
  <si>
    <t>【东方锅炉】弯管\φ57×7\15CrMoG\89M2147-1-3\300MW亚临界CFB机组</t>
  </si>
  <si>
    <t>【东方锅炉】弯管\φ51×8\12Cr1MoVG\98M215-5-1\300MW亚临界CFB机组</t>
  </si>
  <si>
    <t>【东方锅炉】弯管\φ51×8\12Cr1MoVG\98M215-6-1\300MW亚临界CFB机组</t>
  </si>
  <si>
    <t>【东方锅炉】弯管\φ70×5\20G\89M221-1-1\300MW亚临界CFB机组</t>
  </si>
  <si>
    <t>【东方锅炉】弯管\φ70×7\20G\89M221-1-1\300MW亚临界CFB机组</t>
  </si>
  <si>
    <t>【东方锅炉】弯管\φ70×5\20G\89M221-1-2\300MW亚临界CFB机组</t>
  </si>
  <si>
    <t>【东方锅炉】弯管\φ70×5\20G\89M221-11\300MW亚临界CFB机组</t>
  </si>
  <si>
    <t>【东方锅炉】弯管\φ70×5\12Cr1MoVG\89M221-19\300MW亚临界CFB机组</t>
  </si>
  <si>
    <t>【东方锅炉】弯管\φ76×6\SA-213T91\89M223-5-1\300MW亚临界CFB机组</t>
  </si>
  <si>
    <t>【东方锅炉】防磨盖板No1\89M254-1\12Cr18Ni9\300MW亚临界CFB机组</t>
  </si>
  <si>
    <t>【东方锅炉】防磨盖板No2\89M254-1\1Cr6Si2Mo\300MW亚临界CFB机组</t>
  </si>
  <si>
    <t>【东方锅炉】防磨盖板No1\89M254-2\12Cr18Ni9\300MW亚临界CFB机组</t>
  </si>
  <si>
    <t>【东方锅炉】防磨盖板No4\89M254-2\1Cr6Si2Mo\300MW亚临界CFB机组</t>
  </si>
  <si>
    <t>【东方锅炉】防磨盖板No1\89M254-3\12Cr18Ni9\300MW亚临界CFB机组</t>
  </si>
  <si>
    <t>【东方锅炉】防磨盖板No2\89M254-3\1Cr6Si2Mo\300MW亚临界CFB机组</t>
  </si>
  <si>
    <t>【东方锅炉】防磨盖板No1\89M254-4\12Cr18Ni9\300MW亚临界CFB机组</t>
  </si>
  <si>
    <t>【东方锅炉】盖板No3\89M254-4\1Cr6Si2Mo\300MW亚临界CFB机组</t>
  </si>
  <si>
    <t>【东方锅炉】盖板\δ3\89M254-8\1Cr6Si2Mo\300MW亚临界CFB机组</t>
  </si>
  <si>
    <t>【东方锅炉】U形防磨盖板1\δ3\89M254-10\1Cr6Si2Mo\300MW亚临界CFB机组</t>
  </si>
  <si>
    <t>【东方锅炉】压板\№1\89M254-15\12Cr18Ni9\300MW亚临界CFB机组</t>
  </si>
  <si>
    <t>【东方锅炉】锥套\89YR61\89YR61\№1\29#预热器</t>
  </si>
  <si>
    <t>【东方锅炉】压板\№1\89M254-16\12Cr18Ni9\300MW亚临界CFB机组</t>
  </si>
  <si>
    <t>【东方锅炉】锥套\101YR61\101YR61\№1\29#预热器</t>
  </si>
  <si>
    <t>【东方锅炉】防磨盖板\δ5\89M254-17\1Cr20Ni14Si2\300MW亚临界CFB机组</t>
  </si>
  <si>
    <t>【东方锅炉】防磨盖板\δ3\89M254-18\1Cr20Ni14Si2\300MW亚临界CFB机组</t>
  </si>
  <si>
    <t>【东方锅炉】均流板\δ5\12Cr18Ni9\89M254-19\300MW亚临界CFB机组</t>
  </si>
  <si>
    <t>【东方锅炉】均流板\δ5\1Cr6Si2Mo\89M254-19\300MW亚临界CFB机组</t>
  </si>
  <si>
    <t>【东方锅炉】均流板\δ5\12Cr18Ni9\89M254-20\300MW亚临界CFB机组</t>
  </si>
  <si>
    <t>【东方锅炉】均流板\δ5\1Cr6Si2Mo\89M254-20\300MW亚临界CFB机组</t>
  </si>
  <si>
    <t>【东方锅炉】均流板\δ5\12Cr18Ni9\89M254-21\300MW亚临界CFB机组</t>
  </si>
  <si>
    <t>【东方锅炉】均流板\δ5\1Cr6Si2Mo\89M254-21\300MW亚临界CFB机组</t>
  </si>
  <si>
    <t>【东方锅炉】均流板\δ5\12Cr18Ni9\89M254-24\300MW亚临界CFB机组</t>
  </si>
  <si>
    <t>【东方锅炉】均流板\δ5\1Cr6Si2Mo\89M254-24\300MW亚临界CFB机组</t>
  </si>
  <si>
    <t>【东方锅炉】肋板\δ5\12Cr18Ni9\89M254-25\300MW亚临界CFB机组</t>
  </si>
  <si>
    <t>【东方锅炉】肋板\δ5\1Cr6Si2Mo\89M254-25\300MW亚临界CFB机组</t>
  </si>
  <si>
    <t>【东方锅炉】防磨盖板\δ3\89M255-1\1Cr20Ni14Si2\300MW亚临界CFB机组</t>
  </si>
  <si>
    <t>【东方锅炉】防磨盖板\δ3\89M255-2\1Cr20Ni14Si2\300MW亚临界CFB机组</t>
  </si>
  <si>
    <t>【东方锅炉】防磨盖板\δ3\89M255-3\1Cr20Ni14Si2\300MW亚临界CFB机组</t>
  </si>
  <si>
    <t>【东方锅炉】防磨盖板\δ3\89M255-4\1Cr20Ni14Si2\300MW亚临界CFB机组</t>
  </si>
  <si>
    <t>【东方锅炉】防磨盖板\№1\89M255-5\1Cr20Ni14Si2\300MW亚临界CFB机组</t>
  </si>
  <si>
    <t>【东方锅炉】防磨盖板№2\89M255-5\1Cr6Si2Mo\300MW亚临界CFB机组</t>
  </si>
  <si>
    <t>【东方锅炉】防磨盖板\δ3\89M255-6\1Cr20Ni14Si2\300MW亚临界CFB机组</t>
  </si>
  <si>
    <t>【东方锅炉】防磨盖板\δ3\89M255-7\1Cr20Ni14Si2\300MW亚临界CFB机组</t>
  </si>
  <si>
    <t>【东方锅炉】防磨盖板\№1\89M255-8\1Cr20Ni14Si2\300MW亚临界CFB机组</t>
  </si>
  <si>
    <t>【东方锅炉】防磨盖板\№2\89M255-8\1Cr6Si2Mo\300MW亚临界CFB机组</t>
  </si>
  <si>
    <t>【东方锅炉】防磨盖板\δ3\89M255-9\1Cr20Ni14Si2\300MW亚临界CFB机组</t>
  </si>
  <si>
    <t>【东方锅炉】防磨盖板\№1\89M255-11\1Cr20Ni14Si2\300MW亚临界CFB机组</t>
  </si>
  <si>
    <t>【东方锅炉】防磨盖板\№2\89M255-11\1Cr6Si2Mo\300MW亚临界CFB机组</t>
  </si>
  <si>
    <t>【东方锅炉】防磨盖板\δ3\89M255-12\1Cr6Si2Mo\300MW亚临界CFB机组</t>
  </si>
  <si>
    <t>【东方锅炉】防磨盖板\δ3\89M255-13\1Cr6Si2Mo\300MW亚临界CFB机组</t>
  </si>
  <si>
    <t>【东方锅炉】防磨盖板\δ3\89M255-14\1Cr6Si2Mo\300MW亚临界CFB机组</t>
  </si>
  <si>
    <t>【东方锅炉】防磨盖板\δ3\89M255-15\1Cr6Si2Mo\300MW亚临界CFB机组</t>
  </si>
  <si>
    <t>【东方锅炉】盖板\δ3\89M255-16\1Cr6Si2Mo\300MW亚临界CFB机组</t>
  </si>
  <si>
    <t>【东方锅炉】肋板\δ5\1Cr20Ni14Si2\89M255-19\300MW亚临界CFB机组</t>
  </si>
  <si>
    <t>【东方锅炉】肋板\δ5\1Cr6Si2Mo\89M255-19\300MW亚临界CFB机组</t>
  </si>
  <si>
    <t>【东方锅炉】均流板\δ5\1Cr20Ni14Si2\89M255-20\300MW亚临界CFB机组</t>
  </si>
  <si>
    <t>【东方锅炉】均流板\δ5\1Cr6Si2Mo\89M255-20\300MW亚临界CFB机组</t>
  </si>
  <si>
    <t>【东方锅炉】均流板\δ5\1Cr20Ni14Si2\89M255-21\300MW亚临界CFB机组</t>
  </si>
  <si>
    <t>【东方锅炉】均流板\δ5\1Cr6Si2Mo\89M255-21\300MW亚临界CFB机组</t>
  </si>
  <si>
    <t>【东方锅炉】均流板\δ5\1Cr20Ni14Si2\89M255-22\300MW亚临界CFB机组</t>
  </si>
  <si>
    <t>【东方锅炉】均流板\δ5\1Cr6Si2Mo\89M255-22\300MW亚临界CFB机组</t>
  </si>
  <si>
    <t>【东方锅炉】均流板\δ5\1Cr20Ni14Si2\89M255-23\300MW亚临界CFB机组</t>
  </si>
  <si>
    <t>【东方锅炉】均流板\δ5\1Cr6Si2Mo\89M255-23\300MW亚临界CFB机组</t>
  </si>
  <si>
    <t>【东方锅炉】均流板\δ5\1Cr20Ni14Si2\89M255-24\300MW亚临界CFB机组</t>
  </si>
  <si>
    <t>【东方锅炉】均流板\δ5\1Cr6Si2Mo\89M255-24\300MW亚临界CFB机组</t>
  </si>
  <si>
    <t>【东方锅炉】均流板\δ5\1Cr20Ni14Si2\89M255-25\300MW亚临界CFB机组</t>
  </si>
  <si>
    <t>【东方锅炉】均流板\δ5\1Cr6Si2Mo\89M255-25\300MW亚临界CFB机组</t>
  </si>
  <si>
    <t>【东方锅炉】弯管\φ51×6\SA-210C\93M31-1-1\300MW亚临界CFB机组</t>
  </si>
  <si>
    <t>【东方锅炉】盖板\93M31-1-13\12Cr1MoV\300MW亚临界CFB机组</t>
  </si>
  <si>
    <t>【东方锅炉】防磨盖板\δ3\93M31-1-14\12Cr1MoV\300MW亚临界CFB机组</t>
  </si>
  <si>
    <t>【东方锅炉】防磨盖板\δ3\93M31-1-15\12Cr1MoV\300MW亚临界CFB机组</t>
  </si>
  <si>
    <t>【东方锅炉】U型弯管\φ51×6\SA-210C\93M31-1-4\300MW亚临界CFB机组</t>
  </si>
  <si>
    <t>【东方锅炉】55°弯管\φ51×6\SA-210C\93M31-3-3\300MW亚临界CFB机组</t>
  </si>
  <si>
    <t>【东方锅炉】防磨盖板\№1\93M33-1\12Cr1MoV\300MW亚临界CFB机组</t>
  </si>
  <si>
    <t>【东方锅炉】防磨盖板\δ3\93M33-2\12Cr1MoV\300MW亚临界CFB机组</t>
  </si>
  <si>
    <t>【东方锅炉】防磨盖板\δ3\93M33-3\20#\300MW亚临界CFB机组</t>
  </si>
  <si>
    <t>【东方锅炉】防磨盖板\δ3\93M33-4\12Cr1MoV\300MW亚临界CFB机组</t>
  </si>
  <si>
    <t>【东方锅炉】防磨盖板\δ3\93M33-5\20#\300MW亚临界CFB机组</t>
  </si>
  <si>
    <t>【东方锅炉】异种钢焊接管\φ76×6；L=200\SA-213T91/12Cr1MoVG\98M988-1-0\300MW亚临界CFB机组</t>
  </si>
  <si>
    <t>【东方锅炉】异种钢焊接管\φ51×6.5；L=200\SA-213T91/12Cr1MoVG\98M988-2-0\300MW亚临界CFB机组</t>
  </si>
  <si>
    <t>【东方锅炉】管子\φ31.8×7.5\15CrMoG\2S1111-1-1\1000MW超超临界机组</t>
  </si>
  <si>
    <t>【东方锅炉】管子\φ31.8×7.5\15CrMoG\2S1111-1-2\1000MW超超临界机组</t>
  </si>
  <si>
    <t>【东方锅炉】管子\φ31.8×6.5\15CrMoG\20S1112-1-1\1000MW超超临界机组</t>
  </si>
  <si>
    <t>【东方锅炉】管子\φ31.8×6.5\15CrMoG\20S1112-1-2\1000MW超超临界机组</t>
  </si>
  <si>
    <t>【东方锅炉】管子\φ31.8×6.5\15CrMoG\20S1112-1-3\1000MW超超临界机组</t>
  </si>
  <si>
    <t>【东方锅炉】管子\φ31.8×6.5\15CrMoG\20S1112-1-4\1000MW超超临界机组</t>
  </si>
  <si>
    <t>【东方锅炉】锥套\136YR61\136YR61\№1\29#预热器</t>
  </si>
  <si>
    <t>【东方锅炉】管子\φ31.8×7.5\15CrMoG\2S1113-1-1\1000MW超超临界机组</t>
  </si>
  <si>
    <t>【东方锅炉】管子\φ31.8×7.5\15CrMoG\2S1113-1-2\1000MW超超临界机组</t>
  </si>
  <si>
    <t>【东方锅炉】内螺纹管\φ38.1×7.5\SA-213T2\2S1133-25-1\1000MW超超临界机组</t>
  </si>
  <si>
    <t>【东方锅炉】内螺纹管\φ38.1×7.5\SA-213T2\2S1133-25-2\1000MW超超临界机组</t>
  </si>
  <si>
    <t>【东方锅炉】180°弯管\φ31.8×6.5\15CrMoG\20S1152-1-1\1000MW超超临界机组</t>
  </si>
  <si>
    <t>【东方锅炉】管子\φ31.8×6.5\15CrMoG\20S1152-1-2\1000MW超超临界机组</t>
  </si>
  <si>
    <t>【东方锅炉】管子\φ31.8×6.5\15CrMoG\20S1153-1\1000MW超超临界机组</t>
  </si>
  <si>
    <t>【东方锅炉】管子\φ31.8×7.5\15CrMoG\2S1141-1-2\1000MW超超临界机组</t>
  </si>
  <si>
    <t>【东方锅炉】90°弯管\φ31.8×7.5\15CrMoG\2S1141-1-3\1000MW超超临界机组</t>
  </si>
  <si>
    <t>【东方锅炉】内螺纹管90°弯管\φ38.1×7.5\SA-213T2\2S1141-1-7\1000MW超超临界机组</t>
  </si>
  <si>
    <t>【东方锅炉】管子\φ31.8×6.5\15CrMoG\2S1142-1-2\1000MW超超临界机组</t>
  </si>
  <si>
    <t>【东方锅炉】90°弯管\φ31.8×6.5\15CrMoG\2S1142-1-3\1000MW超超临界机组</t>
  </si>
  <si>
    <t>【东方锅炉】内螺纹管90°弯管\φ38.1×7.5\SA-213T2\2S1142-1-10\1000MW超超临界机组</t>
  </si>
  <si>
    <t>【东方锅炉】内螺纹管弯管\φ38.1×7.5\SA-213T2\2S1142-1-11\1000MW超超临界机组</t>
  </si>
  <si>
    <t>【东方锅炉】管子\φ31.8×7.5\15CrMoG\2S1143-1-2\1000MW超超临界机组</t>
  </si>
  <si>
    <t>【东方锅炉】管子\φ31.8×7.5\15CrMoG\2S1143-1-3\1000MW超超临界机组</t>
  </si>
  <si>
    <t>【东方锅炉】内螺纹管90°弯管\φ38.1×7.5\SA-213T2\2S1143-1-7\1000MW超超临界机组</t>
  </si>
  <si>
    <t>【东方锅炉】高温过热器弯管\φ45×8.9\SA-213S30432\19S211-1-1\1000MW超超临界机组</t>
  </si>
  <si>
    <t>【东方锅炉】高温过热器弯管\φ45×8.9\SA-213S30432\19S211-1-2\1000MW超超临界机组</t>
  </si>
  <si>
    <t>【东方锅炉】高温过热器弯管\φ45×8.9\SA-213S30432\19S211-1-3\1000MW超超临界机组</t>
  </si>
  <si>
    <t>【东方锅炉】高温过热器弯管\φ45×8.9\SA-213S30432\19S211-1-4\1000MW超超临界机组</t>
  </si>
  <si>
    <t>【东方锅炉】高温过热器弯管\φ45×8.9\SA-213S30432\19S211-1-5\1000MW超超临界机组</t>
  </si>
  <si>
    <t>【东方锅炉】高温过热器弯管\φ45×8.9\SA-213S30432\19S211-1-6\1000MW超超临界机组</t>
  </si>
  <si>
    <t>【东方锅炉】高温过热器弯管\φ45×8.9\SA-213S30432\19S211-1-7\1000MW超超临界机组</t>
  </si>
  <si>
    <t>【东方锅炉】高温过热器弯管\φ45×8.9\SA-213S30432\19S211-1-8\1000MW超超临界机组</t>
  </si>
  <si>
    <t>【东方锅炉】高温过热器弯管\φ45×8.9\SA-213S30432\19S211-1-9\1000MW超超临界机组</t>
  </si>
  <si>
    <t>【东方锅炉】高温过热器弯管\φ45×8.9\SA-213S30432\19S211-1-10\1000MW超超临界机组</t>
  </si>
  <si>
    <t>【东方锅炉】高温过热器弯管\φ45×8.9\SA-213S30432\19S211-1-11\1000MW超超临界机组</t>
  </si>
  <si>
    <t>【东方锅炉】高温过热器弯管\φ45×8.9\SA-213S30432\19S211-1-12\1000MW超超临界机组</t>
  </si>
  <si>
    <t>【东方锅炉】高温过热器弯管\φ45×8.9\SA-213S30432\19S211-1-13\1000MW超超临界机组</t>
  </si>
  <si>
    <t>【东方锅炉】高温过热器弯管\φ45×8.9\SA-213S30432\19S211-1-14\1000MW超超临界机组</t>
  </si>
  <si>
    <t>【东方锅炉】高温过热器弯管\φ45×8.9\SA-213S30432\19S211-1-15\1000MW超超临界机组</t>
  </si>
  <si>
    <t>【东方锅炉】高温过热器弯管\φ45×8.9\SA-213S30432\19S211-1-16\1000MW超超临界机组</t>
  </si>
  <si>
    <t>【东方锅炉】高温过热器弯管\φ45×8.9\SA-213S30432\19S211-1-17\1000MW超超临界机组</t>
  </si>
  <si>
    <t>【东方锅炉】高温过热器弯管\φ45×8.9\SA-213S30432\19S211-1-18\1000MW超超临界机组</t>
  </si>
  <si>
    <t>【东方锅炉】高温过热器弯管\φ45×8.9\SA-213S30432\19S211-1-19\1000MW超超临界机组</t>
  </si>
  <si>
    <t>【东方锅炉】高温过热器弯管\φ45×8.9\SA-213S30432\19S211-1-20\1000MW超超临界机组</t>
  </si>
  <si>
    <t>【东方锅炉】高温过热器弯管\φ45×8.9\SA-213S30432\19S211-1-21\1000MW超超临界机组</t>
  </si>
  <si>
    <t>【东方锅炉】高温过热器弯管\φ45×8.9\SA-213S30432\19S211-1-22\1000MW超超临界机组</t>
  </si>
  <si>
    <t>【东方锅炉】高温过热器弯管\φ45×8.9\SA-213S30432\19S211-1-23\1000MW超超临界机组</t>
  </si>
  <si>
    <t>【东方锅炉】高温过热器弯管\φ45×8.9\SA-213TP310HCbN \19S211-1-24\1000MW超超临界机组</t>
  </si>
  <si>
    <t>【东方锅炉】高温过热器弯管\φ45×8.9\SA-213TP310HCbN \19S211-1-25\1000MW超超临界机组</t>
  </si>
  <si>
    <t>【东方锅炉】高温过热器弯管\φ50.8×11.6\SA-213TP310HCbN \20S211-1-1\1000MW超超临界机组</t>
  </si>
  <si>
    <t>【东方锅炉】125°弯管\φ45×8.9\SA-213S30432\19S211-1-1\1000MW超超临界机组</t>
  </si>
  <si>
    <t>【东方锅炉】过热一级管90°弯管\φ57×8\12Cr1MoVG\15S2121-1-1\1000MW超超临界机组</t>
  </si>
  <si>
    <t>【东方锅炉】过热一级管90°弯管\φ57×8\12Cr1MoVG\15S2121-1-2\1000MW超超临界机组</t>
  </si>
  <si>
    <t>【东方锅炉】过热二级管90°弯管\φ57×10.5\12Cr1MoVG\15S2122-1-1\1000MW超超临界机组</t>
  </si>
  <si>
    <t>【东方锅炉】过热二级管90°弯管\φ57×9\12Cr1MoVG\15S2122-1-1\1000MW超超临界机组</t>
  </si>
  <si>
    <t>【东方锅炉】过热二级管90°弯管\φ57×10.5\12Cr1MoVG\15S2122-1-2\1000MW超超临界机组</t>
  </si>
  <si>
    <t>【东方锅炉】过热二级管90°弯管\φ57×9\12Cr1MoVG\15S2122-1-2\1000MW超超临界机组</t>
  </si>
  <si>
    <t>【东方锅炉】顶棚过热器150°弯管\φ63.5×10\15CrMoG\2S2131-1-1\1000MW超超临界机组</t>
  </si>
  <si>
    <t>【东方锅炉】顶棚过热器弯管\φ63.5×10\15CrMoG\2S2131-1-4\1000MW超超临界机组</t>
  </si>
  <si>
    <t>【东方锅炉】顶棚过热器弯管\φ63.5×10\15CrMoG\2S2131-1-5\1000MW超超临界机组</t>
  </si>
  <si>
    <t>【东方锅炉】让管弯管\φ63.5×10\15CrMoG\2S2132-1-2\1000MW超超临界机组</t>
  </si>
  <si>
    <t>【东方锅炉】让管弯管\φ63.5×10\15CrMoG\2S2132-1-3\1000MW超超临界机组</t>
  </si>
  <si>
    <t>【东方锅炉】让管弯管\φ63.5×10\15CrMoG\2S2132-1-4\1000MW超超临界机组</t>
  </si>
  <si>
    <t>【东方锅炉】管子\φ38.1×6.5\15CrMoG\2S2141-1-1\1000MW超超临界机组</t>
  </si>
  <si>
    <t>【东方锅炉】管子\φ38.1×6.5\15CrMoG\2S2141-1-2\1000MW超超临界机组</t>
  </si>
  <si>
    <t>【东方锅炉】管子\φ38.1×6.5\15CrMoG\2S2142-1-1\1000MW超超临界机组</t>
  </si>
  <si>
    <t>【东方锅炉】管子\φ38.1×6.5\15CrMoG\2S2142-1-2\1000MW超超临界机组</t>
  </si>
  <si>
    <t>【东方锅炉】管子\φ38.1×6.5\15CrMoG\2S2142-1-3\1000MW超超临界机组</t>
  </si>
  <si>
    <t>【东方锅炉】管子\φ38.1×6.5\15CrMoG\20S2143-1-1\1000MW超超临界机组</t>
  </si>
  <si>
    <t>【东方锅炉】管子\φ38.1×6.5\15CrMoG\2S2145-1-1\1000MW超超临界机组</t>
  </si>
  <si>
    <t>【东方锅炉】管子\φ38.1×6.5\15CrMoG\2S2145-1-2\1000MW超超临界机组</t>
  </si>
  <si>
    <t>【东方锅炉】管子\φ38.1×6.5\15CrMoG\2S2145-1-3\1000MW超超临界机组</t>
  </si>
  <si>
    <t>【东方锅炉】屏过弯管\φ45×10.2\SA-213TP310HCbN \19S215-1-2\1000MW超超临界机组</t>
  </si>
  <si>
    <t>【东方锅炉】屏过弯管\φ45×10.2\SA-213TP310HCbN \19S215-1-3\1000MW超超临界机组</t>
  </si>
  <si>
    <t>【东方锅炉】屏过弯管\φ45×9.2\SA-213S30432\19S215-1-4\1000MW超超临界机组</t>
  </si>
  <si>
    <t>【东方锅炉】屏过弯管\φ45×9.2\SA-213S30432\19S215-1-5\1000MW超超临界机组</t>
  </si>
  <si>
    <t>【东方锅炉】屏过弯管\φ45×9.2\SA-213S30432\19S215-1-6\1000MW超超临界机组</t>
  </si>
  <si>
    <t>【东方锅炉】屏过弯管\φ45×9.2\SA-213S30432\19S215-1-7\1000MW超超临界机组</t>
  </si>
  <si>
    <t>【东方锅炉】屏过弯管\φ45×9.2\SA-213S30432\19S215-1-8\1000MW超超临界机组</t>
  </si>
  <si>
    <t>【东方锅炉】屏过弯管\φ45×9.2\SA-213S30432\19S215-1-9\1000MW超超临界机组</t>
  </si>
  <si>
    <t>【东方锅炉】屏过弯管\φ45×9.2\SA-213S30432\19S215-1-10\1000MW超超临界机组</t>
  </si>
  <si>
    <t>【东方锅炉】屏过弯管\φ45×9.2\SA-213S30432\19S215-1-11\1000MW超超临界机组</t>
  </si>
  <si>
    <t>【东方锅炉】屏过弯管\φ45×9.2\SA-213S30432\19S215-1-12\1000MW超超临界机组</t>
  </si>
  <si>
    <t>【东方锅炉】屏过弯管\φ45×9.2\SA-213S30432\19S215-1-13\1000MW超超临界机组</t>
  </si>
  <si>
    <t>【东方锅炉】屏过弯管\φ45×9.2\SA-213S30432\19S215-1-14\1000MW超超临界机组</t>
  </si>
  <si>
    <t>【东方锅炉】屏过弯管\φ45×9.2\SA-213S30432\19S215-1-15\1000MW超超临界机组</t>
  </si>
  <si>
    <t>【东方锅炉】屏过弯管\φ45×9.2\SA-213S30432\19S215-1-16\1000MW超超临界机组</t>
  </si>
  <si>
    <t>【东方锅炉】屏过弯管\φ45×9.2\SA-213S30432\19S215-1-17\1000MW超超临界机组</t>
  </si>
  <si>
    <t>【东方锅炉】屏过弯管\φ45×9.2\SA-213S30432\19S215-1-18\1000MW超超临界机组</t>
  </si>
  <si>
    <t>【东方锅炉】屏过弯管\φ45×9.2\SA-213S30432\19S215-1-19\1000MW超超临界机组</t>
  </si>
  <si>
    <t>【东方锅炉】屏过弯管\φ45×9.2\SA-213S30432\19S215-1-20\1000MW超超临界机组</t>
  </si>
  <si>
    <t>【东方锅炉】屏过弯管\φ45×9.2\SA-213S30432\19S215-1-21\1000MW超超临界机组</t>
  </si>
  <si>
    <t>【东方锅炉】屏过弯管\φ45×9.2\SA-213S30432\19S215-1-22\1000MW超超临界机组</t>
  </si>
  <si>
    <t>【东方锅炉】屏过弯管\φ50.8×11.6\SA-213TP310HCbN \20S215-1-1\1000MW超超临界机组</t>
  </si>
  <si>
    <t>【东方锅炉】低再一级90°弯管\φ57×4.5\SA-210C\15S2211-1-3\1000MW超超临界机组</t>
  </si>
  <si>
    <t>【东方锅炉】低再一级90°弯管\φ57×4.5\SA-210C\15S2211-1-4\1000MW超超临界机组</t>
  </si>
  <si>
    <t>【东方锅炉】低再一级U型弯管\φ57×4.5\SA-210C\15S2211-1-5\1000MW超超临界机组</t>
  </si>
  <si>
    <t>【东方锅炉】低再二级90°弯管\φ57×4.5\SA-210C\20S2212-1-1\1000MW超超临界机组</t>
  </si>
  <si>
    <t>【东方锅炉】低再二级90°弯管\φ57×4.5\SA-210C\20S2212-1-2\1000MW超超临界机组</t>
  </si>
  <si>
    <t>【东方锅炉】低再二级U型弯管\φ57×4.5\SA-210C\20S2212-1-3\1000MW超超临界机组</t>
  </si>
  <si>
    <t>【东方锅炉】低再三级90°弯管\φ57×4.5\15CrMoG\15S2213-1-1\1000MW超超临界机组</t>
  </si>
  <si>
    <t>【东方锅炉】低再三级90°弯管\φ57×4.5\15CrMoG\15S2213-1-2\1000MW超超临界机组</t>
  </si>
  <si>
    <t>【东方锅炉】低再三级U弯管\φ57×4.5\15CrMoG\15S2213-1-3\1000MW超超临界机组</t>
  </si>
  <si>
    <t>【东方锅炉】低再三级U弯管\φ57×4.5\15CrMoG\15S2213-1-4\1000MW超超临界机组</t>
  </si>
  <si>
    <t>【东方锅炉】低再四级90°弯管\φ57×4.5\SA-213T91\20S2214-1-1\1000MW超超临界机组</t>
  </si>
  <si>
    <t>【东方锅炉】低再四级90°弯管\φ57×4.5\12Cr1MoVG\20S2214-1-1\1000MW超超临界机组</t>
  </si>
  <si>
    <t>【东方锅炉】低再四级90°弯管\φ57×4.5\SA-213T91\20S2214-1-2\1000MW超超临界机组</t>
  </si>
  <si>
    <t>【东方锅炉】低再四级90°弯管\φ57×4.5\12Cr1MoVG\20S2214-1-2\1000MW超超临界机组</t>
  </si>
  <si>
    <t>【东方锅炉】低再四级U型弯管\φ57×4.5\SA-213T91\20S2214-1-3\1000MW超超临界机组</t>
  </si>
  <si>
    <t>【东方锅炉】低再四级U型弯管\φ57×4.5\12Cr1MoVG\20S2214-1-3\1000MW超超临界机组</t>
  </si>
  <si>
    <t>【东方锅炉】高再90°弯管\φ50.8×3.5\SA-213TP310HCbN \19S223-1-1\1000MW超超临界机组</t>
  </si>
  <si>
    <t>【东方锅炉】高再弯管\φ50.8×3.5\SA-213TP310HCbN \19S223-1-2\1000MW超超临界机组</t>
  </si>
  <si>
    <t>【东方锅炉】高再弯管\φ50.8×3.5\SA-213TP310HCbN \19S223-1-3\1000MW超超临界机组</t>
  </si>
  <si>
    <t>【东方锅炉】高再弯管\φ50.8×3.5\SA-213S30432\19S223-1-4\1000MW超超临界机组</t>
  </si>
  <si>
    <t>【东方锅炉】高再弯管\φ50.8×3.5\SA-213S30432\19S223-1-5\1000MW超超临界机组</t>
  </si>
  <si>
    <t>【东方锅炉】高再弯管\φ50.8×3.5\SA-213S30432\19S223-1-6\1000MW超超临界机组</t>
  </si>
  <si>
    <t>【东方锅炉】高再弯管\φ50.8×3.5\SA-213S30432\19S223-1-7\1000MW超超临界机组</t>
  </si>
  <si>
    <t>【东方锅炉】高再弯管\φ50.8×3.5\SA-213S30432\19S223-1-8\1000MW超超临界机组</t>
  </si>
  <si>
    <t>【东方锅炉】高再弯管\φ50.8×3.5\SA-213S30432\19S223-1-9\1000MW超超临界机组</t>
  </si>
  <si>
    <t>【东方锅炉】高再弯管\φ50.8×3.5\SA-213S30432\19S223-1-10\1000MW超超临界机组</t>
  </si>
  <si>
    <t>【东方锅炉】高再弯管\φ50.8×3.5\SA-213S30432\19S223-1-11\1000MW超超临界机组</t>
  </si>
  <si>
    <t>【东方锅炉】高再弯管\φ50.8×3.5\SA-213S30432\19S223-1-12\1000MW超超临界机组</t>
  </si>
  <si>
    <t>【东方锅炉】高再弯管\φ50.8×3.5\SA-213S30432\19S223-1-13\1000MW超超临界机组</t>
  </si>
  <si>
    <t>【东方锅炉】高再弯管\φ50.8×3.5\SA-213S30432\19S223-1-14\1000MW超超临界机组</t>
  </si>
  <si>
    <t>【东方锅炉】高再弯管\φ50.8×3.5\SA-213S30432\19S223-1-15\1000MW超超临界机组</t>
  </si>
  <si>
    <t>【东方锅炉】高再弯管\φ50.8×3.5\SA-213S30432\19S223-1-16\1000MW超超临界机组</t>
  </si>
  <si>
    <t>【东方锅炉】省煤器蛇形管管组90°弯管\φ57×8.5\SA-210C\15S312-1-1\1000MW超超临界机组</t>
  </si>
  <si>
    <t>【东方锅炉】省煤器蛇形管管组90°弯管\φ57×8.5\SA-210C\15S312-1-2\1000MW超超临界机组</t>
  </si>
  <si>
    <t>【东方锅炉】防磨盖板\δ5 №1 \15S33-5\12Cr1MoV\1000MW超超临界机组</t>
  </si>
  <si>
    <t>【东方锅炉】防磨盖板\δ5\15S33-6\12Cr1MoV\1000MW超超临界机组</t>
  </si>
  <si>
    <t>【东方锅炉】防磨盖板\δ5 №1\15S33-7\12Cr1MoV\1000MW超超临界机组</t>
  </si>
  <si>
    <t>【东方锅炉】防磨盖板\δ5\15S33-14\20#\1000MW超超临界机组</t>
  </si>
  <si>
    <t>【东方锅炉】防磨盖板\δ5\15S33-16\20#\1000MW超超临界机组</t>
  </si>
  <si>
    <t>【东方锅炉】防磨盖板\δ5 №1\15S33-27\12Cr1MoV\1000MW超超临界机组</t>
  </si>
  <si>
    <t>【东方锅炉】防磨盖板\δ5 №1\15S33-28\12Cr1MoV\1000MW超超临界机组</t>
  </si>
  <si>
    <t>【东方锅炉】防磨盖板\δ5 №2\15S33-27\20#\1000MW超超临界机组</t>
  </si>
  <si>
    <t>【东方锅炉】压板\δ5 №2\15S33-28\20#\1000MW超超临界机组</t>
  </si>
  <si>
    <t>【东方锅炉】管子\φ31.8×7.5;L=9820.6\12Cr1MoVG\26S1111-1-0\1000MW超超临界机组</t>
  </si>
  <si>
    <t>【东方锅炉】管子\φ31.8×7.5;L=9448\12Cr1MoVG\26S1111-2-0\1000MW超超临界机组</t>
  </si>
  <si>
    <t>【东方锅炉】管子\φ31.8×7.5;L=9820.6\12Cr1MoVG\26S1111-2-0\1000MW超超临界机组</t>
  </si>
  <si>
    <t>【东方锅炉】管子\φ31.8×7.5;L=9448\12Cr1MoVG\26S1111-3-0\1000MW超超临界机组</t>
  </si>
  <si>
    <t>【东方锅炉】管子\φ31.8×7.5;L=9820.6\12Cr1MoVG\26S1111-3-0\1000MW超超临界机组</t>
  </si>
  <si>
    <t>【东方锅炉】管子\φ31.8×7.5;L=9448\12Cr1MoVG\26S1111-4-0\1000MW超超临界机组</t>
  </si>
  <si>
    <t>【东方锅炉】管子\φ31.8×7.5;L=9820.6\12Cr1MoVG\26S1111-4-0\1000MW超超临界机组</t>
  </si>
  <si>
    <t>【东方锅炉】管子\φ31.8×7.5;L=9448\12Cr1MoVG\26S1111-5-0\1000MW超超临界机组</t>
  </si>
  <si>
    <t>【东方锅炉】管子\φ31.8×7.5;L=9820.6\12Cr1MoVG\26S1111-5-0\1000MW超超临界机组</t>
  </si>
  <si>
    <t>【东方锅炉】管子\φ31.8×7.5;L=9448\12Cr1MoVG\26S1111-6-0\1000MW超超临界机组</t>
  </si>
  <si>
    <t>【东方锅炉】管子\φ31.8×7.5;L=9820.6\12Cr1MoVG\26S1111-6-0\1000MW超超临界机组</t>
  </si>
  <si>
    <t>【东方锅炉】管子\φ31.8×7.5;L=9834.6\12Cr1MoVG\24S1111-7-0\1000MW超超临界机组</t>
  </si>
  <si>
    <t>【东方锅炉】管子\φ31.8×7.5;L=9834.6\12Cr1MoVG\24S1111-8-0\1000MW超超临界机组</t>
  </si>
  <si>
    <t>【东方锅炉】管子\φ31.8×7.5;L=9834.6\12Cr1MoVG\24S1111-9-0\1000MW超超临界机组</t>
  </si>
  <si>
    <t>【东方锅炉】管子\φ31.8×7.5;L=9834.6\12Cr1MoVG\24S1111-10-0\1000MW超超临界机组</t>
  </si>
  <si>
    <t>【东方锅炉】管子\φ31.8×7.5;L=9834.6\12Cr1MoVG\24S1111-11-0\1000MW超超临界机组</t>
  </si>
  <si>
    <t>【东方锅炉】管子\φ31.8×7.5;L=9830\12Cr1MoVG\24S1111-12-0\1000MW超超临界机组</t>
  </si>
  <si>
    <t>【东方锅炉】管子\φ31.8×6.5;L=6239\12Cr1MoVG\16S1112-1-0\1000MW超超临界机组</t>
  </si>
  <si>
    <t>【东方锅炉】管子\φ31.8×6.5\12Cr1MoVG\23S1112-1-1\1000MW超超临界机组</t>
  </si>
  <si>
    <t>【东方锅炉】管子\φ31.8×6.5\12Cr1MoVG\23S1112-1-2\1000MW超超临界机组</t>
  </si>
  <si>
    <t>【东方锅炉】管子\φ31.8×6.5;L=6239\12Cr1MoVG\16S1112-2-0\1000MW超超临界机组</t>
  </si>
  <si>
    <t>【东方锅炉】管子\φ31.8×6.5;L=6239\12Cr1MoVG\16S1112-3-0\1000MW超超临界机组</t>
  </si>
  <si>
    <t>【东方锅炉】管子\φ31.8×6.5;L=6239\12Cr1MoVG\16S1112-4-0\1000MW超超临界机组</t>
  </si>
  <si>
    <t>【东方锅炉】管子\φ31.8×6.5;L=7769.7\12Cr1MoVG\24S1112-1-0\1000MW超超临界机组</t>
  </si>
  <si>
    <t>【东方锅炉】管子\φ31.8×6.5\12Cr1MoVG\24S1112-1-2\1000MW超超临界机组</t>
  </si>
  <si>
    <t>【东方锅炉】管子\φ31.8×6.5\12Cr1MoVG\24S1112-1-3\1000MW超超临界机组</t>
  </si>
  <si>
    <t>【东方锅炉】管子\φ31.8×6.5\12Cr1MoVG\24S1112-1-4\1000MW超超临界机组</t>
  </si>
  <si>
    <t>【东方锅炉】锥套\110YR61\110YR61\№1\32#预热器</t>
  </si>
  <si>
    <t>【东方锅炉】管子\φ31.8×6.5;L=7769.7\12Cr1MoVG\24S1112-2-0\1000MW超超临界机组</t>
  </si>
  <si>
    <t>【东方锅炉】管子\φ31.8×6.5;L=7769.7\12Cr1MoVG\24S1112-3-0\1000MW超超临界机组</t>
  </si>
  <si>
    <t>【东方锅炉】管子\φ31.8×6.5;L=7769.7\12Cr1MoVG\24S1112-4-0\1000MW超超临界机组</t>
  </si>
  <si>
    <t>【东方锅炉】管子\φ31.8×6.5;L=7769.7\12Cr1MoVG\24S1112-5-0\1000MW超超临界机组</t>
  </si>
  <si>
    <t>【东方锅炉】过渡管\φ38.1×7.5/φ76×20 L=150\12Cr1MoVⅢ\23S1112-10-1\1000MW超超临界机组</t>
  </si>
  <si>
    <t>【东方锅炉】管子\φ76×20\12Cr1MoVG\23S1112-10-0\1000MW超超临界机组</t>
  </si>
  <si>
    <t>【东方锅炉】管子\φ76×20\12Cr1MoVG\24S1112-7-0\1000MW超超临界机组</t>
  </si>
  <si>
    <t>【东方锅炉】管子\φ76×20\12Cr1MoVG\16S1112-12-0\1000MW超超临界机组</t>
  </si>
  <si>
    <t>【东方锅炉】管子\φ76×20\12Cr1MoVG\16S1112-11-0\1000MW超超临界机组</t>
  </si>
  <si>
    <t>【东方锅炉】管子\φ31.8×7.5;L=9522.6\12Cr1MoVG\26S1113-1-0\1000MW超超临界机组</t>
  </si>
  <si>
    <t>【东方锅炉】管子\φ31.8×7.5\12Cr1MoVG\23S1113-1-8\1000MW超超临界机组</t>
  </si>
  <si>
    <t>【东方锅炉】锥套\120YR61\120YR61\№1\32#预热器</t>
  </si>
  <si>
    <t>【东方锅炉】锥套\122YR61\122YR61\№1\34.5#预热器</t>
  </si>
  <si>
    <t>【东方锅炉】钢板\δ6;385×38×\12Cr1MoV\23S1113-1-8\1000MW超超临界机组</t>
  </si>
  <si>
    <t>【东方锅炉】轴向密封\32#预热器\Q355GNH\205YR42\600MW超超临界机组</t>
  </si>
  <si>
    <t>【东方锅炉】管子\φ31.8×7.5;L=9150\12Cr1MoVG\26S1113-2-0\1000MW超超临界机组</t>
  </si>
  <si>
    <t>【东方锅炉】管子\φ31.8×7.5;L=9522.6\12Cr1MoVG\26S1113-2-0\1000MW超超临界机组</t>
  </si>
  <si>
    <t>【东方锅炉】钢板\δ6;245.1×65×\15CrMo\26S1113-2-0\1000MW超超临界机组</t>
  </si>
  <si>
    <t>【东方锅炉】管子\φ31.8×7.5\12Cr1MoVG\23S1113-3-1\1000MW超超临界机组</t>
  </si>
  <si>
    <t>【东方锅炉】轴向密封\29#预热器\Q355GNH\105YR42\600MW超超临界机组</t>
  </si>
  <si>
    <t>【东方锅炉】钢板\δ6;604.8×38×\12Cr1MoV\23S1113-3-1\1000MW超超临界机组</t>
  </si>
  <si>
    <t>【东方锅炉】轴向密封\34.5#预热器\Q355GNH\193YR42-1\600MW超超临界机组</t>
  </si>
  <si>
    <t>【东方锅炉】管子\φ31.8×7.5;L=9150\12Cr1MoVG\26S1113-3-0\1000MW超超临界机组</t>
  </si>
  <si>
    <t>【东方锅炉】管子\φ31.8×7.5;L=9522.6\12Cr1MoVG\26S1113-3-0\1000MW超超临界机组</t>
  </si>
  <si>
    <t>【东方锅炉】管子\φ31.8×7.5\;L=915012Cr1MoVG\26S1113-4-0\1000MW超超临界机组</t>
  </si>
  <si>
    <t>【东方锅炉】管子\φ31.8×7.5;L=9522.6\12Cr1MoVG\26S1113-4-0\1000MW超超临界机组</t>
  </si>
  <si>
    <t>【东方锅炉】管子\φ31.8×7.5;L=9522.6\12Cr1MoVG\26S1113-5-0\1000MW超超临界机组</t>
  </si>
  <si>
    <t>【东方锅炉】管子\φ31.8×7.5;L=9832.6\12Cr1MoVG\24S1113-6-0\1000MW超超临界机组</t>
  </si>
  <si>
    <t>【东方锅炉】管子\φ31.8×7.5\12Cr1MoVG\24S1113-6-1\1000MW超超临界机组</t>
  </si>
  <si>
    <t>【东方锅炉】轴向密封\34.5#预热器\Q355GNH\193YR42-12\600MW超超临界机组</t>
  </si>
  <si>
    <t>【东方锅炉】钢板\δ6;604.8×38\12Cr1MoV\24S1113-6-1\1000MW超超临界机组</t>
  </si>
  <si>
    <t>【东方锅炉】轴向密封\32#预热器\Q355GNH\127YR42\600MW超超临界机组</t>
  </si>
  <si>
    <t>【东方锅炉】管子\φ31.8×7.5;L=9832.6\12Cr1MoVG\24S1113-7-0\1000MW超超临界机组</t>
  </si>
  <si>
    <t>【东方锅炉】管子\φ31.8×7.5;L=9832.6\12Cr1MoVG\24S1113-8-0\1000MW超超临界机组</t>
  </si>
  <si>
    <t>【东方锅炉】管子\φ31.8×7.5;L=9832.6\12Cr1MoVG\24S1113-9-0\1000MW超超临界机组</t>
  </si>
  <si>
    <t>【东方锅炉】耳板\δ32\12Cr1MoV\24S1113-9-1\1000MW超超临界机组</t>
  </si>
  <si>
    <t>【东方锅炉】管子\φ31.8;L=9832.6×7.5\12Cr1MoVG\24S1113-10-0\1000MW超超临界机组</t>
  </si>
  <si>
    <t>【东方锅炉】管子\φ31.8×7.5\12Cr1MoVG\16S1113-10-1\1000MW超超临界机组</t>
  </si>
  <si>
    <t>【东方锅炉】密封板\δ10\12Cr1MoV\16S1113-10-1\1000MW超超临界机组</t>
  </si>
  <si>
    <t>【东方锅炉】密封板\δ10(正)\12Cr1MoV\16S1113-10-1\1000MW超超临界机组</t>
  </si>
  <si>
    <t>【东方锅炉】钢板\δ6;963×38\12Cr1MoV\16S1113-10-1\1000MW超超临界机组</t>
  </si>
  <si>
    <t>【东方锅炉】密封板\δ10(反)×\12Cr1MoV\16S1113-10-1\1000MW超超临界机组</t>
  </si>
  <si>
    <t>【东方锅炉】管子\φ38.1×7;№1\15CrMoG\4S112-1-1\1000MW超超临界机组</t>
  </si>
  <si>
    <t>【东方锅炉】管子\φ38.1×7;№2\15CrMoG\4S112-1-1\1000MW超超临界机组</t>
  </si>
  <si>
    <t>【东方锅炉】管子\φ38.1×7;№3\15CrMoG\4S112-1-1\1000MW超超临界机组</t>
  </si>
  <si>
    <t>【东方锅炉】管子\φ38.1×7;№4\15CrMoG\4S112-1-1\1000MW超超临界机组</t>
  </si>
  <si>
    <t>【东方锅炉】管子\φ38.1×7;№5\15CrMoG\4S112-1-1\1000MW超超临界机组</t>
  </si>
  <si>
    <t>【东方锅炉】管子\φ38.1×7;№6\15CrMoG\4S112-1-1\1000MW超超临界机组</t>
  </si>
  <si>
    <t>【东方锅炉】管子\φ38.1×7;№7\15CrMoG\4S112-1-1\1000MW超超临界机组</t>
  </si>
  <si>
    <t>【东方锅炉】管子\φ38.1×7;№8\15CrMoG\4S112-1-1\1000MW超超临界机组</t>
  </si>
  <si>
    <t>【东方锅炉】管子\φ38.1×7;№9\15CrMoG\4S112-1-1\1000MW超超临界机组</t>
  </si>
  <si>
    <t>【东方锅炉】管子\φ38.1×7;№10\15CrMoG\4S112-1-1\1000MW超超临界机组</t>
  </si>
  <si>
    <t>【东方锅炉】管子\φ38.1×7;№11\15CrMoG\4S112-1-1\1000MW超超临界机组</t>
  </si>
  <si>
    <t>【东方锅炉】管子\φ38.1×7;№12\15CrMoG\4S112-1-1\1000MW超超临界机组</t>
  </si>
  <si>
    <t>【东方锅炉】管子\φ38.1×7;№13\15CrMoG\4S112-1-1\1000MW超超临界机组</t>
  </si>
  <si>
    <t>【东方锅炉】管子\φ38.1×7;№14\15CrMoG\4S112-1-1\1000MW超超临界机组</t>
  </si>
  <si>
    <t>【东方锅炉】管子\φ38.1×7;№15\15CrMoG\4S112-1-1\1000MW超超临界机组</t>
  </si>
  <si>
    <t>【东方锅炉】管子\φ38.1×7;№16\15CrMoG\4S112-1-1\1000MW超超临界机组</t>
  </si>
  <si>
    <t>【东方锅炉】管子\φ38.1×7;№17\15CrMoG\4S112-1-1\1000MW超超临界机组</t>
  </si>
  <si>
    <t>【东方锅炉】管子\φ38.1×7;№18\15CrMoG\4S112-1-1\1000MW超超临界机组</t>
  </si>
  <si>
    <t>【东方锅炉】管子\φ38.1×7;№19\15CrMoG\4S112-1-1\1000MW超超临界机组</t>
  </si>
  <si>
    <t>【东方锅炉】管子\φ38.1×7;№20\15CrMoG\4S112-1-1\1000MW超超临界机组</t>
  </si>
  <si>
    <t>【东方锅炉】管子\φ38.1×7;№21\15CrMoG\4S112-1-1\1000MW超超临界机组</t>
  </si>
  <si>
    <t>【东方锅炉】管子\φ38.1×7;№22\15CrMoG\4S112-1-1\1000MW超超临界机组</t>
  </si>
  <si>
    <t>【东方锅炉】管子\φ38.1×7;№23\15CrMoG\4S112-1-1\1000MW超超临界机组</t>
  </si>
  <si>
    <t>【东方锅炉】管子\φ38.1×7;№24\15CrMoG\4S112-1-1\1000MW超超临界机组</t>
  </si>
  <si>
    <t>【东方锅炉】管子\φ38.1×7;№25\15CrMoG\4S112-1-1\1000MW超超临界机组</t>
  </si>
  <si>
    <t>【东方锅炉】管子\φ38.1×7;№26\15CrMoG\4S112-1-1\1000MW超超临界机组</t>
  </si>
  <si>
    <t>【东方锅炉】管子\φ38.1×7;№27\15CrMoG\4S112-1-1\1000MW超超临界机组</t>
  </si>
  <si>
    <t>【东方锅炉】管子\φ38.1×7;№28\15CrMoG\4S112-1-1\1000MW超超临界机组</t>
  </si>
  <si>
    <t>【东方锅炉】管子\φ38.1×7;№29\15CrMoG\4S112-1-1\1000MW超超临界机组</t>
  </si>
  <si>
    <t>【东方锅炉】管子\φ38.1×7;№30\15CrMoG\4S112-1-1\1000MW超超临界机组</t>
  </si>
  <si>
    <t>【东方锅炉】管子\φ38.1×7;№1\15CrMoG\4S112-2-1\1000MW超超临界机组</t>
  </si>
  <si>
    <t>【东方锅炉】管子\φ38.1×7;№2\15CrMoG\4S112-2-1\1000MW超超临界机组</t>
  </si>
  <si>
    <t>【东方锅炉】管子\φ38.1×7;№3\15CrMoG\4S112-2-1\1000MW超超临界机组</t>
  </si>
  <si>
    <t>【东方锅炉】管子\φ38.1×7;№4\15CrMoG\4S112-2-1\1000MW超超临界机组</t>
  </si>
  <si>
    <t>【东方锅炉】管子\φ38.1×7;№5\15CrMoG\4S112-2-1\1000MW超超临界机组</t>
  </si>
  <si>
    <t>【东方锅炉】管子\φ38.1×7;№6\15CrMoG\4S112-2-1\1000MW超超临界机组</t>
  </si>
  <si>
    <t>【东方锅炉】管子\φ38.1×7;№7\15CrMoG\4S112-2-1\1000MW超超临界机组</t>
  </si>
  <si>
    <t>【东方锅炉】管子\φ38.1×7;№8\15CrMoG\4S112-2-1\1000MW超超临界机组</t>
  </si>
  <si>
    <t>【东方锅炉】管子\φ38.1×7;№9\15CrMoG\4S112-2-1\1000MW超超临界机组</t>
  </si>
  <si>
    <t>【东方锅炉】管子\φ38.1×7;№10\15CrMoG\4S112-2-1\1000MW超超临界机组</t>
  </si>
  <si>
    <t>【东方锅炉】管子\φ38.1×7;№11\15CrMoG\4S112-2-1\1000MW超超临界机组</t>
  </si>
  <si>
    <t>【东方锅炉】管子\φ38.1×7;№12\15CrMoG\4S112-2-1\1000MW超超临界机组</t>
  </si>
  <si>
    <t>【东方锅炉】管子\φ38.1×7;№13\15CrMoG\4S112-2-1\1000MW超超临界机组</t>
  </si>
  <si>
    <t>【东方锅炉】管子\φ38.1×7;№14\15CrMoG\4S112-2-1\1000MW超超临界机组</t>
  </si>
  <si>
    <t>【东方锅炉】管子\φ38.1×7;№15\15CrMoG\4S112-2-1\1000MW超超临界机组</t>
  </si>
  <si>
    <t>【东方锅炉】管子\φ38.1×7;№16\15CrMoG\4S112-2-1\1000MW超超临界机组</t>
  </si>
  <si>
    <t>【东方锅炉】管子\φ38.1×7;№17\15CrMoG\4S112-2-1\1000MW超超临界机组</t>
  </si>
  <si>
    <t>【东方锅炉】管子\φ38.1×7;№18\15CrMoG\4S112-2-1\1000MW超超临界机组</t>
  </si>
  <si>
    <t>【东方锅炉】管子\φ38.1×7;№19\15CrMoG\4S112-2-1\1000MW超超临界机组</t>
  </si>
  <si>
    <t>【东方锅炉】管子\φ38.1×7;№20\15CrMoG\4S112-2-1\1000MW超超临界机组</t>
  </si>
  <si>
    <t>【东方锅炉】管子\φ38.1×7;№21\15CrMoG\4S112-2-1\1000MW超超临界机组</t>
  </si>
  <si>
    <t>【东方锅炉】管子\φ38.1×7;№22\15CrMoG\4S112-2-1\1000MW超超临界机组</t>
  </si>
  <si>
    <t>【东方锅炉】管子\φ38.1×7;№23\15CrMoG\4S112-2-1\1000MW超超临界机组</t>
  </si>
  <si>
    <t>【东方锅炉】管子\φ38.1×7;№24\15CrMoG\4S112-2-1\1000MW超超临界机组</t>
  </si>
  <si>
    <t>【东方锅炉】管子\φ38.1×7;№25\15CrMoG\4S112-2-1\1000MW超超临界机组</t>
  </si>
  <si>
    <t>【东方锅炉】管子\φ38.1×7;№26\15CrMoG\4S112-2-1\1000MW超超临界机组</t>
  </si>
  <si>
    <t>【东方锅炉】管子\φ38.1×7;№27\15CrMoG\4S112-2-1\1000MW超超临界机组</t>
  </si>
  <si>
    <t>【东方锅炉】管子\φ38.1×7;№28\15CrMoG\4S112-2-1\1000MW超超临界机组</t>
  </si>
  <si>
    <t>【东方锅炉】管子\φ38.1×7;№29\15CrMoG\4S112-2-1\1000MW超超临界机组</t>
  </si>
  <si>
    <t>【东方锅炉】管子\φ38.1×7;№30\15CrMoG\4S112-2-1\1000MW超超临界机组</t>
  </si>
  <si>
    <t>【东方锅炉】管子\φ38.1×7;№31\15CrMoG\4S112-2-1\1000MW超超临界机组</t>
  </si>
  <si>
    <t>【东方锅炉】管子\φ38.1×7;№32\15CrMoG\4S112-2-1\1000MW超超临界机组</t>
  </si>
  <si>
    <t>【东方锅炉】管子\φ38.1×7;№33\15CrMoG\4S112-2-1\1000MW超超临界机组</t>
  </si>
  <si>
    <t>【东方锅炉】管子\φ38.1×7;№34\15CrMoG\4S112-2-1\1000MW超超临界机组</t>
  </si>
  <si>
    <t>【东方锅炉】管子\φ38.1×7;№35\15CrMoG\4S112-2-1\1000MW超超临界机组</t>
  </si>
  <si>
    <t>【东方锅炉】管子\φ38.1×7;№36\15CrMoG\4S112-2-1\1000MW超超临界机组</t>
  </si>
  <si>
    <t>【东方锅炉】管子\φ38.1×7;№37\15CrMoG\4S112-2-1\1000MW超超临界机组</t>
  </si>
  <si>
    <t>【东方锅炉】管子\φ38.1×7;№38\15CrMoG\4S112-2-1\1000MW超超临界机组</t>
  </si>
  <si>
    <t>【东方锅炉】管子\φ38.1×7;№39\15CrMoG\4S112-2-1\1000MW超超临界机组</t>
  </si>
  <si>
    <t>【东方锅炉】管子\φ38.1×7;№40\15CrMoG\4S112-2-1\1000MW超超临界机组</t>
  </si>
  <si>
    <t>【东方锅炉】管子\φ38.1×7;№41\15CrMoG\4S112-2-1\1000MW超超临界机组</t>
  </si>
  <si>
    <t>【东方锅炉】管子\φ38.1×7;№42\15CrMoG\4S112-2-1\1000MW超超临界机组</t>
  </si>
  <si>
    <t>【东方锅炉】管子\φ38.1×7;№43\15CrMoG\4S112-2-1\1000MW超超临界机组</t>
  </si>
  <si>
    <t>【东方锅炉】管子\φ38.1×7;№44\15CrMoG\4S112-2-1\1000MW超超临界机组</t>
  </si>
  <si>
    <t>【东方锅炉】管子\φ38.1×7;№45\15CrMoG\4S112-2-1\1000MW超超临界机组</t>
  </si>
  <si>
    <t>【东方锅炉】管子\φ38.1×7;№46\15CrMoG\4S112-2-1\1000MW超超临界机组</t>
  </si>
  <si>
    <t>【东方锅炉】管子\φ38.1×7;№47\15CrMoG\4S112-2-1\1000MW超超临界机组</t>
  </si>
  <si>
    <t>【东方锅炉】管子\φ38.1×7;№48\15CrMoG\4S112-2-1\1000MW超超临界机组</t>
  </si>
  <si>
    <t>【东方锅炉】管子\φ38.1×7;№49\15CrMoG\4S112-2-1\1000MW超超临界机组</t>
  </si>
  <si>
    <t>【东方锅炉】管子\φ38.1×7;№50\15CrMoG\4S112-2-1\1000MW超超临界机组</t>
  </si>
  <si>
    <t>【东方锅炉】管子\φ38.1×7;№51\15CrMoG\4S112-2-1\1000MW超超临界机组</t>
  </si>
  <si>
    <t>【东方锅炉】管子\φ38.1×7;№52\15CrMoG\4S112-2-1\1000MW超超临界机组</t>
  </si>
  <si>
    <t>【东方锅炉】管子\φ38.1×7;№1\15CrMoG\4S112-3-4\1000MW超超临界机组</t>
  </si>
  <si>
    <t>【东方锅炉】管子\φ38.1×7;№2\15CrMoG\4S112-3-4\1000MW超超临界机组</t>
  </si>
  <si>
    <t>【东方锅炉】管子\φ38.1×7;№3\15CrMoG\4S112-3-4\1000MW超超临界机组</t>
  </si>
  <si>
    <t>【东方锅炉】管子\φ38.1×7;№4\15CrMoG\4S112-3-4\1000MW超超临界机组</t>
  </si>
  <si>
    <t>【东方锅炉】管子\φ38.1×7;№5\15CrMoG\4S112-3-4\1000MW超超临界机组</t>
  </si>
  <si>
    <t>【东方锅炉】管子\φ38.1×7;№6\15CrMoG\4S112-3-4\1000MW超超临界机组</t>
  </si>
  <si>
    <t>【东方锅炉】管子\φ38.1×7;№7\15CrMoG\4S112-3-4\1000MW超超临界机组</t>
  </si>
  <si>
    <t>【东方锅炉】管子\φ38.1×7;№8\15CrMoG\4S112-3-4\1000MW超超临界机组</t>
  </si>
  <si>
    <t>【东方锅炉】管子\φ38.1×7;№9\15CrMoG\4S112-3-4\1000MW超超临界机组</t>
  </si>
  <si>
    <t>【东方锅炉】管子\φ38.1×7;№10\15CrMoG\4S112-3-4\1000MW超超临界机组</t>
  </si>
  <si>
    <t>【东方锅炉】管子\φ38.1×7;№11\15CrMoG\4S112-3-4\1000MW超超临界机组</t>
  </si>
  <si>
    <t>【东方锅炉】管子\φ38.1×7;№12\15CrMoG\4S112-3-4\1000MW超超临界机组</t>
  </si>
  <si>
    <t>【东方锅炉】管子\φ38.1×7;№13\15CrMoG\4S112-3-4\1000MW超超临界机组</t>
  </si>
  <si>
    <t>【东方锅炉】管子\φ38.1×7;№14\15CrMoG\4S112-3-4\1000MW超超临界机组</t>
  </si>
  <si>
    <t>【东方锅炉】管子\φ38.1×7;№15\15CrMoG\4S112-3-4\1000MW超超临界机组</t>
  </si>
  <si>
    <t>【东方锅炉】管子\φ38.1×7;№16\15CrMoG\4S112-3-4\1000MW超超临界机组</t>
  </si>
  <si>
    <t>【东方锅炉】管子\φ38.1×7;№17\15CrMoG\4S112-3-4\1000MW超超临界机组</t>
  </si>
  <si>
    <t>【东方锅炉】管子\φ38.1×7;№18\15CrMoG\4S112-3-4\1000MW超超临界机组</t>
  </si>
  <si>
    <t>【东方锅炉】管子\φ38.1×7;№19\15CrMoG\4S112-3-4\1000MW超超临界机组</t>
  </si>
  <si>
    <t>【东方锅炉】管子\φ38.1×7;№20\15CrMoG\4S112-3-4\1000MW超超临界机组</t>
  </si>
  <si>
    <t>【东方锅炉】管子\φ38.1×7;№21\15CrMoG\4S112-3-4\1000MW超超临界机组</t>
  </si>
  <si>
    <t>【东方锅炉】管子\φ38.1×7;№22\15CrMoG\4S112-3-4\1000MW超超临界机组</t>
  </si>
  <si>
    <t>【东方锅炉】管子\φ38.1×7;№23\15CrMoG\4S112-3-4\1000MW超超临界机组</t>
  </si>
  <si>
    <t>【东方锅炉】管子\φ38.1×7;№24\15CrMoG\4S112-3-4\1000MW超超临界机组</t>
  </si>
  <si>
    <t>【东方锅炉】管子\φ38.1×7;№25\15CrMoG\4S112-3-4\1000MW超超临界机组</t>
  </si>
  <si>
    <t>【东方锅炉】管子\φ38.1×7;№26\15CrMoG\4S112-3-4\1000MW超超临界机组</t>
  </si>
  <si>
    <t>【东方锅炉】管子\φ38.1×7;№27\15CrMoG\4S112-3-4\1000MW超超临界机组</t>
  </si>
  <si>
    <t>【东方锅炉】管子\φ38.1×7;№28\15CrMoG\4S112-3-4\1000MW超超临界机组</t>
  </si>
  <si>
    <t>【东方锅炉】管子\φ38.1×7;№29\15CrMoG\4S112-3-4\1000MW超超临界机组</t>
  </si>
  <si>
    <t>【东方锅炉】管子\φ38.1×7;№30\15CrMoG\4S112-3-4\1000MW超超临界机组</t>
  </si>
  <si>
    <t>【东方锅炉】管子\φ38.1×7;№31\15CrMoG\4S112-3-4\1000MW超超临界机组</t>
  </si>
  <si>
    <t>【东方锅炉】管子\φ38.1×7;№32\15CrMoG\4S112-3-4\1000MW超超临界机组</t>
  </si>
  <si>
    <t>【东方锅炉】管子\φ38.1×7;№33\15CrMoG\4S112-3-4\1000MW超超临界机组</t>
  </si>
  <si>
    <t>【东方锅炉】管子\φ38.1×7;№34\15CrMoG\4S112-3-4\1000MW超超临界机组</t>
  </si>
  <si>
    <t>【东方锅炉】管子\φ38.1×7;№35\15CrMoG\4S112-3-4\1000MW超超临界机组</t>
  </si>
  <si>
    <t>【东方锅炉】管子\φ38.1×7;№36\15CrMoG\4S112-3-4\1000MW超超临界机组</t>
  </si>
  <si>
    <t>【东方锅炉】管子\φ38.1×7;№37\15CrMoG\4S112-3-4\1000MW超超临界机组</t>
  </si>
  <si>
    <t>【东方锅炉】管子\φ38.1×7;№38\15CrMoG\4S112-3-4\1000MW超超临界机组</t>
  </si>
  <si>
    <t>【东方锅炉】管子\φ38.1×7;№39\15CrMoG\4S112-3-4\1000MW超超临界机组</t>
  </si>
  <si>
    <t>【东方锅炉】管子\φ38.1×7;№40\15CrMoG\4S112-3-4\1000MW超超临界机组</t>
  </si>
  <si>
    <t>【东方锅炉】管子\φ38.1×7;№41\15CrMoG\4S112-3-4\1000MW超超临界机组</t>
  </si>
  <si>
    <t>【东方锅炉】管子\φ38.1×7;№42\15CrMoG\4S112-3-4\1000MW超超临界机组</t>
  </si>
  <si>
    <t>【东方锅炉】管子\φ38.1×7;№43\15CrMoG\4S112-3-4\1000MW超超临界机组</t>
  </si>
  <si>
    <t>【东方锅炉】管子\φ38.1×7;№44\15CrMoG\4S112-3-4\1000MW超超临界机组</t>
  </si>
  <si>
    <t>【东方锅炉】管子\φ38.1×7;№45\15CrMoG\4S112-3-4\1000MW超超临界机组</t>
  </si>
  <si>
    <t>【东方锅炉】管子\φ38.1×7;№46\15CrMoG\4S112-3-4\1000MW超超临界机组</t>
  </si>
  <si>
    <t>【东方锅炉】管子\φ38.1×7;№47\15CrMoG\4S112-3-4\1000MW超超临界机组</t>
  </si>
  <si>
    <t>【东方锅炉】管子\φ38.1×7;№48\15CrMoG\4S112-3-4\1000MW超超临界机组</t>
  </si>
  <si>
    <t>【东方锅炉】管子\φ38.1×7;№1\15CrMoG\4S112-4-3\1000MW超超临界机组</t>
  </si>
  <si>
    <t>【东方锅炉】管子\φ38.1×7;№2\15CrMoG\4S112-4-3\1000MW超超临界机组</t>
  </si>
  <si>
    <t>【东方锅炉】管子\φ38.1×7;№3\15CrMoG\4S112-4-3\1000MW超超临界机组</t>
  </si>
  <si>
    <t>【东方锅炉】管子\φ38.1×7;№4\15CrMoG\4S112-4-3\1000MW超超临界机组</t>
  </si>
  <si>
    <t>【东方锅炉】管子\φ38.1×7;№5\15CrMoG\4S112-4-3\1000MW超超临界机组</t>
  </si>
  <si>
    <t>【东方锅炉】管子\φ38.1×7;№6\15CrMoG\4S112-4-3\1000MW超超临界机组</t>
  </si>
  <si>
    <t>【东方锅炉】管子\φ38.1×7;№7\15CrMoG\4S112-4-3\1000MW超超临界机组</t>
  </si>
  <si>
    <t>【东方锅炉】管子\φ38.1×7;№8\15CrMoG\4S112-4-3\1000MW超超临界机组</t>
  </si>
  <si>
    <t>【东方锅炉】管子\φ38.1×7;№9\15CrMoG\4S112-4-3\1000MW超超临界机组</t>
  </si>
  <si>
    <t>【东方锅炉】管子\φ38.1×7;№10\15CrMoG\4S112-4-3\1000MW超超临界机组</t>
  </si>
  <si>
    <t>【东方锅炉】管子\φ38.1×7;№11\15CrMoG\4S112-4-3\1000MW超超临界机组</t>
  </si>
  <si>
    <t>【东方锅炉】管子\φ38.1×7;№12\15CrMoG\4S112-4-3\1000MW超超临界机组</t>
  </si>
  <si>
    <t>【东方锅炉】管子\φ38.1×7;№13\15CrMoG\4S112-4-3\1000MW超超临界机组</t>
  </si>
  <si>
    <t>【东方锅炉】管子\φ38.1×7;№14\15CrMoG\4S112-4-3\1000MW超超临界机组</t>
  </si>
  <si>
    <t>【东方锅炉】管子\φ38.1×7;№15\15CrMoG\4S112-4-3\1000MW超超临界机组</t>
  </si>
  <si>
    <t>【东方锅炉】管子\φ38.1×7;№16\15CrMoG\4S112-4-3\1000MW超超临界机组</t>
  </si>
  <si>
    <t>【东方锅炉】管子\φ38.1×7;№17\15CrMoG\4S112-4-3\1000MW超超临界机组</t>
  </si>
  <si>
    <t>【东方锅炉】管子\φ38.1×7;№18\15CrMoG\4S112-4-3\1000MW超超临界机组</t>
  </si>
  <si>
    <t>【东方锅炉】管子\φ38.1×7;№19\15CrMoG\4S112-4-3\1000MW超超临界机组</t>
  </si>
  <si>
    <t>【东方锅炉】管子\φ38.1×7;№20\15CrMoG\4S112-4-3\1000MW超超临界机组</t>
  </si>
  <si>
    <t>【东方锅炉】管子\φ38.1×7;№21\15CrMoG\4S112-4-3\1000MW超超临界机组</t>
  </si>
  <si>
    <t>【东方锅炉】管子\φ38.1×7;№22\15CrMoG\4S112-4-3\1000MW超超临界机组</t>
  </si>
  <si>
    <t>【东方锅炉】管子\φ38.1×7;№23\15CrMoG\4S112-4-3\1000MW超超临界机组</t>
  </si>
  <si>
    <t>【东方锅炉】管子\φ38.1×7;№24\15CrMoG\4S112-4-3\1000MW超超临界机组</t>
  </si>
  <si>
    <t>【东方锅炉】管子\φ38.1×7;№25\15CrMoG\4S112-4-3\1000MW超超临界机组</t>
  </si>
  <si>
    <t>【东方锅炉】管子\φ38.1×7;№26\15CrMoG\4S112-4-3\1000MW超超临界机组</t>
  </si>
  <si>
    <t>【东方锅炉】管子\φ38.1×7;№27\15CrMoG\4S112-4-3\1000MW超超临界机组</t>
  </si>
  <si>
    <t>【东方锅炉】管子\φ38.1×7;№28\15CrMoG\4S112-4-3\1000MW超超临界机组</t>
  </si>
  <si>
    <t>【东方锅炉】管子\φ38.1×7;№29\15CrMoG\4S112-4-3\1000MW超超临界机组</t>
  </si>
  <si>
    <t>【东方锅炉】管子\φ38.1×7;№1\15CrMoG\4S112-5-3\1000MW超超临界机组</t>
  </si>
  <si>
    <t>【东方锅炉】管子\φ38.1×7;№2\15CrMoG\4S112-5-3\1000MW超超临界机组</t>
  </si>
  <si>
    <t>【东方锅炉】管子\φ38.1×7;№3\15CrMoG\4S112-5-3\1000MW超超临界机组</t>
  </si>
  <si>
    <t>【东方锅炉】管子\φ38.1×7;№4\15CrMoG\4S112-5-3\1000MW超超临界机组</t>
  </si>
  <si>
    <t>【东方锅炉】管子\φ38.1×7;№5\15CrMoG\4S112-5-3\1000MW超超临界机组</t>
  </si>
  <si>
    <t>【东方锅炉】管子\φ38.1×7;№6\15CrMoG\4S112-5-3\1000MW超超临界机组</t>
  </si>
  <si>
    <t>【东方锅炉】管子\φ38.1×7;№7\15CrMoG\4S112-5-3\1000MW超超临界机组</t>
  </si>
  <si>
    <t>【东方锅炉】管子\φ38.1×7;№8\15CrMoG\4S112-5-3\1000MW超超临界机组</t>
  </si>
  <si>
    <t>【东方锅炉】管子\φ38.1×7;№9\15CrMoG\4S112-5-3\1000MW超超临界机组</t>
  </si>
  <si>
    <t>【东方锅炉】管子\φ38.1×7;№10\15CrMoG\4S112-5-3\1000MW超超临界机组</t>
  </si>
  <si>
    <t>【东方锅炉】管子\φ38.1×7;№11\15CrMoG\4S112-5-3\1000MW超超临界机组</t>
  </si>
  <si>
    <t>【东方锅炉】管子\φ38.1×7;№12\15CrMoG\4S112-5-3\1000MW超超临界机组</t>
  </si>
  <si>
    <t>【东方锅炉】管子\φ38.1×7;№13\15CrMoG\4S112-5-3\1000MW超超临界机组</t>
  </si>
  <si>
    <t>【东方锅炉】管子\φ38.1×7;№14\15CrMoG\4S112-5-3\1000MW超超临界机组</t>
  </si>
  <si>
    <t>【东方锅炉】管子\φ38.1×7;№15\15CrMoG\4S112-5-3\1000MW超超临界机组</t>
  </si>
  <si>
    <t>【东方锅炉】管子\φ38.1×7;№16\15CrMoG\4S112-5-3\1000MW超超临界机组</t>
  </si>
  <si>
    <t>【东方锅炉】管子\φ38.1×7;№17\15CrMoG\4S112-5-3\1000MW超超临界机组</t>
  </si>
  <si>
    <t>【东方锅炉】管子\φ38.1×7;№18\15CrMoG\4S112-5-3\1000MW超超临界机组</t>
  </si>
  <si>
    <t>【东方锅炉】管子\φ38.1×7;№19\15CrMoG\4S112-5-3\1000MW超超临界机组</t>
  </si>
  <si>
    <t>【东方锅炉】管子\φ38.1×7;№20\15CrMoG\4S112-5-3\1000MW超超临界机组</t>
  </si>
  <si>
    <t>【东方锅炉】管子\φ38.1×7;№21\15CrMoG\4S112-5-3\1000MW超超临界机组</t>
  </si>
  <si>
    <t>【东方锅炉】管子\φ38.1×7;№22\15CrMoG\4S112-5-3\1000MW超超临界机组</t>
  </si>
  <si>
    <t>【东方锅炉】管子\φ38.1×7;№23\15CrMoG\4S112-5-3\1000MW超超临界机组</t>
  </si>
  <si>
    <t>【东方锅炉】管子\φ38.1×7;№24\15CrMoG\4S112-5-3\1000MW超超临界机组</t>
  </si>
  <si>
    <t>【东方锅炉】管子\φ38.1×7;№25\15CrMoG\4S112-5-3\1000MW超超临界机组</t>
  </si>
  <si>
    <t>【东方锅炉】管子\φ38.1×7;№26\15CrMoG\4S112-5-3\1000MW超超临界机组</t>
  </si>
  <si>
    <t>【东方锅炉】管子\φ38.1×7;№27\15CrMoG\4S112-5-3\1000MW超超临界机组</t>
  </si>
  <si>
    <t>【东方锅炉】管子\φ38.1×7;№28\15CrMoG\4S112-5-3\1000MW超超临界机组</t>
  </si>
  <si>
    <t>【东方锅炉】管子\φ38.1×7;№29\15CrMoG\4S112-5-3\1000MW超超临界机组</t>
  </si>
  <si>
    <t>【东方锅炉】管子\φ38.1×7;№30\15CrMoG\4S112-5-3\1000MW超超临界机组</t>
  </si>
  <si>
    <t>【东方锅炉】管子\φ38.1×7;№31\15CrMoG\4S112-5-3\1000MW超超临界机组</t>
  </si>
  <si>
    <t>【东方锅炉】管子\φ38.1×7;№32\15CrMoG\4S112-5-3\1000MW超超临界机组</t>
  </si>
  <si>
    <t>【东方锅炉】管子\φ38.1×7;№1\15CrMoG\4S112-6-2\1000MW超超临界机组</t>
  </si>
  <si>
    <t>【东方锅炉】管子\φ38.1×7;№2\15CrMoG\4S112-6-2\1000MW超超临界机组</t>
  </si>
  <si>
    <t>【东方锅炉】管子\φ38.1×7;№3\15CrMoG\4S112-6-2\1000MW超超临界机组</t>
  </si>
  <si>
    <t>【东方锅炉】管子\φ38.1×7;№4\15CrMoG\4S112-6-2\1000MW超超临界机组</t>
  </si>
  <si>
    <t>【东方锅炉】管子\φ38.1×7;№5\15CrMoG\4S112-6-2\1000MW超超临界机组</t>
  </si>
  <si>
    <t>【东方锅炉】管子\φ38.1×7;№6\15CrMoG\4S112-6-2\1000MW超超临界机组</t>
  </si>
  <si>
    <t>【东方锅炉】管子\φ38.1×7;№7\15CrMoG\4S112-6-2\1000MW超超临界机组</t>
  </si>
  <si>
    <t>【东方锅炉】管子\φ38.1×7;№8\15CrMoG\4S112-6-2\1000MW超超临界机组</t>
  </si>
  <si>
    <t>【东方锅炉】管子\φ38.1×7;№9\15CrMoG\4S112-6-2\1000MW超超临界机组</t>
  </si>
  <si>
    <t>【东方锅炉】管子\φ38.1×7;№10\15CrMoG\4S112-6-2\1000MW超超临界机组</t>
  </si>
  <si>
    <t>【东方锅炉】管子\φ38.1×7;№11\15CrMoG\4S112-6-2\1000MW超超临界机组</t>
  </si>
  <si>
    <t>【东方锅炉】管子\φ38.1×7;№12\15CrMoG\4S112-6-2\1000MW超超临界机组</t>
  </si>
  <si>
    <t>【东方锅炉】管子\φ38.1×7;№13\15CrMoG\4S112-6-2\1000MW超超临界机组</t>
  </si>
  <si>
    <t>【东方锅炉】管子\φ38.1×7;№14\15CrMoG\4S112-6-2\1000MW超超临界机组</t>
  </si>
  <si>
    <t>【东方锅炉】管子\φ38.1×7;№15\15CrMoG\4S112-6-2\1000MW超超临界机组</t>
  </si>
  <si>
    <t>【东方锅炉】管子\φ38.1×7;№16\15CrMoG\4S112-6-2\1000MW超超临界机组</t>
  </si>
  <si>
    <t>【东方锅炉】管子\φ38.1×7;№17\15CrMoG\4S112-6-2\1000MW超超临界机组</t>
  </si>
  <si>
    <t>【东方锅炉】管子\φ38.1×7;№18\15CrMoG\4S112-6-2\1000MW超超临界机组</t>
  </si>
  <si>
    <t>【东方锅炉】管子\φ38.1×7;№19\15CrMoG\4S112-6-2\1000MW超超临界机组</t>
  </si>
  <si>
    <t>【东方锅炉】管子\φ38.1×7;№20\15CrMoG\4S112-6-2\1000MW超超临界机组</t>
  </si>
  <si>
    <t>【东方锅炉】管子\φ38.1×7;№21\15CrMoG\4S112-6-2\1000MW超超临界机组</t>
  </si>
  <si>
    <t>【东方锅炉】管子\φ38.1×7;№22\15CrMoG\4S112-6-2\1000MW超超临界机组</t>
  </si>
  <si>
    <t>【东方锅炉】管子\φ38.1×7;№23\15CrMoG\4S112-6-2\1000MW超超临界机组</t>
  </si>
  <si>
    <t>【东方锅炉】管子\φ38.1×7;№24\15CrMoG\4S112-6-2\1000MW超超临界机组</t>
  </si>
  <si>
    <t>【东方锅炉】管子\φ38.1×7;№25\15CrMoG\4S112-6-2\1000MW超超临界机组</t>
  </si>
  <si>
    <t>【东方锅炉】管子\φ38.1×7;№26\15CrMoG\4S112-6-2\1000MW超超临界机组</t>
  </si>
  <si>
    <t>【东方锅炉】管子\φ38.1×7;№27\15CrMoG\4S112-6-2\1000MW超超临界机组</t>
  </si>
  <si>
    <t>【东方锅炉】管子\φ38.1×7;№28\15CrMoG\4S112-6-2\1000MW超超临界机组</t>
  </si>
  <si>
    <t>【东方锅炉】管子\φ38.1×7;№29\15CrMoG\4S112-6-2\1000MW超超临界机组</t>
  </si>
  <si>
    <t>【东方锅炉】管子\φ38.1×7;№30\15CrMoG\4S112-6-2\1000MW超超临界机组</t>
  </si>
  <si>
    <t>【东方锅炉】管子\φ38.1×7;№31\15CrMoG\4S112-6-2\1000MW超超临界机组</t>
  </si>
  <si>
    <t>【东方锅炉】管子\φ38.1×7;№32\15CrMoG\4S112-6-2\1000MW超超临界机组</t>
  </si>
  <si>
    <t>【东方锅炉】管子\φ38.1×7;№1\15CrMoG\4S112-7-3\1000MW超超临界机组</t>
  </si>
  <si>
    <t>【东方锅炉】管子\φ38.1×7;№2\15CrMoG\4S112-7-3\1000MW超超临界机组</t>
  </si>
  <si>
    <t>【东方锅炉】管子\φ38.1×7;№3\15CrMoG\4S112-7-3\1000MW超超临界机组</t>
  </si>
  <si>
    <t>【东方锅炉】管子\φ38.1×7;№4\15CrMoG\4S112-7-3\1000MW超超临界机组</t>
  </si>
  <si>
    <t>【东方锅炉】管子\φ38.1×7;№5\15CrMoG\4S112-7-3\1000MW超超临界机组</t>
  </si>
  <si>
    <t>【东方锅炉】管子\φ38.1×7;№6\15CrMoG\4S112-7-3\1000MW超超临界机组</t>
  </si>
  <si>
    <t>【东方锅炉】管子\φ38.1×7;№7\15CrMoG\4S112-7-3\1000MW超超临界机组</t>
  </si>
  <si>
    <t>【东方锅炉】管子\φ38.1×7;№8\15CrMoG\4S112-7-3\1000MW超超临界机组</t>
  </si>
  <si>
    <t>【东方锅炉】管子\φ38.1×7;№9\15CrMoG\4S112-7-3\1000MW超超临界机组</t>
  </si>
  <si>
    <t>【东方锅炉】管子\φ38.1×7;№10\15CrMoG\4S112-7-3\1000MW超超临界机组</t>
  </si>
  <si>
    <t>【东方锅炉】管子\φ38.1×7;№11\15CrMoG\4S112-7-3\1000MW超超临界机组</t>
  </si>
  <si>
    <t>【东方锅炉】管子\φ38.1×7;№12\15CrMoG\4S112-7-3\1000MW超超临界机组</t>
  </si>
  <si>
    <t>【东方锅炉】管子\φ38.1×7;№13\15CrMoG\4S112-7-3\1000MW超超临界机组</t>
  </si>
  <si>
    <t>【东方锅炉】管子\φ38.1×7;№14\15CrMoG\4S112-7-3\1000MW超超临界机组</t>
  </si>
  <si>
    <t>【东方锅炉】管子\φ38.1×7;№15\15CrMoG\4S112-7-3\1000MW超超临界机组</t>
  </si>
  <si>
    <t>【东方锅炉】管子\φ38.1×7;№16\15CrMoG\4S112-7-3\1000MW超超临界机组</t>
  </si>
  <si>
    <t>【东方锅炉】管子\φ38.1×7;№17\15CrMoG\4S112-7-3\1000MW超超临界机组</t>
  </si>
  <si>
    <t>【东方锅炉】管子\φ38.1×7;№18\15CrMoG\4S112-7-3\1000MW超超临界机组</t>
  </si>
  <si>
    <t>【东方锅炉】管子\φ38.1×7;№19\15CrMoG\4S112-7-3\1000MW超超临界机组</t>
  </si>
  <si>
    <t>【东方锅炉】管子\φ38.1×7;№20\15CrMoG\4S112-7-3\1000MW超超临界机组</t>
  </si>
  <si>
    <t>【东方锅炉】管子\φ38.1×7;№21\15CrMoG\4S112-7-3\1000MW超超临界机组</t>
  </si>
  <si>
    <t>【东方锅炉】管子\φ38.1×7;№22\15CrMoG\4S112-7-3\1000MW超超临界机组</t>
  </si>
  <si>
    <t>【东方锅炉】管子\φ38.1×7;№23\15CrMoG\4S112-7-3\1000MW超超临界机组</t>
  </si>
  <si>
    <t>【东方锅炉】管子\φ38.1×7;№24\15CrMoG\4S112-7-3\1000MW超超临界机组</t>
  </si>
  <si>
    <t>【东方锅炉】管子\φ38.1×7;№25\15CrMoG\4S112-7-3\1000MW超超临界机组</t>
  </si>
  <si>
    <t>【东方锅炉】管子\φ38.1×7;№26\15CrMoG\4S112-7-3\1000MW超超临界机组</t>
  </si>
  <si>
    <t>【东方锅炉】管子\φ38.1×7;№27\15CrMoG\4S112-7-3\1000MW超超临界机组</t>
  </si>
  <si>
    <t>【东方锅炉】管子\φ38.1×7;№28\15CrMoG\4S112-7-3\1000MW超超临界机组</t>
  </si>
  <si>
    <t>【东方锅炉】管子\φ38.1×7;№29\15CrMoG\4S112-7-3\1000MW超超临界机组</t>
  </si>
  <si>
    <t>【东方锅炉】管子\φ38.1×7;№30\15CrMoG\4S112-7-3\1000MW超超临界机组</t>
  </si>
  <si>
    <t>【东方锅炉】管子\φ38.1×7;№31\15CrMoG\4S112-7-3\1000MW超超临界机组</t>
  </si>
  <si>
    <t>【东方锅炉】管子\φ38.1×7;№32\15CrMoG\4S112-7-3\1000MW超超临界机组</t>
  </si>
  <si>
    <t>【东方锅炉】管子\φ38.1×7;№33\15CrMoG\4S112-7-3\1000MW超超临界机组</t>
  </si>
  <si>
    <t>【东方锅炉】管子\φ38.1×7;№34\15CrMoG\4S112-7-3\1000MW超超临界机组</t>
  </si>
  <si>
    <t>【东方锅炉】管子\φ38.1×7;№1\15CrMoG\4S112-8-3\1000MW超超临界机组</t>
  </si>
  <si>
    <t>【东方锅炉】管子\φ38.1×7;№2\15CrMoG\4S112-8-3\1000MW超超临界机组</t>
  </si>
  <si>
    <t>【东方锅炉】管子\φ38.1×7;№3\15CrMoG\4S112-8-3\1000MW超超临界机组</t>
  </si>
  <si>
    <t>【东方锅炉】管子\φ38.1×7;№4\15CrMoG\4S112-8-3\1000MW超超临界机组</t>
  </si>
  <si>
    <t>【东方锅炉】管子\φ38.1×7;№5\15CrMoG\4S112-8-3\1000MW超超临界机组</t>
  </si>
  <si>
    <t>【东方锅炉】管子\φ38.1×7;№6\15CrMoG\4S112-8-3\1000MW超超临界机组</t>
  </si>
  <si>
    <t>【东方锅炉】管子\φ38.1×7;№7\15CrMoG\4S112-8-3\1000MW超超临界机组</t>
  </si>
  <si>
    <t>【东方锅炉】管子\φ38.1×7;№8\15CrMoG\4S112-8-3\1000MW超超临界机组</t>
  </si>
  <si>
    <t>【东方锅炉】管子\φ38.1×7;№9\15CrMoG\4S112-8-3\1000MW超超临界机组</t>
  </si>
  <si>
    <t>【东方锅炉】管子\φ38.1×7;№10\15CrMoG\4S112-8-3\1000MW超超临界机组</t>
  </si>
  <si>
    <t>【东方锅炉】管子\φ38.1×7;№11\15CrMoG\4S112-8-3\1000MW超超临界机组</t>
  </si>
  <si>
    <t>【东方锅炉】管子\φ38.1×7;№12\15CrMoG\4S112-8-3\1000MW超超临界机组</t>
  </si>
  <si>
    <t>【东方锅炉】管子\φ38.1×7;№13\15CrMoG\4S112-8-3\1000MW超超临界机组</t>
  </si>
  <si>
    <t>【东方锅炉】管子\φ38.1×7;№14\15CrMoG\4S112-8-3\1000MW超超临界机组</t>
  </si>
  <si>
    <t>【东方锅炉】管子\φ38.1×7;№15\15CrMoG\4S112-8-3\1000MW超超临界机组</t>
  </si>
  <si>
    <t>【东方锅炉】管子\φ38.1×7;№16\15CrMoG\4S112-8-3\1000MW超超临界机组</t>
  </si>
  <si>
    <t>【东方锅炉】管子\φ38.1×7;№17\15CrMoG\4S112-8-3\1000MW超超临界机组</t>
  </si>
  <si>
    <t>【东方锅炉】管子\φ38.1×7;№18\15CrMoG\4S112-8-3\1000MW超超临界机组</t>
  </si>
  <si>
    <t>【东方锅炉】管子\φ38.1×7;№19\15CrMoG\4S112-8-3\1000MW超超临界机组</t>
  </si>
  <si>
    <t>【东方锅炉】管子\φ38.1×7;№20\15CrMoG\4S112-8-3\1000MW超超临界机组</t>
  </si>
  <si>
    <t>【东方锅炉】管子\φ38.1×7;№21\15CrMoG\4S112-8-3\1000MW超超临界机组</t>
  </si>
  <si>
    <t>【东方锅炉】管子\φ38.1×7;№22\15CrMoG\4S112-8-3\1000MW超超临界机组</t>
  </si>
  <si>
    <t>【东方锅炉】管子\φ38.1×7;№23\15CrMoG\4S112-8-3\1000MW超超临界机组</t>
  </si>
  <si>
    <t>【东方锅炉】管子\φ38.1×7;№24\15CrMoG\4S112-8-3\1000MW超超临界机组</t>
  </si>
  <si>
    <t>【东方锅炉】管子\φ38.1×7;№25\15CrMoG\4S112-8-3\1000MW超超临界机组</t>
  </si>
  <si>
    <t>【东方锅炉】管子\φ38.1×7;№26\15CrMoG\4S112-8-3\1000MW超超临界机组</t>
  </si>
  <si>
    <t>【东方锅炉】管子\φ38.1×7;№27\15CrMoG\4S112-8-3\1000MW超超临界机组</t>
  </si>
  <si>
    <t>【东方锅炉】管子\φ38.1×7;№28\15CrMoG\4S112-8-3\1000MW超超临界机组</t>
  </si>
  <si>
    <t>【东方锅炉】管子\φ38.1×7;№29\15CrMoG\4S112-8-3\1000MW超超临界机组</t>
  </si>
  <si>
    <t>【东方锅炉】管子\φ38.1×7;№30\15CrMoG\4S112-8-3\1000MW超超临界机组</t>
  </si>
  <si>
    <t>【东方锅炉】管子\φ38.1×7;№31\15CrMoG\4S112-8-3\1000MW超超临界机组</t>
  </si>
  <si>
    <t>【东方锅炉】管子\φ38.1×7;№32\15CrMoG\4S112-8-3\1000MW超超临界机组</t>
  </si>
  <si>
    <t>【东方锅炉】管子\φ38.1×7;№33\15CrMoG\4S112-8-3\1000MW超超临界机组</t>
  </si>
  <si>
    <t>【东方锅炉】管子\φ38.1×7;№34\15CrMoG\4S112-8-3\1000MW超超临界机组</t>
  </si>
  <si>
    <t>【东方锅炉】管子\φ38.1×7;№35\15CrMoG\4S112-8-3\1000MW超超临界机组</t>
  </si>
  <si>
    <t>【东方锅炉】管子\φ38.1×7;№36\15CrMoG\4S112-8-3\1000MW超超临界机组</t>
  </si>
  <si>
    <t>【东方锅炉】管子\φ38.1×7;№37\15CrMoG\4S112-8-3\1000MW超超临界机组</t>
  </si>
  <si>
    <t>【东方锅炉】管子\φ38.1×7;№38\15CrMoG\4S112-8-3\1000MW超超临界机组</t>
  </si>
  <si>
    <t>【东方锅炉】管子\φ38.1×7;№39\15CrMoG\4S112-8-3\1000MW超超临界机组</t>
  </si>
  <si>
    <t>【东方锅炉】管子\φ38.1×7;№40\15CrMoG\4S112-8-3\1000MW超超临界机组</t>
  </si>
  <si>
    <t>【东方锅炉】管子\φ38.1×7;№41\15CrMoG\4S112-8-3\1000MW超超临界机组</t>
  </si>
  <si>
    <t>【东方锅炉】管子\φ38.1×7;№42\15CrMoG\4S112-8-3\1000MW超超临界机组</t>
  </si>
  <si>
    <t>【东方锅炉】管子\φ38.1×7;№43\15CrMoG\4S112-8-3\1000MW超超临界机组</t>
  </si>
  <si>
    <t>【东方锅炉】管子\φ38.1×7;№44\15CrMoG\4S112-8-3\1000MW超超临界机组</t>
  </si>
  <si>
    <t>【东方锅炉】管子\φ38.1×7;№45\15CrMoG\4S112-8-3\1000MW超超临界机组</t>
  </si>
  <si>
    <t>【东方锅炉】管子\φ38.1×7;№46\15CrMoG\4S112-8-3\1000MW超超临界机组</t>
  </si>
  <si>
    <t>【东方锅炉】管子\φ38.1×7;№47\15CrMoG\4S112-8-3\1000MW超超临界机组</t>
  </si>
  <si>
    <t>【东方锅炉】管子\φ38.1×7;№48\15CrMoG\4S112-8-3\1000MW超超临界机组</t>
  </si>
  <si>
    <t>【东方锅炉】管子\φ38.1×7;№49\15CrMoG\4S112-8-3\1000MW超超临界机组</t>
  </si>
  <si>
    <t>【东方锅炉】管子\φ38.1×7;№50\15CrMoG\4S112-8-3\1000MW超超临界机组</t>
  </si>
  <si>
    <t>【东方锅炉】管子\φ38.1×7\15CrMoG\4S112-9-2\1000MW超超临界机组</t>
  </si>
  <si>
    <t>【东方锅炉】管子\φ38.1×7\15CrMoG\4S112-9-4\1000MW超超临界机组</t>
  </si>
  <si>
    <t>【东方锅炉】管子\φ38.1×7\15CrMoG\4S112-9-5\1000MW超超临界机组</t>
  </si>
  <si>
    <t>【东方锅炉】管子\φ38.1×7\15CrMoG\4S112-9-6\1000MW超超临界机组</t>
  </si>
  <si>
    <t>【东方锅炉】管子\φ38.1×7\15CrMoG\4S112-9-7\1000MW超超临界机组</t>
  </si>
  <si>
    <t>【东方锅炉】管子\φ38.1×7\15CrMoG\4S112-9-8\1000MW超超临界机组</t>
  </si>
  <si>
    <t>【东方锅炉】管子\φ38.1×7\15CrMoG\4S112-9-9\1000MW超超临界机组</t>
  </si>
  <si>
    <t>【东方锅炉】管子\φ38.1×7;№1\15CrMoG\4S112-9-10\1000MW超超临界机组</t>
  </si>
  <si>
    <t>【东方锅炉】管子\φ38.1×7;№2\15CrMoG\4S112-9-10\1000MW超超临界机组</t>
  </si>
  <si>
    <t>【东方锅炉】管子\φ38.1×7;№3\15CrMoG\4S112-9-10\1000MW超超临界机组</t>
  </si>
  <si>
    <t>【东方锅炉】管子\φ38.1×7;№4\15CrMoG\4S112-9-10\1000MW超超临界机组</t>
  </si>
  <si>
    <t>【东方锅炉】管子\φ38.1×7;№5\15CrMoG\4S112-9-10\1000MW超超临界机组</t>
  </si>
  <si>
    <t>【东方锅炉】管子\φ38.1×7;L=6627\15CrMoG\4S112-9-11\1000MW超超临界机组</t>
  </si>
  <si>
    <t>【东方锅炉】管子\φ38.1×7;L=6606.5\15CrMoG\4S112-9-11\1000MW超超临界机组</t>
  </si>
  <si>
    <t>【东方锅炉】管子\φ38.1×7;L=6586\15CrMoG\4S112-9-11\1000MW超超临界机组</t>
  </si>
  <si>
    <t>【东方锅炉】管子\φ38.1×7;L=6565.5\15CrMoG\4S112-9-11\1000MW超超临界机组</t>
  </si>
  <si>
    <t>【东方锅炉】管子\φ38.1×7;L=6544.9\15CrMoG\4S112-9-11\1000MW超超临界机组</t>
  </si>
  <si>
    <t>【东方锅炉】管子\φ38.1×7;L=6524.4\15CrMoG\4S112-9-11\1000MW超超临界机组</t>
  </si>
  <si>
    <t>【东方锅炉】管子\φ38.1×7;L=6503.9\15CrMoG\4S112-9-11\1000MW超超临界机组</t>
  </si>
  <si>
    <t>【东方锅炉】管子\φ38.1×7;L=6483.4\15CrMoG\4S112-9-11\1000MW超超临界机组</t>
  </si>
  <si>
    <t>【东方锅炉】管子\φ38.1×7;L=6462.9\15CrMoG\4S112-9-11\1000MW超超临界机组</t>
  </si>
  <si>
    <t>【东方锅炉】管子\φ38.1×7;L=6442.4\15CrMoG\4S112-9-11\1000MW超超临界机组</t>
  </si>
  <si>
    <t>【东方锅炉】管子\φ38.1×7;L=6421.9\15CrMoG\4S112-9-11\1000MW超超临界机组</t>
  </si>
  <si>
    <t>【东方锅炉】管子\φ38.1×7;L=6214.3\15CrMoG\4S112-9-11\1000MW超超临界机组</t>
  </si>
  <si>
    <t>【东方锅炉】管子\φ38.1×7;L=6096.7\15CrMoG\4S112-9-11\1000MW超超临界机组</t>
  </si>
  <si>
    <t>【东方锅炉】管子\φ38.1×7;L=5979.1\15CrMoG\4S112-9-11\1000MW超超临界机组</t>
  </si>
  <si>
    <t>【东方锅炉】管子\φ38.1×7;L=5861.5\15CrMoG\4S112-9-11\1000MW超超临界机组</t>
  </si>
  <si>
    <t>【东方锅炉】管子\φ38.1×7;L=5744.0\15CrMoG\4S112-9-11\1000MW超超临界机组</t>
  </si>
  <si>
    <t>【东方锅炉】管子\φ38.1×7;L=5626.4\15CrMoG\4S112-9-11\1000MW超超临界机组</t>
  </si>
  <si>
    <t>【东方锅炉】管子\φ38.1×7;L=5508.8\15CrMoG\4S112-9-11\1000MW超超临界机组</t>
  </si>
  <si>
    <t>【东方锅炉】管子\φ38.1×7;L=5391.2\15CrMoG\4S112-9-11\1000MW超超临界机组</t>
  </si>
  <si>
    <t>【东方锅炉】管子\φ38.1×7;L=5273.6\15CrMoG\4S112-9-11\1000MW超超临界机组</t>
  </si>
  <si>
    <t>【东方锅炉】管子\φ38.1×7;L=5156.0\15CrMoG\4S112-9-11\1000MW超超临界机组</t>
  </si>
  <si>
    <t>【东方锅炉】管子\φ38.1×7;L=5038.4\15CrMoG\4S112-9-11\1000MW超超临界机组</t>
  </si>
  <si>
    <t>【东方锅炉】管子\φ38.1×7;L=4920.9\15CrMoG\4S112-9-11\1000MW超超临界机组</t>
  </si>
  <si>
    <t>【东方锅炉】管子\φ38.1×7;L=4803.3\15CrMoG\4S112-9-11\1000MW超超临界机组</t>
  </si>
  <si>
    <t>【东方锅炉】管子\φ38.1×7;L=4685.7\15CrMoG\4S112-9-11\1000MW超超临界机组</t>
  </si>
  <si>
    <t>【东方锅炉】管子\φ38.1×7;L=4568.1\15CrMoG\4S112-9-11\1000MW超超临界机组</t>
  </si>
  <si>
    <t>【东方锅炉】管子\φ38.1×7;L=4450.5\15CrMoG\4S112-9-11\1000MW超超临界机组</t>
  </si>
  <si>
    <t>【东方锅炉】管子\φ38.1×7;L=4332.9\15CrMoG\4S112-9-11\1000MW超超临界机组</t>
  </si>
  <si>
    <t>【东方锅炉】管子\φ38.1×7;L=4215.3\15CrMoG\4S112-9-11\1000MW超超临界机组</t>
  </si>
  <si>
    <t>【东方锅炉】管子\φ38.1×7;L=4097.8\15CrMoG\4S112-9-11\1000MW超超临界机组</t>
  </si>
  <si>
    <t>【东方锅炉】管子\φ38.1×7;L=3980.2\15CrMoG\4S112-9-11\1000MW超超临界机组</t>
  </si>
  <si>
    <t>【东方锅炉】管子\φ38.1×7;L=3862.6\15CrMoG\4S112-9-11\1000MW超超临界机组</t>
  </si>
  <si>
    <t>【东方锅炉】管子\φ38.1×7;L=3745.0\15CrMoG\4S112-9-11\1000MW超超临界机组</t>
  </si>
  <si>
    <t>【东方锅炉】管子\φ38.1×7;L=3627.4\15CrMoG\4S112-9-11\1000MW超超临界机组</t>
  </si>
  <si>
    <t>【东方锅炉】管子\φ38.1×7;L=3509.8\15CrMoG\4S112-9-11\1000MW超超临界机组</t>
  </si>
  <si>
    <t>【东方锅炉】管子\φ38.1×7;L=4007.2\15CrMoG\4S112-9-11\1000MW超超临界机组</t>
  </si>
  <si>
    <t>【东方锅炉】管子\φ38.1×7;L=3889.6\15CrMoG\4S112-9-11\1000MW超超临界机组</t>
  </si>
  <si>
    <t>【东方锅炉】管子\φ38.1×7;L=3772.1\15CrMoG\4S112-9-11\1000MW超超临界机组</t>
  </si>
  <si>
    <t>【东方锅炉】管子\φ38.1×7;L=3654.5\15CrMoG\4S112-9-11\1000MW超超临界机组</t>
  </si>
  <si>
    <t>【东方锅炉】管子\φ38.1×7;L=3536.9\15CrMoG\4S112-9-11\1000MW超超临界机组</t>
  </si>
  <si>
    <t>【东方锅炉】管子\φ38.1×7;L=3419.3\15CrMoG\4S112-9-11\1000MW超超临界机组</t>
  </si>
  <si>
    <t>【东方锅炉】管子\φ38.1×7;L=3301.7\15CrMoG\4S112-9-11\1000MW超超临界机组</t>
  </si>
  <si>
    <t>【东方锅炉】管子\φ38.1×7;L=3184.1\15CrMoG\4S112-9-11\1000MW超超临界机组</t>
  </si>
  <si>
    <t>【东方锅炉】管子\φ38.1×7;L=3066.5\15CrMoG\4S112-9-11\1000MW超超临界机组</t>
  </si>
  <si>
    <t>【东方锅炉】管子\φ38.1×7;L=2949.0\15CrMoG\4S112-9-11\1000MW超超临界机组</t>
  </si>
  <si>
    <t>【东方锅炉】管子\φ38.1×7;L=2831.4\15CrMoG\4S112-9-11\1000MW超超临界机组</t>
  </si>
  <si>
    <t>【东方锅炉】管子\φ38.1×7;L=2713.8\15CrMoG\4S112-9-11\1000MW超超临界机组</t>
  </si>
  <si>
    <t>【东方锅炉】管子\φ38.1×7;L=2596.2\15CrMoG\4S112-9-11\1000MW超超临界机组</t>
  </si>
  <si>
    <t>【东方锅炉】管子\φ38.1×7;L=2478.6\15CrMoG\4S112-9-11\1000MW超超临界机组</t>
  </si>
  <si>
    <t>【东方锅炉】管子\φ38.1×7;L=2361.0\15CrMoG\4S112-9-11\1000MW超超临界机组</t>
  </si>
  <si>
    <t>【东方锅炉】管子\φ38.1×7;L=2243.4\15CrMoG\4S112-9-11\1000MW超超临界机组</t>
  </si>
  <si>
    <t>【东方锅炉】管子\φ38.1×7;L=2125.9\15CrMoG\4S112-9-11\1000MW超超临界机组</t>
  </si>
  <si>
    <t>【东方锅炉】管子\φ38.1×7;L=2008.3\15CrMoG\4S112-9-11\1000MW超超临界机组</t>
  </si>
  <si>
    <t>【东方锅炉】管子\φ38.1×7;L=1890.7\15CrMoG\4S112-9-11\1000MW超超临界机组</t>
  </si>
  <si>
    <t>【东方锅炉】管子\φ38.1×7;L=1773.1\15CrMoG\4S112-9-11\1000MW超超临界机组</t>
  </si>
  <si>
    <t>【东方锅炉】管子\φ38.1×7;L=1655.5\15CrMoG\4S112-9-11\1000MW超超临界机组</t>
  </si>
  <si>
    <t>【东方锅炉】管子\φ38.1×7;L=1537.9\15CrMoG\4S112-9-11\1000MW超超临界机组</t>
  </si>
  <si>
    <t>【东方锅炉】管子\φ38.1×7;L=1420.3\15CrMoG\4S112-9-11\1000MW超超临界机组</t>
  </si>
  <si>
    <t>【东方锅炉】管子\φ38.1×7;L=1302.8\15CrMoG\4S112-9-11\1000MW超超临界机组</t>
  </si>
  <si>
    <t>【东方锅炉】管子\φ38.1×7;L=15282.6\15CrMoG\4S112-10-2\1000MW超超临界机组</t>
  </si>
  <si>
    <t>【东方锅炉】管子\φ38.1×7;L=15145.4\15CrMoG\4S112-10-2\1000MW超超临界机组</t>
  </si>
  <si>
    <t>【东方锅炉】管子\φ38.1×7;L=15008.3\15CrMoG\4S112-10-2\1000MW超超临界机组</t>
  </si>
  <si>
    <t>【东方锅炉】管子\φ38.1×7;L=14871.1\15CrMoG\4S112-10-2\1000MW超超临界机组</t>
  </si>
  <si>
    <t>【东方锅炉】管子\φ38.1×7;L=14733.9\15CrMoG\4S112-10-2\1000MW超超临界机组</t>
  </si>
  <si>
    <t>【东方锅炉】管子\φ38.1×7;L=14596.8\15CrMoG\4S112-10-2\1000MW超超临界机组</t>
  </si>
  <si>
    <t>【东方锅炉】管子\φ38.1×7;L=14459.6\15CrMoG\4S112-10-2\1000MW超超临界机组</t>
  </si>
  <si>
    <t>【东方锅炉】管子\φ38.1×7;L=14322.4\15CrMoG\4S112-10-2\1000MW超超临界机组</t>
  </si>
  <si>
    <t>【东方锅炉】管子\φ38.1×7;L=14185.3\15CrMoG\4S112-10-2\1000MW超超临界机组</t>
  </si>
  <si>
    <t>【东方锅炉】管子\φ38.1×7;L=14048.1\15CrMoG\4S112-10-2\1000MW超超临界机组</t>
  </si>
  <si>
    <t>【东方锅炉】管子\φ38.1×7;L=13910.9\15CrMoG\4S112-10-2\1000MW超超临界机组</t>
  </si>
  <si>
    <t>【东方锅炉】管子\φ38.1×7;L=13773.8\15CrMoG\4S112-10-2\1000MW超超临界机组</t>
  </si>
  <si>
    <t>【东方锅炉】管子\φ38.1×7;L=13636.6\15CrMoG\4S112-10-2\1000MW超超临界机组</t>
  </si>
  <si>
    <t>【东方锅炉】管子\φ38.1×7;L=13499.4\15CrMoG\4S112-10-2\1000MW超超临界机组</t>
  </si>
  <si>
    <t>【东方锅炉】管子\φ38.1×7;L=13362.2\15CrMoG\4S112-10-2\1000MW超超临界机组</t>
  </si>
  <si>
    <t>【东方锅炉】管子\φ38.1×7;L=13225.1\15CrMoG\4S112-10-2\1000MW超超临界机组</t>
  </si>
  <si>
    <t>【东方锅炉】管子\φ38.1×7;L=13087.9\15CrMoG\4S112-10-2\1000MW超超临界机组</t>
  </si>
  <si>
    <t>【东方锅炉】管子\φ38.1×7;L=12950.7\15CrMoG\4S112-10-2\1000MW超超临界机组</t>
  </si>
  <si>
    <t>【东方锅炉】管子\φ38.1×7;L=12813.6\15CrMoG\4S112-10-2\1000MW超超临界机组</t>
  </si>
  <si>
    <t>【东方锅炉】管子\φ38.1×7;L=12676.4\15CrMoG\4S112-10-2\1000MW超超临界机组</t>
  </si>
  <si>
    <t>【东方锅炉】管子\φ38.1×7;L=12539.2\15CrMoG\4S112-10-2\1000MW超超临界机组</t>
  </si>
  <si>
    <t>【东方锅炉】管子\φ38.1×7;L=12402.1\15CrMoG\4S112-10-2\1000MW超超临界机组</t>
  </si>
  <si>
    <t>【东方锅炉】管子\φ38.1×7;L=12264.9\15CrMoG\4S112-10-2\1000MW超超临界机组</t>
  </si>
  <si>
    <t>【东方锅炉】管子\φ38.1×7;L=12127.7\15CrMoG\4S112-10-2\1000MW超超临界机组</t>
  </si>
  <si>
    <t>【东方锅炉】管子\φ38.1×7;L=11990.6\15CrMoG\4S112-10-2\1000MW超超临界机组</t>
  </si>
  <si>
    <t>【东方锅炉】管子\φ38.1×7;L=11853.4\15CrMoG\4S112-10-2\1000MW超超临界机组</t>
  </si>
  <si>
    <t>【东方锅炉】管子\φ38.1×7;L=11716.2\15CrMoG\4S112-10-2\1000MW超超临界机组</t>
  </si>
  <si>
    <t>【东方锅炉】管子\φ38.1×7;L=11579.1\15CrMoG\4S112-10-2\1000MW超超临界机组</t>
  </si>
  <si>
    <t>【东方锅炉】管子\φ38.1×7;L=11441.9\15CrMoG\4S112-10-2\1000MW超超临界机组</t>
  </si>
  <si>
    <t>【东方锅炉】管子\φ38.1×7;L=11304.7\15CrMoG\4S112-10-2\1000MW超超临界机组</t>
  </si>
  <si>
    <t>【东方锅炉】管子\φ38.1×7;L=11167.6\15CrMoG\4S112-10-2\1000MW超超临界机组</t>
  </si>
  <si>
    <t>【东方锅炉】管子\φ38.1×7;L=11030.4\15CrMoG\4S112-10-2\1000MW超超临界机组</t>
  </si>
  <si>
    <t>【东方锅炉】管子\φ38.1×7;L=10893.2\15CrMoG\4S112-10-2\1000MW超超临界机组</t>
  </si>
  <si>
    <t>【东方锅炉】管子\φ38.1×7;L=10756.1\15CrMoG\4S112-10-2\1000MW超超临界机组</t>
  </si>
  <si>
    <t>【东方锅炉】管子\φ38.1×7;L=10618.9\15CrMoG\4S112-10-2\1000MW超超临界机组</t>
  </si>
  <si>
    <t>【东方锅炉】管子\φ38.1×7;L=10481.7\15CrMoG\4S112-10-2\1000MW超超临界机组</t>
  </si>
  <si>
    <t>【东方锅炉】管子\φ38.1×7;L=10344.6\15CrMoG\4S112-10-2\1000MW超超临界机组</t>
  </si>
  <si>
    <t>【东方锅炉】管子\φ38.1×7;L=10207.4\15CrMoG\4S112-10-2\1000MW超超临界机组</t>
  </si>
  <si>
    <t>【东方锅炉】管子\φ38.1×7;L=10070.2\15CrMoG\4S112-10-2\1000MW超超临界机组</t>
  </si>
  <si>
    <t>【东方锅炉】管子\φ38.1×7;L=9933.0\15CrMoG\4S112-10-2\1000MW超超临界机组</t>
  </si>
  <si>
    <t>【东方锅炉】管子\φ38.1×7;L=9795.9\15CrMoG\4S112-10-2\1000MW超超临界机组</t>
  </si>
  <si>
    <t>【东方锅炉】管子\φ38.1×7;L=9658.7\15CrMoG\4S112-10-2\1000MW超超临界机组</t>
  </si>
  <si>
    <t>【东方锅炉】管子\φ38.1×7;L=9521.5\15CrMoG\4S112-10-2\1000MW超超临界机组</t>
  </si>
  <si>
    <t>【东方锅炉】管子\φ38.1×7;L=9384.4\15CrMoG\4S112-10-2\1000MW超超临界机组</t>
  </si>
  <si>
    <t>【东方锅炉】管子\φ38.1×7;L=9247.2\15CrMoG\4S112-10-2\1000MW超超临界机组</t>
  </si>
  <si>
    <t>【东方锅炉】管子\φ38.1×7;L=9110.0\15CrMoG\4S112-10-2\1000MW超超临界机组</t>
  </si>
  <si>
    <t>【东方锅炉】管子\φ38.1×7;L=8972.9\15CrMoG\4S112-10-2\1000MW超超临界机组</t>
  </si>
  <si>
    <t>【东方锅炉】管子\φ38.1×7;L=8835.7\15CrMoG\4S112-10-2\1000MW超超临界机组</t>
  </si>
  <si>
    <t>【东方锅炉】管子\φ38.1×7;L=8698.5\15CrMoG\4S112-10-2\1000MW超超临界机组</t>
  </si>
  <si>
    <t>【东方锅炉】管子\φ38.1×7;L=8561.4\15CrMoG\4S112-10-2\1000MW超超临界机组</t>
  </si>
  <si>
    <t>【东方锅炉】管子\φ38.1×7;L=8424.2\15CrMoG\4S112-10-2\1000MW超超临界机组</t>
  </si>
  <si>
    <t>【东方锅炉】管子\φ38.1×7;L=8287.0\15CrMoG\4S112-10-2\1000MW超超临界机组</t>
  </si>
  <si>
    <t>【东方锅炉】管子\φ38.1×7;L=8149.9\15CrMoG\4S112-10-2\1000MW超超临界机组</t>
  </si>
  <si>
    <t>【东方锅炉】管子\φ38.1×7;L=8012.7\15CrMoG\4S112-10-2\1000MW超超临界机组</t>
  </si>
  <si>
    <t>【东方锅炉】管子\φ38.1×7;L=7875.5\15CrMoG\4S112-10-2\1000MW超超临界机组</t>
  </si>
  <si>
    <t>【东方锅炉】管子\φ38.1×7;L=7738.4\15CrMoG\4S112-10-2\1000MW超超临界机组</t>
  </si>
  <si>
    <t>【东方锅炉】管子\φ38.1×7;L=7601.3\15CrMoG\4S112-11-2\1000MW超超临界机组</t>
  </si>
  <si>
    <t>【东方锅炉】管子\φ38.1×7;L=7464.1\15CrMoG\4S112-11-2\1000MW超超临界机组</t>
  </si>
  <si>
    <t>【东方锅炉】管子\φ38.1×7;L=7327.0\15CrMoG\4S112-11-2\1000MW超超临界机组</t>
  </si>
  <si>
    <t>【东方锅炉】管子\φ38.1×7;L=7189.8\15CrMoG\4S112-11-2\1000MW超超临界机组</t>
  </si>
  <si>
    <t>【东方锅炉】管子\φ38.1×7;L=7052.6\15CrMoG\4S112-11-2\1000MW超超临界机组</t>
  </si>
  <si>
    <t>【东方锅炉】管子\φ38.1×7;L=6915.5\15CrMoG\4S112-11-2\1000MW超超临界机组</t>
  </si>
  <si>
    <t>【东方锅炉】管子\φ38.1×7;L=6778.3\15CrMoG\4S112-11-2\1000MW超超临界机组</t>
  </si>
  <si>
    <t>【东方锅炉】管子\φ38.1×7;L=6641.1\15CrMoG\4S112-11-2\1000MW超超临界机组</t>
  </si>
  <si>
    <t>【东方锅炉】管子\φ38.1×7;L=6504.0\15CrMoG\4S112-11-2\1000MW超超临界机组</t>
  </si>
  <si>
    <t>【东方锅炉】管子\φ38.1×7;L=6366.8\15CrMoG\4S112-11-2\1000MW超超临界机组</t>
  </si>
  <si>
    <t>【东方锅炉】管子\φ38.1×7;L=6229.6\15CrMoG\4S112-11-2\1000MW超超临界机组</t>
  </si>
  <si>
    <t>【东方锅炉】管子\φ38.1×7;L=6092.5\15CrMoG\4S112-11-2\1000MW超超临界机组</t>
  </si>
  <si>
    <t>【东方锅炉】管子\φ38.1×7;L=5955.3\15CrMoG\4S112-11-2\1000MW超超临界机组</t>
  </si>
  <si>
    <t>【东方锅炉】管子\φ38.1×7;L=5818.1\15CrMoG\4S112-11-2\1000MW超超临界机组</t>
  </si>
  <si>
    <t>【东方锅炉】管子\φ38.1×7;L=5680.9\15CrMoG\4S112-11-2\1000MW超超临界机组</t>
  </si>
  <si>
    <t>【东方锅炉】管子\φ38.1×7;L=5543.8\15CrMoG\4S112-11-2\1000MW超超临界机组</t>
  </si>
  <si>
    <t>【东方锅炉】管子\φ38.1×7;L=5406.6\15CrMoG\4S112-11-2\1000MW超超临界机组</t>
  </si>
  <si>
    <t>【东方锅炉】管子\φ38.1×7;L=5269.4\15CrMoG\4S112-11-2\1000MW超超临界机组</t>
  </si>
  <si>
    <t>【东方锅炉】管子\φ38.1×7;L=5132.3\15CrMoG\4S112-11-2\1000MW超超临界机组</t>
  </si>
  <si>
    <t>【东方锅炉】管子\φ38.1×7;L=4995.1\15CrMoG\4S112-11-2\1000MW超超临界机组</t>
  </si>
  <si>
    <t>【东方锅炉】管子\φ38.1×7;L=4857.9\15CrMoG\4S112-11-2\1000MW超超临界机组</t>
  </si>
  <si>
    <t>【东方锅炉】管子\φ38.1×7;L=4720.8\15CrMoG\4S112-11-2\1000MW超超临界机组</t>
  </si>
  <si>
    <t>【东方锅炉】管子\φ38.1×7;L=4583.6\15CrMoG\4S112-11-2\1000MW超超临界机组</t>
  </si>
  <si>
    <t>【东方锅炉】管子\φ38.1×7;L=4446.4\15CrMoG\4S112-11-2\1000MW超超临界机组</t>
  </si>
  <si>
    <t>【东方锅炉】管子\φ38.1×7;L=4309.3\15CrMoG\4S112-11-2\1000MW超超临界机组</t>
  </si>
  <si>
    <t>【东方锅炉】管子\φ38.1×7;L=4172.1\15CrMoG\4S112-11-2\1000MW超超临界机组</t>
  </si>
  <si>
    <t>【东方锅炉】管子\φ38.1×7;L=4034.9\15CrMoG\4S112-11-2\1000MW超超临界机组</t>
  </si>
  <si>
    <t>【东方锅炉】管子\φ38.1×7;L=3897.8\15CrMoG\4S112-11-2\1000MW超超临界机组</t>
  </si>
  <si>
    <t>【东方锅炉】管子\φ38.1×7;L=3760.6\15CrMoG\4S112-11-2\1000MW超超临界机组</t>
  </si>
  <si>
    <t>【东方锅炉】管子\φ38.1×7;L=3623.4\15CrMoG\4S112-11-2\1000MW超超临界机组</t>
  </si>
  <si>
    <t>【东方锅炉】管子\φ38.1×7;L=3486.3\15CrMoG\4S112-11-2\1000MW超超临界机组</t>
  </si>
  <si>
    <t>【东方锅炉】管子\φ38.1×7;L=3349.1\15CrMoG\4S112-11-2\1000MW超超临界机组</t>
  </si>
  <si>
    <t>【东方锅炉】管子\φ38.1×7;L=3211.9\15CrMoG\4S112-11-2\1000MW超超临界机组</t>
  </si>
  <si>
    <t>【东方锅炉】管子\φ38.1×7;L=3074.8\15CrMoG\4S112-11-2\1000MW超超临界机组</t>
  </si>
  <si>
    <t>【东方锅炉】管子\φ38.1×7;L=2937.6\15CrMoG\4S112-11-2\1000MW超超临界机组</t>
  </si>
  <si>
    <t>【东方锅炉】管子\φ38.1×7;L=2800.4\15CrMoG\4S112-11-2\1000MW超超临界机组</t>
  </si>
  <si>
    <t>【东方锅炉】管子\φ38.1×7;L=2663.3\15CrMoG\4S112-11-2\1000MW超超临界机组</t>
  </si>
  <si>
    <t>【东方锅炉】管子\φ38.1×7;L=2526.1\15CrMoG\4S112-11-2\1000MW超超临界机组</t>
  </si>
  <si>
    <t>【东方锅炉】管子\φ38.1×7;L=2388.9\15CrMoG\4S112-11-2\1000MW超超临界机组</t>
  </si>
  <si>
    <t>【东方锅炉】管子\φ38.1×7;L=2251.7\15CrMoG\4S112-11-2\1000MW超超临界机组</t>
  </si>
  <si>
    <t>【东方锅炉】管子\φ38.1×7;L=2114.6\15CrMoG\4S112-11-2\1000MW超超临界机组</t>
  </si>
  <si>
    <t>【东方锅炉】管子\φ38.1×7;L=1977.4\15CrMoG\4S112-11-2\1000MW超超临界机组</t>
  </si>
  <si>
    <t>【东方锅炉】管子\φ38.1×7;L=1840.2\15CrMoG\4S112-11-2\1000MW超超临界机组</t>
  </si>
  <si>
    <t>【东方锅炉】管子\φ38.1×7;L=1703.1\15CrMoG\4S112-11-2\1000MW超超临界机组</t>
  </si>
  <si>
    <t>【东方锅炉】管子\φ38.1×7;L=1565.9\15CrMoG\4S112-11-2\1000MW超超临界机组</t>
  </si>
  <si>
    <t>【东方锅炉】管子\φ38.1×7;L=1428.7\15CrMoG\4S112-11-2\1000MW超超临界机组</t>
  </si>
  <si>
    <t>【东方锅炉】管子\φ38.1×7;L=1291.6\15CrMoG\4S112-11-2\1000MW超超临界机组</t>
  </si>
  <si>
    <t>【东方锅炉】管子\φ38.1×7;L=1154.4\15CrMoG\4S112-11-2\1000MW超超临界机组</t>
  </si>
  <si>
    <t>【东方锅炉】管子\φ38.1×7;L=1017.2\15CrMoG\4S112-11-2\1000MW超超临界机组</t>
  </si>
  <si>
    <t>【东方锅炉】管子\φ38.1×7;L=1503\15CrMoG\4S112-12-1\1000MW超超临界机组</t>
  </si>
  <si>
    <t>【东方锅炉】管子\φ38.1×7;L=2914\15CrMoG\4S112-12-1\1000MW超超临界机组</t>
  </si>
  <si>
    <t>【东方锅炉】管子\φ38.1×7;№1\15CrMoG\4S112-12-3\1000MW超超临界机组</t>
  </si>
  <si>
    <t>【东方锅炉】管子\φ38.1×7;№2\15CrMoG\4S112-12-3\1000MW超超临界机组</t>
  </si>
  <si>
    <t>【东方锅炉】管子\φ38.1×7;№3\15CrMoG\4S112-12-3\1000MW超超临界机组</t>
  </si>
  <si>
    <t>【东方锅炉】管子\φ38.1×7;№4\15CrMoG\4S112-12-3\1000MW超超临界机组</t>
  </si>
  <si>
    <t>【东方锅炉】管子\φ38.1×7;№5\15CrMoG\4S112-12-3\1000MW超超临界机组</t>
  </si>
  <si>
    <t>【东方锅炉】管子\φ38.1×7;№6\15CrMoG\4S112-12-3\1000MW超超临界机组</t>
  </si>
  <si>
    <t>【东方锅炉】管子\φ38.1×7;№7\15CrMoG\4S112-12-3\1000MW超超临界机组</t>
  </si>
  <si>
    <t>【东方锅炉】管子\φ38.1×7;№8\15CrMoG\4S112-12-3\1000MW超超临界机组</t>
  </si>
  <si>
    <t>【东方锅炉】管子\φ38.1×7;№9\15CrMoG\4S112-12-3\1000MW超超临界机组</t>
  </si>
  <si>
    <t>【东方锅炉】管子\φ38.1×7;№10\15CrMoG\4S112-12-3\1000MW超超临界机组</t>
  </si>
  <si>
    <t>【东方锅炉】管子\φ38.1×7;№1\15CrMoG\4S112-12-5\1000MW超超临界机组</t>
  </si>
  <si>
    <t>【东方锅炉】管子\φ38.1×7;№2\15CrMoG\4S112-12-5\1000MW超超临界机组</t>
  </si>
  <si>
    <t>【东方锅炉】管子\φ38.1×7;№3\15CrMoG\4S112-12-5\1000MW超超临界机组</t>
  </si>
  <si>
    <t>【东方锅炉】管子\φ38.1×7;№4\15CrMoG\4S112-12-5\1000MW超超临界机组</t>
  </si>
  <si>
    <t>【东方锅炉】管子\φ38.1×7;№5\15CrMoG\4S112-12-5\1000MW超超临界机组</t>
  </si>
  <si>
    <t>【东方锅炉】管子\φ38.1×7;№6\15CrMoG\4S112-12-5\1000MW超超临界机组</t>
  </si>
  <si>
    <t>【东方锅炉】管子\φ38.1×7;№7\15CrMoG\4S112-12-5\1000MW超超临界机组</t>
  </si>
  <si>
    <t>【东方锅炉】管子\φ38.1×7;№8\15CrMoG\4S112-12-5\1000MW超超临界机组</t>
  </si>
  <si>
    <t>【东方锅炉】管子\φ38.1×7;№9\15CrMoG\4S112-12-5\1000MW超超临界机组</t>
  </si>
  <si>
    <t>【东方锅炉】管子\φ38.1×7;№10\15CrMoG\4S112-12-5\1000MW超超临界机组</t>
  </si>
  <si>
    <t>【东方锅炉】管子\φ38.1×7;№1\15CrMoG\4S112-12-7\1000MW超超临界机组</t>
  </si>
  <si>
    <t>【东方锅炉】管子\φ38.1×7;№2\15CrMoG\4S112-12-7\1000MW超超临界机组</t>
  </si>
  <si>
    <t>【东方锅炉】管子\φ38.1×7;L=3104.4\15CrMoG\4S112-13-1\1000MW超超临界机组</t>
  </si>
  <si>
    <t>【东方锅炉】管子\φ38.1×7;L=4280.3\15CrMoG\4S112-13-1\1000MW超超临界机组</t>
  </si>
  <si>
    <t>【东方锅炉】管子\φ38.1×7;L=5456.2\15CrMoG\4S112-13-1\1000MW超超临界机组</t>
  </si>
  <si>
    <t>【东方锅炉】管子\φ38.1×7;L=6632\15CrMoG\4S112-13-1\1000MW超超临界机组</t>
  </si>
  <si>
    <t>【东方锅炉】管子\φ38.1×7;L=7807.9\15CrMoG\4S112-13-1\1000MW超超临界机组</t>
  </si>
  <si>
    <t>【东方锅炉】管子\φ38.1×7;L=7166.6\15CrMoG\4S112-13-1\1000MW超超临界机组</t>
  </si>
  <si>
    <t>【东方锅炉】管子\φ38.1×7;L=8342.5\15CrMoG\4S112-13-1\1000MW超超临界机组</t>
  </si>
  <si>
    <t>【东方锅炉】管子\φ38.1×7;L=7557\15CrMoG\4S112-13-1\1000MW超超临界机组</t>
  </si>
  <si>
    <t>【东方锅炉】管子\φ38.1×7;№1\15CrMoG\4S112-13-3\1000MW超超临界机组</t>
  </si>
  <si>
    <t>【东方锅炉】管子\φ38.1×7;№2\15CrMoG\4S112-13-3\1000MW超超临界机组</t>
  </si>
  <si>
    <t>【东方锅炉】管子\φ38.1×7;№3\15CrMoG\4S112-13-3\1000MW超超临界机组</t>
  </si>
  <si>
    <t>【东方锅炉】管子\φ38.1×7;№4\15CrMoG\4S112-13-3\1000MW超超临界机组</t>
  </si>
  <si>
    <t>【东方锅炉】管子\φ38.1×7;№5\15CrMoG\4S112-13-3\1000MW超超临界机组</t>
  </si>
  <si>
    <t>【东方锅炉】管子\φ38.1×7;№6\15CrMoG\4S112-13-3\1000MW超超临界机组</t>
  </si>
  <si>
    <t>【东方锅炉】管子\φ38.1×7;№7\15CrMoG\4S112-13-3\1000MW超超临界机组</t>
  </si>
  <si>
    <t>【东方锅炉】管子\φ38.1×7;№8\15CrMoG\4S112-13-3\1000MW超超临界机组</t>
  </si>
  <si>
    <t>【东方锅炉】管子\φ38.1×7;№9\15CrMoG\4S112-13-3\1000MW超超临界机组</t>
  </si>
  <si>
    <t>【东方锅炉】管子\φ38.1×7;№10\15CrMoG\4S112-13-3\1000MW超超临界机组</t>
  </si>
  <si>
    <t>【东方锅炉】管子\φ38.1×7;№1\15CrMoG\4S112-13-5\1000MW超超临界机组</t>
  </si>
  <si>
    <t>【东方锅炉】管子\φ38.1×7;№2\15CrMoG\4S112-13-5\1000MW超超临界机组</t>
  </si>
  <si>
    <t>【东方锅炉】管子\φ38.1×7;№3\15CrMoG\4S112-13-5\1000MW超超临界机组</t>
  </si>
  <si>
    <t>【东方锅炉】管子\φ38.1×7;№4\15CrMoG\4S112-13-5\1000MW超超临界机组</t>
  </si>
  <si>
    <t>【东方锅炉】管子\φ38.1×7;№5\15CrMoG\4S112-13-5\1000MW超超临界机组</t>
  </si>
  <si>
    <t>【东方锅炉】管子\φ38.1×7;№6\15CrMoG\4S112-13-5\1000MW超超临界机组</t>
  </si>
  <si>
    <t>【东方锅炉】管子\φ38.1×7;№7\15CrMoG\4S112-13-5\1000MW超超临界机组</t>
  </si>
  <si>
    <t>【东方锅炉】管子\φ38.1×7;№8\15CrMoG\4S112-13-5\1000MW超超临界机组</t>
  </si>
  <si>
    <t>【东方锅炉】管子\φ38.1×7;№9\15CrMoG\4S112-13-5\1000MW超超临界机组</t>
  </si>
  <si>
    <t>【东方锅炉】管子\φ38.1×7;№10\15CrMoG\4S112-13-5\1000MW超超临界机组</t>
  </si>
  <si>
    <t>【东方锅炉】管子\φ38.1×7;№1\15CrMoG\4S112-13-7\1000MW超超临界机组</t>
  </si>
  <si>
    <t>【东方锅炉】管子\φ38.1×7;№2\15CrMoG\4S112-13-7\1000MW超超临界机组</t>
  </si>
  <si>
    <t>【东方锅炉】管子\φ38.1×7;№3\15CrMoG\4S112-13-7\1000MW超超临界机组</t>
  </si>
  <si>
    <t>【东方锅炉】管子\φ38.1×7;№4\15CrMoG\4S112-13-7\1000MW超超临界机组</t>
  </si>
  <si>
    <t>【东方锅炉】管子\φ38.1×7;№5\15CrMoG\4S112-13-7\1000MW超超临界机组</t>
  </si>
  <si>
    <t>【东方锅炉】管子\φ38.1×7;№6\15CrMoG\4S112-13-7\1000MW超超临界机组</t>
  </si>
  <si>
    <t>【东方锅炉】管子\φ38.1×7;№7\15CrMoG\4S112-13-7\1000MW超超临界机组</t>
  </si>
  <si>
    <t>【东方锅炉】管子\φ38.1×7;L=8262.5\15CrMoG\4S112-14-1\1000MW超超临界机组</t>
  </si>
  <si>
    <t>【东方锅炉】管子\φ38.1×7;L=8838.4\15CrMoG\4S112-14-1\1000MW超超临界机组</t>
  </si>
  <si>
    <t>【东方锅炉】管子\φ38.1×7;L=10614.4\15CrMoG\4S112-14-1\1000MW超超临界机组</t>
  </si>
  <si>
    <t>【东方锅炉】管子\φ38.1×7;L=11190.3\15CrMoG\4S112-14-1\1000MW超超临界机组</t>
  </si>
  <si>
    <t>【东方锅炉】管子\φ38.1×7;L=12966.2\15CrMoG\4S112-14-1\1000MW超超临界机组</t>
  </si>
  <si>
    <t>【东方锅炉】管子\φ38.1×7;L=11961.7\15CrMoG\4S112-14-1\1000MW超超临界机组</t>
  </si>
  <si>
    <t>【东方锅炉】管子\φ38.1×7;L=12420\15CrMoG\4S112-14-1\1000MW超超临界机组</t>
  </si>
  <si>
    <t>【东方锅炉】管子\φ38.1×7;№1\15CrMoG\4S112-14-3\1000MW超超临界机组</t>
  </si>
  <si>
    <t>【东方锅炉】管子\φ38.1×7;№2\15CrMoG\4S112-14-3\1000MW超超临界机组</t>
  </si>
  <si>
    <t>【东方锅炉】管子\φ38.1×7;№3\15CrMoG\4S112-14-3\1000MW超超临界机组</t>
  </si>
  <si>
    <t>【东方锅炉】管子\φ38.1×7;№4\15CrMoG\4S112-14-3\1000MW超超临界机组</t>
  </si>
  <si>
    <t>【东方锅炉】管子\φ38.1×7;№5\15CrMoG\4S112-14-3\1000MW超超临界机组</t>
  </si>
  <si>
    <t>【东方锅炉】管子\φ38.1×7;№6\15CrMoG\4S112-14-3\1000MW超超临界机组</t>
  </si>
  <si>
    <t>【东方锅炉】管子\φ38.1×7;№7\15CrMoG\4S112-14-3\1000MW超超临界机组</t>
  </si>
  <si>
    <t>【东方锅炉】管子\φ38.1×7;№8\15CrMoG\4S112-14-3\1000MW超超临界机组</t>
  </si>
  <si>
    <t>【东方锅炉】管子\φ38.1×7;№9\15CrMoG\4S112-14-3\1000MW超超临界机组</t>
  </si>
  <si>
    <t>【东方锅炉】管子\φ38.1×7;№10\15CrMoG\4S112-14-3\1000MW超超临界机组</t>
  </si>
  <si>
    <t>【东方锅炉】管子\φ38.1×7;№1\15CrMoG\4S112-14-6\1000MW超超临界机组</t>
  </si>
  <si>
    <t>【东方锅炉】管子\φ38.1×7;№2\15CrMoG\4S112-14-6\1000MW超超临界机组</t>
  </si>
  <si>
    <t>【东方锅炉】管子\φ38.1×7;№3\15CrMoG\4S112-14-6\1000MW超超临界机组</t>
  </si>
  <si>
    <t>【东方锅炉】管子\φ38.1×7;№4\15CrMoG\4S112-14-6\1000MW超超临界机组</t>
  </si>
  <si>
    <t>【东方锅炉】管子\φ38.1×7;№5\15CrMoG\4S112-14-6\1000MW超超临界机组</t>
  </si>
  <si>
    <t>【东方锅炉】管子\φ38.1×7;№6\15CrMoG\4S112-14-6\1000MW超超临界机组</t>
  </si>
  <si>
    <t>【东方锅炉】管子\φ38.1×7;№7\15CrMoG\4S112-14-6\1000MW超超临界机组</t>
  </si>
  <si>
    <t>【东方锅炉】管子\φ38.1×7;№8\15CrMoG\4S112-14-6\1000MW超超临界机组</t>
  </si>
  <si>
    <t>【东方锅炉】管子\φ38.1×7;L=2421.9\15CrMoG\4S112-15-1\1000MW超超临界机组</t>
  </si>
  <si>
    <t>【东方锅炉】管子\φ38.1×7;L=4185.7\15CrMoG\4S112-15-1\1000MW超超临界机组</t>
  </si>
  <si>
    <t>【东方锅炉】管子\φ38.1×7;L=5596.7\15CrMoG\4S112-15-1\1000MW超超临界机组</t>
  </si>
  <si>
    <t>【东方锅炉】管子\φ38.1×7;L=7007.7\15CrMoG\4S112-15-1\1000MW超超临界机组</t>
  </si>
  <si>
    <t>【东方锅炉】管子\φ38.1×7;L=6207.7\15CrMoG\4S112-15-1\1000MW超超临界机组</t>
  </si>
  <si>
    <t>【东方锅炉】管子\φ38.1×7;№1\15CrMoG\4S112-15-3\1000MW超超临界机组</t>
  </si>
  <si>
    <t>【东方锅炉】管子\φ38.1×7;№2\15CrMoG\4S112-15-3\1000MW超超临界机组</t>
  </si>
  <si>
    <t>【东方锅炉】管子\φ38.1×7;№3\15CrMoG\4S112-15-3\1000MW超超临界机组</t>
  </si>
  <si>
    <t>【东方锅炉】管子\φ38.1×7;№4\15CrMoG\4S112-15-3\1000MW超超临界机组</t>
  </si>
  <si>
    <t>【东方锅炉】管子\φ38.1×7;№5\15CrMoG\4S112-15-3\1000MW超超临界机组</t>
  </si>
  <si>
    <t>【东方锅炉】管子\φ38.1×7;№6\15CrMoG\4S112-15-3\1000MW超超临界机组</t>
  </si>
  <si>
    <t>【东方锅炉】管子\φ38.1×7;№7\15CrMoG\4S112-15-3\1000MW超超临界机组</t>
  </si>
  <si>
    <t>【东方锅炉】管子\φ38.1×7;№8\15CrMoG\4S112-15-3\1000MW超超临界机组</t>
  </si>
  <si>
    <t>【东方锅炉】管子\φ38.1×7;№9\15CrMoG\4S112-15-3\1000MW超超临界机组</t>
  </si>
  <si>
    <t>【东方锅炉】管子\φ38.1×7;№10\15CrMoG\4S112-15-3\1000MW超超临界机组</t>
  </si>
  <si>
    <t>【东方锅炉】管子\φ38.1×7;№11\15CrMoG\4S112-15-3\1000MW超超临界机组</t>
  </si>
  <si>
    <t>【东方锅炉】管子\φ38.1×7;№12\15CrMoG\4S112-15-3\1000MW超超临界机组</t>
  </si>
  <si>
    <t>【东方锅炉】管子\φ38.1×7;№13\15CrMoG\4S112-15-3\1000MW超超临界机组</t>
  </si>
  <si>
    <t>【东方锅炉】管子\φ38.1×7;№14\15CrMoG\4S112-15-3\1000MW超超临界机组</t>
  </si>
  <si>
    <t>【东方锅炉】管子\φ38.1×7;№15\15CrMoG\4S112-15-3\1000MW超超临界机组</t>
  </si>
  <si>
    <t>【东方锅炉】管子\φ38.1×7;L=6918.9\15CrMoG\4S112-16-1\1000MW超超临界机组</t>
  </si>
  <si>
    <t>【东方锅炉】管子\φ38.1×7;L=8094.8\15CrMoG\4S112-16-1\1000MW超超临界机组</t>
  </si>
  <si>
    <t>【东方锅炉】管子\φ38.1×7;L=9270.7\15CrMoG\4S112-16-1\1000MW超超临界机组</t>
  </si>
  <si>
    <t>【东方锅炉】管子\φ38.1×7;L=11146.6\15CrMoG\4S112-16-1\1000MW超超临界机组</t>
  </si>
  <si>
    <t>【东方锅炉】管子\φ38.1×7;L=11381.8\15CrMoG\4S112-16-1\1000MW超超临界机组</t>
  </si>
  <si>
    <t>【东方锅炉】管子\φ38.1×7;№1\15CrMoG\4S112-16-3\1000MW超超临界机组</t>
  </si>
  <si>
    <t>【东方锅炉】管子\φ38.1×7;№2\15CrMoG\4S112-16-3\1000MW超超临界机组</t>
  </si>
  <si>
    <t>【东方锅炉】管子\φ38.1×7;№3\15CrMoG\4S112-16-3\1000MW超超临界机组</t>
  </si>
  <si>
    <t>【东方锅炉】管子\φ38.1×7;№4\15CrMoG\4S112-16-3\1000MW超超临界机组</t>
  </si>
  <si>
    <t>【东方锅炉】管子\φ38.1×7;№5\15CrMoG\4S112-16-3\1000MW超超临界机组</t>
  </si>
  <si>
    <t>【东方锅炉】管子\φ38.1×7;№6\15CrMoG\4S112-16-3\1000MW超超临界机组</t>
  </si>
  <si>
    <t>【东方锅炉】管子\φ38.1×7;№7\15CrMoG\4S112-16-3\1000MW超超临界机组</t>
  </si>
  <si>
    <t>【东方锅炉】管子\φ38.1×7;№8\15CrMoG\4S112-16-3\1000MW超超临界机组</t>
  </si>
  <si>
    <t>【东方锅炉】管子\φ38.1×7;L=11638.5\15CrMoG\4S112-17-0\1000MW超超临界机组</t>
  </si>
  <si>
    <t>【东方锅炉】管子\φ38.1×7;L=11043.6\15CrMoG\4S112-17-0\1000MW超超临界机组</t>
  </si>
  <si>
    <t>【东方锅炉】管子\φ38.1×7;L=11037.2\15CrMoG\4S112-17-0\1000MW超超临界机组</t>
  </si>
  <si>
    <t>【东方锅炉】管子\φ38.1×7;L=11037.2\15CrMoG\4S112-18-0\1000MW超超临界机组</t>
  </si>
  <si>
    <t>【东方锅炉】管子\φ38.1×7;L=10380.8\15CrMoG\4S112-18-0\1000MW超超临界机组</t>
  </si>
  <si>
    <t>【东方锅炉】管子\φ38.1×7;L=11381.6\15CrMoG\4S112-19-0\1000MW超超临界机组</t>
  </si>
  <si>
    <t>【东方锅炉】管子\φ38.1×7;L=16846.9\15CrMoG\4S112-19-0\1000MW超超临界机组</t>
  </si>
  <si>
    <t>【东方锅炉】管子\φ38.1×7;L=16827.3\15CrMoG\4S112-19-0\1000MW超超临界机组</t>
  </si>
  <si>
    <t>【东方锅炉】管子\φ38.1×7;L=16807.7\15CrMoG\4S112-19-0\1000MW超超临界机组</t>
  </si>
  <si>
    <t>【东方锅炉】管子\φ38.1×7;L=16788.2\15CrMoG\4S112-19-0\1000MW超超临界机组</t>
  </si>
  <si>
    <t>【东方锅炉】管子\φ38.1×7;L=16768.6\15CrMoG\4S112-19-0\1000MW超超临界机组</t>
  </si>
  <si>
    <t>【东方锅炉】管子\φ38.1×7;L=16749.0\15CrMoG\4S112-19-0\1000MW超超临界机组</t>
  </si>
  <si>
    <t>【东方锅炉】管子\φ38.1×7;L=16729.4\15CrMoG\4S112-19-0\1000MW超超临界机组</t>
  </si>
  <si>
    <t>【东方锅炉】管子\φ38.1×7;L=16709.8\15CrMoG\4S112-19-0\1000MW超超临界机组</t>
  </si>
  <si>
    <t>【东方锅炉】管子\φ38.1×7;L=16690.3\15CrMoG\4S112-19-0\1000MW超超临界机组</t>
  </si>
  <si>
    <t>【东方锅炉】管子\φ38.1×7;L=16670.7\15CrMoG\4S112-19-0\1000MW超超临界机组</t>
  </si>
  <si>
    <t>【东方锅炉】管子\φ38.1×7;L=16651.1\15CrMoG\4S112-19-0\1000MW超超临界机组</t>
  </si>
  <si>
    <t>【东方锅炉】管子\φ38.1×7;L=16631.5\15CrMoG\4S112-19-0\1000MW超超临界机组</t>
  </si>
  <si>
    <t>【东方锅炉】管子\φ38.1×7;L=16611.9\15CrMoG\4S112-19-0\1000MW超超临界机组</t>
  </si>
  <si>
    <t>【东方锅炉】管子\φ38.1×7;L=16592.3\15CrMoG\4S112-19-0\1000MW超超临界机组</t>
  </si>
  <si>
    <t>【东方锅炉】管子\φ38.1×7;L=16572.8\15CrMoG\4S112-19-0\1000MW超超临界机组</t>
  </si>
  <si>
    <t>【东方锅炉】管子\φ38.1×7;L=16553.2\15CrMoG\4S112-19-0\1000MW超超临界机组</t>
  </si>
  <si>
    <t>【东方锅炉】管子\φ38.1×7;L=16533.6\15CrMoG\4S112-19-0\1000MW超超临界机组</t>
  </si>
  <si>
    <t>【东方锅炉】管子\φ38.1×7;L=16514.0\15CrMoG\4S112-19-0\1000MW超超临界机组</t>
  </si>
  <si>
    <t>【东方锅炉】管子\φ38.1×7;L=16494.4\15CrMoG\4S112-19-0\1000MW超超临界机组</t>
  </si>
  <si>
    <t>【东方锅炉】管子\φ38.1×7;L=16474.9\15CrMoG\4S112-19-0\1000MW超超临界机组</t>
  </si>
  <si>
    <t>【东方锅炉】管子\φ38.1×7;L=16455.3\15CrMoG\4S112-19-0\1000MW超超临界机组</t>
  </si>
  <si>
    <t>【东方锅炉】管子\φ38.1×7;L=16435.7\15CrMoG\4S112-19-0\1000MW超超临界机组</t>
  </si>
  <si>
    <t>【东方锅炉】管子\φ38.1×7;L=16416.1\15CrMoG\4S112-19-0\1000MW超超临界机组</t>
  </si>
  <si>
    <t>【东方锅炉】管子\φ38.1×7;L=16396.5\15CrMoG\4S112-19-0\1000MW超超临界机组</t>
  </si>
  <si>
    <t>【东方锅炉】管子\φ38.1×7;L=16376.9\15CrMoG\4S112-19-0\1000MW超超临界机组</t>
  </si>
  <si>
    <t>【东方锅炉】管子\φ38.1×7;L=16357.4\15CrMoG\4S112-19-0\1000MW超超临界机组</t>
  </si>
  <si>
    <t>【东方锅炉】管子\φ38.1×7;L=16337.8\15CrMoG\4S112-19-0\1000MW超超临界机组</t>
  </si>
  <si>
    <t>【东方锅炉】管子\φ38.1×7;L=16318.2\15CrMoG\4S112-19-0\1000MW超超临界机组</t>
  </si>
  <si>
    <t>【东方锅炉】管子\φ38.1×7;L=16298.6\15CrMoG\4S112-19-0\1000MW超超临界机组</t>
  </si>
  <si>
    <t>【东方锅炉】管子\φ38.1×7;L=16279.0\15CrMoG\4S112-19-0\1000MW超超临界机组</t>
  </si>
  <si>
    <t>【东方锅炉】管子\φ38.1×7;L=16259.4\15CrMoG\4S112-19-0\1000MW超超临界机组</t>
  </si>
  <si>
    <t>【东方锅炉】管子\φ38.1×7;L=16239.9\15CrMoG\4S112-19-0\1000MW超超临界机组</t>
  </si>
  <si>
    <t>【东方锅炉】管子\φ38.1×7;L=16220.3\15CrMoG\4S112-19-0\1000MW超超临界机组</t>
  </si>
  <si>
    <t>【东方锅炉】管子\φ38.1×7;L=16200.7\15CrMoG\4S112-19-0\1000MW超超临界机组</t>
  </si>
  <si>
    <t>【东方锅炉】管子\φ38.1×7;L=16181.1\15CrMoG\4S112-19-0\1000MW超超临界机组</t>
  </si>
  <si>
    <t>【东方锅炉】管子\φ38.1×7;L=16161.5\15CrMoG\4S112-19-0\1000MW超超临界机组</t>
  </si>
  <si>
    <t>【东方锅炉】管子\φ38.1×7;L=16142.0\15CrMoG\4S112-19-0\1000MW超超临界机组</t>
  </si>
  <si>
    <t>【东方锅炉】管子\φ38.1×7;L=16122.4\15CrMoG\4S112-19-0\1000MW超超临界机组</t>
  </si>
  <si>
    <t>【东方锅炉】管子\φ38.1×7;L=16102.8\15CrMoG\4S112-19-0\1000MW超超临界机组</t>
  </si>
  <si>
    <t>【东方锅炉】管子\φ38.1×7;L=16083.2\15CrMoG\4S112-19-0\1000MW超超临界机组</t>
  </si>
  <si>
    <t>【东方锅炉】管子\φ38.1×7;L=16063.6\15CrMoG\4S112-19-0\1000MW超超临界机组</t>
  </si>
  <si>
    <t>【东方锅炉】管子\φ38.1×7;L=16044.0\15CrMoG\4S112-19-0\1000MW超超临界机组</t>
  </si>
  <si>
    <t>【东方锅炉】管子\φ38.1×7;L=16024.5\15CrMoG\4S112-19-0\1000MW超超临界机组</t>
  </si>
  <si>
    <t>【东方锅炉】管子\φ38.1×7;L=16004.9\15CrMoG\4S112-19-0\1000MW超超临界机组</t>
  </si>
  <si>
    <t>【东方锅炉】管子\φ38.1×7;L=15985.3\15CrMoG\4S112-19-0\1000MW超超临界机组</t>
  </si>
  <si>
    <t>【东方锅炉】管子\φ38.1×7;L=15965.7\15CrMoG\4S112-20-0\1000MW超超临界机组</t>
  </si>
  <si>
    <t>【东方锅炉】管子\φ38.1×7;L=15946.1\15CrMoG\4S112-20-0\1000MW超超临界机组</t>
  </si>
  <si>
    <t>【东方锅炉】管子\φ38.1×7;L=15926.5\15CrMoG\4S112-20-0\1000MW超超临界机组</t>
  </si>
  <si>
    <t>【东方锅炉】管子\φ38.1×7;L=15907.0\15CrMoG\4S112-20-0\1000MW超超临界机组</t>
  </si>
  <si>
    <t>【东方锅炉】管子\φ38.1×7;L=15887.4\15CrMoG\4S112-20-0\1000MW超超临界机组</t>
  </si>
  <si>
    <t>【东方锅炉】管子\φ38.1×7;L=15867.8\15CrMoG\4S112-20-0\1000MW超超临界机组</t>
  </si>
  <si>
    <t>【东方锅炉】管子\φ38.1×7;L=15848.2\15CrMoG\4S112-20-0\1000MW超超临界机组</t>
  </si>
  <si>
    <t>【东方锅炉】管子\φ38.1×7;L=15828.6\15CrMoG\4S112-20-0\1000MW超超临界机组</t>
  </si>
  <si>
    <t>【东方锅炉】管子\φ38.1×7;L=15809.0\15CrMoG\4S112-20-0\1000MW超超临界机组</t>
  </si>
  <si>
    <t>【东方锅炉】管子\φ38.1×7;L=15789.5\15CrMoG\4S112-20-0\1000MW超超临界机组</t>
  </si>
  <si>
    <t>【东方锅炉】管子\φ38.1×7;L=15769.9\15CrMoG\4S112-20-0\1000MW超超临界机组</t>
  </si>
  <si>
    <t>【东方锅炉】管子\φ38.1×7;L=15750.3\15CrMoG\4S112-20-0\1000MW超超临界机组</t>
  </si>
  <si>
    <t>【东方锅炉】管子\φ38.1×7;L=15730.7\15CrMoG\4S112-20-0\1000MW超超临界机组</t>
  </si>
  <si>
    <t>【东方锅炉】管子\φ38.1×7;L=15711.1\15CrMoG\4S112-20-0\1000MW超超临界机组</t>
  </si>
  <si>
    <t>【东方锅炉】管子\φ38.1×7;L=15691.6\15CrMoG\4S112-20-0\1000MW超超临界机组</t>
  </si>
  <si>
    <t>【东方锅炉】管子\φ38.1×7;L=15672.0\15CrMoG\4S112-20-0\1000MW超超临界机组</t>
  </si>
  <si>
    <t>【东方锅炉】管子\φ38.1×7;L=15652.4\15CrMoG\4S112-20-0\1000MW超超临界机组</t>
  </si>
  <si>
    <t>【东方锅炉】管子\φ38.1×7;L=15632.8\15CrMoG\4S112-20-0\1000MW超超临界机组</t>
  </si>
  <si>
    <t>【东方锅炉】管子\φ38.1×7;L=15613.2\15CrMoG\4S112-20-0\1000MW超超临界机组</t>
  </si>
  <si>
    <t>【东方锅炉】管子\φ38.1×7;L=15593.6\15CrMoG\4S112-20-0\1000MW超超临界机组</t>
  </si>
  <si>
    <t>【东方锅炉】管子\φ38.1×7;L=15574.1\15CrMoG\4S112-20-0\1000MW超超临界机组</t>
  </si>
  <si>
    <t>【东方锅炉】管子\φ38.1×7;L=15554.5\15CrMoG\4S112-20-0\1000MW超超临界机组</t>
  </si>
  <si>
    <t>【东方锅炉】管子\φ38.1×7;L=15534.9\15CrMoG\4S112-20-0\1000MW超超临界机组</t>
  </si>
  <si>
    <t>【东方锅炉】管子\φ38.1×7;L=15515.3\15CrMoG\4S112-20-0\1000MW超超临界机组</t>
  </si>
  <si>
    <t>【东方锅炉】管子\φ38.1×7;L=15495.7\15CrMoG\4S112-20-0\1000MW超超临界机组</t>
  </si>
  <si>
    <t>【东方锅炉】管子\φ38.1×7;L=15476.2\15CrMoG\4S112-20-0\1000MW超超临界机组</t>
  </si>
  <si>
    <t>【东方锅炉】管子\φ38.1×7;L=15456.6\15CrMoG\4S112-20-0\1000MW超超临界机组</t>
  </si>
  <si>
    <t>【东方锅炉】管子\φ38.1×7;L=15437.0\15CrMoG\4S112-20-0\1000MW超超临界机组</t>
  </si>
  <si>
    <t>【东方锅炉】管子\φ38.1×7;L=15417.4\15CrMoG\4S112-20-0\1000MW超超临界机组</t>
  </si>
  <si>
    <t>【东方锅炉】管子\φ38.1×7;L=15397.8\15CrMoG\4S112-20-0\1000MW超超临界机组</t>
  </si>
  <si>
    <t>【东方锅炉】管子\φ38.1×7;L=15378.2\15CrMoG\4S112-20-0\1000MW超超临界机组</t>
  </si>
  <si>
    <t>【东方锅炉】管子\φ38.1×7;L=15358.7\15CrMoG\4S112-20-0\1000MW超超临界机组</t>
  </si>
  <si>
    <t>【东方锅炉】管子\φ38.1×7;L=15339.1\15CrMoG\4S112-20-0\1000MW超超临界机组</t>
  </si>
  <si>
    <t>【东方锅炉】管子\φ38.1×7;L=15319.5\15CrMoG\4S112-20-0\1000MW超超临界机组</t>
  </si>
  <si>
    <t>【东方锅炉】管子\φ38.1×7;L=15299.9\15CrMoG\4S112-20-0\1000MW超超临界机组</t>
  </si>
  <si>
    <t>【东方锅炉】管子\φ38.1×7;L=15280.3\15CrMoG\4S112-20-0\1000MW超超临界机组</t>
  </si>
  <si>
    <t>【东方锅炉】管子\φ38.1×7;L=15260.7\15CrMoG\4S112-20-0\1000MW超超临界机组</t>
  </si>
  <si>
    <t>【东方锅炉】管子\φ38.1×7;L=15241.2\15CrMoG\4S112-20-0\1000MW超超临界机组</t>
  </si>
  <si>
    <t>【东方锅炉】管子\φ38.1×7;L=15221.6\15CrMoG\4S112-20-0\1000MW超超临界机组</t>
  </si>
  <si>
    <t>【东方锅炉】管子\φ38.1×7;L=15202.0\15CrMoG\4S112-20-0\1000MW超超临界机组</t>
  </si>
  <si>
    <t>【东方锅炉】管子\φ38.1×7;L=14567.4\15CrMoG\4S112-20-0\1000MW超超临界机组</t>
  </si>
  <si>
    <t>【东方锅炉】管子\φ38.1×7;L=14547.8\15CrMoG\4S112-20-0\1000MW超超临界机组</t>
  </si>
  <si>
    <t>【东方锅炉】管子\φ38.1×7;L=14528.3\15CrMoG\4S112-20-0\1000MW超超临界机组</t>
  </si>
  <si>
    <t>【东方锅炉】管子\φ38.1×7;L=14508.7\15CrMoG\4S112-20-0\1000MW超超临界机组</t>
  </si>
  <si>
    <t>【东方锅炉】管子\φ38.1×7;L=14489.1\15CrMoG\4S112-20-0\1000MW超超临界机组</t>
  </si>
  <si>
    <t>【东方锅炉】管子\φ38.1×7;L=14469.5\15CrMoG\4S112-20-0\1000MW超超临界机组</t>
  </si>
  <si>
    <t>【东方锅炉】管子\φ38.1×7;L=14449.9\15CrMoG\4S112-20-0\1000MW超超临界机组</t>
  </si>
  <si>
    <t>【东方锅炉】管子\φ38.1×7;L=14430.3\15CrMoG\4S112-20-0\1000MW超超临界机组</t>
  </si>
  <si>
    <t>【东方锅炉】管子\φ38.1×7;L=14410.8\15CrMoG\4S112-20-0\1000MW超超临界机组</t>
  </si>
  <si>
    <t>【东方锅炉】管子\φ38.1×7;L=14391.2\15CrMoG\4S112-20-0\1000MW超超临界机组</t>
  </si>
  <si>
    <t>【东方锅炉】管子\φ38.1×7;L=14371.6\15CrMoG\4S112-20-0\1000MW超超临界机组</t>
  </si>
  <si>
    <t>【东方锅炉】管子\φ38.1×7;L=14352.0\15CrMoG\4S112-20-0\1000MW超超临界机组</t>
  </si>
  <si>
    <t>【东方锅炉】管子\φ38.1×7;L=14332.4\15CrMoG\4S112-20-0\1000MW超超临界机组</t>
  </si>
  <si>
    <t>【东方锅炉】管子\φ38.1×7;L=14312.9\15CrMoG\4S112-20-0\1000MW超超临界机组</t>
  </si>
  <si>
    <t>【东方锅炉】管子\φ38.1×7;L=14293.3\15CrMoG\4S112-20-0\1000MW超超临界机组</t>
  </si>
  <si>
    <t>【东方锅炉】管子\φ38.1×7;L=14273.7\15CrMoG\4S112-20-0\1000MW超超临界机组</t>
  </si>
  <si>
    <t>【东方锅炉】管子\φ38.1×7;L=14254.1\15CrMoG\4S112-20-0\1000MW超超临界机组</t>
  </si>
  <si>
    <t>【东方锅炉】管子\φ38.1×7;L=14234.5\15CrMoG\4S112-20-0\1000MW超超临界机组</t>
  </si>
  <si>
    <t>【东方锅炉】管子\φ38.1×7;L=14214.9\15CrMoG\4S112-20-0\1000MW超超临界机组</t>
  </si>
  <si>
    <t>【东方锅炉】管子\φ38.1×7;L=14195.4\15CrMoG\4S112-20-0\1000MW超超临界机组</t>
  </si>
  <si>
    <t>【东方锅炉】管子\φ38.1×7;L=14175.8\15CrMoG\4S112-20-0\1000MW超超临界机组</t>
  </si>
  <si>
    <t>【东方锅炉】管子\φ38.1×7;L=14156.2\15CrMoG\4S112-20-0\1000MW超超临界机组</t>
  </si>
  <si>
    <t>【东方锅炉】管子\φ38.1×7;L=14136.6\15CrMoG\4S112-20-0\1000MW超超临界机组</t>
  </si>
  <si>
    <t>【东方锅炉】管子\φ38.1×7;L=14117\15CrMoG\4S112-20-0\1000MW超超临界机组</t>
  </si>
  <si>
    <t>【东方锅炉】管子\φ38.1×7;№1\15CrMoG\4S112-21-1\1000MW超超临界机组</t>
  </si>
  <si>
    <t>【东方锅炉】管子\φ38.1×7;№2\15CrMoG\4S112-21-1\1000MW超超临界机组</t>
  </si>
  <si>
    <t>【东方锅炉】管子\φ38.1×7;№3\15CrMoG\4S112-21-1\1000MW超超临界机组</t>
  </si>
  <si>
    <t>【东方锅炉】管子\φ38.1×7;№4\15CrMoG\4S112-21-1\1000MW超超临界机组</t>
  </si>
  <si>
    <t>【东方锅炉】管子\φ38.1×7;№5\15CrMoG\4S112-21-1\1000MW超超临界机组</t>
  </si>
  <si>
    <t>【东方锅炉】管子\φ38.1×7;№6\15CrMoG\4S112-21-1\1000MW超超临界机组</t>
  </si>
  <si>
    <t>【东方锅炉】管子\φ38.1×7;№7\15CrMoG\4S112-21-1\1000MW超超临界机组</t>
  </si>
  <si>
    <t>【东方锅炉】管子\φ38.1×7;№8\15CrMoG\4S112-21-1\1000MW超超临界机组</t>
  </si>
  <si>
    <t>【东方锅炉】管子\φ38.1×7;№9\15CrMoG\4S112-21-1\1000MW超超临界机组</t>
  </si>
  <si>
    <t>【东方锅炉】管子\φ38.1×7;№10\15CrMoG\4S112-21-1\1000MW超超临界机组</t>
  </si>
  <si>
    <t>【东方锅炉】管子\φ38.1×7;№11\15CrMoG\4S112-21-1\1000MW超超临界机组</t>
  </si>
  <si>
    <t>【东方锅炉】管子\φ38.1×7;№12\15CrMoG\4S112-21-1\1000MW超超临界机组</t>
  </si>
  <si>
    <t>【东方锅炉】管子\φ38.1×7;№13\15CrMoG\4S112-21-1\1000MW超超临界机组</t>
  </si>
  <si>
    <t>【东方锅炉】管子\φ38.1×7;№14\15CrMoG\4S112-21-1\1000MW超超临界机组</t>
  </si>
  <si>
    <t>【东方锅炉】管子\φ38.1×7;№15\15CrMoG\4S112-21-1\1000MW超超临界机组</t>
  </si>
  <si>
    <t>【东方锅炉】管子\φ38.1×7;№16\15CrMoG\4S112-21-1\1000MW超超临界机组</t>
  </si>
  <si>
    <t>【东方锅炉】管子\φ38.1×7;№17\15CrMoG\4S112-21-1\1000MW超超临界机组</t>
  </si>
  <si>
    <t>【东方锅炉】管子\φ38.1×7;№18\15CrMoG\4S112-21-1\1000MW超超临界机组</t>
  </si>
  <si>
    <t>【东方锅炉】管子\φ38.1×7;№19\15CrMoG\4S112-21-1\1000MW超超临界机组</t>
  </si>
  <si>
    <t>【东方锅炉】管子\φ38.1×7;№20\15CrMoG\4S112-21-1\1000MW超超临界机组</t>
  </si>
  <si>
    <t>【东方锅炉】管子\φ38.1×7;№21\15CrMoG\4S112-21-1\1000MW超超临界机组</t>
  </si>
  <si>
    <t>【东方锅炉】管子\φ38.1×7;№22\15CrMoG\4S112-21-1\1000MW超超临界机组</t>
  </si>
  <si>
    <t>【东方锅炉】管子\φ38.1×7;№23\15CrMoG\4S112-21-1\1000MW超超临界机组</t>
  </si>
  <si>
    <t>【东方锅炉】管子\φ38.1×7;№24\15CrMoG\4S112-21-1\1000MW超超临界机组</t>
  </si>
  <si>
    <t>【东方锅炉】管子\φ38.1×7;№25\15CrMoG\4S112-21-1\1000MW超超临界机组</t>
  </si>
  <si>
    <t>【东方锅炉】管子\φ38.1×7;№26\15CrMoG\4S112-21-1\1000MW超超临界机组</t>
  </si>
  <si>
    <t>【东方锅炉】管子\φ38.1×7;№27\15CrMoG\4S112-21-1\1000MW超超临界机组</t>
  </si>
  <si>
    <t>【东方锅炉】管子\φ38.1×7;№28\15CrMoG\4S112-21-1\1000MW超超临界机组</t>
  </si>
  <si>
    <t>【东方锅炉】管子\φ38.1×7;№29\15CrMoG\4S112-21-1\1000MW超超临界机组</t>
  </si>
  <si>
    <t>【东方锅炉】管子\φ38.1×7;№30\15CrMoG\4S112-21-1\1000MW超超临界机组</t>
  </si>
  <si>
    <t>【东方锅炉】管子\φ38.1×7;№31\15CrMoG\4S112-21-1\1000MW超超临界机组</t>
  </si>
  <si>
    <t>【东方锅炉】管子\φ38.1×7;№32\15CrMoG\4S112-21-1\1000MW超超临界机组</t>
  </si>
  <si>
    <t>【东方锅炉】管子\φ38.1×7;№33\15CrMoG\4S112-21-1\1000MW超超临界机组</t>
  </si>
  <si>
    <t>【东方锅炉】管子\φ38.1×7;№34\15CrMoG\4S112-21-1\1000MW超超临界机组</t>
  </si>
  <si>
    <t>【东方锅炉】管子\φ38.1×7;№35\15CrMoG\4S112-21-1\1000MW超超临界机组</t>
  </si>
  <si>
    <t>【东方锅炉】管子\φ38.1×7;№36\15CrMoG\4S112-21-1\1000MW超超临界机组</t>
  </si>
  <si>
    <t>【东方锅炉】管子\φ38.1×7;№37\15CrMoG\4S112-21-1\1000MW超超临界机组</t>
  </si>
  <si>
    <t>【东方锅炉】管子\φ38.1×7;№38\15CrMoG\4S112-21-1\1000MW超超临界机组</t>
  </si>
  <si>
    <t>【东方锅炉】管子\φ38.1×7;№39\15CrMoG\4S112-21-1\1000MW超超临界机组</t>
  </si>
  <si>
    <t>【东方锅炉】管子\φ38.1×7;№40\15CrMoG\4S112-21-1\1000MW超超临界机组</t>
  </si>
  <si>
    <t>【东方锅炉】管子\φ38.1×7;№41\15CrMoG\4S112-21-1\1000MW超超临界机组</t>
  </si>
  <si>
    <t>【东方锅炉】管子\φ38.1×7;№42\15CrMoG\4S112-21-1\1000MW超超临界机组</t>
  </si>
  <si>
    <t>【东方锅炉】管子\φ38.1×7;№43\15CrMoG\4S112-21-1\1000MW超超临界机组</t>
  </si>
  <si>
    <t>【东方锅炉】管子\φ38.1×7;№44\15CrMoG\4S112-21-1\1000MW超超临界机组</t>
  </si>
  <si>
    <t>【东方锅炉】管子\φ38.1×7;№45\15CrMoG\4S112-21-1\1000MW超超临界机组</t>
  </si>
  <si>
    <t>【东方锅炉】管子\φ38.1×7;№46\15CrMoG\4S112-21-1\1000MW超超临界机组</t>
  </si>
  <si>
    <t>【东方锅炉】管子\φ38.1×7;№47\15CrMoG\4S112-21-1\1000MW超超临界机组</t>
  </si>
  <si>
    <t>【东方锅炉】管子\φ38.1×7;№48\15CrMoG\4S112-21-1\1000MW超超临界机组</t>
  </si>
  <si>
    <t>【东方锅炉】管子\φ38.1×7;№49\15CrMoG\4S112-21-1\1000MW超超临界机组</t>
  </si>
  <si>
    <t>【东方锅炉】管子\φ38.1×7;№50\15CrMoG\4S112-21-1\1000MW超超临界机组</t>
  </si>
  <si>
    <t>【东方锅炉】管子\φ38.1×7;№51\15CrMoG\4S112-21-1\1000MW超超临界机组</t>
  </si>
  <si>
    <t>【东方锅炉】管子\φ38.1×7;№52\15CrMoG\4S112-21-1\1000MW超超临界机组</t>
  </si>
  <si>
    <t>【东方锅炉】管子\φ38.1×7;№53\15CrMoG\4S112-21-1\1000MW超超临界机组</t>
  </si>
  <si>
    <t>【东方锅炉】管子\φ38.1×7;№1\15CrMoG\4S112-22-1\1000MW超超临界机组</t>
  </si>
  <si>
    <t>【东方锅炉】管子\φ38.1×7;№2\15CrMoG\4S112-22-1\1000MW超超临界机组</t>
  </si>
  <si>
    <t>【东方锅炉】管子\φ38.1×7;№3\15CrMoG\4S112-22-1\1000MW超超临界机组</t>
  </si>
  <si>
    <t>【东方锅炉】管子\φ38.1×7;№4\15CrMoG\4S112-22-1\1000MW超超临界机组</t>
  </si>
  <si>
    <t>【东方锅炉】管子\φ38.1×7;№5\15CrMoG\4S112-22-1\1000MW超超临界机组</t>
  </si>
  <si>
    <t>【东方锅炉】管子\φ38.1×7;№6\15CrMoG\4S112-22-1\1000MW超超临界机组</t>
  </si>
  <si>
    <t>【东方锅炉】管子\φ38.1×7;№7\15CrMoG\4S112-22-1\1000MW超超临界机组</t>
  </si>
  <si>
    <t>【东方锅炉】管子\φ38.1×7;№8\15CrMoG\4S112-22-1\1000MW超超临界机组</t>
  </si>
  <si>
    <t>【东方锅炉】管子\φ38.1×7;№9\15CrMoG\4S112-22-1\1000MW超超临界机组</t>
  </si>
  <si>
    <t>【东方锅炉】管子\φ38.1×7;№10\15CrMoG\4S112-22-1\1000MW超超临界机组</t>
  </si>
  <si>
    <t>【东方锅炉】管子\φ38.1×7;№11\15CrMoG\4S112-22-1\1000MW超超临界机组</t>
  </si>
  <si>
    <t>【东方锅炉】管子\φ38.1×7;№12\15CrMoG\4S112-22-1\1000MW超超临界机组</t>
  </si>
  <si>
    <t>【东方锅炉】管子\φ38.1×7;№13\15CrMoG\4S112-22-1\1000MW超超临界机组</t>
  </si>
  <si>
    <t>【东方锅炉】管子\φ38.1×7;№14\15CrMoG\4S112-22-1\1000MW超超临界机组</t>
  </si>
  <si>
    <t>【东方锅炉】管子\φ38.1×7;№15\15CrMoG\4S112-22-1\1000MW超超临界机组</t>
  </si>
  <si>
    <t>【东方锅炉】管子\φ38.1×7;№16\15CrMoG\4S112-22-1\1000MW超超临界机组</t>
  </si>
  <si>
    <t>【东方锅炉】管子\φ38.1×7;№17\15CrMoG\4S112-22-1\1000MW超超临界机组</t>
  </si>
  <si>
    <t>【东方锅炉】管子\φ38.1×7;№18\15CrMoG\4S112-22-1\1000MW超超临界机组</t>
  </si>
  <si>
    <t>【东方锅炉】管子\φ38.1×7;№19\15CrMoG\4S112-22-1\1000MW超超临界机组</t>
  </si>
  <si>
    <t>【东方锅炉】管子\φ38.1×7;№20\15CrMoG\4S112-22-1\1000MW超超临界机组</t>
  </si>
  <si>
    <t>【东方锅炉】管子\φ38.1×7;№21\15CrMoG\4S112-22-1\1000MW超超临界机组</t>
  </si>
  <si>
    <t>【东方锅炉】管子\φ38.1×7;№22\15CrMoG\4S112-22-1\1000MW超超临界机组</t>
  </si>
  <si>
    <t>【东方锅炉】管子\φ38.1×7;№23\15CrMoG\4S112-22-1\1000MW超超临界机组</t>
  </si>
  <si>
    <t>【东方锅炉】管子\φ38.1×7;№24\15CrMoG\4S112-22-1\1000MW超超临界机组</t>
  </si>
  <si>
    <t>【东方锅炉】管子\φ38.1×7;№25\15CrMoG\4S112-22-1\1000MW超超临界机组</t>
  </si>
  <si>
    <t>【东方锅炉】管子\φ38.1×7;№26\15CrMoG\4S112-22-1\1000MW超超临界机组</t>
  </si>
  <si>
    <t>【东方锅炉】管子\φ38.1×7;№27\15CrMoG\4S112-22-1\1000MW超超临界机组</t>
  </si>
  <si>
    <t>【东方锅炉】管子\φ38.1×7;№28\15CrMoG\4S112-22-1\1000MW超超临界机组</t>
  </si>
  <si>
    <t>【东方锅炉】管子\φ38.1×7;№29\15CrMoG\4S112-22-1\1000MW超超临界机组</t>
  </si>
  <si>
    <t>【东方锅炉】管子\φ38.1×7;№30\15CrMoG\4S112-22-1\1000MW超超临界机组</t>
  </si>
  <si>
    <t>【东方锅炉】管子\φ38.1×7;№31\15CrMoG\4S112-22-1\1000MW超超临界机组</t>
  </si>
  <si>
    <t>【东方锅炉】管子\φ38.1×7;№32\15CrMoG\4S112-22-1\1000MW超超临界机组</t>
  </si>
  <si>
    <t>【东方锅炉】管子\φ38.1×7;№33\15CrMoG\4S112-22-1\1000MW超超临界机组</t>
  </si>
  <si>
    <t>【东方锅炉】管子\φ38.1×7;№34\15CrMoG\4S112-22-1\1000MW超超临界机组</t>
  </si>
  <si>
    <t>【东方锅炉】管子\φ38.1×7;№35\15CrMoG\4S112-22-1\1000MW超超临界机组</t>
  </si>
  <si>
    <t>【东方锅炉】管子\φ38.1×7;№36\15CrMoG\4S112-22-1\1000MW超超临界机组</t>
  </si>
  <si>
    <t>【东方锅炉】管子\φ38.1×7;№37\15CrMoG\4S112-22-1\1000MW超超临界机组</t>
  </si>
  <si>
    <t>【东方锅炉】管子\φ38.1×7;№38\15CrMoG\4S112-22-1\1000MW超超临界机组</t>
  </si>
  <si>
    <t>【东方锅炉】管子\φ38.1×7;№39\15CrMoG\4S112-22-1\1000MW超超临界机组</t>
  </si>
  <si>
    <t>【东方锅炉】管子\φ38.1×7;№40\15CrMoG\4S112-22-1\1000MW超超临界机组</t>
  </si>
  <si>
    <t>【东方锅炉】管子\φ38.1×7;№41\15CrMoG\4S112-22-1\1000MW超超临界机组</t>
  </si>
  <si>
    <t>【东方锅炉】管子\φ38.1×7;№42\15CrMoG\4S112-22-1\1000MW超超临界机组</t>
  </si>
  <si>
    <t>【东方锅炉】管子\φ38.1×7;№43\15CrMoG\4S112-22-1\1000MW超超临界机组</t>
  </si>
  <si>
    <t>【东方锅炉】管子\φ38.1×7;№44\15CrMoG\4S112-22-1\1000MW超超临界机组</t>
  </si>
  <si>
    <t>【东方锅炉】管子\φ38.1×7;№45\15CrMoG\4S112-22-1\1000MW超超临界机组</t>
  </si>
  <si>
    <t>【东方锅炉】管子\φ38.1×7;№46\15CrMoG\4S112-22-1\1000MW超超临界机组</t>
  </si>
  <si>
    <t>【东方锅炉】管子\φ38.1×7;№47\15CrMoG\4S112-22-1\1000MW超超临界机组</t>
  </si>
  <si>
    <t>【东方锅炉】管子\φ38.1×7;№48\15CrMoG\4S112-22-1\1000MW超超临界机组</t>
  </si>
  <si>
    <t>【东方锅炉】管子\φ38.1×7;№49\15CrMoG\4S112-22-1\1000MW超超临界机组</t>
  </si>
  <si>
    <t>【东方锅炉】管子\φ38.1×7;№50\15CrMoG\4S112-22-1\1000MW超超临界机组</t>
  </si>
  <si>
    <t>【东方锅炉】管子\φ38.1×7;№51\15CrMoG\4S112-22-1\1000MW超超临界机组</t>
  </si>
  <si>
    <t>【东方锅炉】管子\φ38.1×7;№52\15CrMoG\4S112-22-1\1000MW超超临界机组</t>
  </si>
  <si>
    <t>【东方锅炉】管子\φ38.1×7;№53\15CrMoG\4S112-22-1\1000MW超超临界机组</t>
  </si>
  <si>
    <t>【东方锅炉】管子\φ38.1×7;№54\15CrMoG\4S112-22-1\1000MW超超临界机组</t>
  </si>
  <si>
    <t>【东方锅炉】管子\φ38.1×7;№55\15CrMoG\4S112-22-1\1000MW超超临界机组</t>
  </si>
  <si>
    <t>【东方锅炉】管子\φ38.1×7;№1\15CrMoG\4S112-23-2\1000MW超超临界机组</t>
  </si>
  <si>
    <t>【东方锅炉】管子\φ38.1×7;№2\15CrMoG\4S112-23-2\1000MW超超临界机组</t>
  </si>
  <si>
    <t>【东方锅炉】管子\φ38.1×7;№3\15CrMoG\4S112-23-2\1000MW超超临界机组</t>
  </si>
  <si>
    <t>【东方锅炉】管子\φ38.1×7;№4\15CrMoG\4S112-23-2\1000MW超超临界机组</t>
  </si>
  <si>
    <t>【东方锅炉】管子\φ38.1×7;№5\15CrMoG\4S112-23-2\1000MW超超临界机组</t>
  </si>
  <si>
    <t>【东方锅炉】管子\φ38.1×7;№6\15CrMoG\4S112-23-2\1000MW超超临界机组</t>
  </si>
  <si>
    <t>【东方锅炉】管子\φ38.1×7;№7\15CrMoG\4S112-23-2\1000MW超超临界机组</t>
  </si>
  <si>
    <t>【东方锅炉】管子\φ38.1×7;№8\15CrMoG\4S112-23-2\1000MW超超临界机组</t>
  </si>
  <si>
    <t>【东方锅炉】管子\φ38.1×7;№9\15CrMoG\4S112-23-2\1000MW超超临界机组</t>
  </si>
  <si>
    <t>【东方锅炉】管子\φ38.1×7;№10\15CrMoG\4S112-23-2\1000MW超超临界机组</t>
  </si>
  <si>
    <t>【东方锅炉】管子\φ38.1×7;№11\15CrMoG\4S112-23-2\1000MW超超临界机组</t>
  </si>
  <si>
    <t>【东方锅炉】管子\φ38.1×7;№12\15CrMoG\4S112-23-2\1000MW超超临界机组</t>
  </si>
  <si>
    <t>【东方锅炉】管子\φ38.1×7;№13\15CrMoG\4S112-23-2\1000MW超超临界机组</t>
  </si>
  <si>
    <t>【东方锅炉】管子\φ38.1×7;№14\15CrMoG\4S112-23-2\1000MW超超临界机组</t>
  </si>
  <si>
    <t>【东方锅炉】管子\φ38.1×7;№15\15CrMoG\4S112-23-2\1000MW超超临界机组</t>
  </si>
  <si>
    <t>【东方锅炉】管子\φ38.1×7;№16\15CrMoG\4S112-23-2\1000MW超超临界机组</t>
  </si>
  <si>
    <t>【东方锅炉】管子\φ38.1×7;№17\15CrMoG\4S112-23-2\1000MW超超临界机组</t>
  </si>
  <si>
    <t>【东方锅炉】管子\φ38.1×7;№18\15CrMoG\4S112-23-2\1000MW超超临界机组</t>
  </si>
  <si>
    <t>【东方锅炉】管子\φ38.1×7;№19\15CrMoG\4S112-23-2\1000MW超超临界机组</t>
  </si>
  <si>
    <t>【东方锅炉】管子\φ38.1×7;№20\15CrMoG\4S112-23-2\1000MW超超临界机组</t>
  </si>
  <si>
    <t>【东方锅炉】管子\φ38.1×7;№21\15CrMoG\4S112-23-2\1000MW超超临界机组</t>
  </si>
  <si>
    <t>【东方锅炉】管子\φ38.1×7;№22\15CrMoG\4S112-23-2\1000MW超超临界机组</t>
  </si>
  <si>
    <t>【东方锅炉】管子\φ38.1×7;№23\15CrMoG\4S112-23-2\1000MW超超临界机组</t>
  </si>
  <si>
    <t>【东方锅炉】管子\φ38.1×7;№24\15CrMoG\4S112-23-2\1000MW超超临界机组</t>
  </si>
  <si>
    <t>【东方锅炉】管子\φ38.1×7;№25\15CrMoG\4S112-23-2\1000MW超超临界机组</t>
  </si>
  <si>
    <t>【东方锅炉】管子\φ38.1×7;№26\15CrMoG\4S112-23-2\1000MW超超临界机组</t>
  </si>
  <si>
    <t>【东方锅炉】管子\φ38.1×7;№27\15CrMoG\4S112-23-2\1000MW超超临界机组</t>
  </si>
  <si>
    <t>【东方锅炉】管子\φ38.1×7;№28\15CrMoG\4S112-23-2\1000MW超超临界机组</t>
  </si>
  <si>
    <t>【东方锅炉】管子\φ38.1×7;№29\15CrMoG\4S112-23-2\1000MW超超临界机组</t>
  </si>
  <si>
    <t>【东方锅炉】管子\φ38.1×7;№30\15CrMoG\4S112-23-2\1000MW超超临界机组</t>
  </si>
  <si>
    <t>【东方锅炉】管子\φ38.1×7;№31\15CrMoG\4S112-23-2\1000MW超超临界机组</t>
  </si>
  <si>
    <t>【东方锅炉】管子\φ38.1×7;№32\15CrMoG\4S112-23-2\1000MW超超临界机组</t>
  </si>
  <si>
    <t>【东方锅炉】管子\φ38.1×7;№33\15CrMoG\4S112-23-2\1000MW超超临界机组</t>
  </si>
  <si>
    <t>【东方锅炉】管子\φ38.1×7;№34\15CrMoG\4S112-23-2\1000MW超超临界机组</t>
  </si>
  <si>
    <t>【东方锅炉】管子\φ38.1×7;№35\15CrMoG\4S112-23-2\1000MW超超临界机组</t>
  </si>
  <si>
    <t>【东方锅炉】管子\φ38.1×7;№36\15CrMoG\4S112-23-2\1000MW超超临界机组</t>
  </si>
  <si>
    <t>【东方锅炉】管子\φ38.1×7;№37\15CrMoG\4S112-23-2\1000MW超超临界机组</t>
  </si>
  <si>
    <t>【东方锅炉】管子\φ38.1×7;№38\15CrMoG\4S112-23-2\1000MW超超临界机组</t>
  </si>
  <si>
    <t>【东方锅炉】管子\φ38.1×7;№39\15CrMoG\4S112-23-2\1000MW超超临界机组</t>
  </si>
  <si>
    <t>【东方锅炉】管子\φ38.1×7;№40\15CrMoG\4S112-23-2\1000MW超超临界机组</t>
  </si>
  <si>
    <t>【东方锅炉】管子\φ38.1×7;№41\15CrMoG\4S112-23-2\1000MW超超临界机组</t>
  </si>
  <si>
    <t>【东方锅炉】管子\φ38.1×7;№42\15CrMoG\4S112-23-2\1000MW超超临界机组</t>
  </si>
  <si>
    <t>【东方锅炉】管子\φ38.1×7;№43\15CrMoG\4S112-23-2\1000MW超超临界机组</t>
  </si>
  <si>
    <t>【东方锅炉】管子\φ38.1×7;№44\15CrMoG\4S112-23-2\1000MW超超临界机组</t>
  </si>
  <si>
    <t>【东方锅炉】管子\φ38.1×7;№45\15CrMoG\4S112-23-2\1000MW超超临界机组</t>
  </si>
  <si>
    <t>【东方锅炉】管子\φ38.1×7;№46\15CrMoG\4S112-23-2\1000MW超超临界机组</t>
  </si>
  <si>
    <t>【东方锅炉】管子\φ38.1×7;№47\15CrMoG\4S112-23-2\1000MW超超临界机组</t>
  </si>
  <si>
    <t>【东方锅炉】管子\φ38.1×7;№48\15CrMoG\4S112-23-2\1000MW超超临界机组</t>
  </si>
  <si>
    <t>【东方锅炉】管子\φ38.1×7;№49\15CrMoG\4S112-23-2\1000MW超超临界机组</t>
  </si>
  <si>
    <t>【东方锅炉】管子\φ38.1×7;№50\15CrMoG\4S112-23-2\1000MW超超临界机组</t>
  </si>
  <si>
    <t>【东方锅炉】管子\φ38.1×7;№51\15CrMoG\4S112-23-2\1000MW超超临界机组</t>
  </si>
  <si>
    <t>【东方锅炉】管子\φ38.1×7;№52\15CrMoG\4S112-23-2\1000MW超超临界机组</t>
  </si>
  <si>
    <t>【东方锅炉】管子\φ38.1×7;№53\15CrMoG\4S112-23-2\1000MW超超临界机组</t>
  </si>
  <si>
    <t>【东方锅炉】管子\φ38.1×7;№54\15CrMoG\4S112-23-2\1000MW超超临界机组</t>
  </si>
  <si>
    <t>【东方锅炉】管子\φ38.1×7;L=3040.2\15CrMoG\4S112-23-3\1000MW超超临界机组</t>
  </si>
  <si>
    <t>【东方锅炉】管子\φ38.1×7;№1\15CrMoG\4S112-25-2\1000MW超超临界机组</t>
  </si>
  <si>
    <t>【东方锅炉】管子\φ38.1×7;№2\15CrMoG\4S112-25-2\1000MW超超临界机组</t>
  </si>
  <si>
    <t>【东方锅炉】管子\φ38.1×7;№3\15CrMoG\4S112-25-2\1000MW超超临界机组</t>
  </si>
  <si>
    <t>【东方锅炉】管子\φ38.1×7;№4\15CrMoG\4S112-25-2\1000MW超超临界机组</t>
  </si>
  <si>
    <t>【东方锅炉】管子\φ38.1×7;№5\15CrMoG\4S112-25-2\1000MW超超临界机组</t>
  </si>
  <si>
    <t>【东方锅炉】管子\φ38.1×7;№6\15CrMoG\4S112-25-2\1000MW超超临界机组</t>
  </si>
  <si>
    <t>【东方锅炉】管子\φ38.1×7;№7\15CrMoG\4S112-25-2\1000MW超超临界机组</t>
  </si>
  <si>
    <t>【东方锅炉】管子\φ38.1×7;№8\15CrMoG\4S112-25-2\1000MW超超临界机组</t>
  </si>
  <si>
    <t>【东方锅炉】管子\φ38.1×7;№9\15CrMoG\4S112-25-2\1000MW超超临界机组</t>
  </si>
  <si>
    <t>【东方锅炉】管子\φ38.1×7;№10\15CrMoG\4S112-25-2\1000MW超超临界机组</t>
  </si>
  <si>
    <t>【东方锅炉】管子\φ38.1×7;№11\15CrMoG\4S112-25-2\1000MW超超临界机组</t>
  </si>
  <si>
    <t>【东方锅炉】管子\φ38.1×7;№12\15CrMoG\4S112-25-2\1000MW超超临界机组</t>
  </si>
  <si>
    <t>【东方锅炉】管子\φ38.1×7;№13\15CrMoG\4S112-25-2\1000MW超超临界机组</t>
  </si>
  <si>
    <t>【东方锅炉】管子\φ38.1×7;№14\15CrMoG\4S112-25-2\1000MW超超临界机组</t>
  </si>
  <si>
    <t>【东方锅炉】管子\φ38.1×7;№15\15CrMoG\4S112-25-2\1000MW超超临界机组</t>
  </si>
  <si>
    <t>【东方锅炉】管子\φ38.1×7;№16\15CrMoG\4S112-25-2\1000MW超超临界机组</t>
  </si>
  <si>
    <t>【东方锅炉】管子\φ38.1×7;№17\15CrMoG\4S112-25-2\1000MW超超临界机组</t>
  </si>
  <si>
    <t>【东方锅炉】管子\φ38.1×7;№18\15CrMoG\4S112-25-2\1000MW超超临界机组</t>
  </si>
  <si>
    <t>【东方锅炉】管子\φ38.1×7;№19\15CrMoG\4S112-25-2\1000MW超超临界机组</t>
  </si>
  <si>
    <t>【东方锅炉】管子\φ38.1×7;№20\15CrMoG\4S112-25-2\1000MW超超临界机组</t>
  </si>
  <si>
    <t>【东方锅炉】管子\φ38.1×7;№21\15CrMoG\4S112-25-2\1000MW超超临界机组</t>
  </si>
  <si>
    <t>【东方锅炉】管子\φ38.1×7;№22\15CrMoG\4S112-25-2\1000MW超超临界机组</t>
  </si>
  <si>
    <t>【东方锅炉】管子\φ38.1×7;№23\15CrMoG\4S112-25-2\1000MW超超临界机组</t>
  </si>
  <si>
    <t>【东方锅炉】管子\φ38.1×7;№24\15CrMoG\4S112-25-2\1000MW超超临界机组</t>
  </si>
  <si>
    <t>【东方锅炉】管子\φ38.1×7;№25\15CrMoG\4S112-25-2\1000MW超超临界机组</t>
  </si>
  <si>
    <t>【东方锅炉】管子\φ38.1×7;№26\15CrMoG\4S112-25-2\1000MW超超临界机组</t>
  </si>
  <si>
    <t>【东方锅炉】管子\φ38.1×7;№27\15CrMoG\4S112-25-2\1000MW超超临界机组</t>
  </si>
  <si>
    <t>【东方锅炉】管子\φ38.1×7;№28\15CrMoG\4S112-25-2\1000MW超超临界机组</t>
  </si>
  <si>
    <t>【东方锅炉】管子\φ38.1×7;№29\15CrMoG\4S112-25-2\1000MW超超临界机组</t>
  </si>
  <si>
    <t>【东方锅炉】管子\φ38.1×7;№30\15CrMoG\4S112-25-2\1000MW超超临界机组</t>
  </si>
  <si>
    <t>【东方锅炉】管子\φ38.1×7;№31\15CrMoG\4S112-25-2\1000MW超超临界机组</t>
  </si>
  <si>
    <t>【东方锅炉】管子\φ38.1×7;№32\15CrMoG\4S112-25-2\1000MW超超临界机组</t>
  </si>
  <si>
    <t>【东方锅炉】管子\φ38.1×7;№33\15CrMoG\4S112-25-2\1000MW超超临界机组</t>
  </si>
  <si>
    <t>【东方锅炉】管子\φ38.1×7;№34\15CrMoG\4S112-25-2\1000MW超超临界机组</t>
  </si>
  <si>
    <t>【东方锅炉】管子\φ38.1×7;№35\15CrMoG\4S112-25-2\1000MW超超临界机组</t>
  </si>
  <si>
    <t>【东方锅炉】管子\φ38.1×7;№36\15CrMoG\4S112-25-2\1000MW超超临界机组</t>
  </si>
  <si>
    <t>【东方锅炉】管子\φ38.1×7;№37\15CrMoG\4S112-25-2\1000MW超超临界机组</t>
  </si>
  <si>
    <t>【东方锅炉】管子\φ38.1×7;№38\15CrMoG\4S112-25-2\1000MW超超临界机组</t>
  </si>
  <si>
    <t>【东方锅炉】管子\φ38.1×7;№39\15CrMoG\4S112-25-2\1000MW超超临界机组</t>
  </si>
  <si>
    <t>【东方锅炉】管子\φ38.1×7;№40\15CrMoG\4S112-25-2\1000MW超超临界机组</t>
  </si>
  <si>
    <t>【东方锅炉】管子\φ38.1×7;№41\15CrMoG\4S112-25-2\1000MW超超临界机组</t>
  </si>
  <si>
    <t>【东方锅炉】管子\φ38.1×7;№42\15CrMoG\4S112-25-2\1000MW超超临界机组</t>
  </si>
  <si>
    <t>【东方锅炉】管子\φ38.1×7;№43\15CrMoG\4S112-25-2\1000MW超超临界机组</t>
  </si>
  <si>
    <t>【东方锅炉】管子\φ38.1×7;№44\15CrMoG\4S112-25-2\1000MW超超临界机组</t>
  </si>
  <si>
    <t>【东方锅炉】管子\φ38.1×7;№45\15CrMoG\4S112-25-2\1000MW超超临界机组</t>
  </si>
  <si>
    <t>【东方锅炉】管子\φ38.1×7;№46\15CrMoG\4S112-25-2\1000MW超超临界机组</t>
  </si>
  <si>
    <t>【东方锅炉】管子\φ38.1×7;№47\15CrMoG\4S112-25-2\1000MW超超临界机组</t>
  </si>
  <si>
    <t>【东方锅炉】管子\φ38.1×7;№48\15CrMoG\4S112-25-2\1000MW超超临界机组</t>
  </si>
  <si>
    <t>【东方锅炉】管子\φ38.1×7;№49\15CrMoG\4S112-25-2\1000MW超超临界机组</t>
  </si>
  <si>
    <t>【东方锅炉】管子\φ38.1×7;№50\15CrMoG\4S112-25-2\1000MW超超临界机组</t>
  </si>
  <si>
    <t>【东方锅炉】管子\φ38.1×7;№51\15CrMoG\4S112-25-2\1000MW超超临界机组</t>
  </si>
  <si>
    <t>【东方锅炉】管子\φ38.1×7;№52\15CrMoG\4S112-25-2\1000MW超超临界机组</t>
  </si>
  <si>
    <t>【东方锅炉】管子\φ38.1×7;L=3040.2\15CrMoG\4S112-25-3\1000MW超超临界机组</t>
  </si>
  <si>
    <t>【东方锅炉】管子\φ38.1×7;L=4235.3\15CrMoG\4S112-25-3\1000MW超超临界机组</t>
  </si>
  <si>
    <t>【东方锅炉】管子\φ38.1×7;L=4152.1\15CrMoG\4S112-25-3\1000MW超超临界机组</t>
  </si>
  <si>
    <t>【东方锅炉】管子\φ38.1×7;L=4069.0\15CrMoG\4S112-25-3\1000MW超超临界机组</t>
  </si>
  <si>
    <t>【东方锅炉】管子\φ38.1×7;L=3985.8\15CrMoG\4S112-25-3\1000MW超超临界机组</t>
  </si>
  <si>
    <t>【东方锅炉】管子\φ38.1×7;L=3902.7\15CrMoG\4S112-25-3\1000MW超超临界机组</t>
  </si>
  <si>
    <t>【东方锅炉】管子\φ38.1×7;L=3819.5\15CrMoG\4S112-25-3\1000MW超超临界机组</t>
  </si>
  <si>
    <t>【东方锅炉】管子\φ38.1×7;L=3736.4\15CrMoG\4S112-25-3\1000MW超超临界机组</t>
  </si>
  <si>
    <t>【东方锅炉】管子\φ38.1×7;L=3653.2\15CrMoG\4S112-25-3\1000MW超超临界机组</t>
  </si>
  <si>
    <t>【东方锅炉】管子\φ38.1×7;L=3570.1\15CrMoG\4S112-25-3\1000MW超超临界机组</t>
  </si>
  <si>
    <t>【东方锅炉】管子\φ38.1×7;L=3486.9\15CrMoG\4S112-25-3\1000MW超超临界机组</t>
  </si>
  <si>
    <t>【东方锅炉】管子\φ38.1×7;L=3403.8\15CrMoG\4S112-25-3\1000MW超超临界机组</t>
  </si>
  <si>
    <t>【东方锅炉】管子\φ38.1×7;L=3320.6\15CrMoG\4S112-25-3\1000MW超超临界机组</t>
  </si>
  <si>
    <t>【东方锅炉】管子\φ38.1×7;L=3237.4\15CrMoG\4S112-25-3\1000MW超超临界机组</t>
  </si>
  <si>
    <t>【东方锅炉】管子\φ38.1×7;L=3154.3\15CrMoG\4S112-25-3\1000MW超超临界机组</t>
  </si>
  <si>
    <t>【东方锅炉】管子\φ38.1×7;L=3071.1\15CrMoG\4S112-25-3\1000MW超超临界机组</t>
  </si>
  <si>
    <t>【东方锅炉】管子\φ38.1×7;L=2988.0\15CrMoG\4S112-25-3\1000MW超超临界机组</t>
  </si>
  <si>
    <t>【东方锅炉】管子\φ38.1×7;L=2904.8\15CrMoG\4S112-25-3\1000MW超超临界机组</t>
  </si>
  <si>
    <t>【东方锅炉】管子\φ38.1×7;L=2821.7\15CrMoG\4S112-25-3\1000MW超超临界机组</t>
  </si>
  <si>
    <t>【东方锅炉】管子\φ38.1×7;L=2738.5\15CrMoG\4S112-25-3\1000MW超超临界机组</t>
  </si>
  <si>
    <t>【东方锅炉】管子\φ38.1×7;L=2655.4\15CrMoG\4S112-25-3\1000MW超超临界机组</t>
  </si>
  <si>
    <t>【东方锅炉】管子\φ38.1×7;L=2572.2\15CrMoG\4S112-25-3\1000MW超超临界机组</t>
  </si>
  <si>
    <t>【东方锅炉】管子\φ38.1×7;L=2489.1\15CrMoG\4S112-25-3\1000MW超超临界机组</t>
  </si>
  <si>
    <t>【东方锅炉】管子\φ38.1×7;№1\15CrMoG\4S112-26-3\1000MW超超临界机组</t>
  </si>
  <si>
    <t>【东方锅炉】管子\φ38.1×7;№2\15CrMoG\4S112-26-3\1000MW超超临界机组</t>
  </si>
  <si>
    <t>【东方锅炉】管子\φ38.1×7;№3\15CrMoG\4S112-26-3\1000MW超超临界机组</t>
  </si>
  <si>
    <t>【东方锅炉】管子\φ38.1×7;№4\15CrMoG\4S112-26-3\1000MW超超临界机组</t>
  </si>
  <si>
    <t>【东方锅炉】管子\φ38.1×7;№5\15CrMoG\4S112-26-3\1000MW超超临界机组</t>
  </si>
  <si>
    <t>【东方锅炉】管子\φ38.1×7;№6\15CrMoG\4S112-26-3\1000MW超超临界机组</t>
  </si>
  <si>
    <t>【东方锅炉】管子\φ38.1×7;№7\15CrMoG\4S112-26-3\1000MW超超临界机组</t>
  </si>
  <si>
    <t>【东方锅炉】管子\φ38.1×7;№8\15CrMoG\4S112-26-3\1000MW超超临界机组</t>
  </si>
  <si>
    <t>【东方锅炉】管子\φ38.1×7;№9\15CrMoG\4S112-26-3\1000MW超超临界机组</t>
  </si>
  <si>
    <t>【东方锅炉】管子\φ38.1×7;№10\15CrMoG\4S112-26-3\1000MW超超临界机组</t>
  </si>
  <si>
    <t>【东方锅炉】管子\φ38.1×7;№11\15CrMoG\4S112-26-3\1000MW超超临界机组</t>
  </si>
  <si>
    <t>【东方锅炉】管子\φ38.1×7;L=2989.0\15CrMoG\4S112-26-4\1000MW超超临界机组</t>
  </si>
  <si>
    <t>【东方锅炉】管子\φ38.1×7;L=2905.8\15CrMoG\4S112-26-4\1000MW超超临界机组</t>
  </si>
  <si>
    <t>【东方锅炉】管子\φ38.1×7;L=2822.7\15CrMoG\4S112-26-4\1000MW超超临界机组</t>
  </si>
  <si>
    <t>【东方锅炉】管子\φ38.1×7;L=2739.5\15CrMoG\4S112-26-4\1000MW超超临界机组</t>
  </si>
  <si>
    <t>【东方锅炉】管子\φ38.1×7;L=2656.4\15CrMoG\4S112-26-4\1000MW超超临界机组</t>
  </si>
  <si>
    <t>【东方锅炉】管子\φ38.1×7;L=2573.2\15CrMoG\4S112-26-4\1000MW超超临界机组</t>
  </si>
  <si>
    <t>【东方锅炉】管子\φ38.1×7;L=2490.1\15CrMoG\4S112-26-4\1000MW超超临界机组</t>
  </si>
  <si>
    <t>【东方锅炉】管子\φ38.1×7;L=2406.9\15CrMoG\4S112-26-4\1000MW超超临界机组</t>
  </si>
  <si>
    <t>【东方锅炉】管子\φ38.1×7;L=2323.8\15CrMoG\4S112-26-4\1000MW超超临界机组</t>
  </si>
  <si>
    <t>【东方锅炉】管子\φ38.1×7;L=2240.6\15CrMoG\4S112-26-4\1000MW超超临界机组</t>
  </si>
  <si>
    <t>【东方锅炉】管子\φ38.1×7;L=2157.5\15CrMoG\4S112-26-4\1000MW超超临界机组</t>
  </si>
  <si>
    <t>【东方锅炉】管子\φ38.1×7;L=2452.0\15CrMoG\4S112-26-4\1000MW超超临界机组</t>
  </si>
  <si>
    <t>【东方锅炉】管子\φ38.1×7;L=2368.9\15CrMoG\4S112-26-4\1000MW超超临界机组</t>
  </si>
  <si>
    <t>【东方锅炉】管子\φ38.1×7;L=2285.7\15CrMoG\4S112-26-4\1000MW超超临界机组</t>
  </si>
  <si>
    <t>【东方锅炉】管子\φ38.1×7;L=2202.6\15CrMoG\4S112-26-4\1000MW超超临界机组</t>
  </si>
  <si>
    <t>【东方锅炉】管子\φ38.1×7;L=2119.4\15CrMoG\4S112-26-4\1000MW超超临界机组</t>
  </si>
  <si>
    <t>【东方锅炉】管子\φ38.1×7;L=2036.3\15CrMoG\4S112-26-4\1000MW超超临界机组</t>
  </si>
  <si>
    <t>【东方锅炉】管子\φ38.1×7;L=1953.1\15CrMoG\4S112-26-4\1000MW超超临界机组</t>
  </si>
  <si>
    <t>【东方锅炉】管子\φ38.1×7;L=1870.0\15CrMoG\4S112-26-4\1000MW超超临界机组</t>
  </si>
  <si>
    <t>【东方锅炉】管子\φ38.1×7;L=1786.8\15CrMoG\4S112-26-4\1000MW超超临界机组</t>
  </si>
  <si>
    <t>【东方锅炉】管子\φ38.1×7;L=1703.7\15CrMoG\4S112-26-4\1000MW超超临界机组</t>
  </si>
  <si>
    <t>【东方锅炉】管子\φ38.1×7;L=1620.5\15CrMoG\4S112-26-4\1000MW超超临界机组</t>
  </si>
  <si>
    <t>【东方锅炉】管子\φ38.1×7;L=1537.4\15CrMoG\4S112-26-4\1000MW超超临界机组</t>
  </si>
  <si>
    <t>【东方锅炉】管子\φ38.1×7;L=1785\15CrMoG\4S112-26-4\1000MW超超临界机组</t>
  </si>
  <si>
    <t>【东方锅炉】管子\φ38.1×7;L=1586\15CrMoG\4S112-26-4\1000MW超超临界机组</t>
  </si>
  <si>
    <t>【东方锅炉】管子\φ38.1×7\15CrMoG\4S112-26-6\1000MW超超临界机组</t>
  </si>
  <si>
    <t>【东方锅炉】管子\φ38.1×7\15CrMoG\4S112-26-7\1000MW超超临界机组</t>
  </si>
  <si>
    <t>【东方锅炉】管子\φ38.1×7\15CrMoG\4S112-26-8\1000MW超超临界机组</t>
  </si>
  <si>
    <t>【东方锅炉】管子\φ38.1×7\15CrMoG\4S112-26-9\1000MW超超临界机组</t>
  </si>
  <si>
    <t>【东方锅炉】管子\φ38.1×7\15CrMoG\4S112-26-10\1000MW超超临界机组</t>
  </si>
  <si>
    <t>【东方锅炉】管子\φ38.1×7\15CrMoG\4S112-26-11\1000MW超超临界机组</t>
  </si>
  <si>
    <t>【东方锅炉】管子\φ38.1×7\15CrMoG\4S112-26-12\1000MW超超临界机组</t>
  </si>
  <si>
    <t>【东方锅炉】管子\φ38.1×7\15CrMoG\4S112-26-13\1000MW超超临界机组</t>
  </si>
  <si>
    <t>【东方锅炉】管子\φ38.1×7\15CrMoG\4S112-26-14\1000MW超超临界机组</t>
  </si>
  <si>
    <t>【东方锅炉】管子\φ38.1×7\15CrMoG\4S112-26-15\1000MW超超临界机组</t>
  </si>
  <si>
    <t>【东方锅炉】管子\φ38.1×7;№1\15CrMoG\4S112-26-17\1000MW超超临界机组</t>
  </si>
  <si>
    <t>【东方锅炉】管子\φ38.1×7;№2\15CrMoG\4S112-26-17\1000MW超超临界机组</t>
  </si>
  <si>
    <t>【东方锅炉】管子\φ38.1×7;№3\15CrMoG\4S112-26-17\1000MW超超临界机组</t>
  </si>
  <si>
    <t>【东方锅炉】管子\φ38.1×7;№4\15CrMoG\4S112-26-17\1000MW超超临界机组</t>
  </si>
  <si>
    <t>【东方锅炉】管子\φ31.8×7\15CrMoG\4S112-26-18\1000MW超超临界机组</t>
  </si>
  <si>
    <t>【东方锅炉】管子\φ31.8×7\15CrMoG\4S112-27-1\1000MW超超临界机组</t>
  </si>
  <si>
    <t>【东方锅炉】管子\φ38.1×7;№1\15CrMoG\4S112-27-3\1000MW超超临界机组</t>
  </si>
  <si>
    <t>【东方锅炉】管子\φ38.1×7;№2\15CrMoG\4S112-27-3\1000MW超超临界机组</t>
  </si>
  <si>
    <t>【东方锅炉】管子\φ38.1×7;L=2692.6\15CrMoG\4S112-27-4\1000MW超超临界机组</t>
  </si>
  <si>
    <t>【东方锅炉】管子\φ38.1×7;L=2680.7\15CrMoG\4S112-27-4\1000MW超超临界机组</t>
  </si>
  <si>
    <t>【东方锅炉】管子\φ38.1×7;L=2668.7\15CrMoG\4S112-27-4\1000MW超超临界机组</t>
  </si>
  <si>
    <t>【东方锅炉】管子\φ38.1×7;L=2656.8\15CrMoG\4S112-27-4\1000MW超超临界机组</t>
  </si>
  <si>
    <t>【东方锅炉】管子\φ38.1×7;L=2644.8\15CrMoG\4S112-27-4\1000MW超超临界机组</t>
  </si>
  <si>
    <t>【东方锅炉】管子\φ38.1×7;L=2632.9\15CrMoG\4S112-27-4\1000MW超超临界机组</t>
  </si>
  <si>
    <t>【东方锅炉】管子\φ38.1×7;L=2620.9\15CrMoG\4S112-27-4\1000MW超超临界机组</t>
  </si>
  <si>
    <t>【东方锅炉】管子\φ38.1×7;L=2609\15CrMoG\4S112-27-4\1000MW超超临界机组</t>
  </si>
  <si>
    <t>【东方锅炉】管子\φ38.1×7;L=2597\15CrMoG\4S112-27-4\1000MW超超临界机组</t>
  </si>
  <si>
    <t>【东方锅炉】管子\φ38.1×7;L=2585.1\15CrMoG\4S112-27-4\1000MW超超临界机组</t>
  </si>
  <si>
    <t>【东方锅炉】管子\φ38.1×7;L=2573.1\15CrMoG\4S112-27-4\1000MW超超临界机组</t>
  </si>
  <si>
    <t>【东方锅炉】管子\φ38.1×7;L=2561.2\15CrMoG\4S112-27-4\1000MW超超临界机组</t>
  </si>
  <si>
    <t>【东方锅炉】管子\φ38.1×7;L=2549.2\15CrMoG\4S112-27-4\1000MW超超临界机组</t>
  </si>
  <si>
    <t>【东方锅炉】管子\φ38.1×7;L=2537.3\15CrMoG\4S112-27-4\1000MW超超临界机组</t>
  </si>
  <si>
    <t>【东方锅炉】管子\φ38.1×7;L=2525.3\15CrMoG\4S112-27-4\1000MW超超临界机组</t>
  </si>
  <si>
    <t>【东方锅炉】管子\φ38.1×7;L=2513.4\15CrMoG\4S112-27-4\1000MW超超临界机组</t>
  </si>
  <si>
    <t>【东方锅炉】管子\φ38.1×7;№1\15CrMoG\4S112-27-6\1000MW超超临界机组</t>
  </si>
  <si>
    <t>【东方锅炉】管子\φ38.1×7;№2\15CrMoG\4S112-27-6\1000MW超超临界机组</t>
  </si>
  <si>
    <t>【东方锅炉】管子\φ38.1×7;№3\15CrMoG\4S112-27-6\1000MW超超临界机组</t>
  </si>
  <si>
    <t>【东方锅炉】管子\φ38.1×7;№4\15CrMoG\4S112-27-6\1000MW超超临界机组</t>
  </si>
  <si>
    <t>【东方锅炉】管子\φ38.1×7;№5\15CrMoG\4S112-27-6\1000MW超超临界机组</t>
  </si>
  <si>
    <t>【东方锅炉】管子\φ38.1×7;№6\15CrMoG\4S112-27-6\1000MW超超临界机组</t>
  </si>
  <si>
    <t>【东方锅炉】管子\φ38.1×7;№7\15CrMoG\4S112-27-6\1000MW超超临界机组</t>
  </si>
  <si>
    <t>【东方锅炉】管子\φ38.1×7;№8\15CrMoG\4S112-27-6\1000MW超超临界机组</t>
  </si>
  <si>
    <t>【东方锅炉】管子\φ38.1×7;№9\15CrMoG\4S112-27-6\1000MW超超临界机组</t>
  </si>
  <si>
    <t>【东方锅炉】管子\φ38.1×7;№10\15CrMoG\4S112-27-6\1000MW超超临界机组</t>
  </si>
  <si>
    <t>【东方锅炉】管子\φ38.1×7;№11\15CrMoG\4S112-27-6\1000MW超超临界机组</t>
  </si>
  <si>
    <t>【东方锅炉】管子\φ38.1×7;№12\15CrMoG\4S112-27-6\1000MW超超临界机组</t>
  </si>
  <si>
    <t>【东方锅炉】管子\φ38.1×7;№13\15CrMoG\4S112-27-6\1000MW超超临界机组</t>
  </si>
  <si>
    <t>【东方锅炉】管子\φ38.1×7;№14\15CrMoG\4S112-27-6\1000MW超超临界机组</t>
  </si>
  <si>
    <t>【东方锅炉】管子\φ38.1×7;№15\15CrMoG\4S112-27-6\1000MW超超临界机组</t>
  </si>
  <si>
    <t>【东方锅炉】管子\φ38.1×7;№16\15CrMoG\4S112-27-6\1000MW超超临界机组</t>
  </si>
  <si>
    <t>【东方锅炉】管子φ38.1×7\15CrMoG\4S112-27-7\1000MW超超临界机组</t>
  </si>
  <si>
    <t>【东方锅炉】管子\φ38.1×7;№1\15CrMoG\4S112-28-2\1000MW超超临界机组</t>
  </si>
  <si>
    <t>【东方锅炉】管子\φ38.1×7;№2\15CrMoG\4S112-28-2\1000MW超超临界机组</t>
  </si>
  <si>
    <t>【东方锅炉】管子\φ38.1×7;№3\15CrMoG\4S112-28-2\1000MW超超临界机组</t>
  </si>
  <si>
    <t>【东方锅炉】管子\φ38.1×7;№4\15CrMoG\4S112-28-2\1000MW超超临界机组</t>
  </si>
  <si>
    <t>【东方锅炉】管子\φ38.1×7;№5\15CrMoG\4S112-28-2\1000MW超超临界机组</t>
  </si>
  <si>
    <t>【东方锅炉】管子\φ38.1×7;№6\15CrMoG\4S112-28-2\1000MW超超临界机组</t>
  </si>
  <si>
    <t>【东方锅炉】管子\φ38.1×7;№7\15CrMoG\4S112-28-2\1000MW超超临界机组</t>
  </si>
  <si>
    <t>【东方锅炉】管子\φ38.1×7;№8\15CrMoG\4S112-28-2\1000MW超超临界机组</t>
  </si>
  <si>
    <t>【东方锅炉】管子\φ38.1×7;№9\15CrMoG\4S112-28-2\1000MW超超临界机组</t>
  </si>
  <si>
    <t>【东方锅炉】管子\φ38.1×7;№10\15CrMoG\4S112-28-2\1000MW超超临界机组</t>
  </si>
  <si>
    <t>【东方锅炉】管子\φ38.1×7;№11\15CrMoG\4S112-28-2\1000MW超超临界机组</t>
  </si>
  <si>
    <t>【东方锅炉】管子\φ38.1×7;№12\15CrMoG\4S112-28-2\1000MW超超临界机组</t>
  </si>
  <si>
    <t>【东方锅炉】管子\φ38.1×7;L=990\15CrMoG\4S112-28-3\1000MW超超临界机组</t>
  </si>
  <si>
    <t>【东方锅炉】管子\φ38.1×7;L=3460\15CrMoG\4S112-28-3\1000MW超超临界机组</t>
  </si>
  <si>
    <t>【东方锅炉】管子\φ38.1×7;L=4140\15CrMoG\4S112-28-3\1000MW超超临界机组</t>
  </si>
  <si>
    <t>【东方锅炉】管子\φ38.1×7;№1\15CrMoG\4S112-28-5\1000MW超超临界机组</t>
  </si>
  <si>
    <t>【东方锅炉】管子\φ38.1×7;№2\15CrMoG\4S112-28-5\1000MW超超临界机组</t>
  </si>
  <si>
    <t>【东方锅炉】管子\φ38.1×7;№3\15CrMoG\4S112-28-5\1000MW超超临界机组</t>
  </si>
  <si>
    <t>【东方锅炉】管子\φ38.1×7;№4\15CrMoG\4S112-28-5\1000MW超超临界机组</t>
  </si>
  <si>
    <t>【东方锅炉】管子\φ38.1×7;№5\15CrMoG\4S112-28-5\1000MW超超临界机组</t>
  </si>
  <si>
    <t>【东方锅炉】管子\φ38.1×7;№6\15CrMoG\4S112-28-5\1000MW超超临界机组</t>
  </si>
  <si>
    <t>【东方锅炉】管子\φ38.1×7;№7\15CrMoG\4S112-28-5\1000MW超超临界机组</t>
  </si>
  <si>
    <t>【东方锅炉】管子\φ38.1×7;№8\15CrMoG\4S112-28-5\1000MW超超临界机组</t>
  </si>
  <si>
    <t>【东方锅炉】管子\φ38.1×7;№9\15CrMoG\4S112-28-5\1000MW超超临界机组</t>
  </si>
  <si>
    <t>【东方锅炉】管子\φ38.1×7;№10\15CrMoG\4S112-28-5\1000MW超超临界机组</t>
  </si>
  <si>
    <t>【东方锅炉】管子\φ38.1×7;№11\15CrMoG\4S112-28-5\1000MW超超临界机组</t>
  </si>
  <si>
    <t>【东方锅炉】内螺纹管\φ38.1×7.5\15CrMoG\22S1131-2-8\1000MW超超临界机组</t>
  </si>
  <si>
    <t>【东方锅炉】内螺纹管\φ38.1×7.5\15CrMoG\22S1131-2-15\1000MW超超临界机组</t>
  </si>
  <si>
    <t>【东方锅炉】内螺纹管\φ38.1×7.5\15CrMoG\22S1131-2-16\1000MW超超临界机组</t>
  </si>
  <si>
    <t>【东方锅炉】内螺纹管\φ38.1×7.5\15CrMoG\22S1131-2-17\1000MW超超临界机组</t>
  </si>
  <si>
    <t>【东方锅炉】内螺纹管\φ38.1×7.5\15CrMoG\22S1131-2-1\1000MW超超临界机组</t>
  </si>
  <si>
    <t>【东方锅炉】内螺纹管\φ38.1×7.5;L=1100\15CrMoG\26S1131-1-1\1000MW超超临界机组</t>
  </si>
  <si>
    <t>【东方锅炉】内螺纹管\φ38.1×7.5;L=6225.8\15CrMoG\16S1131-4-0\1000MW超超临界机组</t>
  </si>
  <si>
    <t>【东方锅炉】内螺纹管\φ38.1×7.5;L=9528.9\15CrMoG\16S1131-4-0\1000MW超超临界机组</t>
  </si>
  <si>
    <t>【东方锅炉】内螺纹管\φ38.1×7.5;L=9528.9\15CrMoG\16S1131-7-0\1000MW超超临界机组</t>
  </si>
  <si>
    <t>【东方锅炉】内螺纹管\φ38.1×7.5;L=3303.1\15CrMoG\16S1131-7-0\1000MW超超临界机组</t>
  </si>
  <si>
    <t>【东方锅炉】内螺纹管\φ38.1×7.5;L=7948.3\15CrMoG\16S1131-18-0\1000MW超超临界机组</t>
  </si>
  <si>
    <t>【东方锅炉】内螺纹管\φ38.1×7.5;L=4733.8\15CrMoG\16S1131-18-0\1000MW超超临界机组</t>
  </si>
  <si>
    <t>【东方锅炉】内螺纹管\φ38.1×7.5;L=4822.5\15CrMoG\16S1131-30-0\1000MW超超临界机组</t>
  </si>
  <si>
    <t>【东方锅炉】内螺纹管\φ38.1×7.5;L=8694.7\15CrMoG\16S1131-30-0\1000MW超超临界机组</t>
  </si>
  <si>
    <t>【东方锅炉】内螺纹管\φ38.1×7.5;L=9440.2\15CrMoG\26S1131-39-0\1000MW超超临界机组</t>
  </si>
  <si>
    <t>【东方锅炉】内螺纹管\φ38.1×7.5;L=9440.2\15CrMoG\26S1131-40-0\1000MW超超临界机组</t>
  </si>
  <si>
    <t>【东方锅炉】内螺纹管\φ38.1×7.5\15CrMoG\22S1131-29-1\1000MW超超临界机组</t>
  </si>
  <si>
    <t>【东方锅炉】内螺纹管\φ38.1×7.5\15CrMoG\16S1131-40-1\1000MW超超临界机组</t>
  </si>
  <si>
    <t>【东方锅炉】内螺纹管\φ38.1×7.5;L=8712.2\15CrMoG\16S1133-2-0\1000MW超超临界机组</t>
  </si>
  <si>
    <t>【东方锅炉】内螺纹管\φ38.1×7.5;L=8475.2\15CrMoG\16S1133-2-0\1000MW超超临界机组</t>
  </si>
  <si>
    <t>【东方锅炉】内螺纹管\φ38.1×7.5;L=8712.2\15CrMoG\16S1133-3-0\1000MW超超临界机组</t>
  </si>
  <si>
    <t>【东方锅炉】内螺纹管\φ38.1×7.5;L=8712.2\15CrMoG\16S1133-4-0\1000MW超超临界机组</t>
  </si>
  <si>
    <t>【东方锅炉】内螺纹管\φ38.1×7.5;L=8475.2\15CrMoG\16S1133-4-0\1000MW超超临界机组</t>
  </si>
  <si>
    <t>【东方锅炉】内螺纹管\φ38.1×7.5;L=8712.2\15CrMoG\16S1133-5-0\1000MW超超临界机组</t>
  </si>
  <si>
    <t>【东方锅炉】内螺纹管\φ38.1×7.5;L=8475.2\15CrMoG\16S1133-6-0\1000MW超超临界机组</t>
  </si>
  <si>
    <t>【东方锅炉】内螺纹管\φ38.1×7.5;L=8712.2\15CrMoG\16S1133-6-0\1000MW超超临界机组</t>
  </si>
  <si>
    <t>【东方锅炉】内螺纹管\φ38.1×7.5;L=8712.2\15CrMoG\16S1133-7-0\1000MW超超临界机组</t>
  </si>
  <si>
    <t>【东方锅炉】内螺纹管\φ38.1×7.5;L=8712.2\15CrMoG\16S1133-8-0\1000MW超超临界机组</t>
  </si>
  <si>
    <t>【东方锅炉】内螺纹管\φ38.1×7.5;L=8712.2\15CrMoG\16S1133-9-0\1000MW超超临界机组</t>
  </si>
  <si>
    <t>【东方锅炉】内螺纹管\φ38.1×7.5;L=8712.2\15CrMoG\16S1133-10-0\1000MW超超临界机组</t>
  </si>
  <si>
    <t>【东方锅炉】内螺纹管\φ38.1×7.5;L=8712.2\15CrMoG\30S1133-1-0\1000MW超超临界机组</t>
  </si>
  <si>
    <t>【东方锅炉】内螺纹管\φ38.1×7.5;L=8282.4\15CrMoG\30S1133-1-0\1000MW超超临界机组</t>
  </si>
  <si>
    <t>【东方锅炉】内螺纹管\φ38.1×7.5;L=9578.8\15CrMoG\16S1133-13-0\1000MW超超临界机组</t>
  </si>
  <si>
    <t>【东方锅炉】内螺纹管\φ38.1×7.5;L=9578.8\15CrMoG\30S1133-2-0\1000MW超超临界机组</t>
  </si>
  <si>
    <t>【东方锅炉】内螺纹管\φ38.1×7.5;L=9341.8\15CrMoG\30S1133-2-0\1000MW超超临界机组</t>
  </si>
  <si>
    <t>【东方锅炉】内螺纹管\φ38.1×7.5;L=9578.8\15CrMoG\30S1133-3-0\1000MW超超临界机组</t>
  </si>
  <si>
    <t>【东方锅炉】内螺纹管\φ38.1×7.5;L=9341.8\15CrMoG\30S1133-3-0\1000MW超超临界机组</t>
  </si>
  <si>
    <t>【东方锅炉】内螺纹管\φ38.1×7.5;L=9578.8\15CrMoG\16S1133-16-0\1000MW超超临界机组</t>
  </si>
  <si>
    <t>【东方锅炉】内螺纹管\φ38.1×7.5;L=9341.8\15CrMoG\16S1133-16-0\1000MW超超临界机组</t>
  </si>
  <si>
    <t>【东方锅炉】内螺纹管\φ38.1×7.5;L=9578.8\15CrMoG\16S1133-17-0\1000MW超超临界机组</t>
  </si>
  <si>
    <t>【东方锅炉】内螺纹管\φ38.1×7.5;L=9341.8\15CrMoG\16S1133-17-0\1000MW超超临界机组</t>
  </si>
  <si>
    <t>【东方锅炉】内螺纹管\φ38.1×7.5;L=9578.8\15CrMoG\16S1133-18-0\1000MW超超临界机组</t>
  </si>
  <si>
    <t>【东方锅炉】内螺纹管\φ38.1×7.5;L=9341.8\15CrMoG\16S1133-18-0\1000MW超超临界机组</t>
  </si>
  <si>
    <t>【东方锅炉】内螺纹管\φ38.1×7.5;L=9578.8\15CrMoG\16S1133-19-0\1000MW超超临界机组</t>
  </si>
  <si>
    <t>【东方锅炉】内螺纹管\φ38.1×7.5;L=9341.8\15CrMoG\16S1133-19-0\1000MW超超临界机组</t>
  </si>
  <si>
    <t>【东方锅炉】内螺纹管\φ38.1×7.5;L=9578.8\15CrMoG\16S1133-20-0\1000MW超超临界机组</t>
  </si>
  <si>
    <t>【东方锅炉】内螺纹管\φ38.1×7.5;L=9578.8\15CrMoG\16S1133-21-0\1000MW超超临界机组</t>
  </si>
  <si>
    <t>【东方锅炉】内螺纹管\φ38.1×7.5;L=9578.8\15CrMoG\30S1133-4-0\1000MW超超临界机组</t>
  </si>
  <si>
    <t>【东方锅炉】内螺纹管\φ38.1×7.5;L=9578.8\15CrMoG\30S1133-5-0\1000MW超超临界机组</t>
  </si>
  <si>
    <t>【东方锅炉】内螺纹管\φ38.1×7.5;L=9149\15CrMoG\30S1133-6-0\1000MW超超临界机组</t>
  </si>
  <si>
    <t>【东方锅炉】内螺纹管\φ38.1×7.5;L=9578.8\15CrMoG\30S1133-6-0\1000MW超超临界机组</t>
  </si>
  <si>
    <t>【东方锅炉】内螺纹管\φ38.1×7.5;L=8712.2\15CrMoG\30S1133-8-0\1000MW超超临界机组</t>
  </si>
  <si>
    <t>【东方锅炉】内螺纹管\φ38.1×7.5;L=8712.2\15CrMoG\30S1134-1-0\1000MW超超临界机组</t>
  </si>
  <si>
    <t>【东方锅炉】内螺纹管\φ38.1×7.5;L=8712.2\15CrMoG\16S1134-3-0\1000MW超超临界机组</t>
  </si>
  <si>
    <t>【东方锅炉】内螺纹管\φ38.1×7.5;L=8712.2\15CrMoG\16S1134-4-0\1000MW超超临界机组</t>
  </si>
  <si>
    <t>【东方锅炉】内螺纹管\φ38.1×7.5;L=8712.2\15CrMoG\16S1134-5-0\1000MW超超临界机组</t>
  </si>
  <si>
    <t>【东方锅炉】内螺纹管\φ38.1×7.5;L=8712.2\15CrMoG\16S1134-6-0\1000MW超超临界机组</t>
  </si>
  <si>
    <t>【东方锅炉】内螺纹管\φ38.1×7.5;L=8712.2\15CrMoG\30S1134-2-0\1000MW超超临界机组</t>
  </si>
  <si>
    <t>【东方锅炉】内螺纹管\φ38.1×7.5;L=8282.4\15CrMoG\30S1134-2-0\1000MW超超临界机组</t>
  </si>
  <si>
    <t>【东方锅炉】内螺纹管\φ38.1×7.5;L=9578.8\15CrMoG\16S1134-8-0\1000MW超超临界机组</t>
  </si>
  <si>
    <t>【东方锅炉】内螺纹管\φ38.1×7.5;L=9578.8\15CrMoG\16S1134-9-0\1000MW超超临界机组</t>
  </si>
  <si>
    <t>【东方锅炉】内螺纹管\φ38.1×7.5;L=9341.8\15CrMoG\16S1134-9-0\1000MW超超临界机组</t>
  </si>
  <si>
    <t>【东方锅炉】内螺纹管\φ38.1×7.5;L=9578.8\15CrMoG\16S1133-15-0\1000MW超超临界机组</t>
  </si>
  <si>
    <t>【东方锅炉】内螺纹管\φ38.1×7.5;L=9341.8\15CrMoG\16S1133-15-0\1000MW超超临界机组</t>
  </si>
  <si>
    <t>【东方锅炉】内螺纹管\φ38.1×7.5;L=9578.8\15CrMoG\16S1134-10-0\1000MW超超临界机组</t>
  </si>
  <si>
    <t>【东方锅炉】内螺纹管\φ38.1×7.5;L=9341.8\15CrMoG\16S1134-10-0\1000MW超超临界机组</t>
  </si>
  <si>
    <t>【东方锅炉】内螺纹管\φ38.1×7.5;L=9578.8\15CrMoG\16S1134-11-0\1000MW超超临界机组</t>
  </si>
  <si>
    <t>【东方锅炉】内螺纹管\φ38.1×7.5;L=9341.8\15CrMoG\16S1134-11-0\1000MW超超临界机组</t>
  </si>
  <si>
    <t>【东方锅炉】内螺纹管\φ38.1×7.5;L=9578.8\15CrMoG\16S1134-12-0\1000MW超超临界机组</t>
  </si>
  <si>
    <t>【东方锅炉】内螺纹管\φ38.1×7.5;L=9578.8\15CrMoG\16S1134-13-0\1000MW超超临界机组</t>
  </si>
  <si>
    <t>【东方锅炉】内螺纹管\φ38.1×7.5;L=9578.8\15CrMoG\30S1134-3-0\1000MW超超临界机组</t>
  </si>
  <si>
    <t>【东方锅炉】内螺纹管\φ38.1×7.5;L=9149\15CrMoG\30S1134-4-0\1000MW超超临界机组</t>
  </si>
  <si>
    <t>【东方锅炉】内螺纹管\φ38.1×7.5;L=9578.8\15CrMoG\30S1134-4-0\1000MW超超临界机组</t>
  </si>
  <si>
    <t>【东方锅炉】内螺纹管\φ38.1×7.5;L=8712.2\15CrMoG\30S1134-5-0\1000MW超超临界机组</t>
  </si>
  <si>
    <t>【东方锅炉】管子\φ31.8(正)×6.5\12Cr1MoVG\23S1152-1-1\1000MW超超临界机组</t>
  </si>
  <si>
    <t>【东方锅炉】管子\φ31.8×6.5\12Cr1MoVG\23S1152-1-2\1000MW超超临界机组</t>
  </si>
  <si>
    <t>【东方锅炉】管子\φ31.8×6.5(正)\12Cr1MoVG\23S1152-6-1\1000MW超超临界机组</t>
  </si>
  <si>
    <t>【东方锅炉】管子\φ31.8×6.5(反)\12Cr1MoVG\23S1152-6-1\1000MW超超临界机组</t>
  </si>
  <si>
    <t>【东方锅炉】管子\φ31.8×6.5(反)\12Cr1MoVG\23S1152-1-1\1000MW超超临界机组</t>
  </si>
  <si>
    <t>【东方锅炉】管子\φ31.8×6.5;L=13245.2\12Cr1MoVG\26S1153-1-0\1000MW超超临界机组</t>
  </si>
  <si>
    <t>【东方锅炉】管子\φ31.8×6.5\12Cr1MoVG\23S1153-6\1000MW超超临界机组</t>
  </si>
  <si>
    <t>【东方锅炉】管子\φ31.8×6.5\;L=13245.212Cr1MoVG\26S1153-2-0\1000MW超超临界机组</t>
  </si>
  <si>
    <t>【东方锅炉】管子\φ31.8×6.5(反)\12Cr1MoVG\16S1153-1-1\1000MW超超临界机组</t>
  </si>
  <si>
    <t>【东方锅炉】管子\φ31.8×7.5\12Cr1MoVG\16S1161-1-5\1000MW超超临界机组</t>
  </si>
  <si>
    <t>【东方锅炉】管子\φ31.8×7.5\12Cr1MoVG\16S1161-1-6\1000MW超超临界机组</t>
  </si>
  <si>
    <t>【东方锅炉】内螺纹管\φ38.1×7.5\15CrMoG\16S1161-1-7\1000MW超超临界机组</t>
  </si>
  <si>
    <t>【东方锅炉】内螺纹管\φ38.1×7.5\15CrMoG\16S1161-1-26\1000MW超超临界机组</t>
  </si>
  <si>
    <t>【东方锅炉】内螺纹管\φ38.1×7.5\15CrMoG\16S1161-1-27\1000MW超超临界机组</t>
  </si>
  <si>
    <t>【东方锅炉】内螺纹管\φ38.1×7.5\15CrMoG\16S1161-1-28\1000MW超超临界机组</t>
  </si>
  <si>
    <t>【东方锅炉】内螺纹管\φ38.1×7.5\15CrMoG\16S1161-1-29\1000MW超超临界机组</t>
  </si>
  <si>
    <t>【东方锅炉】内螺纹管\φ38.1×7.5\15CrMoG\16S1161-1-30\1000MW超超临界机组</t>
  </si>
  <si>
    <t>【东方锅炉】内螺纹管\φ38.1×7.5\15CrMoG\16S1161-1-31\1000MW超超临界机组</t>
  </si>
  <si>
    <t>【东方锅炉】管子\φ31.8×6.5\12Cr1MoVG\16S1162-1-4\1000MW超超临界机组</t>
  </si>
  <si>
    <t>【东方锅炉】管子\φ31.8×6.5\12Cr1MoVG\16S1162-1-5\1000MW超超临界机组</t>
  </si>
  <si>
    <t>【东方锅炉】管子\φ31.8×6.5\12Cr1MoVG\16S1162-1-6\1000MW超超临界机组</t>
  </si>
  <si>
    <t>【东方锅炉】管子\φ31.8×6.5\12Cr1MoVG\16S1162-1-7\1000MW超超临界机组</t>
  </si>
  <si>
    <t>【东方锅炉】管子\φ31.8×6.5\12Cr1MoVG\16S1162-1-8\1000MW超超临界机组</t>
  </si>
  <si>
    <t>【东方锅炉】管子\φ31.8×6.5\12Cr1MoVG\16S1162-1-9\1000MW超超临界机组</t>
  </si>
  <si>
    <t>【东方锅炉】管子\φ31.8×7.5\12Cr1MoVG\16S1163-1-5\1000MW超超临界机组</t>
  </si>
  <si>
    <t>【东方锅炉】管子\φ31.8×7.5\12Cr1MoVG\16S1163-1-6\1000MW超超临界机组</t>
  </si>
  <si>
    <t>【东方锅炉】内螺纹管\φ38.1×7.5\15CrMoG\16S1163-1-7\1000MW超超临界机组</t>
  </si>
  <si>
    <t>【东方锅炉】管子\φ31.8×7.5\12Cr1MoVG\16S1163-1-38\1000MW超超临界机组</t>
  </si>
  <si>
    <t>【东方锅炉】轴向密封\1.5mm\Q355GNH\276YR42-0\600MW超超临界机组</t>
  </si>
  <si>
    <t>【东方锅炉】轴向密封\1mm\Q355GNH\276YR42-0\600MW超超临界机组</t>
  </si>
  <si>
    <t>【东方锅炉】管子\φ45×10\SA-213S30432\26S211-1-1\1000MW超超临界机组</t>
  </si>
  <si>
    <t>【东方锅炉】轴向密封\1mm\Q355GNH\253YR42\1000MW超超临界机组</t>
  </si>
  <si>
    <t>【东方锅炉】轴向密封\1.5mm\Q355GNH\253YR42\1000MW超超临界机组</t>
  </si>
  <si>
    <t>【东方锅炉】轴向密封\H=1700 1.5mm\硬密封\Q355GNH\31YR42-1\29#预热器</t>
  </si>
  <si>
    <t>【东方锅炉】轴向密封\H=1900 1.5mm\硬密封\Q355GNH\151YR42\29#预热器</t>
  </si>
  <si>
    <t>【东方锅炉】管子\φ45×10\SA-213S30432\26S211-1-2\1000MW超超临界机组</t>
  </si>
  <si>
    <t>【东方锅炉】轴向密封\H=2150 1.5mm\硬密封\Q355GNH\169YR42\29#预热器</t>
  </si>
  <si>
    <t>【东方锅炉】轴向密封\H=2200 1.5mm\硬密封\Q355GNH\175YR42\29#预热器</t>
  </si>
  <si>
    <t>【东方锅炉】轴向密封\H=2300 1.5mm\硬密封\Q355GNH\199YR42\29#预热器</t>
  </si>
  <si>
    <t>【东方锅炉】轴向密封\H=2400 1.5mm\硬密封\Q355GNH\202YR42\29#预热器</t>
  </si>
  <si>
    <t>【东方锅炉】管子\φ45×10\SA-213S30432\26S211-1-3\1000MW超超临界机组</t>
  </si>
  <si>
    <t>【东方锅炉】轴向密封\H=2350\三叉\Q355GNH\259YR42\30#预热器</t>
  </si>
  <si>
    <t>【东方锅炉】轴向密封\H=2350 1.5mm\硬密封\Q355GNH\259YR42\30#预热器</t>
  </si>
  <si>
    <t>【东方锅炉】轴向密封\H=2500 1.5mm\硬密封\Q355GNH\217YR42\30#预热器</t>
  </si>
  <si>
    <t>【东方锅炉】轴向密封\H=1900 1.5mm\硬密封\Q355GNH\34YR42\32#预热器</t>
  </si>
  <si>
    <t>【东方锅炉】管子\φ45×10\SA-213S30432\26S211-1-4\1000MW超超临界机组</t>
  </si>
  <si>
    <t>【东方锅炉】轴向密封\H=2100 1.5mm\硬密封\Q355GNH\163YR42-1\32#预热器</t>
  </si>
  <si>
    <t>【东方锅炉】轴向密封\H=2200 1.5mm\硬密封\Q355GNH\134YR42\32#预热器</t>
  </si>
  <si>
    <t>【东方锅炉】轴向密封\H=2500 1.5mm\硬密封\Q355GNH\239YR42-1\32#预热器</t>
  </si>
  <si>
    <t>【东方锅炉】轴向密封\H=2500\三叉\Q355GNH\290YR42-10-0\33#预热器</t>
  </si>
  <si>
    <t>【东方锅炉】管子\φ45×10\SA-213S30432\26S211-1-5\1000MW超超临界机组</t>
  </si>
  <si>
    <t>【东方锅炉】轴向密封\H=2500 1.5mm\硬密封\Q355GNH\290YR42-1\33#预热器</t>
  </si>
  <si>
    <t>【东方锅炉】轴向密封\H=2250 1.5mm\硬密封\Q355GNH\165YR42-1\34.5#预热器</t>
  </si>
  <si>
    <t>【东方锅炉】轴向密封\H=2500\三叉\Q355GNH\308YR42\34.5#预热器</t>
  </si>
  <si>
    <t>【东方锅炉】轴向密封\H=2500 1.5mm\硬密封\Q355GNH\308YR42\34.5#预热器</t>
  </si>
  <si>
    <t>【东方锅炉】管子\φ45×10\SA-213S30432\26S211-1-6\1000MW超超临界机组</t>
  </si>
  <si>
    <t>【东方锅炉】轴向密封\1.5mm\Q355GNH\47YR42-0\29#预热器</t>
  </si>
  <si>
    <t>【东方锅炉】轴向密封\1.5mm\Q355GNH\31YR42-0\№1\29#预热器</t>
  </si>
  <si>
    <t>【东方锅炉】轴向密封\DH300 1.2\Q355GNH\31YR42-0\№2\29#预热器</t>
  </si>
  <si>
    <t>【东方锅炉】轴向密封\DH300 1.2\Q355GNH\35YR43-0\29#预热器</t>
  </si>
  <si>
    <t>【东方锅炉】管子\φ45×10\SA-213S30432\26S211-1-7\1000MW超超临界机组</t>
  </si>
  <si>
    <t>【东方锅炉】轴向密封\1.5mm\Q355GNH\31YR42-0\№3\29#预热器</t>
  </si>
  <si>
    <t>【东方锅炉】轴向密封\H=1900 1.5mm/硬密封\Q355GNH\89YR42\№1\29#预热器</t>
  </si>
  <si>
    <t>【东方锅炉】轴向密封\H=1900 1.5mm/硬密封\Q355GNH\28YR42-0\№1\29#预热器</t>
  </si>
  <si>
    <t>【东方锅炉】轴向密封\H=1900 1.5mm/硬密封\Q355GNH\89YR42\№2\29#预热器</t>
  </si>
  <si>
    <t>【东方锅炉】管子\φ45×10\SA-213S30432\26S211-1-8\1000MW超超临界机组</t>
  </si>
  <si>
    <t>【东方锅炉】轴向密封\H=1900 1.5mm/硬密封\Q355GNH\28YR42-0\№2\29#预热器</t>
  </si>
  <si>
    <t>【东方锅炉】轴向密封\ 1.5mm\Q355GNH\136YR42\29#预热器</t>
  </si>
  <si>
    <t>【东方锅炉】轴向密封\ 1.5mm\Q355GNH\169YR42 No.1\29#预热器</t>
  </si>
  <si>
    <t>【东方锅炉】轴向密封\ 1.5mm\Q355GNH\43YR42-0\№1\32#预热器</t>
  </si>
  <si>
    <t>【东方锅炉】管子\φ45×10\SA-213S30432\26S211-1-9\1000MW超超临界机组</t>
  </si>
  <si>
    <t>【东方锅炉】轴向密封\EH300 1.2\Q355GNH\34YR42-0\№1\32#预热器</t>
  </si>
  <si>
    <t>【东方锅炉】轴向密封\EH300 1.2\Q355GNH\34YR43-0\32#预热器</t>
  </si>
  <si>
    <t>【东方锅炉】轴向密封\1.5mm\Q355GNH\163YR42-0\32#预热器</t>
  </si>
  <si>
    <t>【东方锅炉】轴向密封\1.5mm\Q355GNH\158YR\№18\32#预热器</t>
  </si>
  <si>
    <t>【东方锅炉】管子\φ45×10\SA-213S30432\26S211-1-10\1000MW超超临界机组</t>
  </si>
  <si>
    <t>【东方锅炉】轴向密封\1.5mm\Q355GNH\110YR42\32#预热器</t>
  </si>
  <si>
    <t>【东方锅炉】轴向密封\1.5mm\Q355GNH\34YR42-0\№2\32#预热器</t>
  </si>
  <si>
    <t>【东方锅炉】轴向密封\1.5mm\Q355GNH\142YR42 No.1\32#预热器</t>
  </si>
  <si>
    <t>【东方锅炉】轴向密封\1.5mm\Q355GNH\120YR42\32#预热器</t>
  </si>
  <si>
    <t>【东方锅炉】管子\φ45×10\SA-213S30432\26S211-1-11\1000MW超超临界机组</t>
  </si>
  <si>
    <t>【东方锅炉】轴向密封\H=2500/三叉\Q355GNH\290YR42-0\№1\33#预热器</t>
  </si>
  <si>
    <t>【东方锅炉】轴向密封\H=2500 1.5mm\Q355GNH\290YR42-0\№2\33#预热器</t>
  </si>
  <si>
    <t>【东方锅炉】轴向密封\1.5mm\Q355GNH\165YR42-0\34.5#预热器</t>
  </si>
  <si>
    <t>【东方锅炉】轴向密封\1mm\Q355GNH\193YR42-0\№1\34.5#预热器</t>
  </si>
  <si>
    <t>【东方锅炉】管子\φ45×10\SA-213S30432\26S211-1-12\1000MW超超临界机组</t>
  </si>
  <si>
    <t>【东方锅炉】轴向密封\1.5mm\Q355GNH\193YR42-0\№2\34.5#预热器</t>
  </si>
  <si>
    <t>【东方锅炉】轴向密封\1mm\Q355GNH\122YR42\№1\34.5#预热器</t>
  </si>
  <si>
    <t>【东方锅炉】轴向密封\1.5mm\Q355GNH\122YR42\№2\34.5#预热器</t>
  </si>
  <si>
    <t>【东方锅炉】轴向密封\1.5mm\Q355GNH\43YR42-0\№2\32#预热器</t>
  </si>
  <si>
    <t>【东方锅炉】管子\φ45×10\SA-213S30432\26S211-1-13\1000MW超超临界机组</t>
  </si>
  <si>
    <t>【东方锅炉】热端蓄热元件\38CrMoAlA\227YR61-11\29#预热器</t>
  </si>
  <si>
    <t>【东方锅炉】支撑块\№4\ZG15CrMo\TGS22004\1000MW超超临界机组</t>
  </si>
  <si>
    <t>【东方锅炉】支撑块\№6\ZG15CrMo\TGS22004\1000MW超超临界机组</t>
  </si>
  <si>
    <t>【东方锅炉】支撑块\δ8\15CrMog\66M218-3-4\300MW亚临界CFB机组</t>
  </si>
  <si>
    <t>【东方锅炉】管子\φ45×10\SA-213S30432\26S211-1-14\1000MW超超临界机组</t>
  </si>
  <si>
    <t>【东方锅炉】支撑块\D=57\装配件\TGS22010\No.1\I型\100万超超临界前后墙炉</t>
  </si>
  <si>
    <t>【东方锅炉】支撑块\L=120\ZG12Cr1MoV\TGS22011\II型\No.2\100万超超临界前后墙炉</t>
  </si>
  <si>
    <t>【东方锅炉】支撑块\D=57\ZG12Cr1MoV\TGS22004\No.2\100万超超临界前后墙炉</t>
  </si>
  <si>
    <t>【东方锅炉】支撑块\R118.5\ZG12Cr18Ni9\TGS22019\I型\No.2\100万超超临界前后墙炉</t>
  </si>
  <si>
    <t>【东方锅炉】管子\φ45×10\SA-213S30432\26S211-1-15\1000MW超超临界机组</t>
  </si>
  <si>
    <t>【东方锅炉】支撑板\δ10\12Cr1MoV\57N311-1-9\600MW超临界机组</t>
  </si>
  <si>
    <t>【东方锅炉】支撑板\δ16\Q345B\119M1112-1-19\350MW超临界机组</t>
  </si>
  <si>
    <t>【东方锅炉】支撑板\L=89\12Cr18Ni9\15S6121-1-9\100万超超临界前后墙炉</t>
  </si>
  <si>
    <t>【东方锅炉】支撑板\硅酸铝耐火纤维毡\102M61-8-5\33万亚临界四角切圆炉\δ20</t>
  </si>
  <si>
    <t>【东方锅炉】管子\φ45×10\SA-213S30432\26S211-1-16\1000MW超超临界机组</t>
  </si>
  <si>
    <t>【东方锅炉】蒸汽取样器\φ40\装配件\38M245A-2-1\30万亚临界W炉</t>
  </si>
  <si>
    <t>【东方锅炉】蒸汽取样器\φ70\装配件\38M2421-2-2\30万亚临界W炉</t>
  </si>
  <si>
    <t>【东方锅炉】蒸汽取样器\φ57×8.5\装配件\34N247-1-3\60万亚临界前后墙对冲炉</t>
  </si>
  <si>
    <t>【东方锅炉】折流板\L=1078\Q235A\106N6151-6-13\66万超临界W炉</t>
  </si>
  <si>
    <t>【东方锅炉】管子\φ45×10\SA-213S30432\26S211-1-17\1000MW超超临界机组</t>
  </si>
  <si>
    <t>【东方锅炉】折板\№1;L=24.8m\Q235A\22S8182-3-1\1000MW超超临界机组</t>
  </si>
  <si>
    <t>【东方锅炉】折板\№1;L=22.8m\Q235A\22S8182-3-1\1000MW超超临界机组</t>
  </si>
  <si>
    <t>【东方锅炉】折板\L=50\12Cr18Ni9\15S6121-2-9\100万超超临界前后墙炉</t>
  </si>
  <si>
    <t>【东方锅炉】管子\φ45×10\SA-213S30432\26S211-1-18\1000MW超超临界机组</t>
  </si>
  <si>
    <t>【东方锅炉】圆弧板\δ9,R38.5\15CrMoR\99N2131-1-31\660MW超临界机组</t>
  </si>
  <si>
    <t>【东方锅炉】圆钢\φ6 L=1000\20G\300MW亚临界机组</t>
  </si>
  <si>
    <t>【东方锅炉】圆钢\φ14 L=1000\15CrMo\300MW亚临界机组</t>
  </si>
  <si>
    <t>【东方锅炉】圆钢\φ6 L=1000\15CrMo\300MW亚临界机组</t>
  </si>
  <si>
    <t>【东方锅炉】管子\φ45×10\SA-213S30432\26S211-1-19\1000MW超超临界机组</t>
  </si>
  <si>
    <t>【东方锅炉】圆钢\φ10 L=1000\20G\300MW亚临界机组</t>
  </si>
  <si>
    <t>【东方锅炉】圆钢\φ8 L=1000\12Cr1MoV\300MW亚临界机组</t>
  </si>
  <si>
    <t>【东方锅炉】圆钢\φ16 L=1000\12Cr1MoV\150MW CFB锅炉</t>
  </si>
  <si>
    <t>【东方锅炉】圆钢\№2\12Cr18Ni9\22S813-24\1000MW超超临界机组</t>
  </si>
  <si>
    <t>【东方锅炉】管子\φ45×10\SA-213S30432\26S211-1-20\1000MW超超临界机组</t>
  </si>
  <si>
    <t>【东方锅炉】圆钢\№3\12Cr1MoV\22S813-24\1000MW超超临界机组</t>
  </si>
  <si>
    <t>【东方锅炉】圆钢\φ12 L=1000\15CrMo\300MW亚临界CFB机组</t>
  </si>
  <si>
    <t>【东方锅炉】圆钢\φ8 L=1000\15CrMo\300MW亚临界CFB机组</t>
  </si>
  <si>
    <t>【东方锅炉】圆钢\φ10 L=1000\15CrMo\300MW亚临界CFB机组</t>
  </si>
  <si>
    <t>【东方锅炉】管子\φ45×10\SA-213S30432\26S211-1-21\1000MW超超临界机组</t>
  </si>
  <si>
    <t>【东方锅炉】圆钢\φ20 L=1000\20G\300MW亚临界CFB机组</t>
  </si>
  <si>
    <t>【东方锅炉】圆法兰\δ20\Q235A\51M61-9-9\№2\30万亚临界四角切圆炉</t>
  </si>
  <si>
    <t>【东方锅炉】油燃烧器喷口\φ534×3.5\装配件\51M61-6-0\30万亚临界四角切圆炉</t>
  </si>
  <si>
    <t>【东方锅炉】油枪伸缩套易损件\装配件\SST-40 No1\600MW超临界机组</t>
  </si>
  <si>
    <t>【东方锅炉】管子\φ45×10\SA-213S30432\26S211-1-22\1000MW超超临界机组</t>
  </si>
  <si>
    <t>【东方锅炉】油枪\装配件\YQ-40 No\600MW超临界机组</t>
  </si>
  <si>
    <t>【东方锅炉】油泵\600MW机组稀油站用\装配件\59YR71\№1\32#预热器</t>
  </si>
  <si>
    <t>【东方锅炉】油泵\600MW机组稀油站用\装配件\43YR72\№1\32#预热器</t>
  </si>
  <si>
    <t>【东方锅炉】油杯组件\227YR61-4-0\29#预热器</t>
  </si>
  <si>
    <t>【东方锅炉】管子\φ45×10\SA-213S30432\26S211-1-23\1000MW超超临界机组</t>
  </si>
  <si>
    <t>【东方锅炉】推力轴承油杯组件\227YR62-13-0\29#预热器</t>
  </si>
  <si>
    <t>【东方锅炉】异种管焊接管\φ51×8.5;L=200+200\SA-213T91/SA-213T22\66M312-0\300MW亚临界CFB机组</t>
  </si>
  <si>
    <t>【东方锅炉】异种管焊接管\φ76.1×4.5\SA-213T91/SA-213T22\66M312-0\300MW亚临界CFB机组</t>
  </si>
  <si>
    <t>【东方锅炉】异种管焊接管\φ44.5×7.5;L=200+200\SA-213T91/SA-213T22\66M312-0\300MW亚临界CFB机组</t>
  </si>
  <si>
    <t>【东方锅炉】异种管焊接管\φ51×8;L=200+200\SA-213T91/SA-213T22\66M312-0\300MW亚临界CFB机组</t>
  </si>
  <si>
    <t>【东方锅炉】异种管焊接管\φ51×7.5;L=200+200\SA-213T91/SA-213T22\66M312-0\300MW亚临界CFB机组</t>
  </si>
  <si>
    <t>【东方锅炉】异种管焊接管\φ44.5×9.6;L=200+200\SA-213T91/SA-213T22\66M312-0\300MW亚临界CFB机组</t>
  </si>
  <si>
    <t>【东方锅炉】异种钢接头\φ57×8/φ57×9\12Cr1MoVG/T91\TGA00808\30万亚临界W炉</t>
  </si>
  <si>
    <t>【东方锅炉】异种钢接头\φ57×6/φ51×6\12Cr1MoVG/T91\YZGJT-40\30万亚临界四角切圆炉</t>
  </si>
  <si>
    <t>【东方锅炉】异种钢接头\φ54×9/ φ51×7\12Cr1MoVG/T91\YZGJT-41\30万亚临界四角切圆炉</t>
  </si>
  <si>
    <t>【东方锅炉】异种钢接头\φ54×9/ φ51×7\T91/TP347H\YZGJT-42\30万亚临界四角切圆炉</t>
  </si>
  <si>
    <t>【东方锅炉】异种钢接头\60×8\12Cr1MoVG/T91\YZGJT-43\30万亚临界四角切圆炉</t>
  </si>
  <si>
    <t>【东方锅炉】异种钢接头\φ54×9/ φ51×7\T91\TP347H\YZGJT-44\30万亚临界四角切圆炉</t>
  </si>
  <si>
    <t>【东方锅炉】管子\φ54×13\SA-213TP310HCbN \16S211-1-26\1000MW超超临界机组</t>
  </si>
  <si>
    <t>【东方锅炉】管子\φ54×12;L=9781.4\SA-213TP310HCbN \16S211-1-26\1000MW超超临界机组</t>
  </si>
  <si>
    <t>【东方锅炉】异种钢接头\φ54×9/ φ51×7\12Cr1MoVG\T91\YZGJT-45\30万亚临界四角切圆炉</t>
  </si>
  <si>
    <t>【东方锅炉】异种钢接头\φ54×9/ φ51×7\T91\TP347H\YZGJT-46\30万亚临界四角切圆炉</t>
  </si>
  <si>
    <t>【东方锅炉】异种钢接头\φ54×8.5/ φ51×9 L299\12Cr1MoVG\T91\YZGJT-47\30万亚临界四角切圆炉</t>
  </si>
  <si>
    <t>【东方锅炉】异种钢接头\φ54×8.5/ φ51×9 L199\12Cr1MoVG\T91\YZGJT-48\30万亚临界四角切圆炉</t>
  </si>
  <si>
    <t>【东方锅炉】管子\φ45×10\SA-213S30432\26S211-2-1\1000MW超超临界机组</t>
  </si>
  <si>
    <t>【东方锅炉】异种钢接头\φ60×4/φ63.5×4\12Cr1MoVG\T91\YZGJT-49\30万亚临界四角切圆炉</t>
  </si>
  <si>
    <t>【东方锅炉】异种钢接头\φ60×4/φ63.5×6\15CrMoG\T22\YZGJT-50\30万亚临界四角切圆炉</t>
  </si>
  <si>
    <t>【东方锅炉】异种钢接头\φ63.5×4/φ63.5×6\12Cr1MoVG\T22\YZGJT-51\30万亚临界四角切圆炉</t>
  </si>
  <si>
    <t>【东方锅炉】异种钢接头\φ60.3×6/φ60×4;L299\12Cr1MoVG\T91\YZGJT-51\30万亚临界四角切圆炉</t>
  </si>
  <si>
    <t>【东方锅炉】管子\φ45×10\SA-213S30432\26S211-2-2\1000MW超超临界机组</t>
  </si>
  <si>
    <t>【东方锅炉】异种钢接头\φ60.3×6/φ60×4;L199\12Cr1MoVG\T91\YZGJT-52\30万亚临界四角切圆炉</t>
  </si>
  <si>
    <t>【东方锅炉】异种钢接头\φ60.3×6/φ60×4;L299\SA-213TP347H\T91\YZGJT-53\30万亚临界四角切圆炉</t>
  </si>
  <si>
    <t>【东方锅炉】异种钢接头\φ63.5×19/φ63.5×13.5\12Cr1MoVG\SA-213T91\YZGJT-54\35万超临界前后墙炉</t>
  </si>
  <si>
    <t>【东方锅炉】异种钢接头\φ63.5×19/φ63.5×13.5\SA-213T91\SA-213TP347H\YZGJT-55\35万超临界前后墙炉</t>
  </si>
  <si>
    <t>【东方锅炉】管子\φ45×10\SA-213S30432\26S211-2-3\1000MW超超临界机组</t>
  </si>
  <si>
    <t>【东方锅炉】异种钢接头\φ63.5×19/φ63.5×13.5\12Cr1MoVG\SA-213T91\YZGJT-56\35万超临界前后墙炉</t>
  </si>
  <si>
    <t>【东方锅炉】异种钢接头\φ63.5×19/φ63.5×13.5\SA-213T91\SA-213TP347H\YZGJT-57\35万超临界前后墙炉</t>
  </si>
  <si>
    <t>【东方锅炉】异种钢接头\φ50.8×4\SA-213T91\SA-213TP347H\YZGJT-59\35万超临界前后墙炉</t>
  </si>
  <si>
    <t>【东方锅炉】异种钢接头\φ45×7.5\SA-213T91\12Cr1MoVG\89N9812-2-0\66万超临界W炉</t>
  </si>
  <si>
    <t>【东方锅炉】管子\φ45×10\SA-213S30432\26S211-2-4\1000MW超超临界机组</t>
  </si>
  <si>
    <t>【东方锅炉】异种钢接头\φ51×8\φ51×12\SA-213T91\SA-213TP347HFG\89N9812-3-0\66万超临界W炉</t>
  </si>
  <si>
    <t>【东方锅炉】异种钢接头\φ45×7.5/φ45×11\SA-213T91\SA-213TP347H\89N9812-4-0\66万超临界W炉</t>
  </si>
  <si>
    <t>【东方锅炉】异种钢接头\φ45×7.5/φ45×11\SA-213T91\SA-213TP349HFG\89N9812-5-0\66万超临界W炉</t>
  </si>
  <si>
    <t>【东方锅炉】异种钢接头\φ45×11\SA-213T91\SA-213TP350HFG\89N9812-6-0\66万超临界W炉</t>
  </si>
  <si>
    <t>【东方锅炉】管子\φ45×10\SA-213S30432\26S211-2-5\1000MW超超临界机组</t>
  </si>
  <si>
    <t>【东方锅炉】异种钢接头\φ45×11\SA-213T91\SA-213TP347H\89N9812-7-0\66万超临界W炉</t>
  </si>
  <si>
    <t>【东方锅炉】异种钢接头\φ51×12\SA-213T91\SA-213TP352HFG\89N9812-8-0\66万超临界W炉</t>
  </si>
  <si>
    <t>【东方锅炉】异种钢接头\φ51×8\SA-213T91\SA-213TP353HFG\89N9812-9-0\66万超临界W炉</t>
  </si>
  <si>
    <t>【东方锅炉】异种钢接头\φ45×7.5/φ45×8.5\SA-213T91\SA-213TP347H\89N9812-10-0\66万超临界W炉</t>
  </si>
  <si>
    <t>【东方锅炉】管子\φ45×10\SA-213S30432\26S211-2-6\1000MW超超临界机组</t>
  </si>
  <si>
    <t>【东方锅炉】异种钢接头\φ45×7.5/φ45×8.5\SA-213T91\SA-213TP353HFG\89N9812-11-0\66万超临界W炉</t>
  </si>
  <si>
    <t>【东方锅炉】异种钢接头\φ45×8.5\SA-213T91\SA-213TP347H\89N9812-12-0\66万超临界W炉</t>
  </si>
  <si>
    <t>【东方锅炉】异种钢接头\φ45×8.5\SA-213T91\SA-213TP353HFG\89N9812-13-0\66万超临界W炉</t>
  </si>
  <si>
    <t>【东方锅炉】异种钢接头\φ51×9\SA-213T91\SA-213TP353HFG\89N9812-14-0\66万超临界W炉</t>
  </si>
  <si>
    <t>【东方锅炉】管子\φ45×10\SA-213S30432\26S211-2-7\1000MW超超临界机组</t>
  </si>
  <si>
    <t>【东方锅炉】异种钢接头\φ57×4.5\SA-213T91\12Cr1MoVG\89N9812-15-0\66万超临界W炉</t>
  </si>
  <si>
    <t>【东方锅炉】异种钢接头\φ51×4\SA-213T91\12Cr2MoVG\89N9812-16-0\66万超临界W炉</t>
  </si>
  <si>
    <t>【东方锅炉】异种钢接头\φ57×4.5\SA-213T91\SA-213TP353HFG\89N9812-17-0\66万超临界W炉</t>
  </si>
  <si>
    <t>【东方锅炉】异种钢接头\φ51×4\SA-213T91\SA-213TP347H\89N9812-18-0\66万超临界W炉</t>
  </si>
  <si>
    <t>【东方锅炉】管子\φ45×10\SA-213S30432\26S211-2-8\1000MW超超临界机组</t>
  </si>
  <si>
    <t>【东方锅炉】异种钢接头\φ51×4\SA-213T91\SA-213TP352HFG\89N9812-19-0\66万超临界W炉</t>
  </si>
  <si>
    <t>【东方锅炉】异种钢接头\φ45×10\SA-213T91\SA-213S30432\143N9812-2-0\66万超超临界前后墙对冲炉</t>
  </si>
  <si>
    <t>【东方锅炉】异种钢接头\φ51×14\SA-213T92\SA-213TP310HCbN\143N9812-3-0\66万超超临界前后墙对冲炉</t>
  </si>
  <si>
    <t>【东方锅炉】异种钢接头\φ45×13\SA-213T92\SA-213TP310HCbN\143N9812-4-0\66万超超临界前后墙对冲炉</t>
  </si>
  <si>
    <t>【东方锅炉】管子\φ45×10\SA-213S30432\26S211-2-9\1000MW超超临界机组</t>
  </si>
  <si>
    <t>【东方锅炉】异种钢接头\φ51×9.5\SA-213T91\SA-213TP310HCbN\143N9812-5-0\66万超超临界前后墙对冲炉</t>
  </si>
  <si>
    <t>【东方锅炉】异种钢接头\φ45×9\SA-213T91\SA-213TP310HCbN\143N9812-6-0\66万超超临界前后墙对冲炉</t>
  </si>
  <si>
    <t>【东方锅炉】异种钢接头\φ51×13\SA-213T92\SA-213TP310HCbN\143N9812-7-0\66万超超临界前后墙对冲炉</t>
  </si>
  <si>
    <t>【东方锅炉】异种钢接头\φ45×12\SA-213T92\SA-213TP310HCbN\143N9812-8-0\66万超超临界前后墙对冲炉</t>
  </si>
  <si>
    <t>【东方锅炉】异种钢接头\φ60×7/φ60×5.5\12Cr1MoVG\SA-213TP310HCbN\143N9812-9-0\66万超超临界前后墙对冲炉</t>
  </si>
  <si>
    <t>【东方锅炉】异种钢接头\φ51×9\SA-213T92\SA-213S30432\143N9812-10-0\66万超超临界前后墙对冲炉</t>
  </si>
  <si>
    <t>【东方锅炉】异种钢接头\φ57×5/φ57×6.5\12Cr1MoVG\SA-213S30432\143N9812-11-0\66万超超临界前后墙对冲炉</t>
  </si>
  <si>
    <t>【东方锅炉】异种钢接头\φ60×8/φ60×7.5\SA-213T92\SA-213TP310HCbN\143N9812-12-0\66万超超临界前后墙对冲炉5</t>
  </si>
  <si>
    <t>【东方锅炉】异种钢接头\51×4\SA-213T92\SA-213S30432\143N9812-13-0\66万超超临界前后墙对冲炉</t>
  </si>
  <si>
    <t>【东方锅炉】异种钢接头\φ57×8/φ57×6.5\SA-213T92\SA-213S30432\143N9812-14-0\66万超超临界前后墙对冲炉</t>
  </si>
  <si>
    <t>【东方锅炉】异种钢接头\φ57×7\SA-213T91\SA-213TP310HCbN\143N9812-15-0\66万超超临界前后墙对冲炉</t>
  </si>
  <si>
    <t>【东方锅炉】异种钢接头\φ51×6/φ57×6.5\SA-213T91\SA-213S30432\143N9812-16-0\66万超超临界前后墙对冲炉</t>
  </si>
  <si>
    <t>【东方锅炉】异种钢接头\φ57×3.5\SA-213T91\SA-213TP310HCbN\143N9812-17-0\66万超超临界前后墙对冲炉</t>
  </si>
  <si>
    <t>【东方锅炉】异种钢接头\φ51×3.5\SA-213T91\SA-213TP310HCbN\143N9812-18-0\66万超超临界前后墙对冲炉</t>
  </si>
  <si>
    <t>【东方锅炉】异种钢接头\φ51×3.5\SA-213T91\SA-213S30432\143N9812-19-0\66万超超临界前后墙对冲炉</t>
  </si>
  <si>
    <t>【东方锅炉】管子\φ54×12;L=9781.4\SA-213TP310HCbN \16S211-2-12\1000MW超超临界机组</t>
  </si>
  <si>
    <t>【东方锅炉】异种钢接头\φ38.1×7.5\SA-213T92\SUPER304H\100万超超临界前后墙炉</t>
  </si>
  <si>
    <t>【东方锅炉】异种钢接头\φ38.1×7.5\SA-213T91\SA-213TP347HFG\100万超超临界前后墙炉</t>
  </si>
  <si>
    <t>【东方锅炉】蛇形管\φ57×9\12Cr1MoVG\16S2121-1-1\1000MW超超临界机组</t>
  </si>
  <si>
    <t>【东方锅炉】蛇形管\φ57×9\12Cr1MoVG\16S2121-1-2\1000MW超超临界机组</t>
  </si>
  <si>
    <t>【东方锅炉】蛇形管\φ57×9\12Cr1MoVG\16S2121-1-3\1000MW超超临界机组</t>
  </si>
  <si>
    <t>【东方锅炉】蛇形管\φ57×9\12Cr1MoVG\16S2121-2-1\1000MW超超临界机组</t>
  </si>
  <si>
    <t>【东方锅炉】蛇形管\φ57×9\12Cr1MoVG\16S2121-2-2\1000MW超超临界机组</t>
  </si>
  <si>
    <t>【东方锅炉】蛇形管\φ57×9\12Cr1MoVG\16S2121-2-3\1000MW超超临界机组</t>
  </si>
  <si>
    <t>【东方锅炉】蛇形管\φ57×9\12Cr1MoVG\16S2121-6-1\1000MW超超临界机组</t>
  </si>
  <si>
    <t>【东方锅炉】蛇形管\φ57×9\12Cr1MoVG\16S2121-6-2\1000MW超超临界机组</t>
  </si>
  <si>
    <t>【东方锅炉】管子\φ57×10.9\12Cr1MoVG\16S2122-1-1\1000MW超超临界机组</t>
  </si>
  <si>
    <t>【东方锅炉】管子\φ57×9\12Cr1MoVG\16S2122-1-1\1000MW超超临界机组</t>
  </si>
  <si>
    <t>【东方锅炉】管子\φ57×10.9\12Cr1MoVG\16S2122-1-2\1000MW超超临界机组</t>
  </si>
  <si>
    <t>【东方锅炉】管子\φ57×9\12Cr1MoVG\16S2122-1-2\1000MW超超临界机组</t>
  </si>
  <si>
    <t>【东方锅炉】管子\φ57×10.5\12Cr1MoVG\16S2122-1-3\1000MW超超临界机组</t>
  </si>
  <si>
    <t>【东方锅炉】管子\φ57×9\12Cr1MoVG\16S2122-1-3\1000MW超超临界机组</t>
  </si>
  <si>
    <t>【东方锅炉】管子\φ57×10.5\12Cr1MoVG\16S2122-2-1\1000MW超超临界机组</t>
  </si>
  <si>
    <t>【东方锅炉】管子\φ57×9\12Cr1MoVG\16S2122-2-1\1000MW超超临界机组</t>
  </si>
  <si>
    <t>【东方锅炉】管子\φ57×10.5\12Cr1MoVG\16S2122-2-2\1000MW超超临界机组</t>
  </si>
  <si>
    <t>【东方锅炉】管子\φ57×9\12Cr1MoVG\16S2122-2-2\1000MW超超临界机组</t>
  </si>
  <si>
    <t>【东方锅炉】管子\φ57×10.5\12Cr1MoVG\16S2122-2-3\1000MW超超临界机组</t>
  </si>
  <si>
    <t>【东方锅炉】管子\φ57×9\12Cr1MoVG\16S2122-2-3\1000MW超超临界机组</t>
  </si>
  <si>
    <t>【东方锅炉】钢板\δ10\12Cr18Ni9\15S2122-9-1\1000MW超超临界机组</t>
  </si>
  <si>
    <t>【东方锅炉】管子\φ57×10.5\12Cr1MoVG\16S2122-5-1\1000MW超超临界机组</t>
  </si>
  <si>
    <t>【东方锅炉】管子\φ57×9\12Cr1MoVG\16S2122-5-1\1000MW超超临界机组</t>
  </si>
  <si>
    <t>【东方锅炉】管子\φ57×10.5\12Cr1MoVG\16S2122-5-2\1000MW超超临界机组</t>
  </si>
  <si>
    <t>【东方锅炉】管子\φ57×9\12Cr1MoVG\16S2122-5-2\1000MW超超临界机组</t>
  </si>
  <si>
    <t>【东方锅炉】管子\φ57×10.5\12Cr1MoVG\16S2122-5-3\1000MW超超临界机组</t>
  </si>
  <si>
    <t>【东方锅炉】管子\φ57×9\12Cr1MoVG\16S2122-5-3\1000MW超超临界机组</t>
  </si>
  <si>
    <t>【东方锅炉】管子\φ57×10.5\12Cr1MoVG\16S2122-6-1\1000MW超超临界机组</t>
  </si>
  <si>
    <t>【东方锅炉】管子\φ57×9\12Cr1MoVG\16S2122-6-1\1000MW超超临界机组</t>
  </si>
  <si>
    <t>【东方锅炉】管子\φ57×10.5\12Cr1MoVG\16S2122-6-2\1000MW超超临界机组</t>
  </si>
  <si>
    <t>【东方锅炉】管子\φ57×9\12Cr1MoVG\16S2122-6-2\1000MW超超临界机组</t>
  </si>
  <si>
    <t>【东方锅炉】管子\φ57×10.5\12Cr1MoVG\16S2122-6-3\1000MW超超临界机组</t>
  </si>
  <si>
    <t>【东方锅炉】管子\φ57×9\12Cr1MoVG\16S2122-6-3\1000MW超超临界机组</t>
  </si>
  <si>
    <t>【东方锅炉】管子\φ51×10×10\12Cr1MoVG\23S2123-1-1\1000MW超超临界机组</t>
  </si>
  <si>
    <t>【东方锅炉】管子\φ51×10×10\12Cr1MoVG\23S2123-1-2\1000MW超超临界机组</t>
  </si>
  <si>
    <t>【东方锅炉】管子\φ51×10×10\12Cr1MoVG\23S2123-1-3\1000MW超超临界机组</t>
  </si>
  <si>
    <t>【东方锅炉】管子\φ51×10×10\12Cr1MoVG\23S2124-1-1\1000MW超超临界机组</t>
  </si>
  <si>
    <t>【东方锅炉】管子\φ57×15\12Cr1MoVG\23S2124-1-2\1000MW超超临界机组</t>
  </si>
  <si>
    <t>【东方锅炉】管子\φ51×10\12Cr1MoVG\23S2124-2-1\1000MW超超临界机组</t>
  </si>
  <si>
    <t>【东方锅炉】管子\φ51×10;L=5146.9\12Cr1MoVG\23S2124-3-0\1000MW超超临界机组</t>
  </si>
  <si>
    <t>【东方锅炉】管子\φ57×15\12Cr1MoVG\23S2124-3-1\1000MW超超临界机组</t>
  </si>
  <si>
    <t>【东方锅炉】管子\φ51×10;L=1475.3\12Cr1MoVG\23S2124-4-0\1000MW超超临界机组</t>
  </si>
  <si>
    <t>【东方锅炉】管子\φ57×15\12Cr1MoVG\23S2124-4-1\1000MW超超临界机组</t>
  </si>
  <si>
    <t>【东方锅炉】管子\φ51×10×10\12Cr1MoVG\23S2124-5-1\1000MW超超临界机组</t>
  </si>
  <si>
    <t>【东方锅炉】管子\φ57×15\12Cr1MoVG\23S2124-5-2\1000MW超超临界机组</t>
  </si>
  <si>
    <t>【东方锅炉】管子\φ51×10×10\12Cr1MoVG\23S2124-6-1\1000MW超超临界机组</t>
  </si>
  <si>
    <t>【东方锅炉】管子\φ57×15;L=7205\12Cr1MoVG\30S2124-0\1000MW超超临界机组</t>
  </si>
  <si>
    <t>【东方锅炉】管子\φ57×15;L=10m\12Cr1MoVG\16S2124-1-0\1000MW超超临界机组</t>
  </si>
  <si>
    <t>【东方锅炉】管子\φ57×15\12Cr1MoVG\23S2124-8-1\1000MW超超临界机组</t>
  </si>
  <si>
    <t>【东方锅炉】管子\φ57×15\12Cr1MoVG\23S2124-9-1\1000MW超超临界机组</t>
  </si>
  <si>
    <t>【东方锅炉】管子\φ63.5×10\12Cr1MoVG\16S2131-1-4\1000MW超超临界机组</t>
  </si>
  <si>
    <t>【东方锅炉】管子\φ63.5×10\12Cr1MoVG\16S2131-2-1\1000MW超超临界机组</t>
  </si>
  <si>
    <t>【东方锅炉】管子\φ63.5×10\12Cr1MoVG\16S2131-3-5\1000MW超超临界机组</t>
  </si>
  <si>
    <t>【东方锅炉】管子\φ57×9\15CrMoG\23S2133-2-1\1000MW超超临界机组</t>
  </si>
  <si>
    <t>【东方锅炉】管子\φ57×9\15CrMoG\23S2133-12-1\1000MW超超临界机组</t>
  </si>
  <si>
    <t>【东方锅炉】管子\φ38.1×7\15CrMoG\22S2141-7-1\1000MW超超临界机组</t>
  </si>
  <si>
    <t>【东方锅炉】管子\φ38.1×7\15CrMoG\22S2141-7-2\1000MW超超临界机组</t>
  </si>
  <si>
    <t>【东方锅炉】管子\φ54×15\15CrMoG\22S2141-7-3\1000MW超超临界机组</t>
  </si>
  <si>
    <t>【东方锅炉】管子\φ38.1×7;L=10814\15CrMoG\16S2145-1-0\1000MW超超临界机组</t>
  </si>
  <si>
    <t>【东方锅炉】管子\φ38.1×7;L=11238.2\15CrMoG\16S2145-1-0\1000MW超超临界机组</t>
  </si>
  <si>
    <t>【东方锅炉】管子\φ38.1×7\15CrMoG\22S2145-1-1\1000MW超超临界机组</t>
  </si>
  <si>
    <t>【东方锅炉】管子\φ38.1×7\15CrMoG\22S2145-1-2\1000MW超超临界机组</t>
  </si>
  <si>
    <t>【东方锅炉】管子\φ38.1×7;L=11238.2\15CrMoG\16S2145-2-0\1000MW超超临界机组</t>
  </si>
  <si>
    <t>【东方锅炉】管子\φ38.1×7;L=10814\15CrMoG\16S2145-3-0\1000MW超超临界机组</t>
  </si>
  <si>
    <t>【东方锅炉】管子\φ38.1×7;L=11238.2\15CrMoG\16S2145-3-0\1000MW超超临界机组</t>
  </si>
  <si>
    <t>【东方锅炉】管子\φ38.1×7;L=11238.2\15CrMoG\16S2145-4-0\1000MW超超临界机组</t>
  </si>
  <si>
    <t>【东方锅炉】管子\φ38.1×7\15CrMoG\22S2145-5-1\1000MW超超临界机组</t>
  </si>
  <si>
    <t>【东方锅炉】管子\φ38.1×7;L=11448\15CrMoG\16S2145-5-0\1000MW超超临界机组</t>
  </si>
  <si>
    <t>【东方锅炉】管子\φ38.1×7;L=11448\15CrMoG\16S2145-6-0\1000MW超超临界机组</t>
  </si>
  <si>
    <t>【东方锅炉】管子\φ38.1×7;L=11448\15CrMoG\16S2145-7-0\1000MW超超临界机组</t>
  </si>
  <si>
    <t>【东方锅炉】管子\φ38.1×7;L=11448\15CrMoG\16S2145-8-0\1000MW超超临界机组</t>
  </si>
  <si>
    <t>【东方锅炉】异种钢接头\φ38.1×7.5\SA-213T92\HR3C\YZGJT-62\100万超超临界前后墙炉</t>
  </si>
  <si>
    <t>【东方锅炉】异种钢接头\φ38.1×7.5\12Cr1MoVG\HR3C\YZGJT-64\100万超超临界前后墙炉</t>
  </si>
  <si>
    <t>【东方锅炉】异种钢接头\φ38.1×7.5\SA-213T92\HR3C\YZGJT-65\100万超超临界前后墙炉</t>
  </si>
  <si>
    <t>【东方锅炉】管子\φ51×11.5;L=300\SA-213T92\16S215A-1-1\1000MW超超临界机组</t>
  </si>
  <si>
    <t>【东方锅炉】异种钢接头\φ38.1×7.5\12Cr1MoVG\HR3C\YZGJT-66\100万超超临界前后墙炉</t>
  </si>
  <si>
    <t>【东方锅炉】异种钢接头\φ38.1×7.5\SA-213T92\HR3C\YZGJT-67\100万超超临界前后墙炉</t>
  </si>
  <si>
    <t>【东方锅炉】管子\φ45×10.5;Lz=20564\SA-213TP310HCbN \30S215-1-1\1000MW超超临界机组</t>
  </si>
  <si>
    <t>【东方锅炉】异种钢接头\φ38.1×7.5\12Cr1MoVG\SA-213TP347HFG\YZGJT-68\100万超超临界前后墙炉</t>
  </si>
  <si>
    <t>【东方锅炉】异种钢接头\φ38.1×7.5\SA-213T92\SUPER304H\YZGJT-69\100万超超临界前后墙炉</t>
  </si>
  <si>
    <t>【东方锅炉】异种钢接头\φ38.1×7.5\SA-213T92\HR3C\TGA00808\100万超超临界前后墙炉</t>
  </si>
  <si>
    <t>【东方锅炉】管子\φ45×10.5;Lz=20341.4\SA-213TP310HCbN \30S215-1-2\1000MW超超临界机组</t>
  </si>
  <si>
    <t>【东方锅炉】异种钢接头\φ38.1×7.5\HR3C\12Cr1MoVG\TGA00808\100万超超临界前后墙炉</t>
  </si>
  <si>
    <t>【东方锅炉】异种钢接头\φ38.1×7.5\SA-213TP347HFG\12Cr1MoVG\TGA00808\100万超超临界前后墙炉</t>
  </si>
  <si>
    <t>【东方锅炉】管子\φ45×10;Lz=20053.8\SA-213S30432\16S215A-1-4\1000MW超超临界机组</t>
  </si>
  <si>
    <t>【东方锅炉】异种钢接头\φ44.5×7\12Cr1MoVGSA-213T23\15-10223T-3-0\60万亚临界前后墙对冲炉</t>
  </si>
  <si>
    <t>【东方锅炉】异种钢接头\φ44.5×7\SA-213TP347H\SA-213T91\15-10223T-4-0\60万亚临界前后墙对冲炉</t>
  </si>
  <si>
    <t>【东方锅炉】异种钢接头\φ44.5×7\SA-213T23\SA-213T91\15-10223T-5-0\60万亚临界前后墙对冲炉</t>
  </si>
  <si>
    <t>【东方锅炉】管子\φ45×10;Lz=19831.2\SA-213S30432\16S215A-1-5\1000MW超超临界机组</t>
  </si>
  <si>
    <t>【东方锅炉】一次风组件端部\DN600\YCFDB-0\1000MW超临界机组</t>
  </si>
  <si>
    <t>【东方锅炉】一次风扩锥\φ820×2\ZGCr50Ni50\56N6101-9\60万超临界前后墙对冲炉</t>
  </si>
  <si>
    <t>【东方锅炉】管子\φ45×10;Lz=19608.4\SA-213S30432\16S215A-1-6\1000MW超超临界机组</t>
  </si>
  <si>
    <t>【东方锅炉】烟温探针孔\φ170\装配件\23S1153-4-0\1000MW超超临界机组</t>
  </si>
  <si>
    <t>【东方锅炉】烟温探针孔\D170; L1/L2=7000/225.9\装配件\99N1113-11-7-1\660MW超临界机组</t>
  </si>
  <si>
    <t>【东方锅炉】压板No2\89M254-15\1Cr6Si2Mo\300MW亚临界CFB机组</t>
  </si>
  <si>
    <t>【东方锅炉】管子\φ45×10;Lz=19385.8\SA-213S30432\16S215A-1-7\1000MW超超临界机组</t>
  </si>
  <si>
    <t>【东方锅炉】压板\89M254-16；No2\1Cr6Si2Mo\300MW亚临界CFB机组</t>
  </si>
  <si>
    <t>【东方锅炉】压板\δ5 №2\15S2541-3-1\1Cr6Si2Mo\1000MW超超临界机组</t>
  </si>
  <si>
    <t>【东方锅炉】压板\δ5 №2\15S2541-3-2\1Cr6Si2Mo\1000MW超超临界机组</t>
  </si>
  <si>
    <t>【东方锅炉】管子\φ45×10;Lz=19163.2\SA-213S30432\16S215A-1-8\1000MW超超临界机组</t>
  </si>
  <si>
    <t>【东方锅炉】压板\δ4 №1\47M254-2\1Cr20Ni14Si2\300MW亚临界机组</t>
  </si>
  <si>
    <t>【东方锅炉】压板\δ4\47M254-4\1Cr6Si2Mo\300MW亚临界机组</t>
  </si>
  <si>
    <t>【东方锅炉】压板\δ4 №2\47M254-2\1Cr20Ni14Si2\300MW亚临界机组</t>
  </si>
  <si>
    <t>【东方锅炉】管子\φ45×10;Lz=18940.8\SA-213S30432\16S215A-1-9\1000MW超超临界机组</t>
  </si>
  <si>
    <t>【东方锅炉】压板\δ4 №1\47M254-9\12Cr1MoVg\300MW亚临界机组</t>
  </si>
  <si>
    <t>【东方锅炉】压板15\δ4 №2\47M254-9\12Cr1MoVg\300MW亚临界机组</t>
  </si>
  <si>
    <t>【东方锅炉】压板\δ4 №3\47M254-9\12Cr1MoVg\300MW亚临界机组</t>
  </si>
  <si>
    <t>【东方锅炉】管子\φ45×10;Lz=18718.2\SA-213S30432\16S215A-1-10\1000MW超超临界机组</t>
  </si>
  <si>
    <t>【东方锅炉】压板\δ4 №1\47M254-12\12Cr1MoVg\300MW亚临界机组</t>
  </si>
  <si>
    <t>【东方锅炉】压板\δ4\47M254-15\1Cr20Ni14Si2\300MW亚临界机组</t>
  </si>
  <si>
    <t>【东方锅炉】压板\δ4 №2\47M254-12\1Cr6Si2Mo\300MW亚临界机组</t>
  </si>
  <si>
    <t>【东方锅炉】管子\φ45×10;Lz=18495.6\SA-213S30432\16S215A-1-11\1000MW超超临界机组</t>
  </si>
  <si>
    <t>【东方锅炉】压板\δ4\47M33-6\Q235A\300MW亚临界机组</t>
  </si>
  <si>
    <t>【东方锅炉】压板\δ4\47M33-7\Q235A\300MW亚临界机组</t>
  </si>
  <si>
    <t>【东方锅炉】压板\32#预热器\57YR61-14\600MW超超临界机组</t>
  </si>
  <si>
    <t>【东方锅炉】管子\φ45×10;Lz=18273\SA-213S30432\16S215A-1-12\1000MW超超临界机组</t>
  </si>
  <si>
    <t>【东方锅炉】压板\29#预热器\35#\31YR61-14\600MW超超临界机组</t>
  </si>
  <si>
    <t>【东方锅炉】压板\32#预热器\35#\127YR61-14\600MW超超临界机组</t>
  </si>
  <si>
    <t>【东方锅炉】压板\δ2/R23/L=25\1Cr6Si2Mo\BGTYJ-10\№1\200MW亚临界机组</t>
  </si>
  <si>
    <t>【东方锅炉】管子\φ45×10;Lz=18050.6\SA-213S30432\16S215A-1-13\1000MW超超临界机组</t>
  </si>
  <si>
    <t>【东方锅炉】压板\89YR61\89YR61\№4\29#预热器</t>
  </si>
  <si>
    <t>【东方锅炉】旋流片\φ50.8×4\XLP-40\60万超临界前后墙对冲炉</t>
  </si>
  <si>
    <t>【东方锅炉】销轴\№2\12Cr18Ni9\22S813-21\1000MW超超临界机组</t>
  </si>
  <si>
    <t>【东方锅炉】管子\φ45×10;Lz=17827.8\SA-213S30432\16S215A-1-14\1000MW超超临界机组</t>
  </si>
  <si>
    <t>【东方锅炉】销轴\№3\12Cr1MoV\22S813-21\1000MW超超临界机组</t>
  </si>
  <si>
    <t>【东方锅炉】水冷壁销钉\φ10\Q235A\XD-40\30万亚临界W炉</t>
  </si>
  <si>
    <t>【东方锅炉】水冷壁销钉\φ10\Q235A\XD-41\30万亚临界W炉</t>
  </si>
  <si>
    <t>【东方锅炉】管子\φ45×10;Lz=17605.2\SA-213S30432\16S215A-1-15\1000MW超超临界机组</t>
  </si>
  <si>
    <t>【东方锅炉】销\12Cr18Ni9\L=40\152M6121-1-12\35万超临界前后墙炉</t>
  </si>
  <si>
    <t>【东方锅炉】销\12Cr18Ni9\L=45\15S6121-1-12\100万超超临界前后墙炉</t>
  </si>
  <si>
    <t>【东方锅炉】管子\φ45×10;Lz=17382.6\SA-213S30432\16S215A-1-16\1000MW超超临界机组</t>
  </si>
  <si>
    <t>【东方锅炉】雾化片\φ50.8×4\WHP-40\60万超临界前后墙对冲炉</t>
  </si>
  <si>
    <t>【东方锅炉】稳焰齿环\装配件\φ792\56N6101-2-15\60万超临界前后墙炉</t>
  </si>
  <si>
    <t>【东方锅炉】稳焰齿\S30815\δ12\15S6121-2-8\100万超超临界前后墙炉</t>
  </si>
  <si>
    <t>【东方锅炉】管子\φ45×10;Lz=17160\SA-213S30432\16S215A-1-17\1000MW超超临界机组</t>
  </si>
  <si>
    <t>【东方锅炉】稳燃齿环\装配件\R305\56N6101-2-15\60万超临界前后墙对冲炉</t>
  </si>
  <si>
    <t>【东方锅炉】围带\193YR04\装配件\193YR04\600MW超临界机组</t>
  </si>
  <si>
    <t>【东方锅炉】围带\276YR04-0\装配件\276YR04-0\600MW超临界机组</t>
  </si>
  <si>
    <t>【东方锅炉】管子\φ45×10;Lz=16937.4\SA-213S30432\16S215A-1-18\1000MW超超临界机组</t>
  </si>
  <si>
    <t>【东方锅炉】围带\装配件\256YR04-1-0\34.5#预热器</t>
  </si>
  <si>
    <t>【东方锅炉】围带\165YR04-0\165YR04-0\34.5#预热器</t>
  </si>
  <si>
    <t>【东方锅炉】围带\256YR04-0\256YR04-0\34.5#预热器</t>
  </si>
  <si>
    <t>【东方锅炉】管子\φ45×10;Lz=16725\SA-213S30432\16S215A-1-19\1000MW超超临界机组</t>
  </si>
  <si>
    <t>【东方锅炉】围带\122YR04\122YR04\34.5#预热器</t>
  </si>
  <si>
    <t>【东方锅炉】微油燃烧器(改进型)\L=720\WYRSQ-0\装配件</t>
  </si>
  <si>
    <t>【东方锅炉】管子\φ45;Lz=16389.4×10\SA-213S30432\16S215A-1-20\1000MW超超临界机组</t>
  </si>
  <si>
    <t>【东方锅炉】弯头\DN250;R381;90°×\20G\23S665-0\1000MW超超临界机组</t>
  </si>
  <si>
    <t>【东方锅炉】管子\φ45×10;Lz=16497.2\SA-213S30432\16S215A-1-21\1000MW超超临界机组</t>
  </si>
  <si>
    <t>【东方锅炉】管子\φ45×10;Lz=16389.4\SA-213S30432\16S215A-1-22\1000MW超超临界机组</t>
  </si>
  <si>
    <t>【东方锅炉】管子\φ63.5×10\12Cr1MoVG\16S2132-1-1\1000MW超超临界机组</t>
  </si>
  <si>
    <t>【东方锅炉】管子\φ63.5×10\12Cr1MoVG\16S2132-2-1\1000MW超超临界机组</t>
  </si>
  <si>
    <t>【东方锅炉】管子\φ63.5×10\12Cr1MoVG\16S2132-2-2\1000MW超超临界机组</t>
  </si>
  <si>
    <t>【东方锅炉】管子\φ63.5×10;L=5007.1\12Cr1MoVG\16S2132-4-0\1000MW超超临界机组</t>
  </si>
  <si>
    <t>【东方锅炉】管子\φ63.5×10;L=5007.1\12Cr1MoVG\16S2132-9-0\1000MW超超临界机组</t>
  </si>
  <si>
    <t>【东方锅炉】管子\φ63.5×10;L=5007.1×10\12Cr1MoVG\16S2132-14-0\1000MW超超临界机组</t>
  </si>
  <si>
    <t>【东方锅炉】管子\φ63.5×10;L=5007.1\12Cr1MoVG\16S2132-19-0\1000MW超超临界机组</t>
  </si>
  <si>
    <t>【东方锅炉】管子\φ57×9\15CrMoG\23S2132-21-1\1000MW超超临界机组</t>
  </si>
  <si>
    <t>【东方锅炉】管子\φ57×9\15CrMoG\23S2132-22-1\1000MW超超临界机组</t>
  </si>
  <si>
    <t>【东方锅炉】管子\φ57×9\15CrMoG\23S2132-23-1\1000MW超超临界机组</t>
  </si>
  <si>
    <t>【东方锅炉】管子\φ57×9\15CrMoG\23S2132-23-2\1000MW超超临界机组</t>
  </si>
  <si>
    <t>【东方锅炉】管子\φ63.5×10 L=5007.1\12Cr1MoVG\16S2132-42-0\1000MW超超临界机组</t>
  </si>
  <si>
    <t>【东方锅炉】管子\φ63.5×10;L=5007.1\12Cr1MoVG\16S2132-47-0\1000MW超超临界机组</t>
  </si>
  <si>
    <t>【东方锅炉】管子\φ63.5×10;L=5007.1\12Cr1MoVG\16S2132-52-0\1000MW超超临界机组</t>
  </si>
  <si>
    <t>【东方锅炉】管子\φ38.1×7;L=11260\15CrMoG\16S2142-0\1000MW超超临界机组</t>
  </si>
  <si>
    <t>【东方锅炉】管子\φ38.1×7 L=10750\15CrMoG\16S2142-0\1000MW超超临界机组</t>
  </si>
  <si>
    <t>【东方锅炉】管子\φ38.1×7;Lz=1388.4\15CrMoG\TGS21503-0\1000MW超超临界机组</t>
  </si>
  <si>
    <t>【东方锅炉】管子\φ38.1×7;Lz=1310.6\15CrMoG\TGS21503-0\1000MW超超临界机组</t>
  </si>
  <si>
    <t>【东方锅炉】管子\φ38.1×7 Lz=1247.6\15CrMoG\TGS21503-0\1000MW超超临界机组</t>
  </si>
  <si>
    <t>【东方锅炉】管子\φ38.1×7;Lz=1208.8\15CrMoG\TGS21503-0\1000MW超超临界机组</t>
  </si>
  <si>
    <t>【东方锅炉】管子\φ38.1×7;L=10810\15CrMoG\16S2142-0\1000MW超超临界机组</t>
  </si>
  <si>
    <t>【东方锅炉】管子\φ38.1×7 L=12070.6\15CrMoG\16S2142-0\1000MW超超临界机组</t>
  </si>
  <si>
    <t>【东方锅炉】管子\φ38.1×7;L=11646\15CrMoG\16S2142-0\1000MW超超临界机组</t>
  </si>
  <si>
    <t>【东方锅炉】管子\φ38.1×7 L=12070.6\15CrMoG\26S2142-1-0\1000MW超超临界机组</t>
  </si>
  <si>
    <t>【东方锅炉】管子\φ38.1×7 L=12070.6\15CrMoG\26S2142-2-0\1000MW超超临界机组</t>
  </si>
  <si>
    <t>【东方锅炉】管子\φ38.1×7 L=12070.6\15CrMoG\26S2142-3-0\1000MW超超临界机组</t>
  </si>
  <si>
    <t>【东方锅炉】管子\φ38.1×7 L=12070.6\15CrMoG\26S2142-4-0\1000MW超超临界机组</t>
  </si>
  <si>
    <t>【东方锅炉】管子\φ38.1×7 L=12070.6\15CrMoG\26S2142-5-0\1000MW超超临界机组</t>
  </si>
  <si>
    <t>【东方锅炉】管子\φ38.1×7 L=12070.6\15CrMoG\26S2142-6-0\1000MW超超临界机组</t>
  </si>
  <si>
    <t>【东方锅炉】管子\φ38.1×7 L=12070.6\15CrMoG\26S2142-7-0\1000MW超超临界机组</t>
  </si>
  <si>
    <t>【东方锅炉】管子\φ38.1×7 L=12000\15CrMoG\24S2143-1-0\1000MW超超临界机组</t>
  </si>
  <si>
    <t>【东方锅炉】管子\φ38.1×7 Lz=914.4\15CrMoG\TGS21501-0\1000MW超超临界机组</t>
  </si>
  <si>
    <t>【东方锅炉】管子\φ38.1×7 Lz=851.2\15CrMoG\TGS21501-0\1000MW超超临界机组</t>
  </si>
  <si>
    <t>【东方锅炉】管子\φ38.1×7 L=12000\15CrMoG\16S2142-0\1000MW超超临界机组</t>
  </si>
  <si>
    <t>【东方锅炉】管子\φ38.1×7 Lz=724.4\15CrMoG\TGS21501-0\1000MW超超临界机组</t>
  </si>
  <si>
    <t>【东方锅炉】管子\φ38.1×7;Lz=661.2\15CrMoG\TGS21501-0\1000MW超超临界机组</t>
  </si>
  <si>
    <t>【东方锅炉】管子\φ38.1×7;L=12000\15CrMoG\24S2143-2-0\1000MW超超临界机组</t>
  </si>
  <si>
    <t>【东方锅炉】管子\φ38.1×7;L=10961\15CrMoG\26S2143-1-0\1000MW超超临界机组</t>
  </si>
  <si>
    <t>【东方锅炉】管子\φ38.1×7;Lz=1988.4\15CrMoG\TGS21503-0\1000MW超超临界机组</t>
  </si>
  <si>
    <t>【东方锅炉】管子\φ38.1×7;Lz=1910.6\15CrMoG\TGS21503-0\1000MW超超临界机组</t>
  </si>
  <si>
    <t>【东方锅炉】管子\φ31.8.6×7\15CrMoG\TGS21503-0\1000MW超超临界机组</t>
  </si>
  <si>
    <t>【东方锅炉】管子\φ38.1×7;Lz=1808.8\15CrMoG\TGS21503-0\1000MW超超临界机组</t>
  </si>
  <si>
    <t>【东方锅炉】管子\φ38.1×7;L=10961\15CrMoG\26S2143-2-0\1000MW超超临界机组</t>
  </si>
  <si>
    <t>【东方锅炉】管子\φ31.8×7\15CrMoG\16S2143-9-1\1000MW超超临界机组</t>
  </si>
  <si>
    <t>【东方锅炉】管子\φ38.1×7;L=10961\15CrMoG\26S2143-5-0\1000MW超超临界机组</t>
  </si>
  <si>
    <t>【东方锅炉】管子\φ31.8×7\15CrMoG\16S2143-11-1\1000MW超超临界机组</t>
  </si>
  <si>
    <t>【东方锅炉】管子\φ31.8×7\15CrMoG\16S2143-11-2\1000MW超超临界机组</t>
  </si>
  <si>
    <t>【东方锅炉】管子\φ31.8×7\15CrMoG\16S2143-11-3\1000MW超超临界机组</t>
  </si>
  <si>
    <t>【东方锅炉】管子\φ31.8×7\15CrMoG\16S2143-11-4\1000MW超超临界机组</t>
  </si>
  <si>
    <t>【东方锅炉】管子\φ31.8×7\15CrMoG\16S2143-11-5\1000MW超超临界机组</t>
  </si>
  <si>
    <t>【东方锅炉】管子\φ38.1×7;L=10961\15CrMoG\26S2143-3-0\1000MW超超临界机组</t>
  </si>
  <si>
    <t>【东方锅炉】管子\φ38.1×7;L=10961\15CrMoG\26S2143-4-0\1000MW超超临界机组</t>
  </si>
  <si>
    <t>【东方锅炉】管子\φ38.1×7;L=10961\15CrMoG\26S2143-6-0\1000MW超超临界机组</t>
  </si>
  <si>
    <t>【东方锅炉】管子\φ31.8×6.5;L=9847.6\15CrMoG\16S2143-0\1000MW超超临界机组</t>
  </si>
  <si>
    <t>【东方锅炉】管子\φ31.8×6.5;L=11995.2\15CrMoG\16S2143-0\1000MW超超临界机组</t>
  </si>
  <si>
    <t>【东方锅炉】管子\φ31.8×6.5(反)\15CrMoG\23S2146-1\1000MW超超临界机组</t>
  </si>
  <si>
    <t>【东方锅炉】管子\φ31.8×6.5;L=11622.6\15CrMoG\16S2146-0\1000MW超超临界机组</t>
  </si>
  <si>
    <t>【东方锅炉】管子\φ31.8×6.5;Lz=1880.8\15CrMoG\TGS11512-0\1000MW超超临界机组</t>
  </si>
  <si>
    <t>【东方锅炉】管子\φ31.8×6.5;Lz=1857.2\15CrMoG\TGS11512-0\1000MW超超临界机组</t>
  </si>
  <si>
    <t>【东方锅炉】管子\φ31.8×6.5;Lz=1833.6\15CrMoG\TGS11512-0\1000MW超超临界机组</t>
  </si>
  <si>
    <t>【东方锅炉】管子\φ31.8×6.5;Lz=1810\15CrMoG\TGS11512-0\1000MW超超临界机组</t>
  </si>
  <si>
    <t>【东方锅炉】管子\φ31.8×6.5;Lz=1786.4\15CrMoG\TGS11512-0\1000MW超超临界机组</t>
  </si>
  <si>
    <t>【东方锅炉】管子\φ31.8×6.5;Lz=1688.6×6.5\15CrMoG\TGS11512-0\1000MW超超临界机组</t>
  </si>
  <si>
    <t>【东方锅炉】管子\φ57×10\12Cr1MoVG\23S2147-1-6\1000MW超超临界机组</t>
  </si>
  <si>
    <t>【东方锅炉】管子\φ54×9.5;L=1000\12Cr1MoVG\23S2147-2-0\1000MW超超临界机组</t>
  </si>
  <si>
    <t>【东方锅炉】管子\φ54×9.5\12Cr1MoVG\23S2147-3-0\1000MW超超临界机组</t>
  </si>
  <si>
    <t>【东方锅炉】管子\φ54×9.5;L=930.2\12Cr1MoVG\23S2147-11-0\1000MW超超临界机组</t>
  </si>
  <si>
    <t>【东方锅炉】管子\φ54×9.5\12Cr1MoVG\23S2147-12-0\1000MW超超临界机组</t>
  </si>
  <si>
    <t>【东方锅炉】管子\φ57×12;L=3770\12Cr1MoVG\23S2147-19-0\1000MW超超临界机组</t>
  </si>
  <si>
    <t>【东方锅炉】管子\φ57×12;L=3770\12Cr1MoVG\23S2147-20-0\1000MW超超临界机组</t>
  </si>
  <si>
    <t>【东方锅炉】管子\φ57×13;L=4000\12Cr1MoVG\23S2147-21-0\1000MW超超临界机组</t>
  </si>
  <si>
    <t>【东方锅炉】管子\φ57×13;L=4000\12Cr1MoVG\23S2147-22-0\1000MW超超临界机组</t>
  </si>
  <si>
    <t>【东方锅炉】管子\φ57×13;L=4000\12Cr1MoVG\23S2147-23-0\1000MW超超临界机组</t>
  </si>
  <si>
    <t>【东方锅炉】过渡管\φ54×15/φ57×14;L=100\12Cr1MoVⅢ\23S2147-24-1\1000MW超超临界机组</t>
  </si>
  <si>
    <t>【东方锅炉】管子\φ57×14;L=8674\12Cr1MoVG\23S2147-24-0\1000MW超超临界机组</t>
  </si>
  <si>
    <t>【东方锅炉】管子\φ54×15\12Cr1MoVG\23S2147-25-1\1000MW超超临界机组</t>
  </si>
  <si>
    <t>【东方锅炉】管子\φ54×15\12Cr1MoVG\23S2147-27-1\1000MW超超临界机组</t>
  </si>
  <si>
    <t>【东方锅炉】管子\φ54×15\12Cr1MoVG\23S2147-28-1\1000MW超超临界机组</t>
  </si>
  <si>
    <t>【东方锅炉】管子\φ54×15\12Cr1MoVG\23S2147-30-1\1000MW超超临界机组</t>
  </si>
  <si>
    <t>【东方锅炉】管子\φ54×9.5\12Cr1MoVG\23S2147-32-0\1000MW超超临界机组</t>
  </si>
  <si>
    <t>【东方锅炉】管子\φ54×9.5\12Cr1MoVG\23S2147-33-0\1000MW超超临界机组</t>
  </si>
  <si>
    <t>【东方锅炉】管子\φ54×9.5;L=1000\12Cr1MoVG\23S2147-35-0\1000MW超超临界机组</t>
  </si>
  <si>
    <t>【东方锅炉】管子\φ54×9.5;L=1000\12Cr1MoVG\23S2147-36-0\1000MW超超临界机组</t>
  </si>
  <si>
    <t>【东方锅炉】管子\φ54×9.5\12Cr1MoVG\23S2147-37-0\1000MW超超临界机组</t>
  </si>
  <si>
    <t>【东方锅炉】管子\φ54×9.5;L=930.2\12Cr1MoVG\23S2147-47-0\1000MW超超临界机组</t>
  </si>
  <si>
    <t>【东方锅炉】管子\φ54×9.5;L=930.2\12Cr1MoVG\23S2147-48-0\1000MW超超临界机组</t>
  </si>
  <si>
    <t>【东方锅炉】管子\φ54×9.5\12Cr1MoVG\23S2147-49-0\1000MW超超临界机组</t>
  </si>
  <si>
    <t>【东方锅炉】管子\φ54×9.5\12Cr1MoVG\23S2147-56-0\1000MW超超临界机组</t>
  </si>
  <si>
    <t>【东方锅炉】管子\φ57×12;L=3770\12Cr1MoVG\23S2147-58-0\1000MW超超临界机组</t>
  </si>
  <si>
    <t>【东方锅炉】管子\φ57×12;L=3770\12Cr1MoVG\23S2147-59-0\1000MW超超临界机组</t>
  </si>
  <si>
    <t>【东方锅炉】管子\φ57×13;L=4000\12Cr1MoVG\23S2147-60-0\1000MW超超临界机组</t>
  </si>
  <si>
    <t>【东方锅炉】管子\φ54×15\12Cr1MoVG\23S2147-61-1\1000MW超超临界机组</t>
  </si>
  <si>
    <t>【东方锅炉】管子\φ54×15\12Cr1MoVG\23S2147-63-1\1000MW超超临界机组</t>
  </si>
  <si>
    <t>【东方锅炉】管子\φ54×15\12Cr1MoVG\23S2147-64-1\1000MW超超临界机组</t>
  </si>
  <si>
    <t>【东方锅炉】管子\φ54×15\12Cr1MoVG\23S2147-67-1\1000MW超超临界机组</t>
  </si>
  <si>
    <t>【东方锅炉】管子\φ57×14 L=8672\12Cr1MoVG\26S2148-1-0\1052MW超超临界机组</t>
  </si>
  <si>
    <t>【东方锅炉】管子\φ57×4.5\SA-210C\23S2211-1-1\1000MW超超临界机组</t>
  </si>
  <si>
    <t>【东方锅炉】管子\φ57×4\SA-210C\30S2211-1-1\1000MW超超临界机组</t>
  </si>
  <si>
    <t>【东方锅炉】管子\φ57×4\SA-210C\30S2211-1-2\1000MW超超临界机组</t>
  </si>
  <si>
    <t>【东方锅炉】管子\φ57×4\SA-210C\30S2211-1-3\1000MW超超临界机组</t>
  </si>
  <si>
    <t>【东方锅炉】管子\φ57×4\SA-210C\30S2211-1-4\1000MW超超临界机组</t>
  </si>
  <si>
    <t>【东方锅炉】管子\φ57×4.5\SA-210C\23S2211-1-6\1000MW超超临界机组</t>
  </si>
  <si>
    <t>【东方锅炉】管子\φ57×4.5\SA-210C\23S2211-3-1\1000MW超超临界机组</t>
  </si>
  <si>
    <t>【东方锅炉】管子\φ57×4\SA-210C\30S2211-3-1\1000MW超超临界机组</t>
  </si>
  <si>
    <t>【东方锅炉】管子\φ57×4\SA-210C\30S2211-3-2\1000MW超超临界机组</t>
  </si>
  <si>
    <t>【东方锅炉】管子\φ57×4\SA-210C\30S2211-3-3\1000MW超超临界机组</t>
  </si>
  <si>
    <t>【东方锅炉】管子\φ57×4\SA-210C\30S2211-3-4\1000MW超超临界机组</t>
  </si>
  <si>
    <t>【东方锅炉】管子\φ57×4.5\SA-210C\23S2211-3-6\1000MW超超临界机组</t>
  </si>
  <si>
    <t>【东方锅炉】管子\φ57×4.5\SA-210C\23S2211-5-1\1000MW超超临界机组</t>
  </si>
  <si>
    <t>【东方锅炉】管子\φ57×4\SA-210C\30S2211-5-1\1000MW超超临界机组</t>
  </si>
  <si>
    <t>【东方锅炉】管子\φ57×4\SA-210C\30S2211-5-2\1000MW超超临界机组</t>
  </si>
  <si>
    <t>【东方锅炉】管子\φ57×4\SA-210C\30S2211-5-3\1000MW超超临界机组</t>
  </si>
  <si>
    <t>【东方锅炉】管子\φ57×4\SA-210C\30S2211-5-4\1000MW超超临界机组</t>
  </si>
  <si>
    <t>【东方锅炉】管子\φ57×4.5\SA-210C\23S2211-5-6\1000MW超超临界机组</t>
  </si>
  <si>
    <t>【东方锅炉】管子\φ57×4.5\SA-210C\23S2211-6\1000MW超超临界机组</t>
  </si>
  <si>
    <t>【东方锅炉】管子\φ57×4.5 L=1190\SA-210C\30S2211-0\1000MW超超临界机组</t>
  </si>
  <si>
    <t>【东方锅炉】管子\φ57×4.5\SA-210C\30S2211-6\1000MW超超临界机组</t>
  </si>
  <si>
    <t>【东方锅炉】管子\φ57×4.5\SA-210C\30S2211-7\1000MW超超临界机组</t>
  </si>
  <si>
    <t>【东方锅炉】管子\φ57×4.5\15CrMoG\23S2212-1-1\1000MW超超临界机组</t>
  </si>
  <si>
    <t>【东方锅炉】管子\φ57×4\15CrMoG\30S2212-1-1\1000MW超超临界机组</t>
  </si>
  <si>
    <t>【东方锅炉】管子\φ57×4\15CrMoG\30S2212-1-2\1000MW超超临界机组</t>
  </si>
  <si>
    <t>【东方锅炉】管子\φ57×4\15CrMoG\30S2212-1-3\1000MW超超临界机组</t>
  </si>
  <si>
    <t>【东方锅炉】管子\φ57×4\15CrMoG\30S2212-1-4\1000MW超超临界机组</t>
  </si>
  <si>
    <t>【东方锅炉】管子\φ57×4.5\15CrMoG\23S2212-1-6\1000MW超超临界机组</t>
  </si>
  <si>
    <t>【东方锅炉】管子\φ57×4.5\15CrMoG\23S2212-3-1\1000MW超超临界机组</t>
  </si>
  <si>
    <t>【东方锅炉】管子\φ57×4\15CrMoG\30S2212-3-1\1000MW超超临界机组</t>
  </si>
  <si>
    <t>【东方锅炉】管子\φ57×4\15CrMoG\30S2212-3-2\1000MW超超临界机组</t>
  </si>
  <si>
    <t>【东方锅炉】管子\φ57×4\15CrMoG\30S2212-3-3\1000MW超超临界机组</t>
  </si>
  <si>
    <t>【东方锅炉】管子\φ57×4\15CrMoG\30S2212-3-4\1000MW超超临界机组</t>
  </si>
  <si>
    <t>【东方锅炉】管子\φ57×4.5\15CrMoG\23S2212-3-6\1000MW超超临界机组</t>
  </si>
  <si>
    <t>【东方锅炉】钢板\δ8\1Cr6Si2Mo\23S2212-3-7\1000MW超超临界机组</t>
  </si>
  <si>
    <t>【东方锅炉】管子\φ57×4.5\SA-213T91\30S2213A-1-1\1000MW超超临界机组</t>
  </si>
  <si>
    <t>【东方锅炉】管子\φ57×4\SA-213T91\30S2213-1-2\1000MW超超临界机组</t>
  </si>
  <si>
    <t>【东方锅炉】管子\φ57×4\SA-213T91\30S2213-1-3\1000MW超超临界机组</t>
  </si>
  <si>
    <t>【东方锅炉】管子\φ57×4\SA-213T91\30S2213-1-4\1000MW超超临界机组</t>
  </si>
  <si>
    <t>【东方锅炉】管子\φ57×4\SA-213T91\30S2213-1-5\1000MW超超临界机组</t>
  </si>
  <si>
    <t>【东方锅炉】管子\φ57×4.5\SA-213T91\30S2213A-1-2\1000MW超超临界机组</t>
  </si>
  <si>
    <t>【东方锅炉】管子\φ57×4.5\SA-213T91\30S2213A-3-1\1000MW超超临界机组</t>
  </si>
  <si>
    <t>【东方锅炉】管子\φ57×4\SA-213T91\30S2213-3-2\1000MW超超临界机组</t>
  </si>
  <si>
    <t>【东方锅炉】弯头\φ57×7\SA-210C\1512125P-4\600MW亚临界机组</t>
  </si>
  <si>
    <t>【东方锅炉】管子\φ57×4\SA-213T91\30S2213-3-3\1000MW超超临界机组</t>
  </si>
  <si>
    <t>【东方锅炉】弯头\φ51×8\SA-213TP347H\15-10154P-15\600MW亚临界机组</t>
  </si>
  <si>
    <t>【东方锅炉】管子\φ57×4\SA-213T91\30S2213-3-4\1000MW超超临界机组</t>
  </si>
  <si>
    <t>【东方锅炉】弯头\φ51×8\SA-213TP347H\15-10154P-16\600MW亚临界机组</t>
  </si>
  <si>
    <t>【东方锅炉】管子\φ57×4\SA-213T91\30S2213-3-5\1000MW超超临界机组</t>
  </si>
  <si>
    <t>【东方锅炉】弯头\φ51×8\SA-213TP347H\15-10154P-17\600MW亚临界机组</t>
  </si>
  <si>
    <t>【东方锅炉】弯头\φ820×8\20G\WG-215\600MW超临界机组</t>
  </si>
  <si>
    <t>【东方锅炉】管子\φ57×4.5\SA-213T91\30S2213A-3-2\1000MW超超临界机组</t>
  </si>
  <si>
    <t>【东方锅炉】弯头\φ670×30\SA-355P22\0207-9340-001\600MW超临界机组</t>
  </si>
  <si>
    <t>【东方锅炉】管子\φ57×4.5\SA-213T91\30S2213A-5-1\1000MW超超临界机组</t>
  </si>
  <si>
    <t>【东方锅炉】弯头\φ38.1×7\15CrMoG\64N112-1-1\660MW超临界机组</t>
  </si>
  <si>
    <t>【东方锅炉】管子\φ57×4\SA-213T91\30S2213-5-2\1000MW超超临界机组</t>
  </si>
  <si>
    <t>【东方锅炉】弯头\φ38.1×7\15CrMoG\64N112-6-5\660MW超临界机组</t>
  </si>
  <si>
    <t>【东方锅炉】管子\φ57×4\SA-213T91\30S2213-5-3\1000MW超超临界机组</t>
  </si>
  <si>
    <t>【东方锅炉】弯头\δ2\1Cr18Ni9Ti\28M531-2-11/№2\300MW亚临界机组</t>
  </si>
  <si>
    <t>【东方锅炉】管子\φ57×4\SA-213T91\30S2213-5-4\1000MW超超临界机组</t>
  </si>
  <si>
    <t>【东方锅炉】弯管\φ33.4×7\20G\22S7111-6\1000MW超超临界机组</t>
  </si>
  <si>
    <t>【东方锅炉】管子\φ57×4\SA-213T91\30S2213-5-5\1000MW超超临界机组</t>
  </si>
  <si>
    <t>【东方锅炉】弯管\φ33.4×7\12Cr1MoVG\22S7111-6\1000MW超超临界机组</t>
  </si>
  <si>
    <t>【东方锅炉】弯管\φ76×9\SA-210C\38M1112-1-4\300MW亚临界机组</t>
  </si>
  <si>
    <t>【东方锅炉】管子\φ57×4.5\SA-213T91\30S2213A-5-2\1000MW超超临界机组</t>
  </si>
  <si>
    <t>【东方锅炉】弯管\φ133×16\SA-210C\WG-150\300MW亚临界机组</t>
  </si>
  <si>
    <t>【东方锅炉】管子\φ57×4.5\SA-213T91\30S2213A-6-1\1000MW超超临界机组</t>
  </si>
  <si>
    <t>【东方锅炉】弯管\φ133×16\SA-210C\WG-151\300MW亚临界机组</t>
  </si>
  <si>
    <t>【东方锅炉】管子\φ57×4\SA-213T91\30S2213-6-2\1000MW超超临界机组</t>
  </si>
  <si>
    <t>【东方锅炉】弯管\φ133×16\SA-210C\WG-152\300MW亚临界机组</t>
  </si>
  <si>
    <t>【东方锅炉】管子\φ57×4\SA-213T91\30S2213-6-3\1000MW超超临界机组</t>
  </si>
  <si>
    <t>【东方锅炉】弯管\φ133×16\SA-210C\WG-153\300MW亚临界机组</t>
  </si>
  <si>
    <t>【东方锅炉】管子\φ57×4\SA-213T91\30S2213-6-4\1000MW超超临界机组</t>
  </si>
  <si>
    <t>【东方锅炉】弯管\φ51×6\15CrMoG\47M212-10-3\300MW亚临界机组</t>
  </si>
  <si>
    <t>【东方锅炉】管子\φ57×4\SA-213T91\30S2213-6-5\1000MW超超临界机组</t>
  </si>
  <si>
    <t>【东方锅炉】弯管\φ50.8×7\SA-213TP347H\140M211-1-1\350MW超临界机组</t>
  </si>
  <si>
    <t>【东方锅炉】弯管\φ38.1×7.5\SUPER304H\WG-155 №1\1000MW超超临界机组</t>
  </si>
  <si>
    <t>【东方锅炉】管子\φ57×4.5\SA-213T91\30S2213A-6-2\1000MW超超临界机组</t>
  </si>
  <si>
    <t>【东方锅炉】弯管\φ38.1×7.5\SUPER304H\WG-156№2\1000MW超超临界机组</t>
  </si>
  <si>
    <t>【东方锅炉】管子\φ57×4.5\SA-213T92\30S2214-2-1\1000MW超超临界机组</t>
  </si>
  <si>
    <t>【东方锅炉】弯管\φ38.1×7.5\HR3C\WG-157№1\1000MW超超临界机组</t>
  </si>
  <si>
    <t>【东方锅炉】管子\φ57×4.5\SA-213T92\30S2214-2-2\1000MW超超临界机组</t>
  </si>
  <si>
    <t>【东方锅炉】弯管\φ38.1×7.5\HR3C\WG-158№2\1000MW超超临界机组</t>
  </si>
  <si>
    <t>【东方锅炉】管子\φ57×4.5\SA-213T92\30S2214-2-3\1000MW超超临界机组</t>
  </si>
  <si>
    <t>【东方锅炉】弯管\φ38.1×7.5\HR3C\WG-159№1\1000MW超超临界机组</t>
  </si>
  <si>
    <t>【东方锅炉】管子\φ57×4.5\SA-213T92\30S2214-2-4\1000MW超超临界机组</t>
  </si>
  <si>
    <t>【东方锅炉】弯管\φ38.1×7.5\HR3C\WG-160№2\1000MW超超临界机组</t>
  </si>
  <si>
    <t>【东方锅炉】管子\φ57×4.5\SA-213T92\30S2214-2-5\1000MW超超临界机组</t>
  </si>
  <si>
    <t>【东方锅炉】弯管\φ38.1×7.5\12Cr1MoVG\WG-161 №1\1000MW超超临界机组</t>
  </si>
  <si>
    <t>【东方锅炉】管子\φ57×4.5\SA-213T92\30S2214-2-6\1000MW超超临界机组</t>
  </si>
  <si>
    <t>【东方锅炉】弯管\φ38.1×7.5\12Cr1MoVG\WG-162 №1\1000MW超超临界机组</t>
  </si>
  <si>
    <t>【东方锅炉】管子\φ57×4.5\SA-213T92\30S2214-2-7\1000MW超超临界机组</t>
  </si>
  <si>
    <t>【东方锅炉】弯管\φ38.1×7.5\12Cr1MoVG\WG-163 №2\1000MW超超临界机组</t>
  </si>
  <si>
    <t>【东方锅炉】管子\φ57×4.5\SA-213T92\30S2214-2-8\1000MW超超临界机组</t>
  </si>
  <si>
    <t>【东方锅炉】弯管\φ38.1×7.5\12Cr1MoVG\WG-164 №2\1000MW超超临界机组</t>
  </si>
  <si>
    <t>【东方锅炉】管子\φ57×4.5\SA-213T92\30S2214-2-9\1000MW超超临界机组</t>
  </si>
  <si>
    <t>【东方锅炉】弯管\φ38.1×7.5\12Cr1MoVG\WG-165 №1\1000MW超超临界机组</t>
  </si>
  <si>
    <t>【东方锅炉】管子\φ57×4.5\SA-213T92\30S2214-2-10\1000MW超超临界机组</t>
  </si>
  <si>
    <t>【东方锅炉】弯管\φ38.1×7.5\12Cr1MoVG\WG-166 №1\1000MW超超临界机组</t>
  </si>
  <si>
    <t>【东方锅炉】管子\φ57×4.5\SA-213T92\30S2214-2-11\1000MW超超临界机组</t>
  </si>
  <si>
    <t>【东方锅炉】弯管\φ38.1×7.5\12Cr1MoVG\WG-167 №1\1000MW超超临界机组</t>
  </si>
  <si>
    <t>【东方锅炉】管子\φ57×4.5\SA-213T92\30S2214-2-12\1000MW超超临界机组</t>
  </si>
  <si>
    <t>【东方锅炉】弯管\φ38.1×7.5\12Cr1MoVG\WG-168 №1\1000MW超超临界机组</t>
  </si>
  <si>
    <t>【东方锅炉】管子\φ57×4.5\SA-213T92\30S2214-4-1\1000MW超超临界机组</t>
  </si>
  <si>
    <t>【东方锅炉】弯管\φ38.1×7.5\12Cr1MoVG\WG-168 №2\1000MW超超临界机组</t>
  </si>
  <si>
    <t>【东方锅炉】管子\φ57×4.5\SA-213T92\30S2214-4-2\1000MW超超临界机组</t>
  </si>
  <si>
    <t>【东方锅炉】弯管\φ38.1×7.5\12Cr1MoVG\WG-169 №2\1000MW超超临界机组</t>
  </si>
  <si>
    <t>【东方锅炉】管子\φ57×4.5\SA-213T92\30S2214-4-3\1000MW超超临界机组</t>
  </si>
  <si>
    <t>【东方锅炉】弯管\φ38.1×7.5\12Cr1MoVG\WG-170 №2\1000MW超超临界机组</t>
  </si>
  <si>
    <t>【东方锅炉】管子\φ57×4.5\SA-213T92\30S2214-4-4\1000MW超超临界机组</t>
  </si>
  <si>
    <t>【东方锅炉】弯管\φ38.1×7.5\12Cr1MoVG\WG-171 №2\1000MW超超临界机组</t>
  </si>
  <si>
    <t>【东方锅炉】管子\φ57×4.5\SA-213T92\30S2214-4-5\1000MW超超临界机组</t>
  </si>
  <si>
    <t>【东方锅炉】弯管\φ38.1×7.5\12Cr1MoVG\WG-172 №1\1000MW超超临界机组</t>
  </si>
  <si>
    <t>【东方锅炉】管子\φ57×4.5\SA-213T92\30S2214-4-6\1000MW超超临界机组</t>
  </si>
  <si>
    <t>【东方锅炉】弯管\φ38.1×7.5\12Cr1MoVG\WG-173 №2\1000MW超超临界机组</t>
  </si>
  <si>
    <t>【东方锅炉】管子\φ57×4.5\SA-213T92\30S2214-4-7\1000MW超超临界机组</t>
  </si>
  <si>
    <t>【东方锅炉】弯管\φ38.1×7.5\12Cr1MoVG\WG-174 №3\1000MW超超临界机组</t>
  </si>
  <si>
    <t>【东方锅炉】管子\φ57×4.5\SA-213T92\30S2214-4-8\1000MW超超临界机组</t>
  </si>
  <si>
    <t>【东方锅炉】弯管\φ38.1×7.5\12Cr1MoVG\WG-175 №4\1000MW超超临界机组</t>
  </si>
  <si>
    <t>【东方锅炉】管子\φ57×4.5\SA-213T92\30S2214-4-9\1000MW超超临界机组</t>
  </si>
  <si>
    <t>【东方锅炉】弯管\φ38.1×7.5\12Cr1MoVG\WG-177 №5\1000MW超超临界机组</t>
  </si>
  <si>
    <t>【东方锅炉】管子\φ57×4.5\SA-213T92\30S2214-4-10\1000MW超超临界机组</t>
  </si>
  <si>
    <t>【东方锅炉】弯管\φ38.1×7.5\12Cr1MoVG\WG-178\1000MW超超临界机组</t>
  </si>
  <si>
    <t>【东方锅炉】管子\φ57×4.5\SA-213T92\30S2214-4-11\1000MW超超临界机组</t>
  </si>
  <si>
    <t>【东方锅炉】弯管\φ38.1×7.5\12Cr1MoVG\WG-179\1000MW超超临界机组</t>
  </si>
  <si>
    <t>【东方锅炉】管子\φ57×4.5\SA-213T92\30S2214-4-12\1000MW超超临界机组</t>
  </si>
  <si>
    <t>【东方锅炉】弯管\φ38.1×7.5\15CrMoG\WG-180\1000MW超超临界机组</t>
  </si>
  <si>
    <t>【东方锅炉】管子\φ57×4.5\SA-213T91\16S223-1-1\1000MW超超临界机组</t>
  </si>
  <si>
    <t>【东方锅炉】弯管\φ38.1×7.5\15CrMoG\WG-180 №1\1000MW超超临界机组</t>
  </si>
  <si>
    <t>【东方锅炉】管子\φ57×5\SA-213TP310HCbN\16S223-1-1\1000MW超超临界机组</t>
  </si>
  <si>
    <t>【东方锅炉】弯管\φ38.1×7.5\15CrMoG\WG-181 №2\1000MW超超临界机组</t>
  </si>
  <si>
    <t>【东方锅炉】弯管\φ38.1×7.5\HR3C\WG-182 №1\1000MW超超临界机组</t>
  </si>
  <si>
    <t>【东方锅炉】管子\φ51×4\SA-213TP310HCbN\16S223-1-2\1000MW超超临界机组</t>
  </si>
  <si>
    <t>【东方锅炉】弯管\φ38.1×7.5\HR3C\WG-183 №2\1000MW超超临界机组</t>
  </si>
  <si>
    <t>【东方锅炉】弯管\φ38.1×7.5\HR3C\WG-184 №1\1000MW超超临界机组</t>
  </si>
  <si>
    <t>【东方锅炉】弯管\φ38.1×7.5\HR3C\WG-185 №2\1000MW超超临界机组</t>
  </si>
  <si>
    <t>【东方锅炉】管子\φ51×4\SA-213TP310HCbN\16S223-1-3\1000MW超超临界机组</t>
  </si>
  <si>
    <t>【东方锅炉】弯管\φ38.1×7.5\SUPER304H\WG-185 №1\1000MW超超临界机组</t>
  </si>
  <si>
    <t>【东方锅炉】弯管\φ38.1×7.5\SUPER304H\WG-186 №2\1000MW超超临界机组</t>
  </si>
  <si>
    <t>【东方锅炉】弯管\φ38.1×7.5\DMV 304HCu\WG-187\1000MW超超临界机组</t>
  </si>
  <si>
    <t>【东方锅炉】管子\φ51×4\SA-213S30432\16S223-1-4\1000MW超超临界机组</t>
  </si>
  <si>
    <t>【东方锅炉】弯管\φ38.1×7.5\SA-210C\WG-188 №1\1000MW超超临界机组</t>
  </si>
  <si>
    <t>【东方锅炉】弯管\φ38.1×7.5\SA-210C\WG-189 №1\1000MW超超临界机组</t>
  </si>
  <si>
    <t>【东方锅炉】管子\φ51×4\SA-213S30432\16S223-1-5\1000MW超超临界机组</t>
  </si>
  <si>
    <t>【东方锅炉】弯管\φ38.1×7.5\SA-210C\WG-190 №1\1000MW超超临界机组</t>
  </si>
  <si>
    <t>【东方锅炉】弯管\φ38.1×7.5\SA-210C\WG-191 №2\1000MW超超临界机组</t>
  </si>
  <si>
    <t>【东方锅炉】管子\φ51×4\SA-213S30432\16S223-1-6\1000MW超超临界机组</t>
  </si>
  <si>
    <t>【东方锅炉】弯管\φ38.1×7.5\SA-210C\WG-192 №3\1000MW超超临界机组</t>
  </si>
  <si>
    <t>【东方锅炉】弯管\φ38.1×7.5\SA-210C\WG-193 №2\1000MW超超临界机组</t>
  </si>
  <si>
    <t>【东方锅炉】管子\φ51×4\SA-213S30432\16S223-1-7\1000MW超超临界机组</t>
  </si>
  <si>
    <t>【东方锅炉】弯管\φ38.1×7.5\SA-210C\WG-194 №2\1000MW超超临界机组</t>
  </si>
  <si>
    <t>【东方锅炉】弯管\φ38.1×7.5\SA-210C\WG-195 №4\1000MW超超临界机组</t>
  </si>
  <si>
    <t>【东方锅炉】管子\φ51×4\SA-213S30432\16S223-1-8\1000MW超超临界机组</t>
  </si>
  <si>
    <t>【东方锅炉】弯管\φ38.1×7.5\15CrMoG\WG-196\1000MW超超临界机组</t>
  </si>
  <si>
    <t>【东方锅炉】弯管\φ38.1×7.5\15CrMoG\WG-197 №1\1000MW超超临界机组</t>
  </si>
  <si>
    <t>【东方锅炉】管子\φ51×4\SA-213S30432\16S223-1-9\1000MW超超临界机组</t>
  </si>
  <si>
    <t>【东方锅炉】弯管\φ38.1×7.5\15CrMoG\WG-198\1000MW超超临界机组</t>
  </si>
  <si>
    <t>【东方锅炉】弯管\φ38.1×7.5\15CrMoG\WG-199 №2\1000MW超超临界机组</t>
  </si>
  <si>
    <t>【东方锅炉】管子\φ51×4\SA-213S30432\16S223-1-10\1000MW超超临界机组</t>
  </si>
  <si>
    <t>【东方锅炉】弯管\φ38.1×7.5\SA-213T91\WG-200 №1\1000MW超超临界机组</t>
  </si>
  <si>
    <t>【东方锅炉】弯管\φ38.1×7.5\SA-213T91\WG-201\1000MW超超临界机组</t>
  </si>
  <si>
    <t>【东方锅炉】管子\φ51×4\SA-213S30432\16S223-1-11\1000MW超超临界机组</t>
  </si>
  <si>
    <t>【东方锅炉】弯管\φ38.1×7.5\12Cr1MoVG\WG-202 №1\1000MW超超临界机组</t>
  </si>
  <si>
    <t>【东方锅炉】弯管\φ38.1×7.5\12Cr1MoVG\WG-203\1000MW超超临界机组</t>
  </si>
  <si>
    <t>【东方锅炉】管子\φ51×4\SA-213S30432\16S223-1-12\1000MW超超临界机组</t>
  </si>
  <si>
    <t>【东方锅炉】弯管\φ38.1×7.5\12Cr1MoVG\WG-204 №2\1000MW超超临界机组</t>
  </si>
  <si>
    <t>【东方锅炉】弯管\φ38.1×7.5\12Cr1MoVG\WG-205\1000MW超超临界机组</t>
  </si>
  <si>
    <t>【东方锅炉】管子\φ51×4\SA-213S30432\16S223-1-13\1000MW超超临界机组</t>
  </si>
  <si>
    <t>【东方锅炉】弯管\φ38.1×7.5\SA-213T91\WG-206 №2\1000MW超超临界机组</t>
  </si>
  <si>
    <t>【东方锅炉】弯管\φ38.1×7.5\SA-213T91\WG-207\1000MW超超临界机组</t>
  </si>
  <si>
    <t>【东方锅炉】管子\φ51×4\SA-213S30432\16S223-1-14\1000MW超超临界机组</t>
  </si>
  <si>
    <t>【东方锅炉】弯管\φ38.1×7.5\HR3C\WG-208\1000MW超超临界机组</t>
  </si>
  <si>
    <t>【东方锅炉】弯管\φ38.1×7.5\HR3C\WG-209\1000MW超超临界机组</t>
  </si>
  <si>
    <t>【东方锅炉】管子\φ51×4\SA-213S30432\16S223-1-15\1000MW超超临界机组</t>
  </si>
  <si>
    <t>【东方锅炉】弯管\φ38.1×7.5\SA-213TP347HFG\WG-210\1000MW超超临界机组</t>
  </si>
  <si>
    <t>【东方锅炉】弯管\φ38.1×7.5\SA-210C\WG-211№1\1000MW超超临界机组</t>
  </si>
  <si>
    <t>【东方锅炉】管子\φ51×4\SA-213S30432\16S223-1-16\1000MW超超临界机组</t>
  </si>
  <si>
    <t>【东方锅炉】弯管\φ38.1×7.5\SA-210C\WG-212\1000MW超超临界机组</t>
  </si>
  <si>
    <t>【东方锅炉】管子\φ51×3.5 L=8861.4\SA-213S30432\16S223-2-1\1000MW超超临界机组</t>
  </si>
  <si>
    <t>【东方锅炉】弯管\φ38.1×7.5\SA-210C\WG-213\1000MW超超临界机组</t>
  </si>
  <si>
    <t>【东方锅炉】弯管\φ38.1×7.5\SA-210C\WG-214 №2\1000MW超超临界机组</t>
  </si>
  <si>
    <t>【东方锅炉】管子\φ51×3.5 L=8861.4\SA-213S30432\16S223-2-2\1000MW超超临界机组</t>
  </si>
  <si>
    <t>【东方锅炉】弯管\φ44.5×5.5\SA-210C\34N2412-8-2\600MW亚临界机组</t>
  </si>
  <si>
    <t>【东方锅炉】弯管\φ44.5×5.5\SA-210C\34N2412-8-3\600MW亚临界机组</t>
  </si>
  <si>
    <t>【东方锅炉】管子\φ51×3.5 L=8861.4\SA-213S30432\16S223-2-3\1000MW超超临界机组</t>
  </si>
  <si>
    <t>【东方锅炉】弯管\φ44.5×7\SA-213T91\34N252-2-0\600MW亚临界机组</t>
  </si>
  <si>
    <t>【东方锅炉】弯管\φ51×8\SA-213T91\34N252-22-0\600MW亚临界机组</t>
  </si>
  <si>
    <t>【东方锅炉】管子\φ51×3.5 L=8861.4\SA-213S30432\16S223-2-4\1000MW超超临界机组</t>
  </si>
  <si>
    <t>【东方锅炉】弯管\φ45×10.3\DMV 310N\2S211-1-24/№1\1000MW超超临界机组</t>
  </si>
  <si>
    <t>【东方锅炉】弯管\φ45×10.3\DMV 310N\2S211-1-24/№2\1000MW超超临界机组</t>
  </si>
  <si>
    <t>【东方锅炉】管子\φ51×3.5 L=8861.4\SA-213S30432\16S223-2-5\1000MW超超临界机组</t>
  </si>
  <si>
    <t>【东方锅炉】弯管\φ50.8×11.6\DMV 310N\2S211-1-26/№1\1000MW超超临界机组</t>
  </si>
  <si>
    <t>【东方锅炉】弯管\φ50.8×11.6\DMV 310N\2S211-1-26/№2\1000MW超超临界机组</t>
  </si>
  <si>
    <t>【东方锅炉】管子\φ51×3.5 L=8861.4\SA-213S30432\16S223-2-6\1000MW超超临界机组</t>
  </si>
  <si>
    <t>【东方锅炉】弯管\φ599×55\SA-355P91\F08311S-J0702-03\600MW超临界机组</t>
  </si>
  <si>
    <t>【东方锅炉】弯管\φ599×55\SA-355P91\0207-9340-001\600MW超临界机组</t>
  </si>
  <si>
    <t>【东方锅炉】管子\φ51×3.5 L=8861.4\SA-213S30432\16S223-2-7\1000MW超超临界机组</t>
  </si>
  <si>
    <t>【东方锅炉】弯管\φ421×39\SA-355P91\0208-9340-001\600MW超临界机组</t>
  </si>
  <si>
    <t>【东方锅炉】弯管\φ60×4\12Cr1MoVG\51M221-1-1/№1\300MW亚临界机组</t>
  </si>
  <si>
    <t>【东方锅炉】管子\φ51×3.5 L=8861.4\SA-213S30432\16S223-2-8\1000MW超超临界机组</t>
  </si>
  <si>
    <t>【东方锅炉】弯管\φ60×4\12Cr1MoVG\51M221-1-2/№1\300MW亚临界机组</t>
  </si>
  <si>
    <t>【东方锅炉】管子\φ57×4.5\SA-213T91\16S223-3-1\1000MW超超临界机组</t>
  </si>
  <si>
    <t>【东方锅炉】弯管\φ60×4\12Cr1MoVG\51M221-1-3/№1\300MW亚临界机组</t>
  </si>
  <si>
    <t>【东方锅炉】弯管\φ60×4\12Cr1MoVG\51M221-1-4/№1\300MW亚临界机组</t>
  </si>
  <si>
    <t>【东方锅炉】弯管\φ60×4\12Cr1MoVG\51M221-1-5/№1\300MW亚临界机组</t>
  </si>
  <si>
    <t>【东方锅炉】弯管\φ60×4\12Cr1MoVG\51M221-1-6/№1\300MW亚临界机组</t>
  </si>
  <si>
    <t>【东方锅炉】弯管\φ60×4\12Cr1MoVG\51M221-1-7/№1\300MW亚临界机组</t>
  </si>
  <si>
    <t>【东方锅炉】弯管\φ60×4\12Cr1MoVG\51M221-1-8/№1\300MW亚临界机组</t>
  </si>
  <si>
    <t>【东方锅炉】弯管\φ60×4\12Cr1MoVG\51M221-1-9/№1\300MW亚临界机组</t>
  </si>
  <si>
    <t>【东方锅炉】弯管\φ60×4\12Cr1MoVG\51M221-1-9/№2\300MW亚临界机组</t>
  </si>
  <si>
    <t>【东方锅炉】弯管\φ60×4\12Cr1MoVG\51M221-1-10/№1\300MW亚临界机组</t>
  </si>
  <si>
    <t>【东方锅炉】弯管\φ60×4\12Cr1MoVG\51M221-1-11/№1\300MW亚临界机组</t>
  </si>
  <si>
    <t>【东方锅炉】弯管\φ60×4\12Cr1MoVG\51M221-1-12/№1\300MW亚临界机组</t>
  </si>
  <si>
    <t>【东方锅炉】弯管\φ60×4\12Cr1MoVG\51M221-1-13/№1\300MW亚临界机组</t>
  </si>
  <si>
    <t>【东方锅炉】弯管\φ60×4\12Cr1MoVG\51M221-1-14/№1\300MW亚临界机组</t>
  </si>
  <si>
    <t>【东方锅炉】弯管\φ60×4\12Cr1MoVG\51M221-1-15/№1\300MW亚临界机组</t>
  </si>
  <si>
    <t>【东方锅炉】弯管\φ60×4\12Cr1MoVG\51M221-1-16/№1\300MW亚临界机组</t>
  </si>
  <si>
    <t>【东方锅炉】弯管\φ60×4\12Cr1MoVG\51M221-1-17\300MW亚临界机组</t>
  </si>
  <si>
    <t>【东方锅炉】弯管\φ60×4\12Cr1MoVG\51M221-1-18\300MW亚临界机组</t>
  </si>
  <si>
    <t>【东方锅炉】弯管\φ60×4\12Cr1MoVG\51M221-1-19\300MW亚临界机组</t>
  </si>
  <si>
    <t>【东方锅炉】弯管\φ60×4\12Cr1MoVG\51M221-1-20/№1\300MW亚临界机组</t>
  </si>
  <si>
    <t>【东方锅炉】弯管\φ60×4\12Cr1MoVG\51M221-1-21/№1\300MW亚临界机组</t>
  </si>
  <si>
    <t>【东方锅炉】弯管\φ60×4\12Cr1MoVG\51M221-1-22/№1\300MW亚临界机组</t>
  </si>
  <si>
    <t>【东方锅炉】弯管\φ60×4\12Cr1MoVG\51M221-1-23\300MW亚临界机组</t>
  </si>
  <si>
    <t>【东方锅炉】弯管\φ60×4\12Cr1MoVG\51M221-1-24/№1\300MW亚临界机组</t>
  </si>
  <si>
    <t>【东方锅炉】弯管\φ60×4\12Cr1MoVG\51M221-1-25/№1\300MW亚临界机组</t>
  </si>
  <si>
    <t>【东方锅炉】弯管\φ60×4\12Cr1MoVG\51M221-1-26/№1\300MW亚临界机组</t>
  </si>
  <si>
    <t>【东方锅炉】弯管\φ60×4\12Cr1MoVG\51M221-1-27/№1\300MW亚临界机组</t>
  </si>
  <si>
    <t>【东方锅炉】弯管\φ60×4\12Cr1MoVG\51M221-1-28/№1\300MW亚临界机组</t>
  </si>
  <si>
    <t>【东方锅炉】弯管\φ60×4\12Cr1MoVG\51M221-1-29/№1\300MW亚临界机组</t>
  </si>
  <si>
    <t>【东方锅炉】弯管\φ60×4\12Cr1MoVG\51M221-1-30/№1\300MW亚临界机组</t>
  </si>
  <si>
    <t>【东方锅炉】弯管\φ60×4\12Cr1MoVG\51M221-1-31/№1\300MW亚临界机组</t>
  </si>
  <si>
    <t>【东方锅炉】弯管\φ60×4\12Cr1MoVG\51M221-1-32/№1\300MW亚临界机组</t>
  </si>
  <si>
    <t>【东方锅炉】弯管\φ60×4\12Cr1MoVG\51M221-1-33/№1\300MW亚临界机组</t>
  </si>
  <si>
    <t>【东方锅炉】弯管\φ60×4\12Cr1MoVG\51M221-1-34\300MW亚临界机组</t>
  </si>
  <si>
    <t>【东方锅炉】弯管\φ60×4\12Cr1MoVG\51M221-1-35/№1\300MW亚临界机组</t>
  </si>
  <si>
    <t>【东方锅炉】弯管\φ60×4\12Cr1MoVG\51M221-1-36/№1\300MW亚临界机组</t>
  </si>
  <si>
    <t>【东方锅炉】弯管\φ60×4\12Cr1MoVG\51M221-1-12/№2\300MW亚临界机组</t>
  </si>
  <si>
    <t>【东方锅炉】弯管\φ60×4\12Cr1MoVG\51M221-1-2/№2\300MW亚临界机组</t>
  </si>
  <si>
    <t>【东方锅炉】弯管\φ60×4\12Cr1MoVG\51M221-1-3/№2\300MW亚临界机组</t>
  </si>
  <si>
    <t>【东方锅炉】弯管\φ60×4\12Cr1MoVG\51M221-1-8/№2\300MW亚临界机组</t>
  </si>
  <si>
    <t>【东方锅炉】弯管\φ60×4\12Cr1MoVG\51M221-1-24/№2\300MW亚临界机组</t>
  </si>
  <si>
    <t>【东方锅炉】弯管\φ60×4\12Cr1MoVG\51M221-1-25/№2\300MW亚临界机组</t>
  </si>
  <si>
    <t>【东方锅炉】弯管\φ60×4\12Cr1MoVG\51M221-1-26/№2\300MW亚临界机组</t>
  </si>
  <si>
    <t>【东方锅炉】弯管\φ60×4\12Cr1MoVG\51M221-1-27/№2\300MW亚临界机组</t>
  </si>
  <si>
    <t>【东方锅炉】弯管\φ60×4\12Cr1MoVG\51M221-1-14/№2\300MW亚临界机组</t>
  </si>
  <si>
    <t>【东方锅炉】弯管\φ60×4\12Cr1MoVG\51M221-1-15/№2\300MW亚临界机组</t>
  </si>
  <si>
    <t>【东方锅炉】弯管\φ60×4\12Cr1MoVG\51M221-1-28/№2\300MW亚临界机组</t>
  </si>
  <si>
    <t>【东方锅炉】弯管\φ60×4\12Cr1MoVG\51M221-1-29/№2\300MW亚临界机组</t>
  </si>
  <si>
    <t>【东方锅炉】弯管\φ60×4\12Cr1MoVG\51M221-1-30/№2\300MW亚临界机组</t>
  </si>
  <si>
    <t>【东方锅炉】弯管\φ60×4\12Cr1MoVG\51M221-1-22/№2\300MW亚临界机组</t>
  </si>
  <si>
    <t>【东方锅炉】盖板\δ5\12Cr18Ni9\24S254-1-1\1000MW超超临界机组</t>
  </si>
  <si>
    <t>【东方锅炉】盖板\δ5\12Cr18Ni9\22S254-1-2\1050MW超超临界机组</t>
  </si>
  <si>
    <t>【东方锅炉】盖板\δ5 №1(正)\12Cr18Ni9\22S254-1-3\1050MW超超临界机组</t>
  </si>
  <si>
    <t>【东方锅炉】盖板\δ5 №1(正)\12Cr18Ni9\22S254-1-4\1050MW超超临界机组</t>
  </si>
  <si>
    <t>【东方锅炉】盖板\δ5 №1\12Cr18Ni9\22S254-1-5\1050MW超超临界机组</t>
  </si>
  <si>
    <t>【东方锅炉】盖板\δ5 №1\12Cr18Ni9\22S254-1-6\1050MW超超临界机组</t>
  </si>
  <si>
    <t>【东方锅炉】盖板\δ5 №1(正)\12Cr18Ni9\22S254-1-7\1050MW超超临界机组</t>
  </si>
  <si>
    <t>【东方锅炉】盖板\δ5 №1\12Cr18Ni9\22S254-1-8\1050MW超超临界机组</t>
  </si>
  <si>
    <t>【东方锅炉】盖板\δ5 №1\12Cr18Ni9\22S254-1-9\1050MW超超临界机组</t>
  </si>
  <si>
    <t>【东方锅炉】盖板\δ5 №1\12Cr18Ni9\22S254-1-10\1050MW超超临界机组</t>
  </si>
  <si>
    <t>【东方锅炉】盖板\δ5 №1(正)\12Cr18Ni9\22S254-1-11\1050MW超超临界机组</t>
  </si>
  <si>
    <t>【东方锅炉】盖板\δ5(正)\12Cr18Ni9\22S254-1-12\1050MW超超临界机组</t>
  </si>
  <si>
    <t>【东方锅炉】盖板\δ5 №1(正)\12Cr18Ni9\22S254-1-13\1050MW超超临界机组</t>
  </si>
  <si>
    <t>【东方锅炉】盖板\δ5\12Cr18Ni9\22S254-1-14\1050MW超超临界机组</t>
  </si>
  <si>
    <t>【东方锅炉】盖板\δ5 №1(正)\12Cr18Ni9\22S254-1-15\1050MW超超临界机组</t>
  </si>
  <si>
    <t>【东方锅炉】盖板\δ5 №1\12Cr18Ni9\22S254-1-16\1050MW超超临界机组</t>
  </si>
  <si>
    <t>【东方锅炉】盖板\δ5 №1\12Cr18Ni9\22S254-1-19\1050MW超超临界机组</t>
  </si>
  <si>
    <t>【东方锅炉】盖板\δ5 №1\12Cr18Ni9\22S254-1-22\1050MW超超临界机组</t>
  </si>
  <si>
    <t>【东方锅炉】盖板\δ5(正)\12Cr18Ni9\22S254-1-23\1050MW超超临界机组</t>
  </si>
  <si>
    <t>【东方锅炉】压板\δ5 №1\12Cr18Ni9\15S2541-3-1\1000MW超超临界机组</t>
  </si>
  <si>
    <t>【东方锅炉】压板\δ5 №1\12Cr18Ni9\15S2541-3-2\1000MW超超临界机组</t>
  </si>
  <si>
    <t>【东方锅炉】盖板\δ5 №1(反)\12Cr18Ni9\22S254-1-3\1050MW超超临界机组</t>
  </si>
  <si>
    <t>【东方锅炉】盖板\δ5 №1(反)\12Cr18Ni9\22S254-1-4\1050MW超超临界机组</t>
  </si>
  <si>
    <t>【东方锅炉】盖板\δ5 №1(反)\12Cr18Ni9\22S254-1-7\1050MW超超临界机组</t>
  </si>
  <si>
    <t>【东方锅炉】盖板\δ5 №1(反)\12Cr18Ni9\22S254-1-11\1050MW超超临界机组</t>
  </si>
  <si>
    <t>【东方锅炉】盖板\δ5(反)\12Cr18Ni9\22S254-1-12\1050MW超超临界机组</t>
  </si>
  <si>
    <t>【东方锅炉】盖板\δ5 №1(反)\12Cr18Ni9\22S254-1-13\1050MW超超临界机组</t>
  </si>
  <si>
    <t>【东方锅炉】盖板\δ5 №1(反)\12Cr18Ni9\22S254-1-15\1050MW超超临界机组</t>
  </si>
  <si>
    <t>【东方锅炉】盖板\δ5(反)\12Cr18Ni9\22S254-1-23\1050MW超超临界机组</t>
  </si>
  <si>
    <t>【东方锅炉】盖板\δ5\1Cr6Si2Mo\24S254-2-1\1000MW超超临界机组</t>
  </si>
  <si>
    <t>【东方锅炉】盖板\δ5(正)\1Cr6Si2Mo\22S254-2-2\1050MW超超临界机组</t>
  </si>
  <si>
    <t>【东方锅炉】盖板\δ5 №2(正)\1Cr6Si2Mo\22S254-1-3\1050MW超超临界机组</t>
  </si>
  <si>
    <t>【东方锅炉】盖板\δ5 №2(正)\1Cr6Si2Mo\22S254-1-4\1050MW超超临界机组</t>
  </si>
  <si>
    <t>【东方锅炉】盖板\δ5(正)\1Cr6Si2Mo\22S254-2-3\1050MW超超临界机组</t>
  </si>
  <si>
    <t>【东方锅炉】盖板\δ5\1Cr6Si2Mo\22S254-2-4\1050MW超超临界机组</t>
  </si>
  <si>
    <t>【东方锅炉】盖板\δ5 №2(正)\1Cr6Si2Mo\22S254-1-7\1050MW超超临界机组</t>
  </si>
  <si>
    <t>【东方锅炉】盖板\δ5 №2\1Cr6Si2Mo\22S254-1-8\1050MW超超临界机组</t>
  </si>
  <si>
    <t>【东方锅炉】盖板\δ5 №2\1Cr6Si2Mo\22S254-1-9\1050MW超超临界机组</t>
  </si>
  <si>
    <t>【东方锅炉】盖板\δ5 №2\1Cr6Si2Mo\22S254-1-10\1050MW超超临界机组</t>
  </si>
  <si>
    <t>【东方锅炉】盖板\δ5 №2(正)\1Cr6Si2Mo\22S254-1-11\1050MW超超临界机组</t>
  </si>
  <si>
    <t>【东方锅炉】盖板\δ5(正)\1Cr6Si2Mo\22S254-2-5\1050MW超超临界机组</t>
  </si>
  <si>
    <t>【东方锅炉】盖板\δ5 №2(正)\1Cr6Si2Mo\22S254-1-13\1050MW超超临界机组</t>
  </si>
  <si>
    <t>【东方锅炉】盖板\δ5\1Cr6Si2Mo\22S254-2-6\1050MW超超临界机组</t>
  </si>
  <si>
    <t>【东方锅炉】盖板\δ5 №2(正)\1Cr6Si2Mo\22S254-1-15\1050MW超超临界机组</t>
  </si>
  <si>
    <t>【东方锅炉】盖板\δ5 №2\1Cr6Si2Mo\22S254-1-16\1050MW超超临界机组</t>
  </si>
  <si>
    <t>【东方锅炉】盖板\δ5 №2\1Cr6Si2Mo\22S254-1-19\1050MW超超临界机组</t>
  </si>
  <si>
    <t>【东方锅炉】盖板\δ5 №2\1Cr6Si2Mo\22S254-1-22\1050MW超超临界机组</t>
  </si>
  <si>
    <t>【东方锅炉】弯管\φ60×4\12Cr1MoVG\51M221-1-32/№2\300MW亚临界机组</t>
  </si>
  <si>
    <t>【东方锅炉】弯管\φ60×4\12Cr1MoVG\51M221-1-36/№2\300MW亚临界机组</t>
  </si>
  <si>
    <t>【东方锅炉】盖板\δ5\1Cr6Si2Mo\22S254-2-8\1050MW超超临界机组</t>
  </si>
  <si>
    <t>【东方锅炉】盖板\δ5(反)\1Cr6Si2Mo\22S254-2-2\1050MW超超临界机组</t>
  </si>
  <si>
    <t>【东方锅炉】盖板\δ5 №2(反)\1Cr6Si2Mo\22S254-1-3\1050MW超超临界机组</t>
  </si>
  <si>
    <t>【东方锅炉】盖板\δ5 №2(反)\1Cr6Si2Mo\22S254-1-4\1050MW超超临界机组</t>
  </si>
  <si>
    <t>【东方锅炉】盖板\δ5(反)\1Cr6Si2Mo\22S254-2-3\1050MW超超临界机组</t>
  </si>
  <si>
    <t>【东方锅炉】盖板\δ5 №2(反)\1Cr6Si2Mo\22S254-1-7\1050MW超超临界机组</t>
  </si>
  <si>
    <t>【东方锅炉】盖板\δ5 №2(反)\1Cr6Si2Mo\22S254-1-11\1050MW超超临界机组</t>
  </si>
  <si>
    <t>【东方锅炉】盖板\δ5(反)\1Cr6Si2Mo\22S254-2-5\1050MW超超临界机组</t>
  </si>
  <si>
    <t>【东方锅炉】盖板\δ5 №2(反)\1Cr6Si2Mo\22S254-1-13\1050MW超超临界机组</t>
  </si>
  <si>
    <t>【东方锅炉】盖板\δ5 №2(反)\1Cr6Si2Mo\22S254-1-15\1050MW超超临界机组</t>
  </si>
  <si>
    <t>【东方锅炉】压板\№1\12Cr18Ni9\15S2541-3-1\1000MW超超临界机组</t>
  </si>
  <si>
    <t>【东方锅炉】盖板\δ5 №1\12Cr18Ni9\22S254-1-1\1050MW超超临界机组</t>
  </si>
  <si>
    <t>【东方锅炉】盖板\δ5\12Cr18Ni9\24S254-3-1\1000MW超超临界机组</t>
  </si>
  <si>
    <t>【东方锅炉】盖板\δ5\1Cr6Si2Mo\22S254-4-1\1050MW超超临界机组</t>
  </si>
  <si>
    <t>【东方锅炉】盖板\δ5 №2\1Cr6Si2Mo\22S254-1-1\1050MW超超临界机组</t>
  </si>
  <si>
    <t>【东方锅炉】盖板\δ5\1Cr6Si2Mo\24S254-4-1\1000MW超超临界机组</t>
  </si>
  <si>
    <t>【东方锅炉】盖板\δ5\12Cr18Ni9\30S254-5-1\1000MW超超临界机组</t>
  </si>
  <si>
    <t>【东方锅炉】盖板\δ5\12Cr18Ni9\24S254-5-1\1000MW超超临界机组</t>
  </si>
  <si>
    <t>【东方锅炉】盖板\δ5\1Cr6Si2Mo\24S254-5-2\1000MW超超临界机组</t>
  </si>
  <si>
    <t>【东方锅炉】压板\δ5\SA-240GR309S\22S255-1-1\1050MW超超临界机组</t>
  </si>
  <si>
    <t>【东方锅炉】压板\δ5\SA-240GR309S\22S255-1-2\1050MW超超临界机组</t>
  </si>
  <si>
    <t>【东方锅炉】盖板\δ5 №1\SA-240GR309S\26S255-1-1\1052MW超超临界机组</t>
  </si>
  <si>
    <t>【东方锅炉】盖板\δ5(正)\SA-240GR309S\22S255-1-5\1050MW超超临界机组</t>
  </si>
  <si>
    <t>【东方锅炉】盖板\δ5(反)\SA-240GR309S\22S255-1-5\1050MW超超临界机组</t>
  </si>
  <si>
    <t>【东方锅炉】盖板\δ5 №1\SA-240GR309S\30S255-1-1\1000MW超超临界机组</t>
  </si>
  <si>
    <t>【东方锅炉】盖板\δ5 №2\SA-240GR309S\26S255-1-1\1052MW超超临界机组</t>
  </si>
  <si>
    <t>【东方锅炉】盖板\δ5 №3\SA-240GR309S\26S255-1-1\1052MW超超临界机组</t>
  </si>
  <si>
    <t>【东方锅炉】盖板\δ5\SA-240GR309S\22S255-1-3\1050MW超超临界机组</t>
  </si>
  <si>
    <t>【东方锅炉】盖板\δ5\12Cr18Ni9\22S255-2-1\1050MW超超临界机组</t>
  </si>
  <si>
    <t>【东方锅炉】盖板\δ5\12Cr18Ni9\22S255-2-2\1050MW超超临界机组</t>
  </si>
  <si>
    <t>【东方锅炉】盖板\δ5(正)\12Cr18Ni9\22S255-2-3\1050MW超超临界机组</t>
  </si>
  <si>
    <t>【东方锅炉】盖板\δ5 №1\12Cr18Ni9\22S255-2-4\1050MW超超临界机组</t>
  </si>
  <si>
    <t>【东方锅炉】盖板\δ5\12Cr18Ni9\22S255-2-5\1050MW超超临界机组</t>
  </si>
  <si>
    <t>【东方锅炉】盖板\δ5\12Cr18Ni9\24S255-2-1\1000MW超超临界机组</t>
  </si>
  <si>
    <t>【东方锅炉】盖板\δ5(正)\12Cr18Ni9\22S255-2-7\1050MW超超临界机组</t>
  </si>
  <si>
    <t>【东方锅炉】盖板\δ5\12Cr18Ni9\22S255-2-8\1050MW超超临界机组</t>
  </si>
  <si>
    <t>【东方锅炉】盖板\δ5\12Cr18Ni9\22S255-2-9\1050MW超超临界机组</t>
  </si>
  <si>
    <t>【东方锅炉】盖板\δ5\12Cr18Ni9\22S255-2-12\1050MW超超临界机组</t>
  </si>
  <si>
    <t>【东方锅炉】盖板\δ5(反)\12Cr18Ni9\22S255-2-3\1050MW超超临界机组</t>
  </si>
  <si>
    <t>【东方锅炉】盖板\δ5(反)\12Cr18Ni9\22S255-2-7\1050MW超超临界机组</t>
  </si>
  <si>
    <t>【东方锅炉】盖板\δ5\12Cr18Ni9\23S255-2-1\1000MW超超临界机组</t>
  </si>
  <si>
    <t>【东方锅炉】盖板\δ5 №1\12Cr18Ni9\23S255-2-2\1000MW超超临界机组</t>
  </si>
  <si>
    <t>【东方锅炉】盖板\δ5\12Cr1MoV\23S255-3-1\1000MW超超临界机组</t>
  </si>
  <si>
    <t>【东方锅炉】盖板\δ5\12Cr1MoV\23S255-3-2\1000MW超超临界机组</t>
  </si>
  <si>
    <t>【东方锅炉】盖板\δ5\12Cr1MoV\26S255-2-1\1052MW超超临界机组</t>
  </si>
  <si>
    <t>【东方锅炉】压板\δ5 №2\12Cr1MoV\19S2551-8-1\1000MW超超临界机组</t>
  </si>
  <si>
    <t>【东方锅炉】压板\δ5 №2\12Cr1MoV\19S2551-8-2\1000MW超超临界机组</t>
  </si>
  <si>
    <t>【东方锅炉】盖板\δ5\SA-240GR309S\24S255-3-1\1000MW超超临界机组</t>
  </si>
  <si>
    <t>【东方锅炉】压板\δ5\SA-240GR309S\22S255-6-1\1050MW超超临界机组</t>
  </si>
  <si>
    <t>【东方锅炉】压板\δ5\SA-240GR309S\22S255-6-2\1050MW超超临界机组</t>
  </si>
  <si>
    <t>【东方锅炉】盖板\δ5\SA-240GR309S\22S255-6-3\1050MW超超临界机组</t>
  </si>
  <si>
    <t>【东方锅炉】压板\δ5\SA-240GR309S\22S255-6-4\1050MW超超临界机组</t>
  </si>
  <si>
    <t>【东方锅炉】压板\δ5\SA-240GR309S\22S255-6-5\1050MW超超临界机组</t>
  </si>
  <si>
    <t>【东方锅炉】盖板\δ5\SA-240GR309S\22S255-6-6\1050MW超超临界机组</t>
  </si>
  <si>
    <t>【东方锅炉】盖板\δ5 №2\1Cr6Si2Mo\22S255-2-4\1050MW超超临界机组</t>
  </si>
  <si>
    <t>【东方锅炉】盖板\δ5 №1\1Cr6Si2Mo\22S255-3-5\1050MW超超临界机组</t>
  </si>
  <si>
    <t>【东方锅炉】盖板\δ5 №2\1Cr6Si2Mo\23S255-2-2\1000MW超超临界机组</t>
  </si>
  <si>
    <t>【东方锅炉】盖板\δ5\12Cr1MoV\22S255-12-1\1050MW超超临界机组</t>
  </si>
  <si>
    <t>【东方锅炉】压板\δ5\1Cr6Si2Mo\26S255-3-1\1052MW超超临界机组</t>
  </si>
  <si>
    <t>【东方锅炉】压板\δ5\1Cr6Si2Mo\26S255-3-2\1052MW超超临界机组</t>
  </si>
  <si>
    <t>【东方锅炉】盖板\δ5\1Cr6Si2Mo\26S255-3-3\1052MW超超临界机组</t>
  </si>
  <si>
    <t>【东方锅炉】蛇型管\φ57×8.5\SA-210C\24S3113-1-2\1000MW超超临界机组</t>
  </si>
  <si>
    <t>【东方锅炉】蛇型管\φ57×8.5\SA-210C\24S3113-1-3\1000MW超超临界机组</t>
  </si>
  <si>
    <t>【东方锅炉】蛇型管\φ57×8.5\SA-210C\24S3114-1-2\1000MW超超临界机组</t>
  </si>
  <si>
    <t>【东方锅炉】蛇型管\φ57×8.5\SA-210C\24S3114-1-3\1000MW超超临界机组</t>
  </si>
  <si>
    <t>【东方锅炉】蛇型管\φ57×8.5\SA-210C\24S3114-5-2\1000MW超超临界机组</t>
  </si>
  <si>
    <t>【东方锅炉】蛇型管\φ57×8.5\SA-210C\24S3114-5-3\1000MW超超临界机组</t>
  </si>
  <si>
    <t>【东方锅炉】蛇型管\φ57×8.5\SA-210C\24S3114-8-2\1000MW超超临界机组</t>
  </si>
  <si>
    <t>【东方锅炉】蛇型管\φ57×8.5\SA-210C\24S3114-8-3\1000MW超超临界机组</t>
  </si>
  <si>
    <t>【东方锅炉】蛇型管\φ57×8.5\SA-210C\23S312-10-1\1000MW超超临界机组</t>
  </si>
  <si>
    <t>【东方锅炉】蛇型管\φ57×8.5\SA-210C\23S312-10-2\1000MW超超临界机组</t>
  </si>
  <si>
    <t>【东方锅炉】蛇型管\φ57×8.5\SA-210C\23S312-10-3\1000MW超超临界机组</t>
  </si>
  <si>
    <t>【东方锅炉】蛇型管\φ57×8.5\SA-210C\23S312-10-4\1000MW超超临界机组</t>
  </si>
  <si>
    <t>【东方锅炉】蛇型管\φ57×8.5\SA-210C\23S312-13-1\1000MW超超临界机组</t>
  </si>
  <si>
    <t>【东方锅炉】蛇型管\φ57×8.5\SA-210C\23S312-13-2\1000MW超超临界机组</t>
  </si>
  <si>
    <t>【东方锅炉】蛇型管\φ57×8.5\SA-210C\23S312-13-3\1000MW超超临界机组</t>
  </si>
  <si>
    <t>【东方锅炉】蛇型管\φ57×8.5\SA-210C\23S312-13-4\1000MW超超临界机组</t>
  </si>
  <si>
    <t>【东方锅炉】管子\φ57×8.5 №1\SA-210C\24S3114-10-1\1000MW超超临界机组</t>
  </si>
  <si>
    <t>【东方锅炉】管子\φ57×8.5 №2\SA-210C\24S3114-10-1\1000MW超超临界机组</t>
  </si>
  <si>
    <t>【东方锅炉】管子\φ57×8.5 №3\SA-210C\24S3114-10-1\1000MW超超临界机组</t>
  </si>
  <si>
    <t>【东方锅炉】管子\φ57×8.5 №4\SA-210C\24S3114-10-1\1000MW超超临界机组</t>
  </si>
  <si>
    <t>【东方锅炉】管子\φ57×8.5 №5\SA-210C\24S3114-10-1\1000MW超超临界机组</t>
  </si>
  <si>
    <t>【东方锅炉】管子\φ57×8.5 №6\SA-210C\24S3114-10-1\1000MW超超临界机组</t>
  </si>
  <si>
    <t>【东方锅炉】管子\φ57×8.5 №7\SA-210C\24S3114-10-1\1000MW超超临界机组</t>
  </si>
  <si>
    <t>【东方锅炉】管子\φ57×8.5 №8\SA-210C\24S3114-10-1\1000MW超超临界机组</t>
  </si>
  <si>
    <t>【东方锅炉】管子\φ57×8.5\SA-210C\23S312-16\1000MW超超临界机组</t>
  </si>
  <si>
    <t>【东方锅炉】管子\φ57×8.5 L=2593\SA-210C\30S3114-0\1000MW超超临界机组</t>
  </si>
  <si>
    <t>【东方锅炉】盖板\δ6\20#\30S33-1\1000MW超超临界机组</t>
  </si>
  <si>
    <t>【东方锅炉】盖板\δ6 №1\20#\23S33-2\1000MW超超临界机组</t>
  </si>
  <si>
    <t>【东方锅炉】盖板\δ6 №2\20#\23S33-2\1000MW超超临界机组</t>
  </si>
  <si>
    <t>【东方锅炉】盖板\δ6\20#\16S33-1\1000MW超超临界机组</t>
  </si>
  <si>
    <t>【东方锅炉】盖板\δ6\20#\23S33-3\1000MW超超临界机组</t>
  </si>
  <si>
    <t>【东方锅炉】盖板\δ6 №4\20#\23S33-2\1000MW超超临界机组</t>
  </si>
  <si>
    <t>【东方锅炉】盖板\δ6 №5\20#\23S33-2\1000MW超超临界机组</t>
  </si>
  <si>
    <t>【东方锅炉】盖板\δ6\20#\23S33-4\1000MW超超临界机组</t>
  </si>
  <si>
    <t>【东方锅炉】盖板\δ6\20#\23S33-5\1000MW超超临界机组</t>
  </si>
  <si>
    <t>【东方锅炉】盖板\δ6\20#\23S33-6\1000MW超超临界机组</t>
  </si>
  <si>
    <t>【东方锅炉】盖板\δ6\20#\30S33-2\1000MW超超临界机组</t>
  </si>
  <si>
    <t>【东方锅炉】压板\δ6\20#\23S33-8\1000MW超超临界机组</t>
  </si>
  <si>
    <t>【东方锅炉】压板\δ6\20#\23S33-9\1000MW超超临界机组</t>
  </si>
  <si>
    <t>【东方锅炉】压板\δ4\12Cr1MoV\23S33-10\1000MW超超临界机组</t>
  </si>
  <si>
    <t>【东方锅炉】压板\δ4\12Cr1MoV\23S33-11\1000MW超超临界机组</t>
  </si>
  <si>
    <t>【东方锅炉】盖板\δ4\12Cr1MoV\30S33-3\1000MW超超临界机组</t>
  </si>
  <si>
    <t>【东方锅炉】盖板\δ4 №1\12Cr1MoV\23S33-13\1000MW超超临界机组</t>
  </si>
  <si>
    <t>【东方锅炉】盖板\δ4 №2\12Cr1MoV\23S33-13\1000MW超超临界机组</t>
  </si>
  <si>
    <t>【东方锅炉】盖板\δ4 №3\12Cr1MoV\23S33-13\1000MW超超临界机组</t>
  </si>
  <si>
    <t>【东方锅炉】盖板\δ4 №4\12Cr1MoV\23S33-13\1000MW超超临界机组</t>
  </si>
  <si>
    <t>【东方锅炉】盖板\δ4\12Cr1MoV\23S33-14\1000MW超超临界机组</t>
  </si>
  <si>
    <t>【东方锅炉】盖板\δ4\12Cr1MoV\23S33-15\1000MW超超临界机组</t>
  </si>
  <si>
    <t>【东方锅炉】盖板\δ4\12Cr1MoV\23S33-16\1000MW超超临界机组</t>
  </si>
  <si>
    <t>【东方锅炉】盖板\δ4 №5\12Cr1MoV\23S33-13\1000MW超超临界机组</t>
  </si>
  <si>
    <t>【东方锅炉】盖板\δ6\20#\30S33-4\1000MW超超临界机组</t>
  </si>
  <si>
    <t>【东方锅炉】盖板\δ5\SA-240GR304H\57N33-6\600MW超临界机组</t>
  </si>
  <si>
    <t>【东方锅炉】盖板\δ5\SA-240GR304H\57N33-7\600MW超临界机组</t>
  </si>
  <si>
    <t>【东方锅炉】盖板\δ5\SA-240GR304H\57N33-8\600MW超临界机组</t>
  </si>
  <si>
    <t>【东方锅炉】盖板\δ5\SA-240GR304H\57N33-9\600MW超临界机组</t>
  </si>
  <si>
    <t>【东方锅炉】盖板\δ5\SA-240GR304H\57N33-10\600MW超临界机组</t>
  </si>
  <si>
    <t>【东方锅炉】盖板\δ5\SA-240GR304H\57N33-11\600MW超临界机组</t>
  </si>
  <si>
    <t>【东方锅炉】盖板\δ5\SA-240GR304H\57N33-12\600MW超临界机组</t>
  </si>
  <si>
    <t>【东方锅炉】盖板\δ5\SA-240GR304H\57N33-13\600MW超临界机组</t>
  </si>
  <si>
    <t>【东方锅炉】盖板\δ5\SA-240GR304H\57N33-14\600MW超临界机组</t>
  </si>
  <si>
    <t>【东方锅炉】盖板\δ5\SA-240GR304H\57N33-15\600MW超临界机组</t>
  </si>
  <si>
    <t>【东方锅炉】盖板\δ5\SA-240GR304H\57N33-16\600MW超临界机组</t>
  </si>
  <si>
    <t>【东方锅炉】盖板\δ5\SA-240GR304H\57N33-17\600MW超临界机组</t>
  </si>
  <si>
    <t>【东方锅炉】盖板\δ5\SA-240GR304H\57N33-18\600MW超临界机组</t>
  </si>
  <si>
    <t>【东方锅炉】盖板\δ5\SA-240GR304H\57N33-19\600MW超临界机组</t>
  </si>
  <si>
    <t>【东方锅炉】盖板\δ5\SA-240GR304H\57N33-20\600MW超临界机组</t>
  </si>
  <si>
    <t>【东方锅炉】盖板\δ5\SA-240GR304H\57N33-21\600MW超临界机组</t>
  </si>
  <si>
    <t>【东方锅炉】盖板\δ5\SA-240GR304H\57N33-22\600MW超临界机组</t>
  </si>
  <si>
    <t>【东方锅炉】盖板\δ5\SA-240GR304H\57N33-23\600MW超临界机组</t>
  </si>
  <si>
    <t>【东方锅炉】盖板\δ5\SA-240GR304H\57N33-24\600MW超临界机组</t>
  </si>
  <si>
    <t>【东方锅炉】盖板\δ5\SA-240GR304H\57N33-25\600MW超临界机组</t>
  </si>
  <si>
    <t>【东方锅炉】盖板\δ5\SA-240GR304H\57N33-26\600MW超临界机组</t>
  </si>
  <si>
    <t>【东方锅炉】盖板\δ5\SA-240GR304H\57N33-27\600MW超临界机组</t>
  </si>
  <si>
    <t>【东方锅炉】盖板\δ5\SA-240GR304H\57N33-28\600MW超临界机组</t>
  </si>
  <si>
    <t>【东方锅炉】盖板\δ5\SA-240GR304H\57N33-29\600MW超临界机组</t>
  </si>
  <si>
    <t>【东方锅炉】盖板\δ5\SA-240GR304H\57N33-30\600MW超临界机组</t>
  </si>
  <si>
    <t>【东方锅炉】盖板\δ5\SA-240GR304H\57N33-31\600MW超临界机组</t>
  </si>
  <si>
    <t>【东方锅炉】盖板\δ5\SA-240GR304H\57N33-32\600MW超临界机组</t>
  </si>
  <si>
    <t>【东方锅炉】盖板\δ5\SA-240GR304H\57N33-33\600MW超临界机组</t>
  </si>
  <si>
    <t>【东方锅炉】盖板\δ5\SA-240GR304H\57N33-34\600MW超临界机组</t>
  </si>
  <si>
    <t>【东方锅炉】盖板\δ5\SA-240GR304H\57N33-35\600MW超临界机组</t>
  </si>
  <si>
    <t>【东方锅炉】盖板\δ5\SA-240GR304H\57N33-36\600MW超临界机组</t>
  </si>
  <si>
    <t>【东方锅炉】盖板\δ5\SA-240GR304H\57N33-37\600MW超临界机组</t>
  </si>
  <si>
    <t>【东方锅炉】盖板\δ5\SA-240GR304H\57N33-38\600MW超临界机组</t>
  </si>
  <si>
    <t>【东方锅炉】盖板\δ5\SA-240GR304H\57N33-39\600MW超临界机组</t>
  </si>
  <si>
    <t>【东方锅炉】盖板\δ5\SA-240GR304H\57N33-40\600MW超临界机组</t>
  </si>
  <si>
    <t>【东方锅炉】盖板\δ5\SA-240GR304H\57N33-41\600MW超临界机组</t>
  </si>
  <si>
    <t>【东方锅炉】盖板\δ5\SA-240GR304H\57N33-42\600MW超临界机组</t>
  </si>
  <si>
    <t>【东方锅炉】盖板\δ5\SA-240GR304H\57N33-43\600MW超临界机组</t>
  </si>
  <si>
    <t>【东方锅炉】盖板\δ5\SA-240GR304H\57N33-44\600MW超临界机组</t>
  </si>
  <si>
    <t>【东方锅炉】盖板\δ5\SA-240GR304H\57N33-45\600MW超临界机组</t>
  </si>
  <si>
    <t>【东方锅炉】盖板\δ5\12Cr1MoV\57N33-46\600MW超临界机组</t>
  </si>
  <si>
    <t>【东方锅炉】盖板\δ5\12Cr1MoV\57N33-47\600MW超临界机组</t>
  </si>
  <si>
    <t>【东方锅炉】盖板\δ5\12Cr1MoV\57N33-48\600MW超临界机组</t>
  </si>
  <si>
    <t>【东方锅炉】盖板\δ5\12Cr1MoV\57N33-49\600MW超临界机组</t>
  </si>
  <si>
    <t>【东方锅炉】盖板\δ5\12Cr1MoV\57N33-50\600MW超临界机组</t>
  </si>
  <si>
    <t>【东方锅炉】盖板\δ5\12Cr1MoV\57N33-51\600MW超临界机组</t>
  </si>
  <si>
    <t>【东方锅炉】盖板\δ5\12Cr1MoV\57N33-52\600MW超临界机组</t>
  </si>
  <si>
    <t>【东方锅炉】盖板\δ5\12Cr1MoV\57N33-53\600MW超临界机组</t>
  </si>
  <si>
    <t>【东方锅炉】盖板\δ5\12Cr1MoV\57N33-54\600MW超临界机组</t>
  </si>
  <si>
    <t>【东方锅炉】盖板\δ5\12Cr1MoV\57N33-55\600MW超临界机组</t>
  </si>
  <si>
    <t>【东方锅炉】盖板\δ5\12Cr1MoV\57N33-56\600MW超临界机组</t>
  </si>
  <si>
    <t>【东方锅炉】盖板\δ5\12Cr1MoV\57N33-57\600MW超临界机组</t>
  </si>
  <si>
    <t>【东方锅炉】盖板\δ5\12Cr1MoV\57N33-58\600MW超临界机组</t>
  </si>
  <si>
    <t>【东方锅炉】盖板\δ5\SA-240GR304H\57N33-59\600MW超临界机组</t>
  </si>
  <si>
    <t>【东方锅炉】盖板\δ5\SA-240GR304H\57N33-60\600MW超临界机组</t>
  </si>
  <si>
    <t>【东方锅炉】压板\δ5\SA-240GR304H\57N33-61\600MW超临界机组</t>
  </si>
  <si>
    <t>【东方锅炉】压板\δ5\SA-240GR304H\57N33-62\600MW超临界机组</t>
  </si>
  <si>
    <t>【东方锅炉】盖板\δ5\SA-240GR304H\57N33-63\600MW超临界机组</t>
  </si>
  <si>
    <t>【东方锅炉】盖板\δ5\SA-240GR304H\57N33-64\600MW超临界机组</t>
  </si>
  <si>
    <t>【东方锅炉】压板\δ5\12Cr1MoV\57N33-65\600MW超临界机组</t>
  </si>
  <si>
    <t>【东方锅炉】压板\δ5\12Cr1MoV\57N33-66\600MW超临界机组</t>
  </si>
  <si>
    <t>【东方锅炉】盖板\δ5\12Cr1MoV\57N33-67\600MW超临界机组</t>
  </si>
  <si>
    <t>【东方锅炉】管子\φ38.1×7 №1\SA-213T2\57N112-1-1\600MW超临界机组</t>
  </si>
  <si>
    <t>【东方锅炉】管子\φ38.1×7 №2\SA-213T2\57N112-1-1\600MW超临界机组</t>
  </si>
  <si>
    <t>【东方锅炉】管子\φ38.1×7 №3\SA-213T2\57N112-1-1\600MW超临界机组</t>
  </si>
  <si>
    <t>【东方锅炉】管子\φ38.1×7 №4\SA-213T2\57N112-1-1\600MW超临界机组</t>
  </si>
  <si>
    <t>【东方锅炉】管子\φ38.1×7 №5\SA-213T2\57N112-1-1\600MW超临界机组</t>
  </si>
  <si>
    <t>【东方锅炉】管子\φ38.1×7 №6\SA-213T2\57N112-1-1\600MW超临界机组</t>
  </si>
  <si>
    <t>【东方锅炉】管子\φ38.1×7 №7\SA-213T2\57N112-1-1\600MW超临界机组</t>
  </si>
  <si>
    <t>【东方锅炉】管子\φ38.1×7 №8\SA-213T2\57N112-1-1\600MW超临界机组</t>
  </si>
  <si>
    <t>【东方锅炉】管子\φ38.1×7 №9\SA-213T2\57N112-1-1\600MW超临界机组</t>
  </si>
  <si>
    <t>【东方锅炉】管子\φ38.1×7 №10\SA-213T2\57N112-1-1\600MW超临界机组</t>
  </si>
  <si>
    <t>【东方锅炉】管子\φ38.1×7 №11\SA-213T2\57N112-1-1\600MW超临界机组</t>
  </si>
  <si>
    <t>【东方锅炉】管子\φ38.1×7 №12\SA-213T2\57N112-1-1\600MW超临界机组</t>
  </si>
  <si>
    <t>【东方锅炉】管子\φ38.1×7 №13\SA-213T2\57N112-1-1\600MW超临界机组</t>
  </si>
  <si>
    <t>【东方锅炉】管子\φ38.1×7 №14\SA-213T2\57N112-1-1\600MW超临界机组</t>
  </si>
  <si>
    <t>【东方锅炉】管子\φ38.1×7 №15\SA-213T2\57N112-1-1\600MW超临界机组</t>
  </si>
  <si>
    <t>【东方锅炉】管子\φ38.1×7 №16\SA-213T2\57N112-1-1\600MW超临界机组</t>
  </si>
  <si>
    <t>【东方锅炉】管子\φ38.1×7 №17\SA-213T2\57N112-1-1\600MW超临界机组</t>
  </si>
  <si>
    <t>【东方锅炉】管子\φ38.1×7 №18\SA-213T2\57N112-1-1\600MW超临界机组</t>
  </si>
  <si>
    <t>【东方锅炉】管子\φ38.1×7 №19\SA-213T2\57N112-1-1\600MW超临界机组</t>
  </si>
  <si>
    <t>【东方锅炉】管子\φ38.1×7 №20\SA-213T2\57N112-1-1\600MW超临界机组</t>
  </si>
  <si>
    <t>【东方锅炉】管子\φ38.1×7 №21\SA-213T2\57N112-1-1\600MW超临界机组</t>
  </si>
  <si>
    <t>【东方锅炉】管子\φ38.1×7 №22\SA-213T2\57N112-1-1\600MW超临界机组</t>
  </si>
  <si>
    <t>【东方锅炉】管子\φ38.1×7 №23\SA-213T2\57N112-1-1\600MW超临界机组</t>
  </si>
  <si>
    <t>【东方锅炉】管子\φ38.1×7 №24\SA-213T2\57N112-1-1\600MW超临界机组</t>
  </si>
  <si>
    <t>【东方锅炉】管子\φ38.1×7 №25\SA-213T2\57N112-1-1\600MW超临界机组</t>
  </si>
  <si>
    <t>【东方锅炉】管子\φ38.1×7 №26\SA-213T2\57N112-1-1\600MW超临界机组</t>
  </si>
  <si>
    <t>【东方锅炉】管子\φ38.1×7 №27\SA-213T2\57N112-1-1\600MW超临界机组</t>
  </si>
  <si>
    <t>【东方锅炉】管子\φ38.1×7 №28\SA-213T2\57N112-1-1\600MW超临界机组</t>
  </si>
  <si>
    <t>【东方锅炉】管子\φ38.1×7 №29\SA-213T2\57N112-1-1\600MW超临界机组</t>
  </si>
  <si>
    <t>【东方锅炉】管子\φ38.1×7 №30\SA-213T2\57N112-1-1\600MW超临界机组</t>
  </si>
  <si>
    <t>【东方锅炉】管子\φ38.1×7 №31\SA-213T2\57N112-1-1\600MW超临界机组</t>
  </si>
  <si>
    <t>【东方锅炉】管子\φ38.1×7 №32\SA-213T2\57N112-1-1\600MW超临界机组</t>
  </si>
  <si>
    <t>【东方锅炉】管子\φ38.1×7 №33\SA-213T2\57N112-1-1\600MW超临界机组</t>
  </si>
  <si>
    <t>【东方锅炉】管子\φ38.1×7 №34\SA-213T2\57N112-1-1\600MW超临界机组</t>
  </si>
  <si>
    <t>【东方锅炉】管子\φ38.1×7 №35\SA-213T2\57N112-1-1\600MW超临界机组</t>
  </si>
  <si>
    <t>【东方锅炉】管子\φ38.1×7 №36\SA-213T2\57N112-1-1\600MW超临界机组</t>
  </si>
  <si>
    <t>【东方锅炉】管子\φ38.1×7 №37\SA-213T2\57N112-1-1\600MW超临界机组</t>
  </si>
  <si>
    <t>【东方锅炉】管子\φ38.1×7 №38\SA-213T2\57N112-1-1\600MW超临界机组</t>
  </si>
  <si>
    <t>【东方锅炉】管子\φ38.1×7 №39\SA-213T2\57N112-1-1\600MW超临界机组</t>
  </si>
  <si>
    <t>【东方锅炉】管子\φ38.1×7 №40\SA-213T2\57N112-1-1\600MW超临界机组</t>
  </si>
  <si>
    <t>【东方锅炉】管子\φ38.1×7 №41\SA-213T2\57N112-1-1\600MW超临界机组</t>
  </si>
  <si>
    <t>【东方锅炉】管子\φ38.1×7 №42\SA-213T2\57N112-1-1\600MW超临界机组</t>
  </si>
  <si>
    <t>【东方锅炉】管子\φ38.1×7 №43\SA-213T2\57N112-1-1\600MW超临界机组</t>
  </si>
  <si>
    <t>【东方锅炉】管子\φ38.1×7 №44\SA-213T2\57N112-1-1\600MW超临界机组</t>
  </si>
  <si>
    <t>【东方锅炉】管子\φ38.1×7 №45\SA-213T2\57N112-1-1\600MW超临界机组</t>
  </si>
  <si>
    <t>【东方锅炉】弯管\φ60×4\12Cr1MoVG\51M221-1-1/№2\300MW亚临界机组</t>
  </si>
  <si>
    <t>【东方锅炉】弯管\φ60×4\12Cr1MoVG\51M221-1-4/№2\300MW亚临界机组</t>
  </si>
  <si>
    <t>【东方锅炉】钢板\δ6 200×23\15CrMo\57N112-0\600MW超临界机组</t>
  </si>
  <si>
    <t>【东方锅炉】钢板\δ6 75×23\15CrMo\57N112-0\600MW超临界机组</t>
  </si>
  <si>
    <t>【东方锅炉】钢板\δ20\15CrMo\57N112-1-3\600MW超临界机组</t>
  </si>
  <si>
    <t>【东方锅炉】管子\φ38.1×7 №1\SA-213T2\57N112-2-1\600MW超临界机组</t>
  </si>
  <si>
    <t>【东方锅炉】管子\φ38.1×7 №2\SA-213T2\57N112-2-1\600MW超临界机组</t>
  </si>
  <si>
    <t>【东方锅炉】管子\φ38.1×7 №3\SA-213T2\57N112-2-1\600MW超临界机组</t>
  </si>
  <si>
    <t>【东方锅炉】管子\φ38.1×7 №4\SA-213T2\57N112-2-1\600MW超临界机组</t>
  </si>
  <si>
    <t>【东方锅炉】管子\φ38.1×7 №5\SA-213T2\57N112-2-1\600MW超临界机组</t>
  </si>
  <si>
    <t>【东方锅炉】管子\φ38.1×7 №6\SA-213T2\57N112-2-1\600MW超临界机组</t>
  </si>
  <si>
    <t>【东方锅炉】管子\φ38.1×7 №7\SA-213T2\57N112-2-1\600MW超临界机组</t>
  </si>
  <si>
    <t>【东方锅炉】管子\φ38.1×7 №8\SA-213T2\57N112-2-1\600MW超临界机组</t>
  </si>
  <si>
    <t>【东方锅炉】管子\φ38.1×7 №9\SA-213T2\57N112-2-1\600MW超临界机组</t>
  </si>
  <si>
    <t>【东方锅炉】管子\φ38.1×7 №10\SA-213T2\57N112-2-1\600MW超临界机组</t>
  </si>
  <si>
    <t>【东方锅炉】管子\φ38.1×7 №11\SA-213T2\57N112-2-1\600MW超临界机组</t>
  </si>
  <si>
    <t>【东方锅炉】管子\φ38.1×7 №12\SA-213T2\57N112-2-1\600MW超临界机组</t>
  </si>
  <si>
    <t>【东方锅炉】管子\φ38.1×7 №13\SA-213T2\57N112-2-1\600MW超临界机组</t>
  </si>
  <si>
    <t>【东方锅炉】管子\φ38.1×7 №14\SA-213T2\57N112-2-1\600MW超临界机组</t>
  </si>
  <si>
    <t>【东方锅炉】管子\φ38.1×7 №15\SA-213T2\57N112-2-1\600MW超临界机组</t>
  </si>
  <si>
    <t>【东方锅炉】管子\φ38.1×7 №16\SA-213T2\57N112-2-1\600MW超临界机组</t>
  </si>
  <si>
    <t>【东方锅炉】管子\φ38.1×7 №17\SA-213T2\57N112-2-1\600MW超临界机组</t>
  </si>
  <si>
    <t>【东方锅炉】管子\φ38.1×7 №18\SA-213T2\57N112-2-1\600MW超临界机组</t>
  </si>
  <si>
    <t>【东方锅炉】管子\φ38.1×7 №19\SA-213T2\57N112-2-1\600MW超临界机组</t>
  </si>
  <si>
    <t>【东方锅炉】管子\φ38.1×7 №20\SA-213T2\57N112-2-1\600MW超临界机组</t>
  </si>
  <si>
    <t>【东方锅炉】管子\φ38.1×7 №21\SA-213T2\57N112-2-1\600MW超临界机组</t>
  </si>
  <si>
    <t>【东方锅炉】管子\φ38.1×7 №22\SA-213T2\57N112-2-1\600MW超临界机组</t>
  </si>
  <si>
    <t>【东方锅炉】管子\φ38.1×7 №23\SA-213T2\57N112-2-1\600MW超临界机组</t>
  </si>
  <si>
    <t>【东方锅炉】管子\φ38.1×7 №24\SA-213T2\57N112-2-1\600MW超临界机组</t>
  </si>
  <si>
    <t>【东方锅炉】管子\φ38.1×7 №25\SA-213T2\57N112-2-1\600MW超临界机组</t>
  </si>
  <si>
    <t>【东方锅炉】管子\φ38.1×7 №26\SA-213T2\57N112-2-1\600MW超临界机组</t>
  </si>
  <si>
    <t>【东方锅炉】管子\φ38.1×7 №27\SA-213T2\57N112-2-1\600MW超临界机组</t>
  </si>
  <si>
    <t>【东方锅炉】管子\φ38.1×7 №28\SA-213T2\57N112-2-1\600MW超临界机组</t>
  </si>
  <si>
    <t>【东方锅炉】管子\φ38.1×7 №29\SA-213T2\57N112-2-1\600MW超临界机组</t>
  </si>
  <si>
    <t>【东方锅炉】管子\φ38.1×7 №30\SA-213T2\57N112-2-1\600MW超临界机组</t>
  </si>
  <si>
    <t>【东方锅炉】管子\φ38.1×7 №31\SA-213T2\57N112-2-1\600MW超临界机组</t>
  </si>
  <si>
    <t>【东方锅炉】管子\φ38.1×7 №32\SA-213T2\57N112-2-1\600MW超临界机组</t>
  </si>
  <si>
    <t>【东方锅炉】管子\φ38.1×7 №33\SA-213T2\57N112-2-1\600MW超临界机组</t>
  </si>
  <si>
    <t>【东方锅炉】管子\φ38.1×7 №34\SA-213T2\57N112-2-1\600MW超临界机组</t>
  </si>
  <si>
    <t>【东方锅炉】管子\φ38.1×7 №35\SA-213T2\57N112-2-1\600MW超临界机组</t>
  </si>
  <si>
    <t>【东方锅炉】管子\φ38.1×7 №36\SA-213T2\57N112-2-1\600MW超临界机组</t>
  </si>
  <si>
    <t>【东方锅炉】管子\φ38.1×7 №37\SA-213T2\57N112-2-1\600MW超临界机组</t>
  </si>
  <si>
    <t>【东方锅炉】管子\φ38.1×7 №38\SA-213T2\57N112-2-1\600MW超临界机组</t>
  </si>
  <si>
    <t>【东方锅炉】钢板\δ6 380×23\15CrMo\57N112-0\600MW超临界机组</t>
  </si>
  <si>
    <t>【东方锅炉】钢板\δ6 225×23\15CrMo\57N112-0\600MW超临界机组</t>
  </si>
  <si>
    <t>【东方锅炉】钢板\δ6 175×23\15CrMo\57N112-0\600MW超临界机组</t>
  </si>
  <si>
    <t>【东方锅炉】管子\φ38.1×7 №1\SA-213T2\57N112-3-1\600MW超临界机组</t>
  </si>
  <si>
    <t>【东方锅炉】管子\φ38.1×7 №2\SA-213T2\57N112-3-1\600MW超临界机组</t>
  </si>
  <si>
    <t>【东方锅炉】管子\φ38.1×7 №3\SA-213T2\57N112-3-1\600MW超临界机组</t>
  </si>
  <si>
    <t>【东方锅炉】管子\φ38.1×7 №4\SA-213T2\57N112-3-1\600MW超临界机组</t>
  </si>
  <si>
    <t>【东方锅炉】管子\φ38.1×7 №5\SA-213T2\57N112-3-1\600MW超临界机组</t>
  </si>
  <si>
    <t>【东方锅炉】管子\φ38.1×7 №6\SA-213T2\57N112-3-1\600MW超临界机组</t>
  </si>
  <si>
    <t>【东方锅炉】管子\φ38.1×7 №7\SA-213T2\57N112-3-1\600MW超临界机组</t>
  </si>
  <si>
    <t>【东方锅炉】管子\φ38.1×7 №8\SA-213T2\57N112-3-1\600MW超临界机组</t>
  </si>
  <si>
    <t>【东方锅炉】管子\φ38.1×7 №9\SA-213T2\57N112-3-1\600MW超临界机组</t>
  </si>
  <si>
    <t>【东方锅炉】管子\φ38.1×7 №10\SA-213T2\57N112-3-1\600MW超临界机组</t>
  </si>
  <si>
    <t>【东方锅炉】管子\φ38.1×7 №11\SA-213T2\57N112-3-1\600MW超临界机组</t>
  </si>
  <si>
    <t>【东方锅炉】管子\φ38.1×7 №12\SA-213T2\57N112-3-1\600MW超临界机组</t>
  </si>
  <si>
    <t>【东方锅炉】管子\φ38.1×7 №13\SA-213T2\57N112-3-1\600MW超临界机组</t>
  </si>
  <si>
    <t>【东方锅炉】管子\φ38.1×7 №14\SA-213T2\57N112-3-1\600MW超临界机组</t>
  </si>
  <si>
    <t>【东方锅炉】管子\φ38.1×7 №15\SA-213T2\57N112-3-1\600MW超临界机组</t>
  </si>
  <si>
    <t>【东方锅炉】管子\φ38.1×7 №16\SA-213T2\57N112-3-1\600MW超临界机组</t>
  </si>
  <si>
    <t>【东方锅炉】管子\φ38.1×7 №17\SA-213T2\57N112-3-1\600MW超临界机组</t>
  </si>
  <si>
    <t>【东方锅炉】管子\φ38.1×7 №18\SA-213T2\57N112-3-1\600MW超临界机组</t>
  </si>
  <si>
    <t>【东方锅炉】管子\φ38.1×7 №19\SA-213T2\57N112-3-1\600MW超临界机组</t>
  </si>
  <si>
    <t>【东方锅炉】管子\φ38.1×7 №20\SA-213T2\57N112-3-1\600MW超临界机组</t>
  </si>
  <si>
    <t>【东方锅炉】管子\φ38.1×7 №21\SA-213T2\57N112-3-1\600MW超临界机组</t>
  </si>
  <si>
    <t>【东方锅炉】管子\φ38.1×7 №22\SA-213T2\57N112-3-1\600MW超临界机组</t>
  </si>
  <si>
    <t>【东方锅炉】管子\φ38.1×7 №23\SA-213T2\57N112-3-1\600MW超临界机组</t>
  </si>
  <si>
    <t>【东方锅炉】管子\φ38.1×7 №24\SA-213T2\57N112-3-1\600MW超临界机组</t>
  </si>
  <si>
    <t>【东方锅炉】管子\φ38.1×7 №25\SA-213T2\57N112-3-1\600MW超临界机组</t>
  </si>
  <si>
    <t>【东方锅炉】管子\φ38.1×7 №26\SA-213T2\57N112-3-1\600MW超临界机组</t>
  </si>
  <si>
    <t>【东方锅炉】管子\φ38.1×7 №27\SA-213T2\57N112-3-1\600MW超临界机组</t>
  </si>
  <si>
    <t>【东方锅炉】管子\φ38.1×7 №28\SA-213T2\57N112-3-1\600MW超临界机组</t>
  </si>
  <si>
    <t>【东方锅炉】管子\φ38.1×7 №29\SA-213T2\57N112-3-1\600MW超临界机组</t>
  </si>
  <si>
    <t>【东方锅炉】管子\φ38.1×7 №30\SA-213T2\57N112-3-1\600MW超临界机组</t>
  </si>
  <si>
    <t>【东方锅炉】管子\φ38.1×7 №31\SA-213T2\57N112-3-1\600MW超临界机组</t>
  </si>
  <si>
    <t>【东方锅炉】管子\φ38.1×7 №32\SA-213T2\57N112-3-1\600MW超临界机组</t>
  </si>
  <si>
    <t>【东方锅炉】管子\φ38.1×7 №33\SA-213T2\57N112-3-1\600MW超临界机组</t>
  </si>
  <si>
    <t>【东方锅炉】管子\φ38.1×7 №34\SA-213T2\57N112-3-1\600MW超临界机组</t>
  </si>
  <si>
    <t>【东方锅炉】管子\φ38.1×7 №35\SA-213T2\57N112-3-1\600MW超临界机组</t>
  </si>
  <si>
    <t>【东方锅炉】管子\φ38.1×7 №36\SA-213T2\57N112-3-1\600MW超临界机组</t>
  </si>
  <si>
    <t>【东方锅炉】管子\φ38.1×7 №37\SA-213T2\57N112-3-1\600MW超临界机组</t>
  </si>
  <si>
    <t>【东方锅炉】管子\φ38.1×7 №38\SA-213T2\57N112-3-1\600MW超临界机组</t>
  </si>
  <si>
    <t>【东方锅炉】管子\φ38.1×7 №39\SA-213T2\57N112-3-1\600MW超临界机组</t>
  </si>
  <si>
    <t>【东方锅炉】管子\φ38.1×7 №40\SA-213T2\57N112-3-1\600MW超临界机组</t>
  </si>
  <si>
    <t>【东方锅炉】管子\φ38.1×7 №41\SA-213T2\57N112-3-1\600MW超临界机组</t>
  </si>
  <si>
    <t>【东方锅炉】管子\φ38.1×7 №42\SA-213T2\57N112-3-1\600MW超临界机组</t>
  </si>
  <si>
    <t>【东方锅炉】管子\φ38.1×7 №43\SA-213T2\57N112-3-1\600MW超临界机组</t>
  </si>
  <si>
    <t>【东方锅炉】管子\φ38.1×7 №44\SA-213T2\57N112-3-1\600MW超临界机组</t>
  </si>
  <si>
    <t>【东方锅炉】管子\φ38.1×7 №45\SA-213T2\57N112-3-1\600MW超临界机组</t>
  </si>
  <si>
    <t>【东方锅炉】管子\φ38.1×7 №46\SA-213T2\57N112-3-1\600MW超临界机组</t>
  </si>
  <si>
    <t>【东方锅炉】弯管\φ60×4\12Cr1MoVG\51M221-1-5/№2\300MW亚临界机组</t>
  </si>
  <si>
    <t>【东方锅炉】钢板\δ6 80×10.7\15CrMo\57N112-0\600MW超临界机组</t>
  </si>
  <si>
    <t>【东方锅炉】钢板\δ6 150×23\15CrMo\57N112-0\600MW超临界机组</t>
  </si>
  <si>
    <t>【东方锅炉】钢板\δ6 200×21.2\15CrMo\57N112-0\600MW超临界机组</t>
  </si>
  <si>
    <t>【东方锅炉】钢板\δ6 75×21.2\15CrMo\57N112-0\600MW超临界机组</t>
  </si>
  <si>
    <t>【东方锅炉】钢板\δ6 150×21.2\15CrMo\57N112-0\600MW超临界机组</t>
  </si>
  <si>
    <t>【东方锅炉】管子\φ38.1×7 №1\SA-213T2\57N112-4-2\600MW超临界机组</t>
  </si>
  <si>
    <t>【东方锅炉】管子\φ38.1×7 №2\SA-213T2\57N112-4-2\600MW超临界机组</t>
  </si>
  <si>
    <t>【东方锅炉】管子\φ38.1×7 №3\SA-213T2\57N112-4-2\600MW超临界机组</t>
  </si>
  <si>
    <t>【东方锅炉】管子\φ38.1×7 №4\SA-213T2\57N112-4-2\600MW超临界机组</t>
  </si>
  <si>
    <t>【东方锅炉】管子\φ38.1×7 №5\SA-213T2\57N112-4-2\600MW超临界机组</t>
  </si>
  <si>
    <t>【东方锅炉】管子\φ38.1×7 №6\SA-213T2\57N112-4-2\600MW超临界机组</t>
  </si>
  <si>
    <t>【东方锅炉】管子\φ38.1×7 №7\SA-213T2\57N112-4-2\600MW超临界机组</t>
  </si>
  <si>
    <t>【东方锅炉】管子\φ38.1×7 №8\SA-213T2\57N112-4-2\600MW超临界机组</t>
  </si>
  <si>
    <t>【东方锅炉】管子\φ38.1×7 №9\SA-213T2\57N112-4-2\600MW超临界机组</t>
  </si>
  <si>
    <t>【东方锅炉】管子\φ38.1×7 №10\SA-213T2\57N112-4-2\600MW超临界机组</t>
  </si>
  <si>
    <t>【东方锅炉】管子\φ38.1×7 №11\SA-213T2\57N112-4-2\600MW超临界机组</t>
  </si>
  <si>
    <t>【东方锅炉】管子\φ38.1×7 №12\SA-213T2\57N112-4-2\600MW超临界机组</t>
  </si>
  <si>
    <t>【东方锅炉】管子\φ38.1×7 №13\SA-213T2\57N112-4-2\600MW超临界机组</t>
  </si>
  <si>
    <t>【东方锅炉】管子\φ38.1×7 №14\SA-213T2\57N112-4-2\600MW超临界机组</t>
  </si>
  <si>
    <t>【东方锅炉】管子\φ38.1×7 №15\SA-213T2\57N112-4-2\600MW超临界机组</t>
  </si>
  <si>
    <t>【东方锅炉】管子\φ38.1×7 №16\SA-213T2\57N112-4-2\600MW超临界机组</t>
  </si>
  <si>
    <t>【东方锅炉】管子\φ38.1×7 №17\SA-213T2\57N112-4-2\600MW超临界机组</t>
  </si>
  <si>
    <t>【东方锅炉】管子\φ38.1×7 №18\SA-213T2\57N112-4-2\600MW超临界机组</t>
  </si>
  <si>
    <t>【东方锅炉】管子\φ38.1×7 №19\SA-213T2\57N112-4-2\600MW超临界机组</t>
  </si>
  <si>
    <t>【东方锅炉】管子\φ38.1×7 №20\SA-213T2\57N112-4-2\600MW超临界机组</t>
  </si>
  <si>
    <t>【东方锅炉】管子\φ38.1×7 №21\SA-213T2\57N112-4-2\600MW超临界机组</t>
  </si>
  <si>
    <t>【东方锅炉】管子\φ38.1×7 №22\SA-213T2\57N112-4-2\600MW超临界机组</t>
  </si>
  <si>
    <t>【东方锅炉】管子\φ38.1×7 №23\SA-213T2\57N112-4-2\600MW超临界机组</t>
  </si>
  <si>
    <t>【东方锅炉】管子\φ38.1×7 №24\SA-213T2\57N112-4-2\600MW超临界机组</t>
  </si>
  <si>
    <t>【东方锅炉】管子\φ38.1×7 №25\SA-213T2\57N112-4-2\600MW超临界机组</t>
  </si>
  <si>
    <t>【东方锅炉】管子\φ38.1×7 №26\SA-213T2\57N112-4-2\600MW超临界机组</t>
  </si>
  <si>
    <t>【东方锅炉】管子\φ38.1×7 №27\SA-213T2\57N112-4-2\600MW超临界机组</t>
  </si>
  <si>
    <t>【东方锅炉】管子\φ38.1×7 №28\SA-213T2\57N112-4-2\600MW超临界机组</t>
  </si>
  <si>
    <t>【东方锅炉】管子\φ38.1×7 №29\SA-213T2\57N112-4-2\600MW超临界机组</t>
  </si>
  <si>
    <t>【东方锅炉】管子\φ38.1×7 №30\SA-213T2\57N112-4-2\600MW超临界机组</t>
  </si>
  <si>
    <t>【东方锅炉】管子\φ38.1×7 №31\SA-213T2\57N112-4-2\600MW超临界机组</t>
  </si>
  <si>
    <t>【东方锅炉】管子\φ38.1×7 №32\SA-213T2\57N112-4-2\600MW超临界机组</t>
  </si>
  <si>
    <t>【东方锅炉】管子\φ38.1×7 №33\SA-213T2\57N112-4-2\600MW超临界机组</t>
  </si>
  <si>
    <t>【东方锅炉】管子\φ38.1×7 №34\SA-213T2\57N112-4-2\600MW超临界机组</t>
  </si>
  <si>
    <t>【东方锅炉】管子\φ38.1×7 №35\SA-213T2\57N112-4-2\600MW超临界机组</t>
  </si>
  <si>
    <t>【东方锅炉】管子\φ38.1×7 №36\SA-213T2\57N112-4-2\600MW超临界机组</t>
  </si>
  <si>
    <t>【东方锅炉】管子\φ38.1×7 №37\SA-213T2\57N112-4-2\600MW超临界机组</t>
  </si>
  <si>
    <t>【东方锅炉】管子\φ38.1×7 №38\SA-213T2\57N112-4-2\600MW超临界机组</t>
  </si>
  <si>
    <t>【东方锅炉】管子\φ38.1×7 №39\SA-213T2\57N112-4-2\600MW超临界机组</t>
  </si>
  <si>
    <t>【东方锅炉】管子\φ38.1×7 №40\SA-213T2\57N112-4-2\600MW超临界机组</t>
  </si>
  <si>
    <t>【东方锅炉】管子\φ38.1×7 №41\SA-213T2\57N112-4-2\600MW超临界机组</t>
  </si>
  <si>
    <t>【东方锅炉】管子\φ38.1×7 №42\SA-213T2\57N112-4-2\600MW超临界机组</t>
  </si>
  <si>
    <t>【东方锅炉】管子\φ38.1×7 №43\SA-213T2\57N112-4-2\600MW超临界机组</t>
  </si>
  <si>
    <t>【东方锅炉】管子\φ38.1×7 №44\SA-213T2\57N112-4-2\600MW超临界机组</t>
  </si>
  <si>
    <t>【东方锅炉】管子\φ38.1×7 №45\SA-213T2\57N112-4-2\600MW超临界机组</t>
  </si>
  <si>
    <t>【东方锅炉】管子\φ38.1×7 №46\SA-213T2\57N112-4-2\600MW超临界机组</t>
  </si>
  <si>
    <t>【东方锅炉】管子\φ38.1×7 №47\SA-213T2\57N112-4-2\600MW超临界机组</t>
  </si>
  <si>
    <t>【东方锅炉】管子\φ38.1×7 №48\SA-213T2\57N112-4-2\600MW超临界机组</t>
  </si>
  <si>
    <t>【东方锅炉】管子\φ38.1×7 №49\SA-213T2\57N112-4-2\600MW超临界机组</t>
  </si>
  <si>
    <t>【东方锅炉】管子\φ38.1×7 №50\SA-213T2\57N112-4-2\600MW超临界机组</t>
  </si>
  <si>
    <t>【东方锅炉】扁钢\δ6.4\15CrMo\57N112-4-4\600MW超临界机组</t>
  </si>
  <si>
    <t>【东方锅炉】扁钢\δ6.4\15CrMo\57N112-4-5\600MW超临界机组</t>
  </si>
  <si>
    <t>【东方锅炉】弯管\φ60×4\12Cr1MoVG\51M221-1-6/№2\300MW亚临界机组</t>
  </si>
  <si>
    <t>【东方锅炉】管子\φ38.1×7\SA-213T2\57N112-4-6\600MW超临界机组</t>
  </si>
  <si>
    <t>【东方锅炉】钢板\δ6 100×23\15CrMo\57N112-5-0\600MW超临界机组</t>
  </si>
  <si>
    <t>【东方锅炉】钢板\δ6 50×34.7\15CrMo\57N112-5-0\600MW超临界机组</t>
  </si>
  <si>
    <t>【东方锅炉】管子\φ38.1×7 №1\SA-213T2\57N112-5-2\600MW超临界机组</t>
  </si>
  <si>
    <t>【东方锅炉】管子\φ38.1×7 №2\SA-213T2\57N112-5-2\600MW超临界机组</t>
  </si>
  <si>
    <t>【东方锅炉】管子\φ38.1×7 №3\SA-213T2\57N112-5-2\600MW超临界机组</t>
  </si>
  <si>
    <t>【东方锅炉】管子\φ38.1×7 №4\SA-213T2\57N112-5-2\600MW超临界机组</t>
  </si>
  <si>
    <t>【东方锅炉】管子\φ38.1×7 №5\SA-213T2\57N112-5-2\600MW超临界机组</t>
  </si>
  <si>
    <t>【东方锅炉】管子\φ38.1×7 №6\SA-213T2\57N112-5-2\600MW超临界机组</t>
  </si>
  <si>
    <t>【东方锅炉】管子\φ38.1×7 №7\SA-213T2\57N112-5-2\600MW超临界机组</t>
  </si>
  <si>
    <t>【东方锅炉】管子\φ38.1×7 №8\SA-213T2\57N112-5-2\600MW超临界机组</t>
  </si>
  <si>
    <t>【东方锅炉】管子\φ38.1×7 №9\SA-213T2\57N112-5-2\600MW超临界机组</t>
  </si>
  <si>
    <t>【东方锅炉】管子\φ38.1×7 №10\SA-213T2\57N112-5-2\600MW超临界机组</t>
  </si>
  <si>
    <t>【东方锅炉】管子\φ38.1×7 №11\SA-213T2\57N112-5-2\600MW超临界机组</t>
  </si>
  <si>
    <t>【东方锅炉】管子\φ38.1×7 №12\SA-213T2\57N112-5-2\600MW超临界机组</t>
  </si>
  <si>
    <t>【东方锅炉】管子\φ38.1×7 №13\SA-213T2\57N112-5-2\600MW超临界机组</t>
  </si>
  <si>
    <t>【东方锅炉】管子\φ38.1×7 №14\SA-213T2\57N112-5-2\600MW超临界机组</t>
  </si>
  <si>
    <t>【东方锅炉】管子\φ38.1×7 №15\SA-213T2\57N112-5-2\600MW超临界机组</t>
  </si>
  <si>
    <t>【东方锅炉】管子\φ38.1×7 №16\SA-213T2\57N112-5-2\600MW超临界机组</t>
  </si>
  <si>
    <t>【东方锅炉】管子\φ38.1×7 №17\SA-213T2\57N112-5-2\600MW超临界机组</t>
  </si>
  <si>
    <t>【东方锅炉】管子\φ38.1×7 №18\SA-213T2\57N112-5-2\600MW超临界机组</t>
  </si>
  <si>
    <t>【东方锅炉】管子\φ38.1×7 №19\SA-213T2\57N112-5-2\600MW超临界机组</t>
  </si>
  <si>
    <t>【东方锅炉】管子\φ38.1×7 №20\SA-213T2\57N112-5-2\600MW超临界机组</t>
  </si>
  <si>
    <t>【东方锅炉】管子\φ38.1×7 №21\SA-213T2\57N112-5-2\600MW超临界机组</t>
  </si>
  <si>
    <t>【东方锅炉】管子\φ38.1×7 №22\SA-213T2\57N112-5-2\600MW超临界机组</t>
  </si>
  <si>
    <t>【东方锅炉】管子\φ38.1×7 №23\SA-213T2\57N112-5-2\600MW超临界机组</t>
  </si>
  <si>
    <t>【东方锅炉】管子\φ38.1×7 №24\SA-213T2\57N112-5-2\600MW超临界机组</t>
  </si>
  <si>
    <t>【东方锅炉】管子\φ38.1×7 №25\SA-213T2\57N112-5-2\600MW超临界机组</t>
  </si>
  <si>
    <t>【东方锅炉】管子\φ38.1×7 №26\SA-213T2\57N112-5-2\600MW超临界机组</t>
  </si>
  <si>
    <t>【东方锅炉】管子\φ38.1×7 №27\SA-213T2\57N112-5-2\600MW超临界机组</t>
  </si>
  <si>
    <t>【东方锅炉】管子\φ38.1×7 №28\SA-213T2\57N112-5-2\600MW超临界机组</t>
  </si>
  <si>
    <t>【东方锅炉】管子\φ38.1×7 №29\SA-213T2\57N112-5-2\600MW超临界机组</t>
  </si>
  <si>
    <t>【东方锅炉】管子\φ38.1×7 №30\SA-213T2\57N112-5-2\600MW超临界机组</t>
  </si>
  <si>
    <t>【东方锅炉】管子\φ38.1×7 №31\SA-213T2\57N112-5-2\600MW超临界机组</t>
  </si>
  <si>
    <t>【东方锅炉】管子\φ38.1×7 №32\SA-213T2\57N112-5-2\600MW超临界机组</t>
  </si>
  <si>
    <t>【东方锅炉】管子\φ38.1×7 №33\SA-213T2\57N112-5-2\600MW超临界机组</t>
  </si>
  <si>
    <t>【东方锅炉】管子\φ38.1×7 №34\SA-213T2\57N112-5-2\600MW超临界机组</t>
  </si>
  <si>
    <t>【东方锅炉】管子\φ38.1×7 №35\SA-213T2\57N112-5-2\600MW超临界机组</t>
  </si>
  <si>
    <t>【东方锅炉】管子\φ38.1×7 №36\SA-213T2\57N112-5-2\600MW超临界机组</t>
  </si>
  <si>
    <t>【东方锅炉】管子\φ38.1×7 №37\SA-213T2\57N112-5-2\600MW超临界机组</t>
  </si>
  <si>
    <t>【东方锅炉】管子\φ38.1×7 №38\SA-213T2\57N112-5-2\600MW超临界机组</t>
  </si>
  <si>
    <t>【东方锅炉】管子\φ38.1×7 №39\SA-213T2\57N112-5-2\600MW超临界机组</t>
  </si>
  <si>
    <t>【东方锅炉】管子\φ38.1×7 №40\SA-213T2\57N112-5-2\600MW超临界机组</t>
  </si>
  <si>
    <t>【东方锅炉】管子\φ38.1×7 №41\SA-213T2\57N112-5-2\600MW超临界机组</t>
  </si>
  <si>
    <t>【东方锅炉】管子\φ38.1×7 №42\SA-213T2\57N112-5-2\600MW超临界机组</t>
  </si>
  <si>
    <t>【东方锅炉】管子\φ38.1×7 №43\SA-213T2\57N112-5-2\600MW超临界机组</t>
  </si>
  <si>
    <t>【东方锅炉】管子\φ38.1×7 №44\SA-213T2\57N112-5-2\600MW超临界机组</t>
  </si>
  <si>
    <t>【东方锅炉】管子\φ38.1×7 №45\SA-213T2\57N112-5-2\600MW超临界机组</t>
  </si>
  <si>
    <t>【东方锅炉】管子\φ38.1×7 №46\SA-213T2\57N112-5-2\600MW超临界机组</t>
  </si>
  <si>
    <t>【东方锅炉】管子\φ38.1×7 №47\SA-213T2\57N112-5-2\600MW超临界机组</t>
  </si>
  <si>
    <t>【东方锅炉】管子\φ38.1×7 №48\SA-213T2\57N112-5-2\600MW超临界机组</t>
  </si>
  <si>
    <t>【东方锅炉】管子\φ38.1×7 №49\SA-213T2\57N112-5-2\600MW超临界机组</t>
  </si>
  <si>
    <t>【东方锅炉】管子\38.1×7 L=2102.6\SA-213T2\57N112-6-1\600MW超临界机组</t>
  </si>
  <si>
    <t>【东方锅炉】管子\38.1×7 L=2085\SA-213T2\57N112-6-1\600MW超临界机组</t>
  </si>
  <si>
    <t>【东方锅炉】管子\38.1×7 L=2067.4\SA-213T2\57N112-6-1\600MW超临界机组</t>
  </si>
  <si>
    <t>【东方锅炉】管子\38.1×7 L=2049.8\SA-213T2\57N112-6-1\600MW超临界机组</t>
  </si>
  <si>
    <t>【东方锅炉】管子\38.1×7 L=2032.3\SA-213T2\57N112-6-1\600MW超临界机组</t>
  </si>
  <si>
    <t>【东方锅炉】管子\38.1×7 L=2014.7\SA-213T2\57N112-6-1\600MW超临界机组</t>
  </si>
  <si>
    <t>【东方锅炉】管子\38.1×7 L=1997.1\SA-213T2\57N112-6-1\600MW超临界机组</t>
  </si>
  <si>
    <t>【东方锅炉】管子\38.1×7 L=1979.5\SA-213T2\57N112-6-1\600MW超临界机组</t>
  </si>
  <si>
    <t>【东方锅炉】管子\38.1×7 L=1962\SA-213T2\57N112-6-1\600MW超临界机组</t>
  </si>
  <si>
    <t>【东方锅炉】管子\38.1×7 L=1944.4\SA-213T2\57N112-6-1\600MW超临界机组</t>
  </si>
  <si>
    <t>【东方锅炉】管子\38.1×7 L=1926.8\SA-213T2\57N112-6-1\600MW超临界机组</t>
  </si>
  <si>
    <t>【东方锅炉】管子\38.1×7 L=1909.2\SA-213T2\57N112-6-1\600MW超临界机组</t>
  </si>
  <si>
    <t>【东方锅炉】管子\38.1×7 L=1891.7\SA-213T2\57N112-6-1\600MW超临界机组</t>
  </si>
  <si>
    <t>【东方锅炉】管子\38.1×7 L=1874.1\SA-213T2\57N112-6-1\600MW超临界机组</t>
  </si>
  <si>
    <t>【东方锅炉】管子\38.1×7 L=3872.9\SA-213T2\57N112-6-2\600MW超临界机组</t>
  </si>
  <si>
    <t>【东方锅炉】管子\38.1×7 L=3855.3\SA-213T2\57N112-6-2\600MW超临界机组</t>
  </si>
  <si>
    <t>【东方锅炉】管子\38.1×7 L=3837.7\SA-213T2\57N112-6-2\600MW超临界机组</t>
  </si>
  <si>
    <t>【东方锅炉】管子\38.1×7 L=3820.1\SA-213T2\57N112-6-2\600MW超临界机组</t>
  </si>
  <si>
    <t>【东方锅炉】管子\38.1×7 L=3802.5\SA-213T2\57N112-6-2\600MW超临界机组</t>
  </si>
  <si>
    <t>【东方锅炉】管子\38.1×7 L=3785\SA-213T2\57N112-6-2\600MW超临界机组</t>
  </si>
  <si>
    <t>【东方锅炉】管子\38.1×7 L=3767.4\SA-213T2\57N112-6-2\600MW超临界机组</t>
  </si>
  <si>
    <t>【东方锅炉】管子\38.1×7 L=3749.8\SA-213T2\57N112-6-2\600MW超临界机组</t>
  </si>
  <si>
    <t>【东方锅炉】管子\38.1×7 L=3732.2\SA-213T2\57N112-6-2\600MW超临界机组</t>
  </si>
  <si>
    <t>【东方锅炉】管子\38.1×7 L=3714.7\SA-213T2\57N112-6-2\600MW超临界机组</t>
  </si>
  <si>
    <t>【东方锅炉】管子\38.1×7 L=3697.1\SA-213T2\57N112-6-2\600MW超临界机组</t>
  </si>
  <si>
    <t>【东方锅炉】管子\38.1×7 L=3679.5\SA-213T2\57N112-6-2\600MW超临界机组</t>
  </si>
  <si>
    <t>【东方锅炉】管子\38.1×7 L=3661.9\SA-213T2\57N112-6-2\600MW超临界机组</t>
  </si>
  <si>
    <t>【东方锅炉】管子\38.1×7 L=3644.4\SA-213T2\57N112-6-2\600MW超临界机组</t>
  </si>
  <si>
    <t>【东方锅炉】管子\38.1×7 L=3626.8\SA-213T2\57N112-6-2\600MW超临界机组</t>
  </si>
  <si>
    <t>【东方锅炉】管子\38.1×7 L=3609.2\SA-213T2\57N112-6-2\600MW超临界机组</t>
  </si>
  <si>
    <t>【东方锅炉】管子\38.1×7 L=5896\SA-213T2\57N112-6-3\600MW超临界机组</t>
  </si>
  <si>
    <t>【东方锅炉】管子\38.1×7 L=5878.5\SA-213T2\57N112-6-3\600MW超临界机组</t>
  </si>
  <si>
    <t>【东方锅炉】管子\38.1×7 L=5860.9\SA-213T2\57N112-6-3\600MW超临界机组</t>
  </si>
  <si>
    <t>【东方锅炉】管子\38.1×7 L=5843.3\SA-213T2\57N112-6-3\600MW超临界机组</t>
  </si>
  <si>
    <t>【东方锅炉】管子\38.1×7 L=5825.7\SA-213T2\57N112-6-3\600MW超临界机组</t>
  </si>
  <si>
    <t>【东方锅炉】管子\38.1×7 L=5808.2\SA-213T2\57N112-6-3\600MW超临界机组</t>
  </si>
  <si>
    <t>【东方锅炉】管子\38.1×7 L=5790.6\SA-213T2\57N112-6-3\600MW超临界机组</t>
  </si>
  <si>
    <t>【东方锅炉】管子\38.1×7 L=5275\SA-213T2\57N112-6-3\600MW超临界机组</t>
  </si>
  <si>
    <t>【东方锅炉】管子\φ38.1×7 №1\SA-213T2\57N112-6-5\600MW超临界机组</t>
  </si>
  <si>
    <t>【东方锅炉】管子\φ38.1×7 №2\SA-213T2\57N112-6-5\600MW超临界机组</t>
  </si>
  <si>
    <t>【东方锅炉】管子\φ38.1×7 №3\SA-213T2\57N112-6-5\600MW超临界机组</t>
  </si>
  <si>
    <t>【东方锅炉】管子\φ38.1×7 №4\SA-213T2\57N112-6-5\600MW超临界机组</t>
  </si>
  <si>
    <t>【东方锅炉】管子\φ38.1×7 №5\SA-213T2\57N112-6-5\600MW超临界机组</t>
  </si>
  <si>
    <t>【东方锅炉】管子\φ38.1×7 №6\SA-213T2\57N112-6-5\600MW超临界机组</t>
  </si>
  <si>
    <t>【东方锅炉】管子\φ38.1×7 №7\SA-213T2\57N112-6-5\600MW超临界机组</t>
  </si>
  <si>
    <t>【东方锅炉】管子\φ38.1×7 №8\SA-213T2\57N112-6-5\600MW超临界机组</t>
  </si>
  <si>
    <t>【东方锅炉】管子\φ38.1×7 №9\SA-213T2\57N112-6-5\600MW超临界机组</t>
  </si>
  <si>
    <t>【东方锅炉】管子\φ38.1×7 №10\SA-213T2\57N112-6-5\600MW超临界机组</t>
  </si>
  <si>
    <t>【东方锅炉】管子\φ38.1×7 №11\SA-213T2\57N112-6-5\600MW超临界机组</t>
  </si>
  <si>
    <t>【东方锅炉】管子\φ38.1×7 №12\SA-213T2\57N112-6-5\600MW超临界机组</t>
  </si>
  <si>
    <t>【东方锅炉】管子\φ38.1×7 №13\SA-213T2\57N112-6-5\600MW超临界机组</t>
  </si>
  <si>
    <t>【东方锅炉】管子\φ38.1×7 №14\SA-213T2\57N112-6-5\600MW超临界机组</t>
  </si>
  <si>
    <t>【东方锅炉】扁钢\δ6.4\15CrMo\57N112-6-6\600MW超临界机组</t>
  </si>
  <si>
    <t>【东方锅炉】管子\φ38.1×7 №15\SA-213T2\57N112-6-5\600MW超临界机组</t>
  </si>
  <si>
    <t>【东方锅炉】管子\φ38.1×7 №16\SA-213T2\57N112-6-5\600MW超临界机组</t>
  </si>
  <si>
    <t>【东方锅炉】管子\φ38.1×7 №17\SA-213T2\57N112-6-5\600MW超临界机组</t>
  </si>
  <si>
    <t>【东方锅炉】管子\φ38.1×7 №18\SA-213T2\57N112-6-5\600MW超临界机组</t>
  </si>
  <si>
    <t>【东方锅炉】管子\φ38.1×7 №19\SA-213T2\57N112-6-5\600MW超临界机组</t>
  </si>
  <si>
    <t>【东方锅炉】管子\φ38.1×7 №20\SA-213T2\57N112-6-5\600MW超临界机组</t>
  </si>
  <si>
    <t>【东方锅炉】管子\φ38.1×7 №21\SA-213T2\57N112-6-5\600MW超临界机组</t>
  </si>
  <si>
    <t>【东方锅炉】管子\φ38.1×7 №22\SA-213T2\57N112-6-5\600MW超临界机组</t>
  </si>
  <si>
    <t>【东方锅炉】管子\φ38.1×7 №23\SA-213T2\57N112-6-5\600MW超临界机组</t>
  </si>
  <si>
    <t>【东方锅炉】管子\φ38.1×7 №24\SA-213T2\57N112-6-5\600MW超临界机组</t>
  </si>
  <si>
    <t>【东方锅炉】管子\φ38.1×7 №25\SA-213T2\57N112-6-5\600MW超临界机组</t>
  </si>
  <si>
    <t>【东方锅炉】管子\φ38.1×7 №26\SA-213T2\57N112-6-5\600MW超临界机组</t>
  </si>
  <si>
    <t>【东方锅炉】管子\φ38.1×7 №27\SA-213T2\57N112-6-5\600MW超临界机组</t>
  </si>
  <si>
    <t>【东方锅炉】管子\φ38.1×7 №28\SA-213T2\57N112-6-5\600MW超临界机组</t>
  </si>
  <si>
    <t>【东方锅炉】管子\φ38.1×7 №29\SA-213T2\57N112-6-5\600MW超临界机组</t>
  </si>
  <si>
    <t>【东方锅炉】管子\φ38.1×7 №30\SA-213T2\57N112-6-5\600MW超临界机组</t>
  </si>
  <si>
    <t>【东方锅炉】管子\φ38.1×7 №31\SA-213T2\57N112-6-5\600MW超临界机组</t>
  </si>
  <si>
    <t>【东方锅炉】管子\φ38.1×7 №32\SA-213T2\57N112-6-5\600MW超临界机组</t>
  </si>
  <si>
    <t>【东方锅炉】管子\φ38.1×7 №33\SA-213T2\57N112-6-5\600MW超临界机组</t>
  </si>
  <si>
    <t>【东方锅炉】管子\φ38.1×7 №34\SA-213T2\57N112-6-5\600MW超临界机组</t>
  </si>
  <si>
    <t>【东方锅炉】管子\φ38.1×7 №35\SA-213T2\57N112-6-5\600MW超临界机组</t>
  </si>
  <si>
    <t>【东方锅炉】钢板\δ6 75×22\15CrMo\57N112-6-0\600MW超临界机组</t>
  </si>
  <si>
    <t>【东方锅炉】钢板\δ6\15CrMo\57N112-6-9\600MW超临界机组</t>
  </si>
  <si>
    <t>【东方锅炉】钢板\δ6\15CrMo\57N112-6-10\600MW超临界机组</t>
  </si>
  <si>
    <t>【东方锅炉】管子\φ38.1×7 L=7003.3\SA-213T2\57N112-7-1\600MW超临界机组</t>
  </si>
  <si>
    <t>【东方锅炉】管子\φ38.1×7 L=7185\SA-213T2\57N112-7-1\600MW超临界机组</t>
  </si>
  <si>
    <t>【东方锅炉】管子\φ38.1×7 L=7167.4\SA-213T2\57N112-7-1\600MW超临界机组</t>
  </si>
  <si>
    <t>【东方锅炉】管子\φ38.1×7 L=7149.8\SA-213T2\57N112-7-1\600MW超临界机组</t>
  </si>
  <si>
    <t>【东方锅炉】管子\φ38.1×7 L=9436.6\SA-213T2\57N112-7-2\600MW超临界机组</t>
  </si>
  <si>
    <t>【东方锅炉】管子\φ38.1×7 L=9419\SA-213T2\57N112-7-2\600MW超临界机组</t>
  </si>
  <si>
    <t>【东方锅炉】管子\φ38.1×7 L=9401.5\SA-213T2\57N112-7-2\600MW超临界机组</t>
  </si>
  <si>
    <t>【东方锅炉】管子\φ38.1×7 L=9383.9\SA-213T2\57N112-7-2\600MW超临界机组</t>
  </si>
  <si>
    <t>【东方锅炉】管子\φ38.1×7 L=9366.3\SA-213T2\57N112-7-2\600MW超临界机组</t>
  </si>
  <si>
    <t>【东方锅炉】管子\φ38.1×7 L=9348.7\SA-213T2\57N112-7-2\600MW超临界机组</t>
  </si>
  <si>
    <t>【东方锅炉】管子\φ38.1×7 L=9331.2\SA-213T2\57N112-7-2\600MW超临界机组</t>
  </si>
  <si>
    <t>【东方锅炉】管子\φ38.1×7 L=9313.6\SA-213T2\57N112-7-2\600MW超临界机组</t>
  </si>
  <si>
    <t>【东方锅炉】管子\φ38.1×7 L=9296\SA-213T2\57N112-7-2\600MW超临界机组</t>
  </si>
  <si>
    <t>【东方锅炉】管子\φ38.1×7 L=9278.4\SA-213T2\57N112-7-2\600MW超临界机组</t>
  </si>
  <si>
    <t>【东方锅炉】管子\φ38.1×7 L=9260.9\SA-213T2\57N112-7-2\600MW超临界机组</t>
  </si>
  <si>
    <t>【东方锅炉】管子\φ38.1×7 L=9243.3\SA-213T2\57N112-7-2\600MW超临界机组</t>
  </si>
  <si>
    <t>【东方锅炉】管子\φ38.1×7 L=10954\SA-213T2\57N112-7-3\600MW超临界机组</t>
  </si>
  <si>
    <t>【东方锅炉】管子\φ38.1×7 L=10936.4\SA-213T2\57N112-7-3\600MW超临界机组</t>
  </si>
  <si>
    <t>【东方锅炉】管子\φ38.1×7 L=10918.8\SA-213T2\57N112-7-3\600MW超临界机组</t>
  </si>
  <si>
    <t>【东方锅炉】管子\φ38.1×7 L=10901.3\SA-213T2\57N112-7-3\600MW超临界机组</t>
  </si>
  <si>
    <t>【东方锅炉】管子\φ38.1×7 L=10883.7\SA-213T2\57N112-7-3\600MW超临界机组</t>
  </si>
  <si>
    <t>【东方锅炉】管子\φ38.1×7 L=10866.1\SA-213T2\57N112-7-3\600MW超临界机组</t>
  </si>
  <si>
    <t>【东方锅炉】管子\φ38.1×7 L=10848.5\SA-213T2\57N112-7-3\600MW超临界机组</t>
  </si>
  <si>
    <t>【东方锅炉】管子\φ38.1×7 L=10831\SA-213T2\57N112-7-3\600MW超临界机组</t>
  </si>
  <si>
    <t>【东方锅炉】管子\φ38.1×7 L=10813.4\SA-213T2\57N112-7-3\600MW超临界机组</t>
  </si>
  <si>
    <t>【东方锅炉】管子\φ38.1×7 L=10795.8\SA-213T2\57N112-7-3\600MW超临界机组</t>
  </si>
  <si>
    <t>【东方锅炉】管子\φ38.1×7 L=10778.2\SA-213T2\57N112-7-3\600MW超临界机组</t>
  </si>
  <si>
    <t>【东方锅炉】管子\φ38.1×7 L=10760.7\SA-213T2\57N112-7-3\600MW超临界机组</t>
  </si>
  <si>
    <t>【东方锅炉】管子\φ38.1×7 L=10743.1\SA-213T2\57N112-7-3\600MW超临界机组</t>
  </si>
  <si>
    <t>【东方锅炉】管子\φ38.1×7 L=10725.5\SA-213T2\57N112-7-3\600MW超临界机组</t>
  </si>
  <si>
    <t>【东方锅炉】管子\φ38.1×7 №1\SA-213T2\57N112-7-5\600MW超临界机组</t>
  </si>
  <si>
    <t>【东方锅炉】管子\φ38.1×7 №2\SA-213T2\57N112-7-5\600MW超临界机组</t>
  </si>
  <si>
    <t>【东方锅炉】管子\φ38.1×7 №3\SA-213T2\57N112-7-5\600MW超临界机组</t>
  </si>
  <si>
    <t>【东方锅炉】管子\φ38.1×7 №4\SA-213T2\57N112-7-5\600MW超临界机组</t>
  </si>
  <si>
    <t>【东方锅炉】管子\φ38.1×7 №5\SA-213T2\57N112-7-5\600MW超临界机组</t>
  </si>
  <si>
    <t>【东方锅炉】管子\φ38.1×7 №6\SA-213T2\57N112-7-5\600MW超临界机组</t>
  </si>
  <si>
    <t>【东方锅炉】管子\φ38.1×7 №7\SA-213T2\57N112-7-5\600MW超临界机组</t>
  </si>
  <si>
    <t>【东方锅炉】管子\φ38.1×7 №8\SA-213T2\57N112-7-5\600MW超临界机组</t>
  </si>
  <si>
    <t>【东方锅炉】管子\φ38.1×7 №9\SA-213T2\57N112-7-5\600MW超临界机组</t>
  </si>
  <si>
    <t>【东方锅炉】管子\φ38.1×7 №10\SA-213T2\57N112-7-5\600MW超临界机组</t>
  </si>
  <si>
    <t>【东方锅炉】管子\φ38.1×7 №11\SA-213T2\57N112-7-5\600MW超临界机组</t>
  </si>
  <si>
    <t>【东方锅炉】管子\φ38.1×7 №12\SA-213T2\57N112-7-5\600MW超临界机组</t>
  </si>
  <si>
    <t>【东方锅炉】管子\φ38.1×7 №13\SA-213T2\57N112-7-5\600MW超临界机组</t>
  </si>
  <si>
    <t>【东方锅炉】管子\φ38.1×7 №14\SA-213T2\57N112-7-5\600MW超临界机组</t>
  </si>
  <si>
    <t>【东方锅炉】管子\φ38.1×7 №15\SA-213T2\57N112-7-5\600MW超临界机组</t>
  </si>
  <si>
    <t>【东方锅炉】管子\φ38.1×7 №16\SA-213T2\57N112-7-5\600MW超临界机组</t>
  </si>
  <si>
    <t>【东方锅炉】管子\φ38.1×7 №17\SA-213T2\57N112-7-5\600MW超临界机组</t>
  </si>
  <si>
    <t>【东方锅炉】管子\φ38.1×7 L=12724.3\SA-213T2\57N112-8-1\600MW超临界机组</t>
  </si>
  <si>
    <t>【东方锅炉】管子\φ38.1×7 L=12706.7\SA-213T2\57N112-8-1\600MW超临界机组</t>
  </si>
  <si>
    <t>【东方锅炉】管子\φ38.1×7 L=12689.1\SA-213T2\57N112-8-1\600MW超临界机组</t>
  </si>
  <si>
    <t>【东方锅炉】管子\φ38.1×7 L=12671.6\SA-213T2\57N112-8-1\600MW超临界机组</t>
  </si>
  <si>
    <t>【东方锅炉】管子\φ38.1×7 L=12654\SA-213T2\57N112-8-1\600MW超临界机组</t>
  </si>
  <si>
    <t>【东方锅炉】管子\φ38.1×7 L=12636.4\SA-213T2\57N112-8-1\600MW超临界机组</t>
  </si>
  <si>
    <t>【东方锅炉】管子\φ38.1×7 L=12618.8\SA-213T2\57N112-8-1\600MW超临界机组</t>
  </si>
  <si>
    <t>【东方锅炉】管子\φ38.1×7 L=12601.3\SA-213T2\57N112-8-1\600MW超临界机组</t>
  </si>
  <si>
    <t>【东方锅炉】管子\φ38.1×7 L=12583.7\SA-213T2\57N112-8-1\600MW超临界机组</t>
  </si>
  <si>
    <t>【东方锅炉】管子\φ38.1×7 L=12566.1\SA-213T2\57N112-8-1\600MW超临界机组</t>
  </si>
  <si>
    <t>【东方锅炉】管子\φ38.1×7 L=12548.5\SA-213T2\57N112-8-1\600MW超临界机组</t>
  </si>
  <si>
    <t>【东方锅炉】管子\φ38.1×7 L=14015.2\SA-213T2\57N112-8-1\600MW超临界机组</t>
  </si>
  <si>
    <t>【东方锅炉】管子\φ38.1×7 L=13997.6\SA-213T2\57N112-8-1\600MW超临界机组</t>
  </si>
  <si>
    <t>【东方锅炉】管子\φ38.1×7 L=13980.1\SA-213T2\57N112-8-1\600MW超临界机组</t>
  </si>
  <si>
    <t>【东方锅炉】管子\φ38.1×7 L=13962.5\SA-213T2\57N112-8-1\600MW超临界机组</t>
  </si>
  <si>
    <t>【东方锅炉】管子\φ38.1×7 L=13944.9\SA-213T2\57N112-8-1\600MW超临界机组</t>
  </si>
  <si>
    <t>【东方锅炉】管子\φ38.1×7 L=13927.3\SA-213T2\57N112-8-1\600MW超临界机组</t>
  </si>
  <si>
    <t>【东方锅炉】管子\φ38.1×7 L=13909.8\SA-213T2\57N112-8-1\600MW超临界机组</t>
  </si>
  <si>
    <t>【东方锅炉】管子\φ38.1×7 L=13892.2\SA-213T2\57N112-8-1\600MW超临界机组</t>
  </si>
  <si>
    <t>【东方锅炉】管子\φ38.1×7 L=13874.6\SA-213T2\57N112-8-1\600MW超临界机组</t>
  </si>
  <si>
    <t>【东方锅炉】管子\φ38.1×7 L=13857\SA-213T2\57N112-8-1\600MW超临界机组</t>
  </si>
  <si>
    <t>【东方锅炉】管子\φ38.1×7 L=13839.5\SA-213T2\57N112-8-1\600MW超临界机组</t>
  </si>
  <si>
    <t>【东方锅炉】管子\φ38.1×7 L=13821.9\SA-213T2\57N112-8-1\600MW超临界机组</t>
  </si>
  <si>
    <t>【东方锅炉】管子\φ38.1×7 L=13804.3\SA-213T2\57N112-8-1\600MW超临界机组</t>
  </si>
  <si>
    <t>【东方锅炉】管子\φ38.1×7 L=13786.7\SA-213T2\57N112-8-1\600MW超临界机组</t>
  </si>
  <si>
    <t>【东方锅炉】管子\φ38.1×7 L=13769.2\SA-213T2\57N112-8-1\600MW超临界机组</t>
  </si>
  <si>
    <t>【东方锅炉】管子\φ38.1×7 L=13751.6\SA-213T2\57N112-8-1\600MW超临界机组</t>
  </si>
  <si>
    <t>【东方锅炉】管子\φ38.1×7 L=14391.2\SA-213T2\57N112-8-1\600MW超临界机组</t>
  </si>
  <si>
    <t>【东方锅炉】管子\φ38.1×7 L=14373.9\SA-213T2\57N112-8-1\600MW超临界机组</t>
  </si>
  <si>
    <t>【东方锅炉】管子\φ38.1×7 L=14356.7\SA-213T2\57N112-8-1\600MW超临界机组</t>
  </si>
  <si>
    <t>【东方锅炉】管子\φ38.1×7 L=14339.5\SA-213T2\57N112-8-1\600MW超临界机组</t>
  </si>
  <si>
    <t>【东方锅炉】管子\φ38.1×7 L=14322.2\SA-213T2\57N112-8-1\600MW超临界机组</t>
  </si>
  <si>
    <t>【东方锅炉】管子\φ38.1×7 L=14305\SA-213T2\57N112-8-1\600MW超临界机组</t>
  </si>
  <si>
    <t>【东方锅炉】管子\φ38.1×7 L=14287.8\SA-213T2\57N112-8-1\600MW超临界机组</t>
  </si>
  <si>
    <t>【东方锅炉】管子\φ38.1×7 L=14270.5\SA-213T2\57N112-8-1\600MW超临界机组</t>
  </si>
  <si>
    <t>【东方锅炉】管子\φ38.1×7 L=14253.3\SA-213T2\57N112-8-1\600MW超临界机组</t>
  </si>
  <si>
    <t>【东方锅炉】管子\φ38.1×7 L=14236\SA-213T2\57N112-8-1\600MW超临界机组</t>
  </si>
  <si>
    <t>【东方锅炉】管子\φ38.1×7 L=14218.8\SA-213T2\57N112-8-1\600MW超临界机组</t>
  </si>
  <si>
    <t>【东方锅炉】管子\φ38.1×7 L=14201.6\SA-213T2\57N112-8-1\600MW超临界机组</t>
  </si>
  <si>
    <t>【东方锅炉】管子\φ38.1×7 L=14184.3\SA-213T2\57N112-8-1\600MW超临界机组</t>
  </si>
  <si>
    <t>【东方锅炉】管子\φ38.1×7 L=14167.1\SA-213T2\57N112-8-1\600MW超临界机组</t>
  </si>
  <si>
    <t>【东方锅炉】管子\φ38.1×7 L=14149.8\SA-213T2\57N112-8-1\600MW超临界机组</t>
  </si>
  <si>
    <t>【东方锅炉】管子\φ38.1×7 L=14132.6\SA-213T2\57N112-8-1\600MW超临界机组</t>
  </si>
  <si>
    <t>【东方锅炉】管子\φ38.1×7 L=13196\SA-213T2\57N112-8-1\600MW超临界机组</t>
  </si>
  <si>
    <t>【东方锅炉】管子\φ38.1×7 №1\SA-213T2\57N112-8-3\600MW超临界机组</t>
  </si>
  <si>
    <t>【东方锅炉】管子\φ38.1×7 №2\SA-213T2\57N112-8-3\600MW超临界机组</t>
  </si>
  <si>
    <t>【东方锅炉】管子\φ38.1×7 №3\SA-213T2\57N112-8-3\600MW超临界机组</t>
  </si>
  <si>
    <t>【东方锅炉】管子\φ38.1×7 №4\SA-213T2\57N112-8-3\600MW超临界机组</t>
  </si>
  <si>
    <t>【东方锅炉】管子\φ38.1×7\SA-213T2\57N112-11-3\600MW超临界机组</t>
  </si>
  <si>
    <t>【东方锅炉】管子\φ38.1×7\SA-213T2\57N112-11-4\600MW超临界机组</t>
  </si>
  <si>
    <t>【东方锅炉】管子\φ38.1×7\SA-213T2\57N112-11-5\600MW超临界机组</t>
  </si>
  <si>
    <t>【东方锅炉】管子\φ38.1×7\SA-213T2\57N112-11-6\600MW超临界机组</t>
  </si>
  <si>
    <t>【东方锅炉】管子\φ38.1×7\SA-213T2\57N112-11-7\600MW超临界机组</t>
  </si>
  <si>
    <t>【东方锅炉】管子\φ38.1×7\SA-213T2\57N112-11-8\600MW超临界机组</t>
  </si>
  <si>
    <t>【东方锅炉】管子\φ38.1×7\SA-213T2\57N112-11-9\600MW超临界机组</t>
  </si>
  <si>
    <t>【东方锅炉】管子\φ38.1×7\SA-213T2\57N112-11-10\600MW超临界机组</t>
  </si>
  <si>
    <t>【东方锅炉】管子\φ38.1×7 №1\SA-213T2\57N112-11-11\600MW超临界机组</t>
  </si>
  <si>
    <t>【东方锅炉】管子\φ38.1×7 №2\SA-213T2\57N112-11-11\600MW超临界机组</t>
  </si>
  <si>
    <t>【东方锅炉】管子\φ38.1×7 №3\SA-213T2\57N112-11-11\600MW超临界机组</t>
  </si>
  <si>
    <t>【东方锅炉】管子\φ38.1×7 №1\SA-213T2\57N112-11-13\600MW超临界机组</t>
  </si>
  <si>
    <t>【东方锅炉】管子\φ38.1×7 №2\SA-213T2\57N112-11-13\600MW超临界机组</t>
  </si>
  <si>
    <t>【东方锅炉】管子\φ38.1×7 №3\SA-213T2\57N112-11-13\600MW超临界机组</t>
  </si>
  <si>
    <t>【东方锅炉】管子\φ38.1×7 №4\SA-213T2\57N112-11-13\600MW超临界机组</t>
  </si>
  <si>
    <t>【东方锅炉】管子\φ38.1×7 №5\SA-213T2\57N112-11-13\600MW超临界机组</t>
  </si>
  <si>
    <t>【东方锅炉】管子\φ38.1×7 №6\SA-213T2\57N112-11-13\600MW超临界机组</t>
  </si>
  <si>
    <t>【东方锅炉】管子\φ38.1×7 №7\SA-213T2\57N112-11-13\600MW超临界机组</t>
  </si>
  <si>
    <t>【东方锅炉】管子\φ38.1×7 №8\SA-213T2\57N112-11-13\600MW超临界机组</t>
  </si>
  <si>
    <t>【东方锅炉】管子\φ38.1×7 №9\SA-213T2\57N112-11-13\600MW超临界机组</t>
  </si>
  <si>
    <t>【东方锅炉】管子\φ38.1×7 №10\SA-213T2\57N112-11-13\600MW超临界机组</t>
  </si>
  <si>
    <t>【东方锅炉】管子\φ38.1×7 №11\SA-213T2\57N112-11-13\600MW超临界机组</t>
  </si>
  <si>
    <t>【东方锅炉】管子\φ38.1×7 №12\SA-213T2\57N112-11-13\600MW超临界机组</t>
  </si>
  <si>
    <t>【东方锅炉】管子\φ38.1×7 №13\SA-213T2\57N112-11-13\600MW超临界机组</t>
  </si>
  <si>
    <t>【东方锅炉】管子\φ38.1×7 №14\SA-213T2\57N112-11-13\600MW超临界机组</t>
  </si>
  <si>
    <t>【东方锅炉】管子\φ38.1×7 №15\SA-213T2\57N112-11-13\600MW超临界机组</t>
  </si>
  <si>
    <t>【东方锅炉】管子\φ38.1×7 №16\SA-213T2\57N112-11-13\600MW超临界机组</t>
  </si>
  <si>
    <t>【东方锅炉】管子\φ38.1×7 №17\SA-213T2\57N112-11-13\600MW超临界机组</t>
  </si>
  <si>
    <t>【东方锅炉】管子\φ38.1×7 №18\SA-213T2\57N112-11-13\600MW超临界机组</t>
  </si>
  <si>
    <t>【东方锅炉】管子\φ38.1×7 №19\SA-213T2\57N112-11-13\600MW超临界机组</t>
  </si>
  <si>
    <t>【东方锅炉】管子\φ38.1×7 №20\SA-213T2\57N112-11-13\600MW超临界机组</t>
  </si>
  <si>
    <t>【东方锅炉】管子\φ38.1×7 №21\SA-213T2\57N112-11-13\600MW超临界机组</t>
  </si>
  <si>
    <t>【东方锅炉】管子\φ38.1×7 №22\SA-213T2\57N112-11-13\600MW超临界机组</t>
  </si>
  <si>
    <t>【东方锅炉】管子\φ38.1×7 №23\SA-213T2\57N112-11-13\600MW超临界机组</t>
  </si>
  <si>
    <t>【东方锅炉】管子\φ38.1×7 №24\SA-213T2\57N112-11-13\600MW超临界机组</t>
  </si>
  <si>
    <t>【东方锅炉】管子\φ38.1×7 №25\SA-213T2\57N112-11-13\600MW超临界机组</t>
  </si>
  <si>
    <t>【东方锅炉】管子\φ38.1×7 №26\SA-213T2\57N112-11-13\600MW超临界机组</t>
  </si>
  <si>
    <t>【东方锅炉】管子\φ38.1×7 №27\SA-213T2\57N112-11-13\600MW超临界机组</t>
  </si>
  <si>
    <t>【东方锅炉】管子\φ38.1×7 №28\SA-213T2\57N112-11-13\600MW超临界机组</t>
  </si>
  <si>
    <t>【东方锅炉】管子\φ38.1×7 №29\SA-213T2\57N112-11-13\600MW超临界机组</t>
  </si>
  <si>
    <t>【东方锅炉】管子\φ38.1×7 №30\SA-213T2\57N112-11-13\600MW超临界机组</t>
  </si>
  <si>
    <t>【东方锅炉】管子\φ38.1×7 №31\SA-213T2\57N112-11-13\600MW超临界机组</t>
  </si>
  <si>
    <t>【东方锅炉】管子\φ38.1×7 №32\SA-213T2\57N112-11-13\600MW超临界机组</t>
  </si>
  <si>
    <t>【东方锅炉】管子\φ38.1×7 №33\SA-213T2\57N112-11-13\600MW超临界机组</t>
  </si>
  <si>
    <t>【东方锅炉】管子\φ38.1×7 №34\SA-213T2\57N112-11-13\600MW超临界机组</t>
  </si>
  <si>
    <t>【东方锅炉】管子\φ38.1×7 №35\SA-213T2\57N112-11-13\600MW超临界机组</t>
  </si>
  <si>
    <t>【东方锅炉】管子\φ38.1×7 №36\SA-213T2\57N112-11-13\600MW超临界机组</t>
  </si>
  <si>
    <t>【东方锅炉】管子\φ38.1×7 №37\SA-213T2\57N112-11-13\600MW超临界机组</t>
  </si>
  <si>
    <t>【东方锅炉】管子\φ38.1×7 №38\SA-213T2\57N112-11-13\600MW超临界机组</t>
  </si>
  <si>
    <t>【东方锅炉】管子\φ38.1×7 №39\SA-213T2\57N112-11-13\600MW超临界机组</t>
  </si>
  <si>
    <t>【东方锅炉】管子\φ38.1×7 №40\SA-213T2\57N112-11-13\600MW超临界机组</t>
  </si>
  <si>
    <t>【东方锅炉】管子\φ38.1×7 L=10894.6\SA-213T2\57N112-11-14\600MW超临界机组</t>
  </si>
  <si>
    <t>【东方锅炉】管子\φ38.1×7 L=10859.7\SA-213T2\57N112-11-14\600MW超临界机组</t>
  </si>
  <si>
    <t>【东方锅炉】管子\φ38.1×7 L=10824.9\SA-213T2\57N112-11-14\600MW超临界机组</t>
  </si>
  <si>
    <t>【东方锅炉】管子\φ38.1×7 L=10790.1\SA-213T2\57N112-11-14\600MW超临界机组</t>
  </si>
  <si>
    <t>【东方锅炉】管子\φ38.1×7 L=10755.3\SA-213T2\57N112-11-14\600MW超临界机组</t>
  </si>
  <si>
    <t>【东方锅炉】管子\φ38.1×7 L=10720.5\SA-213T2\57N112-11-14\600MW超临界机组</t>
  </si>
  <si>
    <t>【东方锅炉】管子\φ38.1×7 L=10685.7\SA-213T2\57N112-11-14\600MW超临界机组</t>
  </si>
  <si>
    <t>【东方锅炉】管子\φ38.1×7 L=10650.9\SA-213T2\57N112-11-14\600MW超临界机组</t>
  </si>
  <si>
    <t>【东方锅炉】管子\φ38.1×7 L=10616\SA-213T2\57N112-11-14\600MW超临界机组</t>
  </si>
  <si>
    <t>【东方锅炉】管子\φ38.1×7 L=10581.2\SA-213T2\57N112-11-14\600MW超临界机组</t>
  </si>
  <si>
    <t>【东方锅炉】管子\φ38.1×7 L=10546.4\SA-213T2\57N112-11-14\600MW超临界机组</t>
  </si>
  <si>
    <t>【东方锅炉】管子\φ38.1×7 L=10511.6\SA-213T2\57N112-11-14\600MW超临界机组</t>
  </si>
  <si>
    <t>【东方锅炉】管子\φ38.1×7 L=10476.8\SA-213T2\57N112-11-14\600MW超临界机组</t>
  </si>
  <si>
    <t>【东方锅炉】管子\φ38.1×7 L=10442\SA-213T2\57N112-11-14\600MW超临界机组</t>
  </si>
  <si>
    <t>【东方锅炉】管子\φ38.1×7 L=10407.2\SA-213T2\57N112-11-14\600MW超临界机组</t>
  </si>
  <si>
    <t>【东方锅炉】管子\φ38.1×7 L=10372.3\SA-213T2\57N112-11-14\600MW超临界机组</t>
  </si>
  <si>
    <t>【东方锅炉】管子\φ38.1×7 L=10337.5\SA-213T2\57N112-11-14\600MW超临界机组</t>
  </si>
  <si>
    <t>【东方锅炉】管子\φ38.1×7 L=10302.7\SA-213T2\57N112-11-14\600MW超临界机组</t>
  </si>
  <si>
    <t>【东方锅炉】管子\φ38.1×7 L=10267.9\SA-213T2\57N112-11-14\600MW超临界机组</t>
  </si>
  <si>
    <t>【东方锅炉】管子\φ38.1×7 L=10233.1\SA-213T2\57N112-11-14\600MW超临界机组</t>
  </si>
  <si>
    <t>【东方锅炉】管子\φ38.1×7 L=10198.3\SA-213T2\57N112-11-14\600MW超临界机组</t>
  </si>
  <si>
    <t>【东方锅炉】管子\φ38.1×7 L=10163.5\SA-213T2\57N112-11-14\600MW超临界机组</t>
  </si>
  <si>
    <t>【东方锅炉】管子\φ38.1×7 L=10128.7\SA-213T2\57N112-11-14\600MW超临界机组</t>
  </si>
  <si>
    <t>【东方锅炉】管子\φ38.1×7 L=10093.8\SA-213T2\57N112-11-14\600MW超临界机组</t>
  </si>
  <si>
    <t>【东方锅炉】管子\φ38.1×7 L=10059\SA-213T2\57N112-11-14\600MW超临界机组</t>
  </si>
  <si>
    <t>【东方锅炉】管子\φ38.1×7 L=10024.2\SA-213T2\57N112-11-14\600MW超临界机组</t>
  </si>
  <si>
    <t>【东方锅炉】管子\φ38.1×7 L=9989.4\SA-213T2\57N112-11-14\600MW超临界机组</t>
  </si>
  <si>
    <t>【东方锅炉】管子\φ38.1×7 L=9954.6\SA-213T2\57N112-11-14\600MW超临界机组</t>
  </si>
  <si>
    <t>【东方锅炉】管子\φ38.1×7 L=9919.8\SA-213T2\57N112-11-14\600MW超临界机组</t>
  </si>
  <si>
    <t>【东方锅炉】管子\φ38.1×7 L=9885\SA-213T2\57N112-11-14\600MW超临界机组</t>
  </si>
  <si>
    <t>【东方锅炉】管子\φ38.1×7 L=9850.1\SA-213T2\57N112-11-14\600MW超临界机组</t>
  </si>
  <si>
    <t>【东方锅炉】管子\φ38.1×7 L=9815.3\SA-213T2\57N112-11-14\600MW超临界机组</t>
  </si>
  <si>
    <t>【东方锅炉】管子\φ38.1×7 L=9780.5\SA-213T2\57N112-11-14\600MW超临界机组</t>
  </si>
  <si>
    <t>【东方锅炉】管子\φ38.1×7 L=9745.7\SA-213T2\57N112-11-14\600MW超临界机组</t>
  </si>
  <si>
    <t>【东方锅炉】管子\φ38.1×7 L=9710.9\SA-213T2\57N112-11-14\600MW超临界机组</t>
  </si>
  <si>
    <t>【东方锅炉】管子\φ38.1×7 L=9676.1\SA-213T2\57N112-11-14\600MW超临界机组</t>
  </si>
  <si>
    <t>【东方锅炉】管子\φ38.1×7 L=9641.3\SA-213T2\57N112-11-14\600MW超临界机组</t>
  </si>
  <si>
    <t>【东方锅炉】管子\φ38.1×7 L=9606.4\SA-213T2\57N112-11-14\600MW超临界机组</t>
  </si>
  <si>
    <t>【东方锅炉】管子\φ38.1×7 L=9571.6\SA-213T2\57N112-11-14\600MW超临界机组</t>
  </si>
  <si>
    <t>【东方锅炉】管子\φ38.1×7 L=9536.8\SA-213T2\57N112-11-14\600MW超临界机组</t>
  </si>
  <si>
    <t>【东方锅炉】管子\φ38.1×7 L=9502\SA-213T2\57N112-11-14\600MW超临界机组</t>
  </si>
  <si>
    <t>【东方锅炉】管子\φ38.1×7 L=9467.2\SA-213T2\57N112-11-14\600MW超临界机组</t>
  </si>
  <si>
    <t>【东方锅炉】管子\φ38.1×7 L=9432.4\SA-213T2\57N112-11-14\600MW超临界机组</t>
  </si>
  <si>
    <t>【东方锅炉】管子\φ38.1×7 L=9397.6\SA-213T2\57N112-11-14\600MW超临界机组</t>
  </si>
  <si>
    <t>【东方锅炉】管子\φ38.1×7 L=9362.8\SA-213T2\57N112-11-14\600MW超临界机组</t>
  </si>
  <si>
    <t>【东方锅炉】管子\φ38.1×7 L=9327.9\SA-213T2\57N112-11-14\600MW超临界机组</t>
  </si>
  <si>
    <t>【东方锅炉】管子\φ38.1×7 L=9293.1\SA-213T2\57N112-11-14\600MW超临界机组</t>
  </si>
  <si>
    <t>【东方锅炉】管子\φ38.1×7 L=9258.3\SA-213T2\57N112-11-14\600MW超临界机组</t>
  </si>
  <si>
    <t>【东方锅炉】管子\φ38.1×7 L=9223.5\SA-213T2\57N112-11-14\600MW超临界机组</t>
  </si>
  <si>
    <t>【东方锅炉】管子\φ38.1×7 L=9188.7\SA-213T2\57N112-11-14\600MW超临界机组</t>
  </si>
  <si>
    <t>【东方锅炉】管子\φ38.1×7 L=9153.9\SA-213T2\57N112-11-14\600MW超临界机组</t>
  </si>
  <si>
    <t>【东方锅炉】管子\φ38.1×7 L=8618.2\SA-213T2\57N112-12-1\600MW超临界机组</t>
  </si>
  <si>
    <t>【东方锅炉】管子\φ38.1×7 L=8456.9\SA-213T2\57N112-12-1\600MW超临界机组</t>
  </si>
  <si>
    <t>【东方锅炉】管子\φ38.1×7 L=8295.6\SA-213T2\57N112-12-1\600MW超临界机组</t>
  </si>
  <si>
    <t>【东方锅炉】管子\φ38.1×7 L=8134.4\SA-213T2\57N112-12-1\600MW超临界机组</t>
  </si>
  <si>
    <t>【东方锅炉】管子\φ38.1×7 L=7973.1\SA-213T2\57N112-12-1\600MW超临界机组</t>
  </si>
  <si>
    <t>【东方锅炉】管子\φ38.1×7 L=7811.8\SA-213T2\57N112-12-1\600MW超临界机组</t>
  </si>
  <si>
    <t>【东方锅炉】管子\φ38.1×7 L=7650.6\SA-213T2\57N112-12-1\600MW超临界机组</t>
  </si>
  <si>
    <t>【东方锅炉】管子\φ38.1×7 L=7489.3\SA-213T2\57N112-12-1\600MW超临界机组</t>
  </si>
  <si>
    <t>【东方锅炉】管子\φ38.1×7 L=7328.1\SA-213T2\57N112-12-1\600MW超临界机组</t>
  </si>
  <si>
    <t>【东方锅炉】管子\φ38.1×7 L=7166.8\SA-213T2\57N112-12-1\600MW超临界机组</t>
  </si>
  <si>
    <t>【东方锅炉】管子\φ38.1×7 L=7005.5\SA-213T2\57N112-12-1\600MW超临界机组</t>
  </si>
  <si>
    <t>【东方锅炉】管子\φ38.1×7 L=6844.3\SA-213T2\57N112-12-1\600MW超临界机组</t>
  </si>
  <si>
    <t>【东方锅炉】管子\φ38.1×7 L=6683\SA-213T2\57N112-12-1\600MW超临界机组</t>
  </si>
  <si>
    <t>【东方锅炉】管子\φ38.1×7 L=6521.7\SA-213T2\57N112-12-1\600MW超临界机组</t>
  </si>
  <si>
    <t>【东方锅炉】管子\φ38.1×7 L=6360.5\SA-213T2\57N112-12-1\600MW超临界机组</t>
  </si>
  <si>
    <t>【东方锅炉】管子\φ38.1×7 L=6199.2\SA-213T2\57N112-12-1\600MW超临界机组</t>
  </si>
  <si>
    <t>【东方锅炉】管子\φ38.1×7 L=6038\SA-213T2\57N112-12-1\600MW超临界机组</t>
  </si>
  <si>
    <t>【东方锅炉】管子\φ38.1×7 L=5876.7\SA-213T2\57N112-12-1\600MW超临界机组</t>
  </si>
  <si>
    <t>【东方锅炉】管子\φ38.1×7 L=5715.4\SA-213T2\57N112-12-1\600MW超临界机组</t>
  </si>
  <si>
    <t>【东方锅炉】管子\φ38.1×7 L=5554.2\SA-213T2\57N112-12-1\600MW超临界机组</t>
  </si>
  <si>
    <t>【东方锅炉】管子\φ38.1×7 L=5392.9\SA-213T2\57N112-12-1\600MW超临界机组</t>
  </si>
  <si>
    <t>【东方锅炉】管子\φ38.1×7 L=5231.6\SA-213T2\57N112-12-1\600MW超临界机组</t>
  </si>
  <si>
    <t>【东方锅炉】管子\φ38.1×7 L=5070.4\SA-213T2\57N112-12-1\600MW超临界机组</t>
  </si>
  <si>
    <t>【东方锅炉】管子\φ38.1×7 L=4909.1\SA-213T2\57N112-12-1\600MW超临界机组</t>
  </si>
  <si>
    <t>【东方锅炉】管子\φ38.1×7 L=4747.8\SA-213T2\57N112-12-1\600MW超临界机组</t>
  </si>
  <si>
    <t>【东方锅炉】管子\φ38.1×7 L=4586.6\SA-213T2\57N112-12-1\600MW超临界机组</t>
  </si>
  <si>
    <t>【东方锅炉】管子\φ38.1×7 L=4425.3\SA-213T2\57N112-12-1\600MW超临界机组</t>
  </si>
  <si>
    <t>【东方锅炉】管子\φ38.1×7 L=4264.1\SA-213T2\57N112-12-1\600MW超临界机组</t>
  </si>
  <si>
    <t>【东方锅炉】管子\φ38.1×7 L=4102.8\SA-213T2\57N112-12-1\600MW超临界机组</t>
  </si>
  <si>
    <t>【东方锅炉】管子\φ38.1×7 L=3941.5\SA-213T2\57N112-12-1\600MW超临界机组</t>
  </si>
  <si>
    <t>【东方锅炉】管子\φ38.1×7 L=3780.3\SA-213T2\57N112-12-1\600MW超临界机组</t>
  </si>
  <si>
    <t>【东方锅炉】管子\φ38.1×7 L=3619\SA-213T2\57N112-12-1\600MW超临界机组</t>
  </si>
  <si>
    <t>【东方锅炉】管子\φ38.1×7 L=3457.7\SA-213T2\57N112-12-1\600MW超临界机组</t>
  </si>
  <si>
    <t>【东方锅炉】管子\φ38.1×7 L=3296.5\SA-213T2\57N112-12-1\600MW超临界机组</t>
  </si>
  <si>
    <t>【东方锅炉】管子\φ38.1×7 L=3135.2\SA-213T2\57N112-12-1\600MW超临界机组</t>
  </si>
  <si>
    <t>【东方锅炉】管子\φ38.1×7 L=2974\SA-213T2\57N112-12-1\600MW超临界机组</t>
  </si>
  <si>
    <t>【东方锅炉】管子\φ38.1×7 L=2812.7\SA-213T2\57N112-12-1\600MW超临界机组</t>
  </si>
  <si>
    <t>【东方锅炉】管子\φ38.1×7 L=2651.4\SA-213T2\57N112-12-1\600MW超临界机组</t>
  </si>
  <si>
    <t>【东方锅炉】管子\φ38.1×7 L=2490.2\SA-213T2\57N112-12-1\600MW超临界机组</t>
  </si>
  <si>
    <t>【东方锅炉】管子\φ38.1×7 L=2328.9\SA-213T2\57N112-12-1\600MW超临界机组</t>
  </si>
  <si>
    <t>【东方锅炉】管子\φ38.1×7 L=2167.6\SA-213T2\57N112-12-1\600MW超临界机组</t>
  </si>
  <si>
    <t>【东方锅炉】管子\φ38.1×7 L=2006.4\SA-213T2\57N112-12-1\600MW超临界机组</t>
  </si>
  <si>
    <t>【东方锅炉】管子\φ38.1×7 L=1845.1\SA-213T2\57N112-12-1\600MW超临界机组</t>
  </si>
  <si>
    <t>【东方锅炉】管子\φ38.1×7 L=1683.9\SA-213T2\57N112-12-1\600MW超临界机组</t>
  </si>
  <si>
    <t>【东方锅炉】管子\φ38.1×7 L=1522.6\SA-213T2\57N112-12-1\600MW超临界机组</t>
  </si>
  <si>
    <t>【东方锅炉】管子\φ38.1×7 L=1361.3\SA-213T2\57N112-12-1\600MW超临界机组</t>
  </si>
  <si>
    <t>【东方锅炉】管子\φ38.1×7 L=1200.1\SA-213T2\57N112-12-1\600MW超临界机组</t>
  </si>
  <si>
    <t>【东方锅炉】管子\φ38.1×7\SA-213T2\57N112-12-3\600MW超临界机组</t>
  </si>
  <si>
    <t>【东方锅炉】管子\φ38.1×7\SA-213T2\57N112-12-4\600MW超临界机组</t>
  </si>
  <si>
    <t>【东方锅炉】管子\φ38.1×7\SA-213T2\57N112-12-5\600MW超临界机组</t>
  </si>
  <si>
    <t>【东方锅炉】管子\φ38.1×7\SA-213T2\57N112-12-6\600MW超临界机组</t>
  </si>
  <si>
    <t>【东方锅炉】管子\φ38.1×7\SA-213T2\57N112-12-7\600MW超临界机组</t>
  </si>
  <si>
    <t>【东方锅炉】管子\φ38.1×7\SA-213T2\57N112-12-8\600MW超临界机组</t>
  </si>
  <si>
    <t>【东方锅炉】管子\φ38.1×7\SA-213T2\57N112-12-9\600MW超临界机组</t>
  </si>
  <si>
    <t>【东方锅炉】管子\φ38.1×7\SA-213T2\57N112-12-10\600MW超临界机组</t>
  </si>
  <si>
    <t>【东方锅炉】扁钢\δ9\15CrMo\57N112-12-11\600MW超临界机组</t>
  </si>
  <si>
    <t>【东方锅炉】扁钢\δ6.4\15CrMo\57N112-12-12\600MW超临界机组</t>
  </si>
  <si>
    <t>【东方锅炉】弯管\φ60×4\12Cr1MoVG\51M221-1-7/№2\300MW亚临界机组</t>
  </si>
  <si>
    <t>【东方锅炉】管子\φ38.1×7 №1\SA-213T2\57N112-12-14\600MW超临界机组</t>
  </si>
  <si>
    <t>【东方锅炉】管子\φ38.1×7 №2\SA-213T2\57N112-12-14\600MW超临界机组</t>
  </si>
  <si>
    <t>【东方锅炉】管子\φ38.1×7 №3\SA-213T2\57N112-12-14\600MW超临界机组</t>
  </si>
  <si>
    <t>【东方锅炉】管子\φ38.1×7 №4\SA-213T2\57N112-12-14\600MW超临界机组</t>
  </si>
  <si>
    <t>【东方锅炉】管子\φ38.1×7 №5\SA-213T2\57N112-12-14\600MW超临界机组</t>
  </si>
  <si>
    <t>【东方锅炉】管子\φ38.1×7 №6\SA-213T2\57N112-12-14\600MW超临界机组</t>
  </si>
  <si>
    <t>【东方锅炉】管子\φ38.1×7 №7\SA-213T2\57N112-12-14\600MW超临界机组</t>
  </si>
  <si>
    <t>【东方锅炉】管子\φ38.1×7 №1\SA-213T2\57N112-13-1\600MW超临界机组</t>
  </si>
  <si>
    <t>【东方锅炉】管子\φ38.1×7 №2\SA-213T2\57N112-13-1\600MW超临界机组</t>
  </si>
  <si>
    <t>【东方锅炉】管子\φ38.1×7 №3\SA-213T2\57N112-13-1\600MW超临界机组</t>
  </si>
  <si>
    <t>【东方锅炉】管子\φ38.1×7 №4\SA-213T2\57N112-13-1\600MW超临界机组</t>
  </si>
  <si>
    <t>【东方锅炉】管子\φ38.1×7 №5\SA-213T2\57N112-13-1\600MW超临界机组</t>
  </si>
  <si>
    <t>【东方锅炉】管子\φ38.1×7 №6\SA-213T2\57N112-13-1\600MW超临界机组</t>
  </si>
  <si>
    <t>【东方锅炉】管子\φ38.1×7 №7\SA-213T2\57N112-13-1\600MW超临界机组</t>
  </si>
  <si>
    <t>【东方锅炉】管子\φ38.1×7 №8\SA-213T2\57N112-13-1\600MW超临界机组</t>
  </si>
  <si>
    <t>【东方锅炉】管子\φ38.1×7 №9\SA-213T2\57N112-13-1\600MW超临界机组</t>
  </si>
  <si>
    <t>【东方锅炉】管子\φ38.1×7 №10\SA-213T2\57N112-13-1\600MW超临界机组</t>
  </si>
  <si>
    <t>【东方锅炉】管子\φ38.1×7 №11\SA-213T2\57N112-13-1\600MW超临界机组</t>
  </si>
  <si>
    <t>【东方锅炉】管子\φ38.1×7 №12\SA-213T2\57N112-13-1\600MW超临界机组</t>
  </si>
  <si>
    <t>【东方锅炉】管子\φ38.1×7 №13\SA-213T2\57N112-13-1\600MW超临界机组</t>
  </si>
  <si>
    <t>【东方锅炉】管子\φ38.1×7 №14\SA-213T2\57N112-13-1\600MW超临界机组</t>
  </si>
  <si>
    <t>【东方锅炉】管子\φ38.1×7 №15\SA-213T2\57N112-13-1\600MW超临界机组</t>
  </si>
  <si>
    <t>【东方锅炉】管子\φ38.1×7 №16\SA-213T2\57N112-13-1\600MW超临界机组</t>
  </si>
  <si>
    <t>【东方锅炉】管子\φ38.1×7 №17\SA-213T2\57N112-13-1\600MW超临界机组</t>
  </si>
  <si>
    <t>【东方锅炉】管子\φ38.1×7 №18\SA-213T2\57N112-13-1\600MW超临界机组</t>
  </si>
  <si>
    <t>【东方锅炉】管子\φ38.1×7 №19\SA-213T2\57N112-13-1\600MW超临界机组</t>
  </si>
  <si>
    <t>【东方锅炉】管子\φ38.1×7 №20\SA-213T2\57N112-13-1\600MW超临界机组</t>
  </si>
  <si>
    <t>【东方锅炉】管子\φ38.1×7 №21\SA-213T2\57N112-13-1\600MW超临界机组</t>
  </si>
  <si>
    <t>【东方锅炉】管子\φ38.1×7 №22\SA-213T2\57N112-13-1\600MW超临界机组</t>
  </si>
  <si>
    <t>【东方锅炉】管子\φ38.1×7 №23\SA-213T2\57N112-13-1\600MW超临界机组</t>
  </si>
  <si>
    <t>【东方锅炉】管子\φ38.1×7 №24\SA-213T2\57N112-13-1\600MW超临界机组</t>
  </si>
  <si>
    <t>【东方锅炉】管子\φ38.1×7 №25\SA-213T2\57N112-13-1\600MW超临界机组</t>
  </si>
  <si>
    <t>【东方锅炉】管子\φ38.1×7 №26\SA-213T2\57N112-13-1\600MW超临界机组</t>
  </si>
  <si>
    <t>【东方锅炉】管子\φ38.1×7 №27\SA-213T2\57N112-13-1\600MW超临界机组</t>
  </si>
  <si>
    <t>【东方锅炉】管子\φ38.1×7 №28\SA-213T2\57N112-13-1\600MW超临界机组</t>
  </si>
  <si>
    <t>【东方锅炉】管子\φ38.1×7 №29\SA-213T2\57N112-13-1\600MW超临界机组</t>
  </si>
  <si>
    <t>【东方锅炉】管子\φ38.1×7 №30\SA-213T2\57N112-13-1\600MW超临界机组</t>
  </si>
  <si>
    <t>【东方锅炉】管子\φ38.1×7 №31\SA-213T2\57N112-13-1\600MW超临界机组</t>
  </si>
  <si>
    <t>【东方锅炉】管子\φ38.1×7 №32\SA-213T2\57N112-13-1\600MW超临界机组</t>
  </si>
  <si>
    <t>【东方锅炉】管子\φ38.1×7 №33\SA-213T2\57N112-13-1\600MW超临界机组</t>
  </si>
  <si>
    <t>【东方锅炉】管子\φ38.1×7 №34\SA-213T2\57N112-13-1\600MW超临界机组</t>
  </si>
  <si>
    <t>【东方锅炉】管子\φ38.1×7 №35\SA-213T2\57N112-13-1\600MW超临界机组</t>
  </si>
  <si>
    <t>【东方锅炉】管子\φ38.1×7 №36\SA-213T2\57N112-13-1\600MW超临界机组</t>
  </si>
  <si>
    <t>【东方锅炉】管子\φ38.1×7 №37\SA-213T2\57N112-13-1\600MW超临界机组</t>
  </si>
  <si>
    <t>【东方锅炉】管子\φ38.1×7 №38\SA-213T2\57N112-13-1\600MW超临界机组</t>
  </si>
  <si>
    <t>【东方锅炉】管子\φ38.1×7 №39\SA-213T2\57N112-13-1\600MW超临界机组</t>
  </si>
  <si>
    <t>【东方锅炉】管子\φ38.1×7 №40\SA-213T2\57N112-13-1\600MW超临界机组</t>
  </si>
  <si>
    <t>【东方锅炉】管子\φ38.1×7 №41\SA-213T2\57N112-13-1\600MW超临界机组</t>
  </si>
  <si>
    <t>【东方锅炉】管子\φ38.1×7 №42\SA-213T2\57N112-13-1\600MW超临界机组</t>
  </si>
  <si>
    <t>【东方锅炉】管子\φ38.1×7 №1\SA-213T2\57N112-14-1\600MW超临界机组</t>
  </si>
  <si>
    <t>【东方锅炉】管子\φ38.1×7 №2\SA-213T2\57N112-14-1\600MW超临界机组</t>
  </si>
  <si>
    <t>【东方锅炉】管子\φ38.1×7 №3\SA-213T2\57N112-14-1\600MW超临界机组</t>
  </si>
  <si>
    <t>【东方锅炉】管子\φ38.1×7 №4\SA-213T2\57N112-14-1\600MW超临界机组</t>
  </si>
  <si>
    <t>【东方锅炉】管子\φ38.1×7 №5\SA-213T2\57N112-14-1\600MW超临界机组</t>
  </si>
  <si>
    <t>【东方锅炉】管子\φ38.1×7 №6\SA-213T2\57N112-14-1\600MW超临界机组</t>
  </si>
  <si>
    <t>【东方锅炉】管子\φ38.1×7 №7\SA-213T2\57N112-14-1\600MW超临界机组</t>
  </si>
  <si>
    <t>【东方锅炉】管子\φ38.1×7 №8\SA-213T2\57N112-14-1\600MW超临界机组</t>
  </si>
  <si>
    <t>【东方锅炉】管子\φ38.1×7 №9\SA-213T2\57N112-14-1\600MW超临界机组</t>
  </si>
  <si>
    <t>【东方锅炉】管子\φ38.1×7 №10\SA-213T2\57N112-14-1\600MW超临界机组</t>
  </si>
  <si>
    <t>【东方锅炉】管子\φ38.1×7 №11\SA-213T2\57N112-14-1\600MW超临界机组</t>
  </si>
  <si>
    <t>【东方锅炉】管子\φ38.1×7 №12\SA-213T2\57N112-14-1\600MW超临界机组</t>
  </si>
  <si>
    <t>【东方锅炉】管子\φ38.1×7 №13\SA-213T2\57N112-14-1\600MW超临界机组</t>
  </si>
  <si>
    <t>【东方锅炉】管子\φ38.1×7 №14\SA-213T2\57N112-14-1\600MW超临界机组</t>
  </si>
  <si>
    <t>【东方锅炉】管子\φ38.1×7 №15\SA-213T2\57N112-14-1\600MW超临界机组</t>
  </si>
  <si>
    <t>【东方锅炉】管子\φ38.1×7 №16\SA-213T2\57N112-14-1\600MW超临界机组</t>
  </si>
  <si>
    <t>【东方锅炉】管子\φ38.1×7 №17\SA-213T2\57N112-14-1\600MW超临界机组</t>
  </si>
  <si>
    <t>【东方锅炉】管子\φ38.1×7 №18\SA-213T2\57N112-14-1\600MW超临界机组</t>
  </si>
  <si>
    <t>【东方锅炉】管子\φ38.1×7 №19\SA-213T2\57N112-14-1\600MW超临界机组</t>
  </si>
  <si>
    <t>【东方锅炉】管子\φ38.1×7 №20\SA-213T2\57N112-14-1\600MW超临界机组</t>
  </si>
  <si>
    <t>【东方锅炉】管子\φ38.1×7 №21\SA-213T2\57N112-14-1\600MW超临界机组</t>
  </si>
  <si>
    <t>【东方锅炉】管子\φ38.1×7 №22\SA-213T2\57N112-14-1\600MW超临界机组</t>
  </si>
  <si>
    <t>【东方锅炉】管子\φ38.1×7 №23\SA-213T2\57N112-14-1\600MW超临界机组</t>
  </si>
  <si>
    <t>【东方锅炉】管子\φ38.1×7 №24\SA-213T2\57N112-14-1\600MW超临界机组</t>
  </si>
  <si>
    <t>【东方锅炉】管子\φ38.1×7 №25\SA-213T2\57N112-14-1\600MW超临界机组</t>
  </si>
  <si>
    <t>【东方锅炉】管子\φ38.1×7 №26\SA-213T2\57N112-14-1\600MW超临界机组</t>
  </si>
  <si>
    <t>【东方锅炉】管子\φ38.1×7 №27\SA-213T2\57N112-14-1\600MW超临界机组</t>
  </si>
  <si>
    <t>【东方锅炉】管子\φ38.1×7 №28\SA-213T2\57N112-14-1\600MW超临界机组</t>
  </si>
  <si>
    <t>【东方锅炉】管子\φ38.1×7 №29\SA-213T2\57N112-14-1\600MW超临界机组</t>
  </si>
  <si>
    <t>【东方锅炉】管子\φ38.1×7 №30\SA-213T2\57N112-14-1\600MW超临界机组</t>
  </si>
  <si>
    <t>【东方锅炉】管子\φ38.1×7 №31\SA-213T2\57N112-14-1\600MW超临界机组</t>
  </si>
  <si>
    <t>【东方锅炉】管子\φ38.1×7 №32\SA-213T2\57N112-14-1\600MW超临界机组</t>
  </si>
  <si>
    <t>【东方锅炉】管子\φ38.1×7 №33\SA-213T2\57N112-14-1\600MW超临界机组</t>
  </si>
  <si>
    <t>【东方锅炉】管子\φ38.1×7 №34\SA-213T2\57N112-14-1\600MW超临界机组</t>
  </si>
  <si>
    <t>【东方锅炉】管子\φ38.1×7 №35\SA-213T2\57N112-14-1\600MW超临界机组</t>
  </si>
  <si>
    <t>【东方锅炉】管子\φ38.1×7 №36\SA-213T2\57N112-14-1\600MW超临界机组</t>
  </si>
  <si>
    <t>【东方锅炉】管子\φ38.1×7 №1\SA-213T2\57N112-15-1\600MW超临界机组</t>
  </si>
  <si>
    <t>【东方锅炉】管子\φ38.1×7 №2\SA-213T2\57N112-15-1\600MW超临界机组</t>
  </si>
  <si>
    <t>【东方锅炉】管子\φ38.1×7 №3\SA-213T2\57N112-15-1\600MW超临界机组</t>
  </si>
  <si>
    <t>【东方锅炉】管子\φ38.1×7 №4\SA-213T2\57N112-15-1\600MW超临界机组</t>
  </si>
  <si>
    <t>【东方锅炉】管子\φ38.1×7 №5\SA-213T2\57N112-15-1\600MW超临界机组</t>
  </si>
  <si>
    <t>【东方锅炉】管子\φ38.1×7 №6\SA-213T2\57N112-15-1\600MW超临界机组</t>
  </si>
  <si>
    <t>【东方锅炉】管子\φ38.1×7 №7\SA-213T2\57N112-15-1\600MW超临界机组</t>
  </si>
  <si>
    <t>【东方锅炉】管子\φ38.1×7 №8\SA-213T2\57N112-15-1\600MW超临界机组</t>
  </si>
  <si>
    <t>【东方锅炉】管子\φ38.1×7 №9\SA-213T2\57N112-15-1\600MW超临界机组</t>
  </si>
  <si>
    <t>【东方锅炉】管子\φ38.1×7 №10\SA-213T2\57N112-15-1\600MW超临界机组</t>
  </si>
  <si>
    <t>【东方锅炉】管子\φ38.1×7 №11\SA-213T2\57N112-15-1\600MW超临界机组</t>
  </si>
  <si>
    <t>【东方锅炉】管子\φ38.1×7 №12\SA-213T2\57N112-15-1\600MW超临界机组</t>
  </si>
  <si>
    <t>【东方锅炉】管子\φ38.1×7 №13\SA-213T2\57N112-15-1\600MW超临界机组</t>
  </si>
  <si>
    <t>【东方锅炉】管子\φ38.1×7 №14\SA-213T2\57N112-15-1\600MW超临界机组</t>
  </si>
  <si>
    <t>【东方锅炉】管子\φ38.1×7 №15\SA-213T2\57N112-15-1\600MW超临界机组</t>
  </si>
  <si>
    <t>【东方锅炉】管子\φ38.1×7 №16\SA-213T2\57N112-15-1\600MW超临界机组</t>
  </si>
  <si>
    <t>【东方锅炉】管子\φ38.1×7 №17\SA-213T2\57N112-15-1\600MW超临界机组</t>
  </si>
  <si>
    <t>【东方锅炉】管子\φ38.1×7 №18\SA-213T2\57N112-15-1\600MW超临界机组</t>
  </si>
  <si>
    <t>【东方锅炉】管子\φ38.1×7 №19\SA-213T2\57N112-15-1\600MW超临界机组</t>
  </si>
  <si>
    <t>【东方锅炉】管子\φ38.1×7 №20\SA-213T2\57N112-15-1\600MW超临界机组</t>
  </si>
  <si>
    <t>【东方锅炉】管子\φ38.1×7 №21\SA-213T2\57N112-15-1\600MW超临界机组</t>
  </si>
  <si>
    <t>【东方锅炉】管子\φ38.1×7 №22\SA-213T2\57N112-15-1\600MW超临界机组</t>
  </si>
  <si>
    <t>【东方锅炉】管子\φ38.1×7 №23\SA-213T2\57N112-15-1\600MW超临界机组</t>
  </si>
  <si>
    <t>【东方锅炉】管子\φ38.1×7 №24\SA-213T2\57N112-15-1\600MW超临界机组</t>
  </si>
  <si>
    <t>【东方锅炉】管子\φ38.1×7 №25\SA-213T2\57N112-15-1\600MW超临界机组</t>
  </si>
  <si>
    <t>【东方锅炉】管子\φ38.1×7 №26\SA-213T2\57N112-15-1\600MW超临界机组</t>
  </si>
  <si>
    <t>【东方锅炉】管子\φ38.1×7 №27\SA-213T2\57N112-15-1\600MW超临界机组</t>
  </si>
  <si>
    <t>【东方锅炉】管子\φ38.1×7 №28\SA-213T2\57N112-15-1\600MW超临界机组</t>
  </si>
  <si>
    <t>【东方锅炉】管子\φ38.1×7 №29\SA-213T2\57N112-15-1\600MW超临界机组</t>
  </si>
  <si>
    <t>【东方锅炉】管子\φ38.1×7 №30\SA-213T2\57N112-15-1\600MW超临界机组</t>
  </si>
  <si>
    <t>【东方锅炉】管子\φ38.1×7 №31\SA-213T2\57N112-15-1\600MW超临界机组</t>
  </si>
  <si>
    <t>【东方锅炉】管子\φ38.1×7 №32\SA-213T2\57N112-15-1\600MW超临界机组</t>
  </si>
  <si>
    <t>【东方锅炉】管子\φ38.1×7 №33\SA-213T2\57N112-15-1\600MW超临界机组</t>
  </si>
  <si>
    <t>【东方锅炉】管子\φ38.1×7 №34\SA-213T2\57N112-15-1\600MW超临界机组</t>
  </si>
  <si>
    <t>【东方锅炉】管子\φ38.1×7 №35\SA-213T2\57N112-15-1\600MW超临界机组</t>
  </si>
  <si>
    <t>【东方锅炉】管子\φ38.1×7 №36\SA-213T2\57N112-15-1\600MW超临界机组</t>
  </si>
  <si>
    <t>【东方锅炉】管子\φ38.1×7 №37\SA-213T2\57N112-15-1\600MW超临界机组</t>
  </si>
  <si>
    <t>【东方锅炉】管子\φ38.1×7 №1\SA-213T2\57N112-16-2\600MW超临界机组</t>
  </si>
  <si>
    <t>【东方锅炉】管子\φ38.1×7 №2\SA-213T2\57N112-16-2\600MW超临界机组</t>
  </si>
  <si>
    <t>【东方锅炉】管子\φ38.1×7 №3\SA-213T2\57N112-16-2\600MW超临界机组</t>
  </si>
  <si>
    <t>【东方锅炉】管子\φ38.1×7 №4\SA-213T2\57N112-16-2\600MW超临界机组</t>
  </si>
  <si>
    <t>【东方锅炉】管子\φ38.1×7 №5\SA-213T2\57N112-16-2\600MW超临界机组</t>
  </si>
  <si>
    <t>【东方锅炉】管子\φ38.1×7 №6\SA-213T2\57N112-16-2\600MW超临界机组</t>
  </si>
  <si>
    <t>【东方锅炉】管子\φ38.1×7 №7\SA-213T2\57N112-16-2\600MW超临界机组</t>
  </si>
  <si>
    <t>【东方锅炉】管子\φ38.1×7 №8\SA-213T2\57N112-16-2\600MW超临界机组</t>
  </si>
  <si>
    <t>【东方锅炉】管子\φ38.1×7 №9\SA-213T2\57N112-16-2\600MW超临界机组</t>
  </si>
  <si>
    <t>【东方锅炉】管子\φ38.1×7 №10\SA-213T2\57N112-16-2\600MW超临界机组</t>
  </si>
  <si>
    <t>【东方锅炉】管子\φ38.1×7 №11\SA-213T2\57N112-16-2\600MW超临界机组</t>
  </si>
  <si>
    <t>【东方锅炉】管子\φ38.1×7 №12\SA-213T2\57N112-16-2\600MW超临界机组</t>
  </si>
  <si>
    <t>【东方锅炉】管子\φ38.1×7 №13\SA-213T2\57N112-16-2\600MW超临界机组</t>
  </si>
  <si>
    <t>【东方锅炉】管子\φ38.1×7 №14\SA-213T2\57N112-16-2\600MW超临界机组</t>
  </si>
  <si>
    <t>【东方锅炉】管子\φ38.1×7 №15\SA-213T2\57N112-16-2\600MW超临界机组</t>
  </si>
  <si>
    <t>【东方锅炉】管子\φ38.1×7 №16\SA-213T2\57N112-16-2\600MW超临界机组</t>
  </si>
  <si>
    <t>【东方锅炉】管子\φ38.1×7 №17\SA-213T2\57N112-16-2\600MW超临界机组</t>
  </si>
  <si>
    <t>【东方锅炉】管子\φ38.1×7 №18\SA-213T2\57N112-16-2\600MW超临界机组</t>
  </si>
  <si>
    <t>【东方锅炉】管子\φ38.1×7 №19\SA-213T2\57N112-16-2\600MW超临界机组</t>
  </si>
  <si>
    <t>【东方锅炉】管子\φ38.1×7 №20\SA-213T2\57N112-16-2\600MW超临界机组</t>
  </si>
  <si>
    <t>【东方锅炉】管子\φ38.1×7 №21\SA-213T2\57N112-16-2\600MW超临界机组</t>
  </si>
  <si>
    <t>【东方锅炉】管子\φ38.1×7 №22\SA-213T2\57N112-16-2\600MW超临界机组</t>
  </si>
  <si>
    <t>【东方锅炉】管子\φ38.1×7 №23\SA-213T2\57N112-16-2\600MW超临界机组</t>
  </si>
  <si>
    <t>【东方锅炉】管子\φ38.1×7 №24\SA-213T2\57N112-16-2\600MW超临界机组</t>
  </si>
  <si>
    <t>【东方锅炉】管子\φ38.1×7 №25\SA-213T2\57N112-16-2\600MW超临界机组</t>
  </si>
  <si>
    <t>【东方锅炉】管子\φ38.1×7 №26\SA-213T2\57N112-16-2\600MW超临界机组</t>
  </si>
  <si>
    <t>【东方锅炉】管子\φ38.1×7 №27\SA-213T2\57N112-16-2\600MW超临界机组</t>
  </si>
  <si>
    <t>【东方锅炉】管子\φ38.1×7 №28\SA-213T2\57N112-16-2\600MW超临界机组</t>
  </si>
  <si>
    <t>【东方锅炉】管子\φ38.1×7 №29\SA-213T2\57N112-16-2\600MW超临界机组</t>
  </si>
  <si>
    <t>【东方锅炉】管子\φ38.1×7 №30\SA-213T2\57N112-16-2\600MW超临界机组</t>
  </si>
  <si>
    <t>【东方锅炉】管子\φ38.1×7 №31\SA-213T2\57N112-16-2\600MW超临界机组</t>
  </si>
  <si>
    <t>【东方锅炉】管子\φ38.1×7 №32\SA-213T2\57N112-16-2\600MW超临界机组</t>
  </si>
  <si>
    <t>【东方锅炉】管子\φ38.1×7 №33\SA-213T2\57N112-16-2\600MW超临界机组</t>
  </si>
  <si>
    <t>【东方锅炉】管子\φ38.1×7 №34\SA-213T2\57N112-16-2\600MW超临界机组</t>
  </si>
  <si>
    <t>【东方锅炉】管子\φ38.1×7 №35\SA-213T2\57N112-16-2\600MW超临界机组</t>
  </si>
  <si>
    <t>【东方锅炉】管子\φ38.1×7 №1\SA-213T2\57N112-17-2\600MW超临界机组</t>
  </si>
  <si>
    <t>【东方锅炉】管子\φ38.1×7 №2\SA-213T2\57N112-17-2\600MW超临界机组</t>
  </si>
  <si>
    <t>【东方锅炉】管子\φ38.1×7 №3\SA-213T2\57N112-17-2\600MW超临界机组</t>
  </si>
  <si>
    <t>【东方锅炉】管子\φ38.1×7 №4\SA-213T2\57N112-17-2\600MW超临界机组</t>
  </si>
  <si>
    <t>【东方锅炉】管子\φ38.1×7 №5\SA-213T2\57N112-17-2\600MW超临界机组</t>
  </si>
  <si>
    <t>【东方锅炉】管子\φ38.1×7 №6\SA-213T2\57N112-17-2\600MW超临界机组</t>
  </si>
  <si>
    <t>【东方锅炉】管子\φ38.1×7 №7\SA-213T2\57N112-17-2\600MW超临界机组</t>
  </si>
  <si>
    <t>【东方锅炉】管子\φ38.1×7 №8\SA-213T2\57N112-17-2\600MW超临界机组</t>
  </si>
  <si>
    <t>【东方锅炉】管子\φ38.1×7 №9\SA-213T2\57N112-17-2\600MW超临界机组</t>
  </si>
  <si>
    <t>【东方锅炉】管子\φ38.1×7 №10\SA-213T2\57N112-17-2\600MW超临界机组</t>
  </si>
  <si>
    <t>【东方锅炉】管子\φ38.1×7 №11\SA-213T2\57N112-17-2\600MW超临界机组</t>
  </si>
  <si>
    <t>【东方锅炉】管子\φ38.1×7 №12\SA-213T2\57N112-17-2\600MW超临界机组</t>
  </si>
  <si>
    <t>【东方锅炉】管子\φ38.1×7 №13\SA-213T2\57N112-17-2\600MW超临界机组</t>
  </si>
  <si>
    <t>【东方锅炉】管子\φ38.1×7 №14\SA-213T2\57N112-17-2\600MW超临界机组</t>
  </si>
  <si>
    <t>【东方锅炉】管子\φ38.1×7 №15\SA-213T2\57N112-17-2\600MW超临界机组</t>
  </si>
  <si>
    <t>【东方锅炉】管子\φ38.1×7 №16\SA-213T2\57N112-17-2\600MW超临界机组</t>
  </si>
  <si>
    <t>【东方锅炉】管子\φ38.1×7 №17\SA-213T2\57N112-17-2\600MW超临界机组</t>
  </si>
  <si>
    <t>【东方锅炉】管子\φ38.1×7 №18\SA-213T2\57N112-17-2\600MW超临界机组</t>
  </si>
  <si>
    <t>【东方锅炉】管子\φ38.1×7 №19\SA-213T2\57N112-17-2\600MW超临界机组</t>
  </si>
  <si>
    <t>【东方锅炉】管子\φ38.1×7 №20\SA-213T2\57N112-17-2\600MW超临界机组</t>
  </si>
  <si>
    <t>【东方锅炉】管子\φ38.1×7 №21\SA-213T2\57N112-17-2\600MW超临界机组</t>
  </si>
  <si>
    <t>【东方锅炉】管子\φ38.1×7 №22\SA-213T2\57N112-17-2\600MW超临界机组</t>
  </si>
  <si>
    <t>【东方锅炉】管子\φ38.1×7 №23\SA-213T2\57N112-17-2\600MW超临界机组</t>
  </si>
  <si>
    <t>【东方锅炉】管子\φ38.1×7 №1\SA-213T2\57N112-18-2\600MW超临界机组</t>
  </si>
  <si>
    <t>【东方锅炉】管子\φ38.1×7 №2\SA-213T2\57N112-18-2\600MW超临界机组</t>
  </si>
  <si>
    <t>【东方锅炉】管子\φ38.1×7 №3\SA-213T2\57N112-18-2\600MW超临界机组</t>
  </si>
  <si>
    <t>【东方锅炉】管子\φ38.1×7 №4\SA-213T2\57N112-18-2\600MW超临界机组</t>
  </si>
  <si>
    <t>【东方锅炉】管子\φ38.1×7 №5\SA-213T2\57N112-18-2\600MW超临界机组</t>
  </si>
  <si>
    <t>【东方锅炉】管子\φ38.1×7 №6\SA-213T2\57N112-18-2\600MW超临界机组</t>
  </si>
  <si>
    <t>【东方锅炉】管子\φ38.1×7 №7\SA-213T2\57N112-18-2\600MW超临界机组</t>
  </si>
  <si>
    <t>【东方锅炉】管子\φ38.1×7 №8\SA-213T2\57N112-18-2\600MW超临界机组</t>
  </si>
  <si>
    <t>【东方锅炉】管子\φ38.1×7 №9\SA-213T2\57N112-18-2\600MW超临界机组</t>
  </si>
  <si>
    <t>【东方锅炉】管子\φ38.1×7 №10\SA-213T2\57N112-18-2\600MW超临界机组</t>
  </si>
  <si>
    <t>【东方锅炉】管子\φ38.1×7 №11\SA-213T2\57N112-18-2\600MW超临界机组</t>
  </si>
  <si>
    <t>【东方锅炉】管子\φ38.1×7 №12\SA-213T2\57N112-18-2\600MW超临界机组</t>
  </si>
  <si>
    <t>【东方锅炉】管子\φ38.1×7 №13\SA-213T2\57N112-18-2\600MW超临界机组</t>
  </si>
  <si>
    <t>【东方锅炉】管子\φ38.1×7 №14\SA-213T2\57N112-18-2\600MW超临界机组</t>
  </si>
  <si>
    <t>【东方锅炉】管子\φ38.1×7 №15\SA-213T2\57N112-18-2\600MW超临界机组</t>
  </si>
  <si>
    <t>【东方锅炉】管子\φ38.1×7 №16\SA-213T2\57N112-18-2\600MW超临界机组</t>
  </si>
  <si>
    <t>【东方锅炉】管子\φ38.1×7 №17\SA-213T2\57N112-18-2\600MW超临界机组</t>
  </si>
  <si>
    <t>【东方锅炉】管子\φ38.1×7 №18\SA-213T2\57N112-18-2\600MW超临界机组</t>
  </si>
  <si>
    <t>【东方锅炉】管子\φ38.1×7 №19\SA-213T2\57N112-18-2\600MW超临界机组</t>
  </si>
  <si>
    <t>【东方锅炉】管子\φ38.1×7 №20\SA-213T2\57N112-18-2\600MW超临界机组</t>
  </si>
  <si>
    <t>【东方锅炉】管子\φ38.1×7 №21\SA-213T2\57N112-18-2\600MW超临界机组</t>
  </si>
  <si>
    <t>【东方锅炉】管子\φ38.1×7 №22\SA-213T2\57N112-18-2\600MW超临界机组</t>
  </si>
  <si>
    <t>【东方锅炉】管子\φ38.1×7 №23\SA-213T2\57N112-18-2\600MW超临界机组</t>
  </si>
  <si>
    <t>【东方锅炉】管子\φ38.1×7 №24\SA-213T2\57N112-18-2\600MW超临界机组</t>
  </si>
  <si>
    <t>【东方锅炉】管子\φ38.1×7 №25\SA-213T2\57N112-18-2\600MW超临界机组</t>
  </si>
  <si>
    <t>【东方锅炉】管子\φ38.1×7 №26\SA-213T2\57N112-18-2\600MW超临界机组</t>
  </si>
  <si>
    <t>【东方锅炉】管子\φ38.1×7 №27\SA-213T2\57N112-18-2\600MW超临界机组</t>
  </si>
  <si>
    <t>【东方锅炉】管子\φ38.1×7 №28\SA-213T2\57N112-18-2\600MW超临界机组</t>
  </si>
  <si>
    <t>【东方锅炉】管子\φ38.1×7 №29\SA-213T2\57N112-18-2\600MW超临界机组</t>
  </si>
  <si>
    <t>【东方锅炉】管子\φ38.1×7 №30\SA-213T2\57N112-18-2\600MW超临界机组</t>
  </si>
  <si>
    <t>【东方锅炉】管子\φ38.1×7 №31\SA-213T2\57N112-18-2\600MW超临界机组</t>
  </si>
  <si>
    <t>【东方锅炉】管子\φ38.1×7 №32\SA-213T2\57N112-18-2\600MW超临界机组</t>
  </si>
  <si>
    <t>【东方锅炉】管子\φ38.1×7 №33\SA-213T2\57N112-18-2\600MW超临界机组</t>
  </si>
  <si>
    <t>【东方锅炉】管子\φ38.1×7 №34\SA-213T2\57N112-18-2\600MW超临界机组</t>
  </si>
  <si>
    <t>【东方锅炉】管子\φ38.1×7 №35\SA-213T2\57N112-18-2\600MW超临界机组</t>
  </si>
  <si>
    <t>【东方锅炉】管子\φ38.1×7 №36\SA-213T2\57N112-18-2\600MW超临界机组</t>
  </si>
  <si>
    <t>【东方锅炉】管子\φ38.1×7 №37\SA-213T2\57N112-18-2\600MW超临界机组</t>
  </si>
  <si>
    <t>【东方锅炉】管子\φ38.1×7 №38\SA-213T2\57N112-18-2\600MW超临界机组</t>
  </si>
  <si>
    <t>【东方锅炉】管子\φ38.1×7 №39\SA-213T2\57N112-18-2\600MW超临界机组</t>
  </si>
  <si>
    <t>【东方锅炉】管子\φ38.1×7 №40\SA-213T2\57N112-18-2\600MW超临界机组</t>
  </si>
  <si>
    <t>【东方锅炉】管子\φ38.1×7 №41\SA-213T2\57N112-18-2\600MW超临界机组</t>
  </si>
  <si>
    <t>【东方锅炉】管子\φ38.1×7 №42\SA-213T2\57N112-18-2\600MW超临界机组</t>
  </si>
  <si>
    <t>【东方锅炉】管子\φ38.1×7 №43\SA-213T2\57N112-18-2\600MW超临界机组</t>
  </si>
  <si>
    <t>【东方锅炉】管子\φ38.1×7 №44\SA-213T2\57N112-18-2\600MW超临界机组</t>
  </si>
  <si>
    <t>【东方锅炉】管子\φ38.1×7 №45\SA-213T2\57N112-18-2\600MW超临界机组</t>
  </si>
  <si>
    <t>【东方锅炉】管子\φ38.1×7 №46\SA-213T2\57N112-18-2\600MW超临界机组</t>
  </si>
  <si>
    <t>【东方锅炉】管子\φ38.1×7 №47\SA-213T2\57N112-18-2\600MW超临界机组</t>
  </si>
  <si>
    <t>【东方锅炉】管子\φ38.1×7 L=2597.7\SA-213T2\57N112-18-3\600MW超临界机组</t>
  </si>
  <si>
    <t>【东方锅炉】管子\φ38.1×7 L=2526.6\SA-213T2\57N112-18-3\600MW超临界机组</t>
  </si>
  <si>
    <t>【东方锅炉】管子\φ38.1×7 L=2455.5\SA-213T2\57N112-18-3\600MW超临界机组</t>
  </si>
  <si>
    <t>【东方锅炉】管子\φ38.1×7 L=2384.3\SA-213T2\57N112-18-3\600MW超临界机组</t>
  </si>
  <si>
    <t>【东方锅炉】管子\φ38.1×7 L=2313.2\SA-213T2\57N112-18-4\600MW超临界机组</t>
  </si>
  <si>
    <t>【东方锅炉】管子\φ38.1×7 L=2242\SA-213T2\57N112-18-4\600MW超临界机组</t>
  </si>
  <si>
    <t>【东方锅炉】管子\φ38.1×7 L=2170.9\SA-213T2\57N112-18-4\600MW超临界机组</t>
  </si>
  <si>
    <t>【东方锅炉】管子\φ38.1×7 L=2099.8\SA-213T2\57N112-18-4\600MW超临界机组</t>
  </si>
  <si>
    <t>【东方锅炉】管子\φ38.1×7 L=2028.6\SA-213T2\57N112-18-4\600MW超临界机组</t>
  </si>
  <si>
    <t>【东方锅炉】管子\φ38.1×7 L=1957.5\SA-213T2\57N112-18-4\600MW超临界机组</t>
  </si>
  <si>
    <t>【东方锅炉】管子\φ38.1×7 L=1886.4\SA-213T2\57N112-18-4\600MW超临界机组</t>
  </si>
  <si>
    <t>【东方锅炉】管子\φ38.1×7 L=1815.2\SA-213T2\57N112-18-4\600MW超临界机组</t>
  </si>
  <si>
    <t>【东方锅炉】管子\φ38.1×7 №1\SA-213T2\57N112-19-2\600MW超临界机组</t>
  </si>
  <si>
    <t>【东方锅炉】管子\φ38.1×7 №2\SA-213T2\57N112-19-2\600MW超临界机组</t>
  </si>
  <si>
    <t>【东方锅炉】管子\φ38.1×7 №3\SA-213T2\57N112-19-2\600MW超临界机组</t>
  </si>
  <si>
    <t>【东方锅炉】管子\φ38.1×7 №4\SA-213T2\57N112-19-2\600MW超临界机组</t>
  </si>
  <si>
    <t>【东方锅炉】管子\φ38.1×7 №5\SA-213T2\57N112-19-2\600MW超临界机组</t>
  </si>
  <si>
    <t>【东方锅炉】管子\φ38.1×7 №6\SA-213T2\57N112-19-2\600MW超临界机组</t>
  </si>
  <si>
    <t>【东方锅炉】管子\φ38.1×7 №7\SA-213T2\57N112-19-2\600MW超临界机组</t>
  </si>
  <si>
    <t>【东方锅炉】管子\φ38.1×7 №8\SA-213T2\57N112-19-2\600MW超临界机组</t>
  </si>
  <si>
    <t>【东方锅炉】管子\φ38.1×7 L=1072.3\SA-213T2\57N112-19-3\600MW超临界机组</t>
  </si>
  <si>
    <t>【东方锅炉】管子\φ38.1×7 L=1054.3\SA-213T2\57N112-19-3\600MW超临界机组</t>
  </si>
  <si>
    <t>【东方锅炉】管子\φ38.1×7 L=1036.4\SA-213T2\57N112-19-3\600MW超临界机组</t>
  </si>
  <si>
    <t>【东方锅炉】管子\φ38.1×7 L=1018.4\SA-213T2\57N112-19-3\600MW超临界机组</t>
  </si>
  <si>
    <t>【东方锅炉】管子\φ38.1×7 L=1000.5\SA-213T2\57N112-19-3\600MW超临界机组</t>
  </si>
  <si>
    <t>【东方锅炉】管子\φ38.1×7 L=982.5\SA-213T2\57N112-19-3\600MW超临界机组</t>
  </si>
  <si>
    <t>【东方锅炉】管子\φ38.1×7 L=964.5\SA-213T2\57N112-19-3\600MW超临界机组</t>
  </si>
  <si>
    <t>【东方锅炉】管子\φ38.1×7 L=946.6\SA-213T2\57N112-19-3\600MW超临界机组</t>
  </si>
  <si>
    <t>【东方锅炉】管子\φ38.1×7 L=1263.3\SA-213T2\57N112-19-4\600MW超临界机组</t>
  </si>
  <si>
    <t>【东方锅炉】管子\φ38.1×7 L=1246\SA-213T2\57N112-19-4\600MW超临界机组</t>
  </si>
  <si>
    <t>【东方锅炉】管子\φ38.1×7 L=1228.8\SA-213T2\57N112-19-4\600MW超临界机组</t>
  </si>
  <si>
    <t>【东方锅炉】管子\φ38.1×7 L=1211.5\SA-213T2\57N112-19-4\600MW超临界机组</t>
  </si>
  <si>
    <t>【东方锅炉】管子\φ38.1×7 L=1194.3\SA-213T2\57N112-19-4\600MW超临界机组</t>
  </si>
  <si>
    <t>【东方锅炉】管子\φ38.1×7 L=1177.1\SA-213T2\57N112-19-4\600MW超临界机组</t>
  </si>
  <si>
    <t>【东方锅炉】管子\φ38.1×7 L=1159.8\SA-213T2\57N112-19-4\600MW超临界机组</t>
  </si>
  <si>
    <t>【东方锅炉】管子\φ38.1×7 №1\SA-213T2\57N112-19-6\600MW超临界机组</t>
  </si>
  <si>
    <t>【东方锅炉】管子\φ38.1×7 №2\SA-213T2\57N112-19-6\600MW超临界机组</t>
  </si>
  <si>
    <t>【东方锅炉】管子\φ38.1×7 №3\SA-213T2\57N112-19-6\600MW超临界机组</t>
  </si>
  <si>
    <t>【东方锅炉】管子\φ38.1×7 №4\SA-213T2\57N112-19-6\600MW超临界机组</t>
  </si>
  <si>
    <t>【东方锅炉】管子\φ38.1×7 №5\SA-213T2\57N112-19-6\600MW超临界机组</t>
  </si>
  <si>
    <t>【东方锅炉】管子\φ38.1×7 №6\SA-213T2\57N112-19-6\600MW超临界机组</t>
  </si>
  <si>
    <t>【东方锅炉】管子\φ38.1×7 №7\SA-213T2\57N112-19-6\600MW超临界机组</t>
  </si>
  <si>
    <t>【东方锅炉】管子\φ38.1×7 L=2048.8\SA-213T2\57N112-20-1\600MW超临界机组</t>
  </si>
  <si>
    <t>【东方锅炉】管子\φ38.1×7 L=3993.3\SA-213T2\57N112-20-1\600MW超临界机组</t>
  </si>
  <si>
    <t>【东方锅炉】管子\φ38.1×7 L=3975.3\SA-213T2\57N112-20-1\600MW超临界机组</t>
  </si>
  <si>
    <t>【东方锅炉】管子\φ38.1×7 L=3957.4\SA-213T2\57N112-20-1\600MW超临界机组</t>
  </si>
  <si>
    <t>【东方锅炉】管子\φ38.1×7 L=3939.4\SA-213T2\57N112-20-1\600MW超临界机组</t>
  </si>
  <si>
    <t>【东方锅炉】管子\φ38.1×7 L=3921.4\SA-213T2\57N112-20-1\600MW超临界机组</t>
  </si>
  <si>
    <t>【东方锅炉】管子\φ38.1×7 L=3903.5\SA-213T2\57N112-20-1\600MW超临界机组</t>
  </si>
  <si>
    <t>【东方锅炉】管子\φ38.1×7 L=3885.5\SA-213T2\57N112-20-1\600MW超临界机组</t>
  </si>
  <si>
    <t>【东方锅炉】管子\φ38.1×7 L=3867.6\SA-213T2\57N112-20-1\600MW超临界机组</t>
  </si>
  <si>
    <t>【东方锅炉】管子\φ38.1×7 L=3849.6\SA-213T2\57N112-20-1\600MW超临界机组</t>
  </si>
  <si>
    <t>【东方锅炉】管子\φ38.1×7 №1\SA-213T2\57N112-20-3\600MW超临界机组</t>
  </si>
  <si>
    <t>【东方锅炉】管子\φ38.1×7 №2\SA-213T2\57N112-20-3\600MW超临界机组</t>
  </si>
  <si>
    <t>【东方锅炉】钢板\δ6.4\15CrMo\57N112-20-4\600MW超临界机组</t>
  </si>
  <si>
    <t>【东方锅炉】管子\φ38.1×7 L=2840.6\SA-213T2\57N112-20-5\600MW超临界机组</t>
  </si>
  <si>
    <t>【东方锅炉】管子\φ38.1×7 L=2826.1\SA-213T2\57N112-20-5\600MW超临界机组</t>
  </si>
  <si>
    <t>【东方锅炉】管子\φ38.1×7 L=2811.6\SA-213T2\57N112-20-5\600MW超临界机组</t>
  </si>
  <si>
    <t>【东方锅炉】管子\φ38.1×7 L=2797\SA-213T2\57N112-20-5\600MW超临界机组</t>
  </si>
  <si>
    <t>【东方锅炉】管子\φ38.1×7 L=2782.5\SA-213T2\57N112-20-5\600MW超临界机组</t>
  </si>
  <si>
    <t>【东方锅炉】管子\φ38.1×7 L=2768\SA-213T2\57N112-20-5\600MW超临界机组</t>
  </si>
  <si>
    <t>【东方锅炉】管子\φ38.1×7 L=2753.5\SA-213T2\57N112-20-6\600MW超临界机组</t>
  </si>
  <si>
    <t>【东方锅炉】管子\φ38.1×7 L=2738.9\SA-213T2\57N112-20-6\600MW超临界机组</t>
  </si>
  <si>
    <t>【东方锅炉】管子\φ38.1×7 L=2724.4\SA-213T2\57N112-20-6\600MW超临界机组</t>
  </si>
  <si>
    <t>【东方锅炉】管子\φ38.1×7 L=2709.9\SA-213T2\57N112-20-6\600MW超临界机组</t>
  </si>
  <si>
    <t>【东方锅炉】管子\φ38.1×7 L=2695.4\SA-213T2\57N112-20-6\600MW超临界机组</t>
  </si>
  <si>
    <t>【东方锅炉】管子\φ38.1×7 L=2680.8\SA-213T2\57N112-20-6\600MW超临界机组</t>
  </si>
  <si>
    <t>【东方锅炉】管子\φ38.1×7 №1\SA-213T2\57N112-20-8\600MW超临界机组</t>
  </si>
  <si>
    <t>【东方锅炉】管子\φ38.1×7 №2\SA-213T2\57N112-20-8\600MW超临界机组</t>
  </si>
  <si>
    <t>【东方锅炉】管子\φ38.1×7 №3\SA-213T2\57N112-20-8\600MW超临界机组</t>
  </si>
  <si>
    <t>【东方锅炉】管子\φ38.1×7 №4\SA-213T2\57N112-20-8\600MW超临界机组</t>
  </si>
  <si>
    <t>【东方锅炉】管子\φ38.1×7 №5\SA-213T2\57N112-20-8\600MW超临界机组</t>
  </si>
  <si>
    <t>【东方锅炉】管子\φ38.1×7 №6\SA-213T2\57N112-20-8\600MW超临界机组</t>
  </si>
  <si>
    <t>【东方锅炉】管子\φ38.1×7 №7\SA-213T2\57N112-20-8\600MW超临界机组</t>
  </si>
  <si>
    <t>【东方锅炉】管子\φ38.1×7 №8\SA-213T2\57N112-20-8\600MW超临界机组</t>
  </si>
  <si>
    <t>【东方锅炉】管子\φ38.1×7 №9\SA-213T2\57N112-20-8\600MW超临界机组</t>
  </si>
  <si>
    <t>【东方锅炉】管子\φ38.1×7 №10\SA-213T2\57N112-20-8\600MW超临界机组</t>
  </si>
  <si>
    <t>【东方锅炉】管子\φ38.1×7 №11\SA-213T2\57N112-20-8\600MW超临界机组</t>
  </si>
  <si>
    <t>【东方锅炉】管子\φ38.1×7 №12\SA-213T2\57N112-20-8\600MW超临界机组</t>
  </si>
  <si>
    <t>【东方锅炉】钢板\δ6.4\15CrMo\57N112-20-10\600MW超临界机组</t>
  </si>
  <si>
    <t>【东方锅炉】钢板\δ20\15CrMo\57N112-16-7\600MW超临界机组</t>
  </si>
  <si>
    <t>【东方锅炉】钢板\δ20\15CrMo\57N112-16-8\600MW超临界机组</t>
  </si>
  <si>
    <t>【东方锅炉】管子\φ38.1×7\SA-213T2\57N112-21-2\600MW超临界机组</t>
  </si>
  <si>
    <t>【东方锅炉】管子\φ38.1×7 №1\SA-213T2\57N112-21-4\600MW超临界机组</t>
  </si>
  <si>
    <t>【东方锅炉】管子\φ38.1×7 №2\SA-213T2\57N112-21-4\600MW超临界机组</t>
  </si>
  <si>
    <t>【东方锅炉】管子\φ38.1×7 №3\SA-213T2\57N112-21-4\600MW超临界机组</t>
  </si>
  <si>
    <t>【东方锅炉】管子\φ38.1×7 №4\SA-213T2\57N112-21-4\600MW超临界机组</t>
  </si>
  <si>
    <t>【东方锅炉】管子\φ38.1×7 №5\SA-213T2\57N112-21-4\600MW超临界机组</t>
  </si>
  <si>
    <t>【东方锅炉】管子\φ38.1×7 №6\SA-213T2\57N112-21-4\600MW超临界机组</t>
  </si>
  <si>
    <t>【东方锅炉】管子\φ38.1×7 №7\SA-213T2\57N112-21-4\600MW超临界机组</t>
  </si>
  <si>
    <t>【东方锅炉】管子\φ38.1×7 №8\SA-213T2\57N112-21-4\600MW超临界机组</t>
  </si>
  <si>
    <t>【东方锅炉】管子\φ38.1×7 L=2494.1\SA-213T2\57N112-21-5\600MW超临界机组</t>
  </si>
  <si>
    <t>【东方锅炉】管子\φ38.1×7 L=2422.9\SA-213T2\57N112-21-5\600MW超临界机组</t>
  </si>
  <si>
    <t>【东方锅炉】管子\φ38.1×7 L=2351.8\SA-213T2\57N112-21-5\600MW超临界机组</t>
  </si>
  <si>
    <t>【东方锅炉】管子\φ38.1×7 L=2280.6\SA-213T2\57N112-21-5\600MW超临界机组</t>
  </si>
  <si>
    <t>【东方锅炉】管子\φ38.1×7 L=2209.5\SA-213T2\57N112-21-5\600MW超临界机组</t>
  </si>
  <si>
    <t>【东方锅炉】管子\φ38.1×7 L=2138.4\SA-213T2\57N112-21-5\600MW超临界机组</t>
  </si>
  <si>
    <t>【东方锅炉】管子\φ38.1×7 L=2067.2\SA-213T2\57N112-21-5\600MW超临界机组</t>
  </si>
  <si>
    <t>【东方锅炉】管子\φ38.1×7 L=1996.1\SA-213T2\57N112-21-5\600MW超临界机组</t>
  </si>
  <si>
    <t>【东方锅炉】管子\φ38.1×7 L=1391.5\SA-213T2\57N112-21-6\600MW超临界机组</t>
  </si>
  <si>
    <t>【东方锅炉】管子\φ38.1×7 L=1247.5\SA-213T2\57N112-21-6\600MW超临界机组</t>
  </si>
  <si>
    <t>【东方锅炉】管子\φ38.1×7 L=1103.5\SA-213T2\57N112-21-6\600MW超临界机组</t>
  </si>
  <si>
    <t>【东方锅炉】管子\φ38.1×7 L=2112.9\SA-213T2\57N112-21-6\600MW超临界机组</t>
  </si>
  <si>
    <t>【东方锅炉】管子\φ38.1×7 L=1960\SA-213T2\57N112-21-6\600MW超临界机组</t>
  </si>
  <si>
    <t>【东方锅炉】管子\φ38.1×7 L=1820\SA-213T2\57N112-21-6\600MW超临界机组</t>
  </si>
  <si>
    <t>【东方锅炉】管子\φ38.1×7\SA-213T2\57N112-21-7\600MW超临界机组</t>
  </si>
  <si>
    <t>【东方锅炉】管子\φ38.1×7 L=1426.9\SA-213T2\57N112-21-8\600MW超临界机组</t>
  </si>
  <si>
    <t>【东方锅炉】管子\φ38.1×7 L=1498\SA-213T2\57N112-21-8\600MW超临界机组</t>
  </si>
  <si>
    <t>【东方锅炉】管子\φ38.1×7 L=1569.2\SA-213T2\57N112-21-8\600MW超临界机组</t>
  </si>
  <si>
    <t>【东方锅炉】管子\φ38.1×7 L=1640.3\SA-213T2\57N112-21-8\600MW超临界机组</t>
  </si>
  <si>
    <t>【东方锅炉】管子\φ38.1×7 L=1711.5\SA-213T2\57N112-21-8\600MW超临界机组</t>
  </si>
  <si>
    <t>【东方锅炉】管子\φ38.1×7 L=1782.6\SA-213T2\57N112-21-8\600MW超临界机组</t>
  </si>
  <si>
    <t>【东方锅炉】管子\φ38.1×7 L=1853.7\SA-213T2\57N112-21-8\600MW超临界机组</t>
  </si>
  <si>
    <t>【东方锅炉】管子\φ38.1×7 L=1924.9\SA-213T2\57N112-21-8\600MW超临界机组</t>
  </si>
  <si>
    <t>【东方锅炉】管子\φ38.1×7\SA-213T2\57N112-21-10\600MW超临界机组</t>
  </si>
  <si>
    <t>【东方锅炉】管子\φ38.1×7\SA-213T2\57N112-21-11\600MW超临界机组</t>
  </si>
  <si>
    <t>【东方锅炉】管子\φ38.1×7\SA-213T2\57N112-21-12\600MW超临界机组</t>
  </si>
  <si>
    <t>【东方锅炉】管子\φ38.1×7\SA-213T2\57N112-21-13\600MW超临界机组</t>
  </si>
  <si>
    <t>【东方锅炉】管子\φ38.1×7\SA-213T2\57N112-21-14\600MW超临界机组</t>
  </si>
  <si>
    <t>【东方锅炉】扁钢\δ9\15CrMo\57N112-21-15\600MW超临界机组</t>
  </si>
  <si>
    <t>【东方锅炉】扁钢\δ9\15CrMo\57N112-21-16\600MW超临界机组</t>
  </si>
  <si>
    <t>【东方锅炉】扁钢\δ9\15CrMo\57N112-21-17\600MW超临界机组</t>
  </si>
  <si>
    <t>【东方锅炉】扁钢\δ9\15CrMo\57N112-21-18\600MW超临界机组</t>
  </si>
  <si>
    <t>【东方锅炉】扁钢\δ9\15CrMo\57N112-21-19\600MW超临界机组</t>
  </si>
  <si>
    <t>【东方锅炉】管子\φ38.1×7 №1\SA-213T2\57N112-21-21\600MW超临界机组</t>
  </si>
  <si>
    <t>【东方锅炉】管子\φ38.1×7 №2\SA-213T2\57N112-21-21\600MW超临界机组</t>
  </si>
  <si>
    <t>【东方锅炉】管子\φ38.1×7 №3\SA-213T2\57N112-21-21\600MW超临界机组</t>
  </si>
  <si>
    <t>【东方锅炉】管子\φ38.1×7 №4\SA-213T2\57N112-21-21\600MW超临界机组</t>
  </si>
  <si>
    <t>【东方锅炉】管子\φ38.1×7\SA-213T2\57N112-21-22\600MW超临界机组</t>
  </si>
  <si>
    <t>【东方锅炉】管子\φ38.1×7\SA-213T2\57N112-21-23\600MW超临界机组</t>
  </si>
  <si>
    <t>【东方锅炉】管子\φ38.1×7\SA-213T2\57N112-21-24\600MW超临界机组</t>
  </si>
  <si>
    <t>【东方锅炉】管子\φ38.1×7 L=1699.2\SA-213T2\TGN/ASME11555-0\600MW超临界机组</t>
  </si>
  <si>
    <t>【东方锅炉】管子\φ38.1×7 L=1692.7\SA-213T2\TGN/ASME11555-0\600MW超临界机组</t>
  </si>
  <si>
    <t>【东方锅炉】管子\φ38.1×7 L=1686.3\SA-213T2\TGN/ASME11555-0\600MW超临界机组</t>
  </si>
  <si>
    <t>【东方锅炉】管子\φ38.1×7 L=1679.8\SA-213T2\TGN/ASME11555-0\600MW超临界机组</t>
  </si>
  <si>
    <t>【东方锅炉】管子\φ38.1×7 L=1673.3\SA-213T2\TGN/ASME11555-0\600MW超临界机组</t>
  </si>
  <si>
    <t>【东方锅炉】管子\φ38.1×7 L=1506.4\SA-213T2\TGN/ASME11555-0\600MW超临界机组</t>
  </si>
  <si>
    <t>【东方锅炉】管子\φ38.1×7 L=1503.8\SA-213T2\TGN/ASME11555-0\600MW超临界机组</t>
  </si>
  <si>
    <t>【东方锅炉】管子\φ38.1×7 L=1502.9\SA-213T2\TGN/ASME11555-0\600MW超临界机组</t>
  </si>
  <si>
    <t>【东方锅炉】弯管\φ60×4\12Cr1MoVG\51M221-1-10/№2\300MW亚临界机组</t>
  </si>
  <si>
    <t>【东方锅炉】管子\φ50.8×8\SA-213TP347H\57N211-1-1\600MW超临界机组</t>
  </si>
  <si>
    <t>【东方锅炉】弯管\φ60×4\12Cr1MoVG\51M221-1-11/№2\300MW亚临界机组</t>
  </si>
  <si>
    <t>【东方锅炉】弯管\φ60×4\12Cr1MoVG\51M221-1-13/№2\300MW亚临界机组</t>
  </si>
  <si>
    <t>【东方锅炉】弯管\φ60×4\12Cr1MoVG\51M221-1-16/№2\300MW亚临界机组</t>
  </si>
  <si>
    <t>【东方锅炉】弯管\φ60×4\12Cr1MoVG\51M221-1-20/№2\300MW亚临界机组</t>
  </si>
  <si>
    <t>【东方锅炉】弯管\φ60×4\12Cr1MoVG\51M221-1-21/№2\300MW亚临界机组</t>
  </si>
  <si>
    <t>【东方锅炉】弯管\φ60×4\12Cr1MoVG\51M221-1-31/№2\300MW亚临界机组</t>
  </si>
  <si>
    <t>【东方锅炉】弯管\φ60×4\12Cr1MoVG\51M221-1-33/№2\300MW亚临界机组</t>
  </si>
  <si>
    <t>【东方锅炉】弯管\φ60×4\12Cr1MoVG\51M221-1-35/№2\300MW亚临界机组</t>
  </si>
  <si>
    <t>【东方锅炉】弯管\φ60×4\12Cr1MoVG\51M221-11/№1\300MW亚临界机组</t>
  </si>
  <si>
    <t>【东方锅炉】弯管\φ60×4\12Cr1MoVG\51M221-11/№2\300MW亚临界机组</t>
  </si>
  <si>
    <t>【东方锅炉】弯管\φ60×4\12Cr1MoVG\51M221-12/№1\300MW亚临界机组</t>
  </si>
  <si>
    <t>【东方锅炉】弯管\φ60×4\12Cr1MoVG\51M221-12/№2\300MW亚临界机组</t>
  </si>
  <si>
    <t>【东方锅炉】弯管\φ60×4\12Cr1MoVG\51M221-13/№1\300MW亚临界机组</t>
  </si>
  <si>
    <t>【东方锅炉】弯管\φ60×4\12Cr1MoVG\51M221-13/№2\300MW亚临界机组</t>
  </si>
  <si>
    <t>【东方锅炉】弯板\δ4/R22/L=545\1Cr6Si2Mo\51K254-3/№2\200MW亚临界机组</t>
  </si>
  <si>
    <t>【东方锅炉】推力轴承\294/750EF\装配件\328YR62 No.42</t>
  </si>
  <si>
    <t>【东方锅炉】推力轴承\294/850EF\装配件\290YR62 No.25</t>
  </si>
  <si>
    <t>【东方锅炉】推力轴承\294/1000EF\装配件\308YR62 No.48</t>
  </si>
  <si>
    <t>【东方锅炉】推力轴承\294/850EF\装配件\34YR62 No.1</t>
  </si>
  <si>
    <t>【东方锅炉】行程开关\No1\装配件\KG-40\600MW超临界机组</t>
  </si>
  <si>
    <t>【东方锅炉】筒体\φ558.8×30;L=4500\A672B70CL32\TGA00429-0\300MW亚临界机组</t>
  </si>
  <si>
    <t>【东方锅炉】筒身\φ558.8×70\12Cr1MoVG\TGA00569-0\660MW超临界机组</t>
  </si>
  <si>
    <t>【东方锅炉】筒身\φ508×74\SA-335P91\TGA00570-0\660MW超临界机组</t>
  </si>
  <si>
    <t>【东方锅炉】筒身\φ762×34\SA-335P11\TGA00571-0\660MW超临界机组</t>
  </si>
  <si>
    <t>【东方锅炉】筒身\φ660.4×103\12Cr1MoVG\TGA00007-0-1\1000MW超超临界机组</t>
  </si>
  <si>
    <t>【东方锅炉】贴壁风开孔\φ280\装配件\22S1131-2-18\1050MW超超临界机组</t>
  </si>
  <si>
    <t>【东方锅炉】套管\φ63.5×5.08 L＝25\SA-213TP310S\66M212-1-0\300MW亚临界机组</t>
  </si>
  <si>
    <t>【东方锅炉】套管\№.1\1Cr20Ni14Si2\66M2172-12-2\300MW亚临界机组</t>
  </si>
  <si>
    <t>【东方锅炉】套管\№.2\1Cr20Ni14Si2\66M2172-12-2\300MW亚临界机组</t>
  </si>
  <si>
    <t>【东方锅炉】套管\M20×60\16Cr20Ni14Si2\106N6151-1-4\660MW超临界机组</t>
  </si>
  <si>
    <t>【东方锅炉】套管\φ645\16Cr20Ni14Si2\106N6151-2-17\660MW超临界机组</t>
  </si>
  <si>
    <t>【东方锅炉】套管\L=507\16Cr20Ni14Si2\106N6152-1-1\660MW超临界机组</t>
  </si>
  <si>
    <t>【东方锅炉】套管\φ355×8/φ60×6/\装配件\51K23-2-1/№4\200MW亚临界机组</t>
  </si>
  <si>
    <t>【东方锅炉】承重块\\ZG1Cr20Ni14Si2\57N211-1-32\600MW超临界机组</t>
  </si>
  <si>
    <t>【东方锅炉】承重块\\ZG1Cr20Ni14Si2\57N211-1-33\600MW超临界机组</t>
  </si>
  <si>
    <t>【东方锅炉】管子\φ45×9\SA-213T91\57N215-1-1\600MW超临界机组</t>
  </si>
  <si>
    <t>【东方锅炉】套管\φ494.4×8/φ60×6\装配件\51K23-2-1/№7\200MW亚临界机组</t>
  </si>
  <si>
    <t>【东方锅炉】管子\φ45×9\SA-213T91\57N215-1-2\600MW超临界机组</t>
  </si>
  <si>
    <t>【东方锅炉】水位调节阀备件\φ50.8×4\装配件\TJF-40\600MW超临界机组</t>
  </si>
  <si>
    <t>【东方锅炉】管子\φ45×9\SA-213T91\57N215-1-3\600MW超临界机组</t>
  </si>
  <si>
    <t>【东方锅炉】水冷壁销钉\φ9.4\Q235A\38M1141-1-0/№2\300MW亚临界机组</t>
  </si>
  <si>
    <t>【东方锅炉】双头螺栓\M16-6g×100\35#\DG3005-1997\300MW亚临界机组</t>
  </si>
  <si>
    <t>【东方锅炉】双头螺栓\M16-6g×90\35#\DG3005-1997\300MW亚临界机组</t>
  </si>
  <si>
    <t>【东方锅炉】双头螺栓\M22-6g×130\35#\DG3005-1997\300MW亚临界机组</t>
  </si>
  <si>
    <t>【东方锅炉】双头螺栓\M20-6g×110\35#\DG3005-1997\300MW亚临界机组</t>
  </si>
  <si>
    <t>【东方锅炉】梳型板\δ6\15CrMo\66M2145-3-3\300MW亚临界机组</t>
  </si>
  <si>
    <t>【东方锅炉】摄像孔组件\L1/L2=874.6/200\装配件\TGN11504MX\600MW超临界机组</t>
  </si>
  <si>
    <t>【东方锅炉】摄像孔组件\φ38.1×7.5\装配件\TGN11553\1000MW超超临界机组</t>
  </si>
  <si>
    <t>【东方锅炉】蛇型管\φ63.5×6.3\SA-213T91\66M223-3-4\300MW亚临界机组</t>
  </si>
  <si>
    <t>【东方锅炉】管子\φ45×9 L=296\SA-213T91\57N215-1-10\600MW超临界机组</t>
  </si>
  <si>
    <t>【东方锅炉】上轴套\\38CrMoAlA\TYP00064</t>
  </si>
  <si>
    <t>【东方锅炉】上轴套\\38CrMoAlA\31YR61-15/№1</t>
  </si>
  <si>
    <t>【东方锅炉】管子\φ45×9 L=296\SA-213T91\57N215-1-11\600MW超临界机组</t>
  </si>
  <si>
    <t>【东方锅炉】上轴套\\38CrMoAlA\31YR61-15/№2</t>
  </si>
  <si>
    <t>【东方锅炉】上轴套\\38CrMoAlA\197YR61-11</t>
  </si>
  <si>
    <t>【东方锅炉】管子\φ45×9 L=296\SA-213T91\57N215-1-12\600MW超临界机组</t>
  </si>
  <si>
    <t>【东方锅炉】上轴套\\38CrMoAlA\31YR61-15/№3</t>
  </si>
  <si>
    <t>【东方锅炉】上轴套\\38CrMoAlA\31YR61-15/№4</t>
  </si>
  <si>
    <t>【东方锅炉】管子\φ45×9 L=296\SA-213T91\57N215-1-13\600MW超临界机组</t>
  </si>
  <si>
    <t>【东方锅炉】上轴套\\38CrMoAlA\28YR61-15/№1</t>
  </si>
  <si>
    <t>【东方锅炉】上轴套\\38CrMoAlA\28YR61-15/№2</t>
  </si>
  <si>
    <t>【东方锅炉】管子\φ45×9 L=296\SA-213T91\57N215-1-14\600MW超临界机组</t>
  </si>
  <si>
    <t>【东方锅炉】上轴套\\38CrMoAlA\34YR61-15/№1</t>
  </si>
  <si>
    <t>【东方锅炉】管子\φ45×9 L=296\SA-213T91\57N215-1-15\600MW超临界机组</t>
  </si>
  <si>
    <t>【东方锅炉】上轴套\\38CrMoAlA\63YR61-15/№1</t>
  </si>
  <si>
    <t>【东方锅炉】上轴套\\38CrMoAlA\191YR61-15</t>
  </si>
  <si>
    <t>【东方锅炉】管子\φ45×9 L=296\SA-213T91\57N215-1-16\600MW超临界机组</t>
  </si>
  <si>
    <t>【东方锅炉】上轴套\\38CrMoAlA\158YR/№28</t>
  </si>
  <si>
    <t>【东方锅炉】上轴套\\38CrMoAlA\63YR61-15/№2</t>
  </si>
  <si>
    <t>【东方锅炉】管子\φ45×9 L=296\SA-213T91\57N215-1-17\600MW超临界机组</t>
  </si>
  <si>
    <t>【东方锅炉】上轴套\\38CrMoAlA\166YR61-1</t>
  </si>
  <si>
    <t>【东方锅炉】上轴套\\38CrMoAlA\290YR61-2</t>
  </si>
  <si>
    <t>【东方锅炉】管子\φ45×9 L=296\SA-213T91\57N215-1-18\600MW超临界机组</t>
  </si>
  <si>
    <t>【东方锅炉】上轴套\\38CrMoAlA\123YR61-4</t>
  </si>
  <si>
    <t>【东方锅炉】上轴套\\38CrMoAlA\TYP00064\#34.5预热器</t>
  </si>
  <si>
    <t>【东方锅炉】管子\φ45×9 L=296\SA-213T91\57N215-1-19\600MW超临界机组</t>
  </si>
  <si>
    <t>【东方锅炉】上轴套\\38CrMoAlA\34YR61-15/№2</t>
  </si>
  <si>
    <t>【东方锅炉】上轴\\42CrMoA\166YR02-1</t>
  </si>
  <si>
    <t>【东方锅炉】管子\φ45×9 L=296\SA-213T91\57N215-1-20\600MW超临界机组</t>
  </si>
  <si>
    <t>【东方锅炉】上轴\\42CrMoA\105YR02-1</t>
  </si>
  <si>
    <t>【东方锅炉】上轴\\42CrMoA\193YR02-1</t>
  </si>
  <si>
    <t>【东方锅炉】管子\φ45×9 L=296\SA-213T91\57N215-1-21\600MW超临界机组</t>
  </si>
  <si>
    <t>【东方锅炉】上轴\\42CrMoA\127YR02-1</t>
  </si>
  <si>
    <t>【东方锅炉】上轴\\42CrMoA\275YR02-1</t>
  </si>
  <si>
    <t>【东方锅炉】管子\φ45×9 L=296\SA-213T91\57N215-1-22\600MW超临界机组</t>
  </si>
  <si>
    <t>【东方锅炉】上轴\\42CrMoA\209YR02-1</t>
  </si>
  <si>
    <t>【东方锅炉】上轴\\42CrMoA\197YR02-1</t>
  </si>
  <si>
    <t>【东方锅炉】管子\φ45×9 L=296\SA-213T91\57N215-1-23\600MW超临界机组</t>
  </si>
  <si>
    <t>【东方锅炉】上轴\\42CrMoA\47YR02-1</t>
  </si>
  <si>
    <t>【东方锅炉】上轴\\42CrMoA\50YR02-1/№1</t>
  </si>
  <si>
    <t>【东方锅炉】管子\φ45×9 L=296\SA-213T91\57N215-1-24\600MW超临界机组</t>
  </si>
  <si>
    <t>【东方锅炉】上轴\\42CrMoA\50YR02-1/№2</t>
  </si>
  <si>
    <t>【东方锅炉】管子\φ45×9 L=296\SA-213T91\57N215-1-25\600MW超临界机组</t>
  </si>
  <si>
    <t>【东方锅炉】上轴\\42CrMoA\50YR02-1/№3</t>
  </si>
  <si>
    <t>【东方锅炉】上轴\\42CrMoA\89YR02/№1</t>
  </si>
  <si>
    <t>【东方锅炉】管子\φ45×9 L=296\SA-213T91\57N215-1-26\600MW超临界机组</t>
  </si>
  <si>
    <t>【东方锅炉】上轴\\42CrMoA\28YR02-1/№1</t>
  </si>
  <si>
    <t>【东方锅炉】上轴\\42CrMoA\101YR02/№1</t>
  </si>
  <si>
    <t>【东方锅炉】管子\φ45×9 L=296\SA-213T91\57N215-1-27\600MW超临界机组</t>
  </si>
  <si>
    <t>【东方锅炉】上轴\\42CrMoA\28YR02-1/№2</t>
  </si>
  <si>
    <t>【东方锅炉】上轴\\42CrMoA\136YR02/№1</t>
  </si>
  <si>
    <t>【东方锅炉】管子\φ45×9 L=296\SA-213T91\57N215-1-28\600MW超临界机组</t>
  </si>
  <si>
    <t>【东方锅炉】上轴\\42CrMoA\169YR02-1</t>
  </si>
  <si>
    <t>【东方锅炉】上轴\\42CrMoA\43YR02-1</t>
  </si>
  <si>
    <t>【东方锅炉】管子\φ45×9 L=296\SA-213T91\57N215-1-29\600MW超临界机组</t>
  </si>
  <si>
    <t>【东方锅炉】上轴\\42CrMoA\49YR02-1/№1</t>
  </si>
  <si>
    <t>【东方锅炉】上轴\\42CrMoA\134YR02-1</t>
  </si>
  <si>
    <t>【东方锅炉】上轴\\42CrMoA\158YR/№26</t>
  </si>
  <si>
    <t>【东方锅炉】管子\φ50.8×4\SA-213T91\57N223-1-1\600MW超临界机组</t>
  </si>
  <si>
    <t>【东方锅炉】上轴\\42CrMoA\110YR02/№1</t>
  </si>
  <si>
    <t>【东方锅炉】管子\φ50.8×4\SA-213T91\57N223-1-2\600MW超临界机组</t>
  </si>
  <si>
    <t>【东方锅炉】上轴\\42CrMoA\49YR02-1/№2</t>
  </si>
  <si>
    <t>【东方锅炉】管子\φ50.8×4\SA-213T91\57N223-1-3\600MW超临界机组</t>
  </si>
  <si>
    <t>【东方锅炉】上轴\\42CrMoA\142YR02-1</t>
  </si>
  <si>
    <t>【东方锅炉】管子\φ50.8×4\SA-213T91\57N223-1-4\600MW超临界机组</t>
  </si>
  <si>
    <t>【东方锅炉】上轴\\42CrMoA\120YR02/№1</t>
  </si>
  <si>
    <t>【东方锅炉】管子\φ50.8×4\SA-213T91\57N223-1-5\600MW超临界机组</t>
  </si>
  <si>
    <t>【东方锅炉】上轴\\42CrMoA\290YR02-1</t>
  </si>
  <si>
    <t>【东方锅炉】管子\φ50.8×4 L=11145.2\SA-213T91\57N223-1-5\600MW超临界机组</t>
  </si>
  <si>
    <t>【东方锅炉】管子\φ50.8×4\SA-213T91\57N223-1-6\600MW超临界机组</t>
  </si>
  <si>
    <t>【东方锅炉】上轴\\42CrMoA\165YR02-1</t>
  </si>
  <si>
    <t>【东方锅炉】管子\φ50.8×4 L=11145.2\SA-213T91\57N223-1-6\600MW超临界机组</t>
  </si>
  <si>
    <t>【东方锅炉】管子\φ50.8×4\SA-213T91\57N223-1-7\600MW超临界机组</t>
  </si>
  <si>
    <t>【东方锅炉】上轴\\42CrMoA\269YR02-1</t>
  </si>
  <si>
    <t>【东方锅炉】管子\φ50.8×4 L=11145.2\SA-213T91\57N223-1-7\600MW超临界机组</t>
  </si>
  <si>
    <t>【东方锅炉】管子\φ50.8×4\SA-213T91\57N223-1-8\600MW超临界机组</t>
  </si>
  <si>
    <t>【东方锅炉】上轴\\42CrMoA\122YR02/№1</t>
  </si>
  <si>
    <t>【东方锅炉】管子\φ50.8×4 L=11145.2\SA-213T91\57N223-1-8\600MW超临界机组</t>
  </si>
  <si>
    <t>【东方锅炉】管子\φ50.8×4\SA-213T91\57N223-1-9\600MW超临界机组</t>
  </si>
  <si>
    <t>【东方锅炉】上轴\\42CrMoA\59YR02-1</t>
  </si>
  <si>
    <t>【东方锅炉】管子\φ50.8×4\SA-213T91\57N223-1-10\600MW超临界机组</t>
  </si>
  <si>
    <t>【东方锅炉】扇型板\δ25\15CrMo\2S1112-11-1\1000MW超超临界机组</t>
  </si>
  <si>
    <t>【东方锅炉】管子\φ50.8×4\SA-213T91\57N223-1-11\600MW超临界机组</t>
  </si>
  <si>
    <t>【东方锅炉】主梁扇型板\\装配件\205YR31</t>
  </si>
  <si>
    <t>【东方锅炉】承重块\\ZG1Cr20Ni14Si2\57N223-1-12\600MW超临界机组</t>
  </si>
  <si>
    <t>【东方锅炉】小梁扇型板\\装配件\205YR31</t>
  </si>
  <si>
    <t>【东方锅炉】滑动块\\ZG1Cr20Ni14Si2\57N223-1-14\600MW超临界机组</t>
  </si>
  <si>
    <t>【东方锅炉】钢板\δ6\1Cr20Ni14Si2\57N223-1-15\600MW超临界机组</t>
  </si>
  <si>
    <t>【东方锅炉】管子\φ50.8×4\SA-213T91\57N223-2-1\600MW超临界机组</t>
  </si>
  <si>
    <t>【东方锅炉】扇型板\\装配件\105YR31</t>
  </si>
  <si>
    <t>【东方锅炉】管子\φ50.8×4 L=10915.2\SA-213T91\57N223-2-1\600MW超临界机组</t>
  </si>
  <si>
    <t>【东方锅炉】管子\φ50.8×4\SA-213T91\57N223-2-3\600MW超临界机组</t>
  </si>
  <si>
    <t>【东方锅炉】管子\φ50.8×4 L=11095.2\SA-213T91\57N223-2-3\600MW超临界机组</t>
  </si>
  <si>
    <t>【东方锅炉】管子\φ50.8×4\SA-213T91\57N223-2-5\600MW超临界机组</t>
  </si>
  <si>
    <t>【东方锅炉】主梁扇型板\\装配件\193YR31</t>
  </si>
  <si>
    <t>【东方锅炉】管子\φ50.8×4 L=11095.2\SA-213T91\57N223-2-5\600MW超临界机组</t>
  </si>
  <si>
    <t>【东方锅炉】管子\φ50.8×4\SA-213T91\57N223-2-7\600MW超临界机组</t>
  </si>
  <si>
    <t>【东方锅炉】小梁扇型板\\装配件\193YR31</t>
  </si>
  <si>
    <t>【东方锅炉】管子\φ50.8×4 L=11095.2\SA-213T91\57N223-2-7\600MW超临界机组</t>
  </si>
  <si>
    <t>【东方锅炉】管子\φ50.8×7\SA-210C\57N311-1-2\600MW超临界机组</t>
  </si>
  <si>
    <t>【东方锅炉】管子\φ50.8×7\SA-210C\57N311-1-3\600MW超临界机组</t>
  </si>
  <si>
    <t>【东方锅炉】管子\φ50.8×7\SA-210C\57N311-1-4\600MW超临界机组</t>
  </si>
  <si>
    <t>【东方锅炉】管子\φ50.8×7\SA-210C\57N311-1-5\600MW超临界机组</t>
  </si>
  <si>
    <t>【东方锅炉】管夹\δ6\12Cr1MoV\57N311-1-6\600MW超临界机组</t>
  </si>
  <si>
    <t>【东方锅炉】管夹\δ6\12Cr1MoV\57N311-1-7\600MW超临界机组</t>
  </si>
  <si>
    <t>【东方锅炉】管夹\δ6\12Cr1MoV\57N311-1-8\600MW超临界机组</t>
  </si>
  <si>
    <t>【东方锅炉】扇型板\\装配件\127YR31</t>
  </si>
  <si>
    <t>【东方锅炉】支撑板\δ10\12Cr1MoV\57N311-1-10\600MW超临界机组</t>
  </si>
  <si>
    <t>【东方锅炉】管子\φ50.8×7\SA-210C\57N311-1-13\600MW超临界机组</t>
  </si>
  <si>
    <t>【东方锅炉】管子\φ50.8×7\SA-210C\57N311-1-14\600MW超临界机组</t>
  </si>
  <si>
    <t>【东方锅炉】管子\φ50.8×7\SA-210C\57N311-1-15\600MW超临界机组</t>
  </si>
  <si>
    <t>【东方锅炉】管子\φ50.8×7\SA-210C\57N311-1-16\600MW超临界机组</t>
  </si>
  <si>
    <t>【东方锅炉】钢板\δ10\12Cr1MoV\57N311-1-17\600MW超临界机组</t>
  </si>
  <si>
    <t>【东方锅炉】管子\φ50.8×7\SA-210C\57N312-1-1\600MW超临界机组</t>
  </si>
  <si>
    <t>【东方锅炉】管子\φ50.8×7\SA-210C\57N312-1-2\600MW超临界机组</t>
  </si>
  <si>
    <t>【东方锅炉】管子\φ50.8×7\SA-210C\57N312-1-3\600MW超临界机组</t>
  </si>
  <si>
    <t>【东方锅炉】管子\φ50.8×7\SA-210C\57N312-1-4\600MW超临界机组</t>
  </si>
  <si>
    <t>【东方锅炉】管夹\δ6\SA-240GR304H\57N312-1-5\600MW超临界机组</t>
  </si>
  <si>
    <t>【东方锅炉】管夹\δ6\SA-240GR304H\57N312-1-6\600MW超临界机组</t>
  </si>
  <si>
    <t>【东方锅炉】管夹\δ6\SA-240GR304H\57N312-1-7\600MW超临界机组</t>
  </si>
  <si>
    <t>【东方锅炉】支撑块\№.3\ZG12Cr1MoV\TG21031-2005\600MW超临界机组</t>
  </si>
  <si>
    <t>【东方锅炉】支撑块\№.4\ZG12Cr1MoV\TG21031-2005\600MW超临界机组</t>
  </si>
  <si>
    <t>【东方锅炉】扇型板\\装配件\276YR311-2-0</t>
  </si>
  <si>
    <t>【东方锅炉】扇型板\\装配件\276YR312-2-0</t>
  </si>
  <si>
    <t>【东方锅炉】管子\φ50.8×7\SA-210C\57N312-2-1\600MW超临界机组</t>
  </si>
  <si>
    <t>【东方锅炉】管子\φ50.8×7\SA-210C\57N312-2-2\600MW超临界机组</t>
  </si>
  <si>
    <t>【东方锅炉】管子\φ50.8×7\SA-210C\57N312-2-3\600MW超临界机组</t>
  </si>
  <si>
    <t>【东方锅炉】管子\φ50.8×7\SA-210C\57N312-2-4\600MW超临界机组</t>
  </si>
  <si>
    <t>【东方锅炉】钢板\δ10\SA-240GR304H\57N312-6-1\600MW超临界机组</t>
  </si>
  <si>
    <t>【东方锅炉】管夹\δ6\SA-240GR304H\57N312-6-2\600MW超临界机组</t>
  </si>
  <si>
    <t>【东方锅炉】管子\φ50.8×7\SA-210C\57N312-9-1\600MW超临界机组</t>
  </si>
  <si>
    <t>【东方锅炉】管子\φ50.8×7\SA-210C\57N312-9-2\600MW超临界机组</t>
  </si>
  <si>
    <t>【东方锅炉】U型板\\SA-240GR304H\57N312-11-1\600MW超临界机组</t>
  </si>
  <si>
    <t>【东方锅炉】U型板\\SA-240GR304H\57N312-12-1\600MW超临界机组</t>
  </si>
  <si>
    <t>【东方锅炉】U型板\δ10\SA-240GR304H\57N312-14\600MW超临界机组</t>
  </si>
  <si>
    <t>【东方锅炉】扇型板\\装配件\276YR321-2-0</t>
  </si>
  <si>
    <t>【东方锅炉】扇型板\\装配件\276YR322-2-0</t>
  </si>
  <si>
    <t>【东方锅炉】管子\φ63.5×7.5 №1\SA-210C\82M111-8-1\300MW亚临界机组</t>
  </si>
  <si>
    <t>【东方锅炉】管子\φ63.5×7.5 №2\SA-210C\82M111-8-1\300MW亚临界机组</t>
  </si>
  <si>
    <t>【东方锅炉】管子\φ63.5×7.5 №3\SA-210C\82M111-8-1\300MW亚临界机组</t>
  </si>
  <si>
    <t>【东方锅炉】管子\φ63.5×7.5 №4\SA-210C\82M111-8-1\300MW亚临界机组</t>
  </si>
  <si>
    <t>【东方锅炉】管子\φ63.5×7.5 №5\SA-210C\82M111-8-1\300MW亚临界机组</t>
  </si>
  <si>
    <t>【东方锅炉】管子\φ63.5×7.5 №6\SA-210C\82M111-8-1\300MW亚临界机组</t>
  </si>
  <si>
    <t>【东方锅炉】管子\φ63.5×7.5 №7\SA-210C\82M111-8-1\300MW亚临界机组</t>
  </si>
  <si>
    <t>【东方锅炉】管子\φ63.5×7.5 №8\SA-210C\82M111-8-1\300MW亚临界机组</t>
  </si>
  <si>
    <t>【东方锅炉】管子\φ63.5×7.5 №9\SA-210C\82M111-8-1\300MW亚临界机组</t>
  </si>
  <si>
    <t>【东方锅炉】管子\φ63.5×7.5 №10\SA-210C\82M111-8-1\300MW亚临界机组</t>
  </si>
  <si>
    <t>【东方锅炉】钢板\δ6\20g\47M111-13-2\300MW亚临界机组</t>
  </si>
  <si>
    <t>【东方锅炉】钢板\δ6\20g\47M111-13-3\300MW亚临界机组</t>
  </si>
  <si>
    <t>【东方锅炉】管子\φ63.5×7.5 №1\SA-210C\47M111-17\300MW亚临界机组</t>
  </si>
  <si>
    <t>【东方锅炉】管子\φ63.5×7.5 №2\SA-210C\47M111-17\300MW亚临界机组</t>
  </si>
  <si>
    <t>【东方锅炉】管子\φ63.5×7.5 №3\SA-210C\47M111-17\300MW亚临界机组</t>
  </si>
  <si>
    <t>【东方锅炉】管子\φ63.5×7.5 №4\SA-210C\47M111-17\300MW亚临界机组</t>
  </si>
  <si>
    <t>【东方锅炉】管子\φ63.5×7.5 №5\SA-210C\47M111-17\300MW亚临界机组</t>
  </si>
  <si>
    <t>【东方锅炉】管子\φ63.5×7.5 №6\SA-210C\47M111-17\300MW亚临界机组</t>
  </si>
  <si>
    <t>【东方锅炉】管子\φ63.5×7.5 №7\SA-210C\47M111-17\300MW亚临界机组</t>
  </si>
  <si>
    <t>【东方锅炉】管子\φ63.5×7.5 №8\SA-210C\47M111-17\300MW亚临界机组</t>
  </si>
  <si>
    <t>【东方锅炉】管子\φ63.5×7.5 №9\SA-210C\47M111-17\300MW亚临界机组</t>
  </si>
  <si>
    <t>【东方锅炉】管子\φ63.5×7.5 №10\SA-210C\47M111-17\300MW亚临界机组</t>
  </si>
  <si>
    <t>【东方锅炉】管子\φ63.5×7.5 №11\SA-210C\47M111-17\300MW亚临界机组</t>
  </si>
  <si>
    <t>【东方锅炉】管子\φ63.5×7.5 №12\SA-210C\47M111-17\300MW亚临界机组</t>
  </si>
  <si>
    <t>【东方锅炉】管子\φ63.5×7.5 №1\SA-210C\47M111-18\300MW亚临界机组</t>
  </si>
  <si>
    <t>【东方锅炉】管子\φ63.5×7.5 №2\SA-210C\47M111-18\300MW亚临界机组</t>
  </si>
  <si>
    <t>【东方锅炉】管子\φ63.5×7.5 №3\SA-210C\47M111-18\300MW亚临界机组</t>
  </si>
  <si>
    <t>【东方锅炉】管子\φ63.5×7.5 №4\SA-210C\47M111-18\300MW亚临界机组</t>
  </si>
  <si>
    <t>【东方锅炉】管子\φ63.5×7.5 №1\SA-210C\47M111-19\300MW亚临界机组</t>
  </si>
  <si>
    <t>【东方锅炉】管子\φ63.5×7.5 №2\SA-210C\47M111-19\300MW亚临界机组</t>
  </si>
  <si>
    <t>【东方锅炉】管子\φ63.5×7.5 №3\SA-210C\47M111-19\300MW亚临界机组</t>
  </si>
  <si>
    <t>【东方锅炉】管子\φ63.5×7.5 №4\SA-210C\47M111-19\300MW亚临界机组</t>
  </si>
  <si>
    <t>【东方锅炉】管子\φ63.5×7.5 №5\SA-210C\47M111-19\300MW亚临界机组</t>
  </si>
  <si>
    <t>【东方锅炉】管子\φ63.5×7.5 №6\SA-210C\47M111-19\300MW亚临界机组</t>
  </si>
  <si>
    <t>【东方锅炉】管子\φ63.5×7.5 №7\SA-210C\47M111-19\300MW亚临界机组</t>
  </si>
  <si>
    <t>【东方锅炉】管子\φ63.5×7.5 №8\SA-210C\47M111-19\300MW亚临界机组</t>
  </si>
  <si>
    <t>【东方锅炉】管子\φ63.5×7.5 №9\SA-210C\47M111-19\300MW亚临界机组</t>
  </si>
  <si>
    <t>【东方锅炉】管子\φ63.5×7.5 №10\SA-210C\47M111-19\300MW亚临界机组</t>
  </si>
  <si>
    <t>【东方锅炉】管子\φ63.5×7.5 №11\SA-210C\47M111-19\300MW亚临界机组</t>
  </si>
  <si>
    <t>【东方锅炉】管子\φ63.5×7.5 №1\SA-210C\47M111-20\300MW亚临界机组</t>
  </si>
  <si>
    <t>【东方锅炉】管子\φ63.5×7.5 №2\SA-210C\47M111-20\300MW亚临界机组</t>
  </si>
  <si>
    <t>【东方锅炉】管子\φ63.5×7.5 №3\SA-210C\47M111-20\300MW亚临界机组</t>
  </si>
  <si>
    <t>【东方锅炉】管子\φ63.5×7.5 №4\SA-210C\47M111-20\300MW亚临界机组</t>
  </si>
  <si>
    <t>【东方锅炉】管子\φ63.5×7.5 №5\SA-210C\47M111-20\300MW亚临界机组</t>
  </si>
  <si>
    <t>【东方锅炉】管子\φ63.5×7.5 №6\SA-210C\47M111-20\300MW亚临界机组</t>
  </si>
  <si>
    <t>【东方锅炉】管子\φ63.5×7.5 №7\SA-210C\47M111-20\300MW亚临界机组</t>
  </si>
  <si>
    <t>【东方锅炉】管子\φ63.5×7.5 №8\SA-210C\47M111-20\300MW亚临界机组</t>
  </si>
  <si>
    <t>【东方锅炉】管子\φ63.5×7.5 №9\SA-210C\47M111-20\300MW亚临界机组</t>
  </si>
  <si>
    <t>【东方锅炉】管子\φ63.5×7.5\SA-210C\47M111-21\300MW亚临界机组</t>
  </si>
  <si>
    <t>【东方锅炉】等径叉型管\φ63.5×7.5 S=90\20#\DG3248-1996\300MW亚临界机组</t>
  </si>
  <si>
    <t>【东方锅炉】等径叉型管\φ63.5×7.5 S=120\20#\DG3248-1996\300MW亚临界机组</t>
  </si>
  <si>
    <t>【东方锅炉】吊板\δ20\15CrMo\47M111-22\300MW亚临界机组</t>
  </si>
  <si>
    <t>【东方锅炉】吊板\δ20\15CrMo\47M111-23\300MW亚临界机组</t>
  </si>
  <si>
    <t>【东方锅炉】钢板\δ20\20g\47M111-25\300MW亚临界机组</t>
  </si>
  <si>
    <t>【东方锅炉】钢板\δ20\20g\47M111-26\300MW亚临界机组</t>
  </si>
  <si>
    <t>【东方锅炉】管子\φ63.5×7.5\SA-210C\47M111-27\300MW亚临界机组</t>
  </si>
  <si>
    <t>【东方锅炉】管子\φ63.5×7.5\SA-210C\47M111-28\300MW亚临界机组</t>
  </si>
  <si>
    <t>【东方锅炉】管子\φ63.5×7.5\SA-210C\47M111-29\300MW亚临界机组</t>
  </si>
  <si>
    <t>【东方锅炉】管子\φ63.5×7.5\SA-210C\47M111-30\300MW亚临界机组</t>
  </si>
  <si>
    <t>【东方锅炉】管子\φ63.5×7.5\SA-210C\47M111-31\300MW亚临界机组</t>
  </si>
  <si>
    <t>【东方锅炉】管子\φ63.5×7.5\SA-210C\47M111-32\300MW亚临界机组</t>
  </si>
  <si>
    <t>【东方锅炉】管子\φ63.5×7.5\SA-210C\47M111-33\300MW亚临界机组</t>
  </si>
  <si>
    <t>【东方锅炉】管子\φ63.5×7.5\SA-210C\47M111-34\300MW亚临界机组</t>
  </si>
  <si>
    <t>【东方锅炉】管子\φ63.5×7.5\SA-210C\47M111-35\300MW亚临界机组</t>
  </si>
  <si>
    <t>【东方锅炉】管子\φ63.5×7.5\SA-210C\47M111-36\300MW亚临界机组</t>
  </si>
  <si>
    <t>【东方锅炉】管子\φ63.5×7.5\SA-210C\47M111-37\300MW亚临界机组</t>
  </si>
  <si>
    <t>【东方锅炉】管子\φ63.5×7.5\SA-210C\47M111-38\300MW亚临界机组</t>
  </si>
  <si>
    <t>【东方锅炉】管子\φ63.5×7.5\SA-210C\47M111-39\300MW亚临界机组</t>
  </si>
  <si>
    <t>【东方锅炉】扇型板\\装配件\253YR31</t>
  </si>
  <si>
    <t>【东方锅炉】扇型板\δ25\12Cr1MoV\140M1112-10-1\350MW超临界机组</t>
  </si>
  <si>
    <t>【东方锅炉】管子\φ63.5×7.5\SA-210C\47M111-43\300MW亚临界机组</t>
  </si>
  <si>
    <t>【东方锅炉】管子\φ63.5×7.5\SA-210C\47M111-44\300MW亚临界机组</t>
  </si>
  <si>
    <t>【东方锅炉】管子\φ63.5×7.5\SA-210C\47M111-45\300MW亚临界机组</t>
  </si>
  <si>
    <t>【东方锅炉】管子\φ63.5×7.5\SA-210C\47M111-46\300MW亚临界机组</t>
  </si>
  <si>
    <t>【东方锅炉】管子\φ63.5×7.5\SA-210C\47M111-47\300MW亚临界机组</t>
  </si>
  <si>
    <t>【东方锅炉】管子\φ63.5×7.5\SA-210C\47M111-48\300MW亚临界机组</t>
  </si>
  <si>
    <t>【东方锅炉】管子\φ63.5×7.5\SA-210C\47M111-49\300MW亚临界机组</t>
  </si>
  <si>
    <t>【东方锅炉】管子\φ63.5×7.5\SA-210C\47M111-50\300MW亚临界机组</t>
  </si>
  <si>
    <t>【东方锅炉】管子\φ63.5×7.5\SA-210C\47M111-51\300MW亚临界机组</t>
  </si>
  <si>
    <t>【东方锅炉】管子\φ63.5×7.5\SA-210C\47M111-52\300MW亚临界机组</t>
  </si>
  <si>
    <t>【东方锅炉】管子\φ63.5×7.5\SA-210C\47M111-53\300MW亚临界机组</t>
  </si>
  <si>
    <t>【东方锅炉】管子\φ63.5×7.5\SA-210C\47M111-54\300MW亚临界机组</t>
  </si>
  <si>
    <t>【东方锅炉】扇型板\20mm\Q355B\197YR31-3-0</t>
  </si>
  <si>
    <t>【东方锅炉】钢板\δ6\20g\47M111-59\300MW亚临界机组</t>
  </si>
  <si>
    <t>【东方锅炉】钢板\δ6\20g\47M111-60\300MW亚临界机组</t>
  </si>
  <si>
    <t>【东方锅炉】钢板\δ6\20g\47M111-61\300MW亚临界机组</t>
  </si>
  <si>
    <t>【东方锅炉】钢板\δ6\20g\47M111-62\300MW亚临界机组</t>
  </si>
  <si>
    <t>【东方锅炉】钢板\δ6 896×310\20g\82M111-0\300MW亚临界机组</t>
  </si>
  <si>
    <t>【东方锅炉】管子\φ63.5×7.5\SA-210C\TGM11001-2002\300MW亚临界机组</t>
  </si>
  <si>
    <t>【东方锅炉】管子\φ63.5×7.5 №1 Lz=1006\SA-210C\47M112-6-1\300MW亚临界机组</t>
  </si>
  <si>
    <t>【东方锅炉】管子\φ63.5×7.5 №2 Lz=1020\SA-210C\47M112-6-1\300MW亚临界机组</t>
  </si>
  <si>
    <t>【东方锅炉】管子\φ63.5×7.5 №3 Lz=1039\SA-210C\47M112-6-1\300MW亚临界机组</t>
  </si>
  <si>
    <t>【东方锅炉】管子\φ63.5×7.5 №4 Lz=1058\SA-210C\47M112-6-1\300MW亚临界机组</t>
  </si>
  <si>
    <t>【东方锅炉】管子\φ63.5×7.5 №5 Lz=1081\SA-210C\47M112-6-1\300MW亚临界机组</t>
  </si>
  <si>
    <t>【东方锅炉】管子\φ63.5×7.5 №6 Lz=1071\SA-210C\47M112-6-1\300MW亚临界机组</t>
  </si>
  <si>
    <t>【东方锅炉】管子\φ63.5×7.5 №7 Lz=1048\SA-210C\47M112-6-1\300MW亚临界机组</t>
  </si>
  <si>
    <t>【东方锅炉】管子\φ63.5×7.5 №8 Lz=1029\SA-210C\47M112-6-1\300MW亚临界机组</t>
  </si>
  <si>
    <t>【东方锅炉】管子\φ63.5×7.5 №9 Lz=1012\SA-210C\47M112-6-1\300MW亚临界机组</t>
  </si>
  <si>
    <t>【东方锅炉】管子\φ63.5×7.5 №10 Lz=1001\SA-210C\47M112-6-1\300MW亚临界机组</t>
  </si>
  <si>
    <t>【东方锅炉】管子\φ63.5×7.5 №1\SA-210C\82M112-6\300MW亚临界机组</t>
  </si>
  <si>
    <t>【东方锅炉】管子\φ63.5×7.5 №2\SA-210C\82M112-6\300MW亚临界机组</t>
  </si>
  <si>
    <t>【东方锅炉】管子\φ63.5×7.5 №3\SA-210C\82M112-6\300MW亚临界机组</t>
  </si>
  <si>
    <t>【东方锅炉】管子\φ63.5×7.5 №4\SA-210C\82M112-6\300MW亚临界机组</t>
  </si>
  <si>
    <t>【东方锅炉】管子\φ63.5×7.5 №5\SA-210C\82M112-6\300MW亚临界机组</t>
  </si>
  <si>
    <t>【东方锅炉】管子\φ63.5×7.5 №6\SA-210C\82M112-6\300MW亚临界机组</t>
  </si>
  <si>
    <t>【东方锅炉】管子\φ63.5×7.5 №7\SA-210C\82M112-6\300MW亚临界机组</t>
  </si>
  <si>
    <t>【东方锅炉】管子\φ63.5×7.5 №8\SA-210C\82M112-6\300MW亚临界机组</t>
  </si>
  <si>
    <t>【东方锅炉】管子\φ63.5×7.5 №9\SA-210C\82M112-6\300MW亚临界机组</t>
  </si>
  <si>
    <t>【东方锅炉】管子\φ63.5×7.5 №10\SA-210C\82M112-6\300MW亚临界机组</t>
  </si>
  <si>
    <t>【东方锅炉】钢板\δ6 534×39\20g\82M112-0\300MW亚临界机组</t>
  </si>
  <si>
    <t>【东方锅炉】钢板\δ6\20g\47M112-19\300MW亚临界机组</t>
  </si>
  <si>
    <t>【东方锅炉】扇型板\20mm\Q355B\197YR32-3-0</t>
  </si>
  <si>
    <t>【东方锅炉】钢板\δ16\20g\47M112-20\300MW亚临界机组</t>
  </si>
  <si>
    <t>【东方锅炉】钢板\δ6 37×204\20g\82M112-0\300MW亚临界机组</t>
  </si>
  <si>
    <t>【东方锅炉】管子\φ63.5×7.5\SA-210C\82M114-1-1\300MW亚临界机组</t>
  </si>
  <si>
    <t>【东方锅炉】管子\φ63.5×7.5\SA-210C\82M114-1-2\300MW亚临界机组</t>
  </si>
  <si>
    <t>【东方锅炉】管子\φ63.5×7.5\SA-210C\82M114-1-3\300MW亚临界机组</t>
  </si>
  <si>
    <t>【东方锅炉】管子\φ63.5×7.5\SA-210C\82M114-1-4\300MW亚临界机组</t>
  </si>
  <si>
    <t>【东方锅炉】管子\φ63.5×7.5\SA-210C\82M114-1-5\300MW亚临界机组</t>
  </si>
  <si>
    <t>【东方锅炉】管子\φ63.5×7.5\SA-210C\82M114-1-6\300MW亚临界机组</t>
  </si>
  <si>
    <t>【东方锅炉】管子\φ63.5×7.5\SA-210C\82M114-1-7\300MW亚临界机组</t>
  </si>
  <si>
    <t>【东方锅炉】管子\φ63.5×7.5\SA-210C\82M114-1-8\300MW亚临界机组</t>
  </si>
  <si>
    <t>【东方锅炉】管子\φ63.5×7.5\SA-210C\82M114-1-9\300MW亚临界机组</t>
  </si>
  <si>
    <t>【东方锅炉】管子\φ63.5×7.5\SA-210C\82M114-1-10\300MW亚临界机组</t>
  </si>
  <si>
    <t>【东方锅炉】管子\φ63.5×7.5\SA-210C\82M114-1-11\300MW亚临界机组</t>
  </si>
  <si>
    <t>【东方锅炉】管子\φ63.5×7.5\SA-210C\82M114-1-12\300MW亚临界机组</t>
  </si>
  <si>
    <t>【东方锅炉】管子\φ63.5×7.5\SA-210C\82M114-1-13\300MW亚临界机组</t>
  </si>
  <si>
    <t>【东方锅炉】管子\φ63.5×7.5\SA-210C\82M114-1-14\300MW亚临界机组</t>
  </si>
  <si>
    <t>【东方锅炉】管子\φ63.5×7.5\SA-210C\82M114-1-15\300MW亚临界机组</t>
  </si>
  <si>
    <t>【东方锅炉】管子\φ63.5×7.5\SA-210C\82M114-1-16\300MW亚临界机组</t>
  </si>
  <si>
    <t>【东方锅炉】管子\φ63.5×7.5\SA-210C\82M114-1-17\300MW亚临界机组</t>
  </si>
  <si>
    <t>【东方锅炉】管子\φ63.5×7.5\SA-210C\82M114-1-18\300MW亚临界机组</t>
  </si>
  <si>
    <t>【东方锅炉】管子\φ63.5×7.5\SA-210C\82M114-1-19\300MW亚临界机组</t>
  </si>
  <si>
    <t>【东方锅炉】管子\φ63.5×7.5\SA-210C\82M114-1-20\300MW亚临界机组</t>
  </si>
  <si>
    <t>【东方锅炉】管子\φ63.5×7.5\SA-210C\82M114-1-21\300MW亚临界机组</t>
  </si>
  <si>
    <t>【东方锅炉】管子\φ63.5×7.5\SA-210C\82M114-1-22\300MW亚临界机组</t>
  </si>
  <si>
    <t>【东方锅炉】管子\φ63.5×7.5\SA-210C\82M114-1-23\300MW亚临界机组</t>
  </si>
  <si>
    <t>【东方锅炉】管子\φ63.5×7.5\SA-210C\82M114-1-24\300MW亚临界机组</t>
  </si>
  <si>
    <t>【东方锅炉】管子\φ63.5×7.5\SA-210C\82M114-1-25\300MW亚临界机组</t>
  </si>
  <si>
    <t>【东方锅炉】钢板\δ3 575×417\Q235A\82M114-0\300MW亚临界机组</t>
  </si>
  <si>
    <t>【东方锅炉】钢板\δ3 575×346\Q235A\82M114-0\300MW亚临界机组</t>
  </si>
  <si>
    <t>【东方锅炉】钢板\δ3 1277×417\Q235A\82M114-0\300MW亚临界机组</t>
  </si>
  <si>
    <t>【东方锅炉】钢板\δ3 1277×346\Q235A\82M114-0\300MW亚临界机组</t>
  </si>
  <si>
    <t>【东方锅炉】梳型板\δ16\20g\82M114-1-29\300MW亚临界机组</t>
  </si>
  <si>
    <t>【东方锅炉】梳型板\δ16\20g\82M114-1-30\300MW亚临界机组</t>
  </si>
  <si>
    <t>【东方锅炉】扇型板\\装配件\28YR31-4-0/№1</t>
  </si>
  <si>
    <t>【东方锅炉】扇型板\\装配件\28YR31-4-0/№2</t>
  </si>
  <si>
    <t>【东方锅炉】扇型板\\装配件\28YR32-3-0/№1</t>
  </si>
  <si>
    <t>【东方锅炉】扇型板\\装配件\28YR32-3-0/№2</t>
  </si>
  <si>
    <t>【东方锅炉】扇型板\\装配件\28YR31-4-0/№3</t>
  </si>
  <si>
    <t>【东方锅炉】钢板\δ4 A=5m＾2\20#\82M114-0\300MW亚临界机组</t>
  </si>
  <si>
    <t>【东方锅炉】管子\φ63.5×7.5\SA-210C\82M114-2-1\300MW亚临界机组</t>
  </si>
  <si>
    <t>【东方锅炉】管子\φ63.5×7.5\SA-210C\82M114-2-2\300MW亚临界机组</t>
  </si>
  <si>
    <t>【东方锅炉】管子\φ63.5×7.5\SA-210C\82M114-2-3\300MW亚临界机组</t>
  </si>
  <si>
    <t>【东方锅炉】管子\φ63.5×7.5\SA-210C\82M114-2-4\300MW亚临界机组</t>
  </si>
  <si>
    <t>【东方锅炉】管子\φ63.5×7.5\SA-210C\82M114-2-5\300MW亚临界机组</t>
  </si>
  <si>
    <t>【东方锅炉】管子\φ63.5×7.5\SA-210C\82M114-2-6\300MW亚临界机组</t>
  </si>
  <si>
    <t>【东方锅炉】管子\φ63.5×7.5\SA-210C\82M114-2-7\300MW亚临界机组</t>
  </si>
  <si>
    <t>【东方锅炉】管子\φ63.5×7.5\SA-210C\82M114-2-8\300MW亚临界机组</t>
  </si>
  <si>
    <t>【东方锅炉】管子\φ63.5×7.5\SA-210C\82M114-2-9\300MW亚临界机组</t>
  </si>
  <si>
    <t>【东方锅炉】管子\φ63.5×7.5\SA-210C\82M114-2-10\300MW亚临界机组</t>
  </si>
  <si>
    <t>【东方锅炉】管子\φ63.5×7.5\SA-210C\82M114-2-11\300MW亚临界机组</t>
  </si>
  <si>
    <t>【东方锅炉】管子\φ63.5×7.5\SA-210C\82M114-2-12\300MW亚临界机组</t>
  </si>
  <si>
    <t>【东方锅炉】管子\φ63.5×7.5\SA-210C\82M114-2-13\300MW亚临界机组</t>
  </si>
  <si>
    <t>【东方锅炉】管子\φ63.5×7.5\SA-210C\82M114-2-14\300MW亚临界机组</t>
  </si>
  <si>
    <t>【东方锅炉】管子\φ63.5×7.5\SA-210C\82M114-2-15\300MW亚临界机组</t>
  </si>
  <si>
    <t>【东方锅炉】管子\φ63.5×7.5\SA-210C\82M114-2-16\300MW亚临界机组</t>
  </si>
  <si>
    <t>【东方锅炉】管子\φ63.5×7.5\SA-210C\82M114-2-17\300MW亚临界机组</t>
  </si>
  <si>
    <t>【东方锅炉】管子\φ63.5×7.5\SA-210C\82M114-2-18\300MW亚临界机组</t>
  </si>
  <si>
    <t>【东方锅炉】管子\φ63.5×7.5\SA-210C\82M114-2-19\300MW亚临界机组</t>
  </si>
  <si>
    <t>【东方锅炉】管子\φ63.5×7.5\SA-210C\82M114-2-20\300MW亚临界机组</t>
  </si>
  <si>
    <t>【东方锅炉】管子\φ63.5×7.5\SA-210C\82M114-2-21\300MW亚临界机组</t>
  </si>
  <si>
    <t>【东方锅炉】管子\φ63.5×7.5\SA-210C\82M114-2-22\300MW亚临界机组</t>
  </si>
  <si>
    <t>【东方锅炉】管子\φ63.5×7.5\SA-210C\82M114-2-23\300MW亚临界机组</t>
  </si>
  <si>
    <t>【东方锅炉】管子\φ63.5×7.5\SA-210C\82M114-2-24\300MW亚临界机组</t>
  </si>
  <si>
    <t>【东方锅炉】钢板\δ3 575×382\Q235A\82M114-0\300MW亚临界机组</t>
  </si>
  <si>
    <t>【东方锅炉】钢板\δ3 575×378\Q235A\82M114-0\300MW亚临界机组</t>
  </si>
  <si>
    <t>【东方锅炉】钢板\δ3 974×389\Q235A\82M114-0\300MW亚临界机组</t>
  </si>
  <si>
    <t>【东方锅炉】钢板\δ3 1277×382\Q235A\82M114-0\300MW亚临界机组</t>
  </si>
  <si>
    <t>【东方锅炉】钢板\δ3 1277×378\Q235A\82M114-0\300MW亚临界机组</t>
  </si>
  <si>
    <t>【东方锅炉】梳型板\δ16\20g\82M114-2-26\300MW亚临界机组</t>
  </si>
  <si>
    <t>【东方锅炉】梳型板\δ16\20g\82M114-2-27\300MW亚临界机组</t>
  </si>
  <si>
    <t>【东方锅炉】扇型板\\装配件\28YR31-4-0/№4</t>
  </si>
  <si>
    <t>【东方锅炉】扇型板\\装配件\28YR32-3-0/№3</t>
  </si>
  <si>
    <t>【东方锅炉】扇型板\\装配件\28YR32-3-0/№4</t>
  </si>
  <si>
    <t>【东方锅炉】扇型板\\装配件\197YR31-3-0</t>
  </si>
  <si>
    <t>【东方锅炉】扇型板\\装配件\197YR31-4-0</t>
  </si>
  <si>
    <t>【东方锅炉】钢板\δ6 S=2m＾2\20g\82M117-0\300MW亚临界机组</t>
  </si>
  <si>
    <t>【东方锅炉】扇型板\\装配件\197YR32-3-0</t>
  </si>
  <si>
    <t>【东方锅炉】钢板\δ10\12Cr1MoVg\82M117-1-5\300MW亚临界机组</t>
  </si>
  <si>
    <t>【东方锅炉】扇型板\\装配件\197YR32-4-0</t>
  </si>
  <si>
    <t>【东方锅炉】管子\φ63.5×7.5\SA-210C\82M117-2-1\300MW亚临界机组</t>
  </si>
  <si>
    <t>【东方锅炉】扇型板\\装配件\28YR31-4-0/№5</t>
  </si>
  <si>
    <t>【东方锅炉】防磨板\δ4\1Cr20Ni14Si2\82M117-2-6\300MW亚临界机组</t>
  </si>
  <si>
    <t>【东方锅炉】防磨板\δ4\1Cr20Ni14Si2\82M117-2-7\300MW亚临界机组</t>
  </si>
  <si>
    <t>【东方锅炉】钢板\δ10\12Cr1MoVg\82M117-2-8\300MW亚临界机组</t>
  </si>
  <si>
    <t>【东方锅炉】钢板\δ10\12Cr1MoVg\82M117-2-9\300MW亚临界机组</t>
  </si>
  <si>
    <t>【东方锅炉】钢板\δ10\12Cr1MoVg\82M117-2-11\300MW亚临界机组</t>
  </si>
  <si>
    <t>【东方锅炉】管子\φ159×18\20G\77M161-1\300MW亚临界机组</t>
  </si>
  <si>
    <t>【东方锅炉】管子\φ159×18\20G\77M161-2\300MW亚临界机组</t>
  </si>
  <si>
    <t>【东方锅炉】管子\φ159×18\20G\77M161-3\300MW亚临界机组</t>
  </si>
  <si>
    <t>【东方锅炉】管子\φ159×18\20G\77M161-4\300MW亚临界机组</t>
  </si>
  <si>
    <t>【东方锅炉】管子\φ159×18\20G\77M161-5\300MW亚临界机组</t>
  </si>
  <si>
    <t>【东方锅炉】管子\φ159×18\20G\77M161-6\300MW亚临界机组</t>
  </si>
  <si>
    <t>【东方锅炉】管子\φ159×18\20G\77M161-7\300MW亚临界机组</t>
  </si>
  <si>
    <t>【东方锅炉】管子\φ159×18\20G\77M161-8\300MW亚临界机组</t>
  </si>
  <si>
    <t>【东方锅炉】管子\φ159×18\20G\77M161-9\300MW亚临界机组</t>
  </si>
  <si>
    <t>【东方锅炉】管子\φ159×18\20G\77M161-10\300MW亚临界机组</t>
  </si>
  <si>
    <t>【东方锅炉】管子\φ159×18\20G\77M161-11\300MW亚临界机组</t>
  </si>
  <si>
    <t>【东方锅炉】管子\φ159×18\20G\77M161-12\300MW亚临界机组</t>
  </si>
  <si>
    <t>【东方锅炉】扇型板\\装配件\28YR32-3-0/№5</t>
  </si>
  <si>
    <t>【东方锅炉】管子\φ159×18\20G\77M161-17\300MW亚临界机组</t>
  </si>
  <si>
    <t>【东方锅炉】端盖\D×S-t\20#\TG16001.1-97\300MW亚临界机组</t>
  </si>
  <si>
    <t>【东方锅炉】扇型板\\装配件\31YR31-4-0</t>
  </si>
  <si>
    <t>【东方锅炉】扇型板\\装配件\31YR32-2-0</t>
  </si>
  <si>
    <t>【东方锅炉】扇型板\\装配件\89YR31/32/№1</t>
  </si>
  <si>
    <t>【东方锅炉】扇型板\\装配件\89YR31/32/№2</t>
  </si>
  <si>
    <t>【东方锅炉】扇型板\\装配件\28YR31-4-0/№6</t>
  </si>
  <si>
    <t>【东方锅炉】扇型板\\装配件\28YR32-3-0/№6</t>
  </si>
  <si>
    <t>【东方锅炉】扇型板\\装配件\89YR31/32/№3</t>
  </si>
  <si>
    <t>【东方锅炉】扇型板\\装配件\89YR31/32/№4</t>
  </si>
  <si>
    <t>【东方锅炉】扇型板\\装配件\28YR31-4-0/№7</t>
  </si>
  <si>
    <t>【东方锅炉】扇型板\\装配件\28YR32-3-0/№7</t>
  </si>
  <si>
    <t>【东方锅炉】扇型板\\装配件\136YR31/№1</t>
  </si>
  <si>
    <t>【东方锅炉】钢板\δ6 №1\15CrMo\47M213-42\300MW亚临界机组</t>
  </si>
  <si>
    <t>【东方锅炉】钢板\δ6 №2\15CrMo\47M213-42\300MW亚临界机组</t>
  </si>
  <si>
    <t>【东方锅炉】钢板\δ6 №3\15CrMo\47M213-42\300MW亚临界机组</t>
  </si>
  <si>
    <t>【东方锅炉】钢板\δ6 №4\15CrMo\47M213-42\300MW亚临界机组</t>
  </si>
  <si>
    <t>【东方锅炉】钢板\δ6 №5\15CrMo\47M213-42\300MW亚临界机组</t>
  </si>
  <si>
    <t>【东方锅炉】钢板\δ6\15CrMo\47M213-43\300MW亚临界机组</t>
  </si>
  <si>
    <t>【东方锅炉】钢板\δ6\15CrMo\47M213-44\300MW亚临界机组</t>
  </si>
  <si>
    <t>【东方锅炉】扇型板\\装配件\136YR31/№2</t>
  </si>
  <si>
    <t>【东方锅炉】扇型板\20mm\装配件\151YR31-3-0</t>
  </si>
  <si>
    <t>【东方锅炉】钢板\δ6 2000×65.8\15CrMo\82M213-0\300MW亚临界机组</t>
  </si>
  <si>
    <t>【东方锅炉】钢板\δ6 90000×22\15CrMo\82M213-0\300MW亚临界机组</t>
  </si>
  <si>
    <t>【东方锅炉】扇型板\\装配件\34YR31-3-0/№1</t>
  </si>
  <si>
    <t>【东方锅炉】钢板\δ6\20g\47M214-3-7\300MW亚临界机组</t>
  </si>
  <si>
    <t>【东方锅炉】钢板\δ6\20g\47M214-3-9\300MW亚临界机组</t>
  </si>
  <si>
    <t>【东方锅炉】管子\φ51×6\SA-210C\TGM21005-0\300MW亚临界机组</t>
  </si>
  <si>
    <t>【东方锅炉】扇型板\\装配件\34YR31-3-0/№2</t>
  </si>
  <si>
    <t>【东方锅炉】扇型板\\装配件\34YR32-3-0/№1</t>
  </si>
  <si>
    <t>【东方锅炉】扇型板\\装配件\34YR32-3-0/№2</t>
  </si>
  <si>
    <t>【东方锅炉】钢板\δ6 38×40\20g\82M214-0\300MW亚临界机组</t>
  </si>
  <si>
    <t>【东方锅炉】钢板\δ6 79×229\20g\82M214-0\300MW亚临界机组</t>
  </si>
  <si>
    <t>【东方锅炉】管子\φ51×6 Lz=448\SA-210C\47M214-40\300MW亚临界机组</t>
  </si>
  <si>
    <t>【东方锅炉】管子\φ51×6 Lz=411\SA-210C\47M214-41\300MW亚临界机组</t>
  </si>
  <si>
    <t>【东方锅炉】管子\φ51×6 Lz=403\SA-210C\47M214-42\300MW亚临界机组</t>
  </si>
  <si>
    <t>【东方锅炉】管子\φ51×6 Lz=414\SA-210C\47M214-43\300MW亚临界机组</t>
  </si>
  <si>
    <t>【东方锅炉】管子\φ51×6 Lz=404\SA-210C\47M214-44\300MW亚临界机组</t>
  </si>
  <si>
    <t>【东方锅炉】钢板\δ6\20g\47M214-45\300MW亚临界机组</t>
  </si>
  <si>
    <t>【东方锅炉】钢板\δ6\20g\47M214-46\300MW亚临界机组</t>
  </si>
  <si>
    <t>【东方锅炉】钢板\δ6\20g\47M214-47\300MW亚临界机组</t>
  </si>
  <si>
    <t>【东方锅炉】钢板\δ6\20g\47M214-48\300MW亚临界机组</t>
  </si>
  <si>
    <t>【东方锅炉】管子\φ51×6 Lz=483\SA-210C\47M214-49\300MW亚临界机组</t>
  </si>
  <si>
    <t>【东方锅炉】管子\φ51×6 Lz=454\SA-210C\47M214-50\300MW亚临界机组</t>
  </si>
  <si>
    <t>【东方锅炉】管子\φ51×6 Lz=523\SA-210C\47M214-51\300MW亚临界机组</t>
  </si>
  <si>
    <t>【东方锅炉】管子\φ51×6 Lz=499\SA-210C\47M214-52\300MW亚临界机组</t>
  </si>
  <si>
    <t>【东方锅炉】管子\φ51×6 Lz=478\SA-210C\47M214-53\300MW亚临界机组</t>
  </si>
  <si>
    <t>【东方锅炉】管子\φ51×6 Lz=461\SA-210C\47M214-54\300MW亚临界机组</t>
  </si>
  <si>
    <t>【东方锅炉】钢板\δ6\20g\47M214-55\300MW亚临界机组</t>
  </si>
  <si>
    <t>【东方锅炉】扇型板\\装配件\49YR31-3-0/№1</t>
  </si>
  <si>
    <t>【东方锅炉】钢板\δ4\Q235A\47M214-58\300MW亚临界机组</t>
  </si>
  <si>
    <t>【东方锅炉】钢板\δ4\Q235A\47M214-59\300MW亚临界机组</t>
  </si>
  <si>
    <t>【东方锅炉】钢板\δ6\20g\47M214-60\300MW亚临界机组</t>
  </si>
  <si>
    <t>【东方锅炉】管子\φ51×6 Lz=1914\SA-210C\47M214-61\300MW亚临界机组</t>
  </si>
  <si>
    <t>【东方锅炉】管子\φ51×6 Lz=1935\SA-210C\47M214-62\300MW亚临界机组</t>
  </si>
  <si>
    <t>【东方锅炉】管子\φ51×6 Lz=1913\SA-210C\47M214-63\300MW亚临界机组</t>
  </si>
  <si>
    <t>【东方锅炉】管子\φ51×6 Lz=1938\SA-210C\47M214-64\300MW亚临界机组</t>
  </si>
  <si>
    <t>【东方锅炉】管子\φ51×6 Lz=1923\SA-210C\47M214-65\300MW亚临界机组</t>
  </si>
  <si>
    <t>【东方锅炉】管子\φ51×6 Lz=1947\SA-210C\47M214-66\300MW亚临界机组</t>
  </si>
  <si>
    <t>【东方锅炉】钢板\δ6\20g\47M214-67\300MW亚临界机组</t>
  </si>
  <si>
    <t>【东方锅炉】钢板\δ6 100×79\20g\82M214-0\300MW亚临界机组</t>
  </si>
  <si>
    <t>【东方锅炉】钢板\δ6\20g\47M214-68\300MW亚临界机组</t>
  </si>
  <si>
    <t>【东方锅炉】钢板\δ6 100×77.7\20g\82M214-0\300MW亚临界机组</t>
  </si>
  <si>
    <t>【东方锅炉】钢板\δ6\20g\47M214-69\300MW亚临界机组</t>
  </si>
  <si>
    <t>【东方锅炉】钢板\δ6\20g\47M214-70\300MW亚临界机组</t>
  </si>
  <si>
    <t>【东方锅炉】钢板\δ6\20g\47M214-71\300MW亚临界机组</t>
  </si>
  <si>
    <t>【东方锅炉】钢板\δ6 100×63.3\20g\82M214-0\300MW亚临界机组</t>
  </si>
  <si>
    <t>【东方锅炉】钢板\δ6\20g\47M214-72\300MW亚临界机组</t>
  </si>
  <si>
    <t>【东方锅炉】钢板\δ6\20g\47M214-73\300MW亚临界机组</t>
  </si>
  <si>
    <t>【东方锅炉】钢板\δ6\20g\47M214-74\300MW亚临界机组</t>
  </si>
  <si>
    <t>【东方锅炉】钢板\δ6 400×6\20g\82M214-0\300MW亚临界机组</t>
  </si>
  <si>
    <t>【东方锅炉】钢板\δ6 100×56.6\20g\82M214-0\300MW亚临界机组</t>
  </si>
  <si>
    <t>【东方锅炉】扇型板\\装配件\118YR32-0</t>
  </si>
  <si>
    <t>【东方锅炉】钢板\δ6 100×70.7\20g\82M214-0\300MW亚临界机组</t>
  </si>
  <si>
    <t>【东方锅炉】扇型板\\装配件\141YR31-2-0</t>
  </si>
  <si>
    <t>【东方锅炉】扇型板\\装配件\TYA00008</t>
  </si>
  <si>
    <t>【东方锅炉】钢板\δ6 100×20\20g\82M214-0\300MW亚临界机组</t>
  </si>
  <si>
    <t>【东方锅炉】扁钢\δ6\20#\47M214-75-2\300MW亚临界机组</t>
  </si>
  <si>
    <t>【东方锅炉】扁钢\δ6\20#\47M214-75-3\300MW亚临界机组</t>
  </si>
  <si>
    <t>【东方锅炉】耳板\δ12\15CrMo\47M214-75-4\300MW亚临界机组</t>
  </si>
  <si>
    <t>【东方锅炉】管子\φ51×6 Lz=1944\SA-210C\47M214-75-6\300MW亚临界机组</t>
  </si>
  <si>
    <t>【东方锅炉】管子\φ51×6 Lz=1970\SA-210C\47M214-75-7\300MW亚临界机组</t>
  </si>
  <si>
    <t>【东方锅炉】钢板\δ30\15CrMo\47M214-76-1\300MW亚临界机组</t>
  </si>
  <si>
    <t>【东方锅炉】弯板\δ6\20g\47M214-80\300MW亚临界机组</t>
  </si>
  <si>
    <t>【东方锅炉】弯板\δ6\20g\47M214-81\300MW亚临界机组</t>
  </si>
  <si>
    <t>【东方锅炉】弯板\δ6\20g\47M214-82\300MW亚临界机组</t>
  </si>
  <si>
    <t>【东方锅炉】管子\φ51×6 Lz=443\SA-210C\47M214-83\300MW亚临界机组</t>
  </si>
  <si>
    <t>【东方锅炉】管子\φ51×6 Lz=433\SA-210C\47M214-84\300MW亚临界机组</t>
  </si>
  <si>
    <t>【东方锅炉】管子\φ51×6\SA-213TP347\82M216-1-1\300MW亚临界机组</t>
  </si>
  <si>
    <t>【东方锅炉】扇型板\\装配件\141YR32-2-0</t>
  </si>
  <si>
    <t>【东方锅炉】扇型板\\装配件\TYA00059</t>
  </si>
  <si>
    <t>【东方锅炉】蛇型管\φ51×6\12Cr1MoVG\82M216-1-2\300MW亚临界机组</t>
  </si>
  <si>
    <t>【东方锅炉】蛇型管\φ51×6\12Cr1MoVG\82M216-1-3\300MW亚临界机组</t>
  </si>
  <si>
    <t>【东方锅炉】蛇型管\φ51×6 №1\12Cr1MoVG\82M216-1-4\300MW亚临界机组</t>
  </si>
  <si>
    <t>【东方锅炉】蛇型管\φ51×6 №2\12Cr1MoVG\82M216-1-4\300MW亚临界机组</t>
  </si>
  <si>
    <t>【东方锅炉】蛇型管\φ51×6\12Cr1MoVG\82M216-1-5\300MW亚临界机组</t>
  </si>
  <si>
    <t>【东方锅炉】蛇型管\φ51×6\12Cr1MoVG\82M216-1-6\300MW亚临界机组</t>
  </si>
  <si>
    <t>【东方锅炉】蛇型管\φ51×6 №3\12Cr1MoVG\82M216-1-4\300MW亚临界机组</t>
  </si>
  <si>
    <t>【东方锅炉】蛇型管\φ51×6 №4\12Cr1MoVG\82M216-1-4\300MW亚临界机组</t>
  </si>
  <si>
    <t>【东方锅炉】蛇型管\φ51×6 №5\12Cr1MoVG\82M216-1-4\300MW亚临界机组</t>
  </si>
  <si>
    <t>【东方锅炉】管子\φ51×6\SA-213T91\82M216-1-8\300MW亚临界机组</t>
  </si>
  <si>
    <t>【东方锅炉】管子\φ51×6\SA-213TP347\82M216-1-9\300MW亚临界机组</t>
  </si>
  <si>
    <t>【东方锅炉】管子\φ51×6\SA-213TP347\82M216-1-10\300MW亚临界机组</t>
  </si>
  <si>
    <t>【东方锅炉】管子\φ51×6\SA-213TP347\82M216-1-11\300MW亚临界机组</t>
  </si>
  <si>
    <t>【东方锅炉】梳型弯板\δ4\12Cr1MoV\82M216-1-12\300MW亚临界机组</t>
  </si>
  <si>
    <t>【东方锅炉】半圆板\δ4\12Cr1MoV\82M216-1-13\300MW亚临界机组</t>
  </si>
  <si>
    <t>【东方锅炉】钢板\δ6\1Cr20Ni14Si2\82M216-1-14\300MW亚临界机组</t>
  </si>
  <si>
    <t>【东方锅炉】钢板\δ20 1589×270\12Cr1MoV\82M216-0\300MW亚临界机组</t>
  </si>
  <si>
    <t>【东方锅炉】扇型板\№19\装配件\158YR/№22</t>
  </si>
  <si>
    <t>【东方锅炉】蛇型管\φ51×6\12Cr1MoVG\82M216-2-1\300MW亚临界机组</t>
  </si>
  <si>
    <t>【东方锅炉】蛇型管\φ51×6\12Cr1MoVG\82M216-2-2\300MW亚临界机组</t>
  </si>
  <si>
    <t>【东方锅炉】蛇型管\φ51×6 №1\12Cr1MoVG\82M216-2-3\300MW亚临界机组</t>
  </si>
  <si>
    <t>【东方锅炉】蛇型管\φ51×6 №2\12Cr1MoVG\82M216-2-3\300MW亚临界机组</t>
  </si>
  <si>
    <t>【东方锅炉】蛇型管\φ51×6 №3\12Cr1MoVG\82M216-2-3\300MW亚临界机组</t>
  </si>
  <si>
    <t>【东方锅炉】蛇型管\φ51×6 №4\12Cr1MoVG\82M216-2-3\300MW亚临界机组</t>
  </si>
  <si>
    <t>【东方锅炉】蛇型管\φ51×6 №5\12Cr1MoVG\82M216-2-3\300MW亚临界机组</t>
  </si>
  <si>
    <t>【东方锅炉】蛇型管\φ51×6 №6\12Cr1MoVG\82M216-2-3\300MW亚临界机组</t>
  </si>
  <si>
    <t>【东方锅炉】蛇型管\φ51×6 №7\12Cr1MoVG\82M216-2-3\300MW亚临界机组</t>
  </si>
  <si>
    <t>【东方锅炉】管子\φ51×6\SA-213T91\82M216-2-4\300MW亚临界机组</t>
  </si>
  <si>
    <t>【东方锅炉】梳型弯板\δ4\12Cr1MoV\82M216-2-6\300MW亚临界机组</t>
  </si>
  <si>
    <t>【东方锅炉】钢板\δ20 1772×270\12Cr1MoV\82M216-0\300MW亚临界机组</t>
  </si>
  <si>
    <t>【东方锅炉】钢板\δ20 1872×270\12Cr1MoV\82M216-0\300MW亚临界机组</t>
  </si>
  <si>
    <t>【东方锅炉】管子\φ51×6\12Cr1MoVG\82M216-5-1\300MW亚临界机组</t>
  </si>
  <si>
    <t>【东方锅炉】管子\φ51×6\12Cr1MoVG\82M216-5-2\300MW亚临界机组</t>
  </si>
  <si>
    <t>【东方锅炉】管子\φ51×6\12Cr1MoVG\82M216-5-3\300MW亚临界机组</t>
  </si>
  <si>
    <t>【东方锅炉】管子\φ51×6\12Cr1MoVG\82M216-5-4\300MW亚临界机组</t>
  </si>
  <si>
    <t>【东方锅炉】管子\φ51×6\12Cr1MoVG\82M216-5-5\300MW亚临界机组</t>
  </si>
  <si>
    <t>【东方锅炉】梳型弯板\δ4\12Cr1MoV\82M216-5-6\300MW亚临界机组</t>
  </si>
  <si>
    <t>【东方锅炉】管子\φ51×6\12Cr1MoVG\82M216-6-1\300MW亚临界机组</t>
  </si>
  <si>
    <t>【东方锅炉】管子\φ51×6\12Cr1MoVG\82M216-7\300MW亚临界机组</t>
  </si>
  <si>
    <t>【东方锅炉】管子\φ51×6\12Cr1MoVG\82M216-8\300MW亚临界机组</t>
  </si>
  <si>
    <t>【东方锅炉】管子\φ51×6\12Cr1MoVG\82M216-9\300MW亚临界机组</t>
  </si>
  <si>
    <t>【东方锅炉】管子\φ51×6\12Cr1MoVG\82M216-10\300MW亚临界机组</t>
  </si>
  <si>
    <t>【东方锅炉】管子\φ51×6\12Cr1MoVG\82M216-11\300MW亚临界机组</t>
  </si>
  <si>
    <t>【东方锅炉】管子\φ51×6 №1\12Cr1MoVG\82M216-12\300MW亚临界机组</t>
  </si>
  <si>
    <t>【东方锅炉】管子\φ51×6 №2\12Cr1MoVG\82M216-12\300MW亚临界机组</t>
  </si>
  <si>
    <t>【东方锅炉】管子\φ51×6 №3\12Cr1MoVG\82M216-12\300MW亚临界机组</t>
  </si>
  <si>
    <t>【东方锅炉】管子\φ51×6 №4\12Cr1MoVG\82M216-12\300MW亚临界机组</t>
  </si>
  <si>
    <t>【东方锅炉】管子\φ51×6 №5\12Cr1MoVG\82M216-12\300MW亚临界机组</t>
  </si>
  <si>
    <t>【东方锅炉】管子\φ50×4\12Cr1MoVG\82M221-1-1\300MW亚临界机组</t>
  </si>
  <si>
    <t>【东方锅炉】管子\φ50×4\12Cr1MoVG\82M221-1-2\300MW亚临界机组</t>
  </si>
  <si>
    <t>【东方锅炉】管子\φ50×4\12Cr1MoVG\82M221-1-3\300MW亚临界机组</t>
  </si>
  <si>
    <t>【东方锅炉】管子\φ50×4\12Cr1MoVG\82M221-1-6\300MW亚临界机组</t>
  </si>
  <si>
    <t>【东方锅炉】管子\φ50×4\12Cr1MoVG\82M221-1-7\300MW亚临界机组</t>
  </si>
  <si>
    <t>【东方锅炉】管子\φ50×4\12Cr1MoVG\82M221-1-8\300MW亚临界机组</t>
  </si>
  <si>
    <t>【东方锅炉】管子\φ50×4\12Cr1MoVG\82M221-1-10\300MW亚临界机组</t>
  </si>
  <si>
    <t>【东方锅炉】管子\φ50×4\12Cr1MoVG\82M221-1-35\300MW亚临界机组</t>
  </si>
  <si>
    <t>【东方锅炉】管子\φ50×4\12Cr1MoVG\82M221-1-36\300MW亚临界机组</t>
  </si>
  <si>
    <t>【东方锅炉】管子\φ50×4\12Cr1MoVG\82M221-1-37\300MW亚临界机组</t>
  </si>
  <si>
    <t>【东方锅炉】管子\φ50×4\12Cr1MoVG\82M221-1-38\300MW亚临界机组</t>
  </si>
  <si>
    <t>【东方锅炉】管子\φ50×4\12Cr1MoVG\82M221-1-39\300MW亚临界机组</t>
  </si>
  <si>
    <t>【东方锅炉】管子\φ50×4\12Cr1MoVG\82M221-5-2\300MW亚临界机组</t>
  </si>
  <si>
    <t>【东方锅炉】管子\φ50×4\12Cr1MoVG\82M221-5-3\300MW亚临界机组</t>
  </si>
  <si>
    <t>【东方锅炉】管子\φ50×4\12Cr1MoVG\82M221-5-4\300MW亚临界机组</t>
  </si>
  <si>
    <t>【东方锅炉】管子\φ50×4\12Cr1MoVG\82M221-5-5\300MW亚临界机组</t>
  </si>
  <si>
    <t>【东方锅炉】管子\φ50×4\12Cr1MoVG\82M221-5-6\300MW亚临界机组</t>
  </si>
  <si>
    <t>【东方锅炉】管子\φ50×4\12Cr1MoVG\82M221-5-7\300MW亚临界机组</t>
  </si>
  <si>
    <t>【东方锅炉】管子\φ50×4\12Cr1MoVG\82M221-8-2\300MW亚临界机组</t>
  </si>
  <si>
    <t>【东方锅炉】管子\φ50×4\12Cr1MoVG\82M221-8-3\300MW亚临界机组</t>
  </si>
  <si>
    <t>【东方锅炉】管子\φ50×4\12Cr1MoVG\82M221-8-4\300MW亚临界机组</t>
  </si>
  <si>
    <t>【东方锅炉】管子\φ50×4\12Cr1MoVG\82M221-8-5\300MW亚临界机组</t>
  </si>
  <si>
    <t>【东方锅炉】扇型板\№19\装配件\158YR/№23</t>
  </si>
  <si>
    <t>【东方锅炉】扇型板\№19\装配件\158YR/№24</t>
  </si>
  <si>
    <t>【东方锅炉】扇型板\№19\装配件\158YR/№25</t>
  </si>
  <si>
    <t>【东方锅炉】扇型板\\装配件\110YR31/32/№1</t>
  </si>
  <si>
    <t>【东方锅炉】扇型板\\装配件\110YR31/32/№2</t>
  </si>
  <si>
    <t>【东方锅炉】扇型板\\装配件\49YR31-3-0/№2</t>
  </si>
  <si>
    <t>【东方锅炉】扇型板\\装配件\49YR31-3-0/№3</t>
  </si>
  <si>
    <t>【东方锅炉】扇型板\\装配件\49YR32-3-0/№1</t>
  </si>
  <si>
    <t>【东方锅炉】扇型板\\装配件\49YR32-3-0/№2</t>
  </si>
  <si>
    <t>【东方锅炉】扇型板\\装配件\166YR31-3-0</t>
  </si>
  <si>
    <t>【东方锅炉】扇型板\\装配件\120YR31/№1</t>
  </si>
  <si>
    <t>【东方锅炉】扇型板\\装配件\120YR31/№2</t>
  </si>
  <si>
    <t>【东方锅炉】扇型板\装配件\278YR31-3-0</t>
  </si>
  <si>
    <t>【东方锅炉】扇型板\装配件\278YR31-6-0</t>
  </si>
  <si>
    <t>【东方锅炉】扇型板\装配件\284YR32-4-0</t>
  </si>
  <si>
    <t>【东方锅炉】扇型板\装配件\284YR32-3-0</t>
  </si>
  <si>
    <t>【东方锅炉】扇型板\装配件\165YR31-23-0</t>
  </si>
  <si>
    <t>【东方锅炉】扇型板\装配件\165YR31-24-0</t>
  </si>
  <si>
    <t>【东方锅炉】肋板\δ6 №1\12Cr1MoVg\47M254-13\300MW亚临界机组</t>
  </si>
  <si>
    <t>【东方锅炉】防蚀板\δ6 1270×180\12Cr1MoVg\82M254-0\300MW亚临界机组</t>
  </si>
  <si>
    <t>【东方锅炉】扇型板\装配件\165YR32-3-0</t>
  </si>
  <si>
    <t>【东方锅炉】肋板\δ6 №2\1Cr6Si2Mo\47M254-13\300MW亚临界机组</t>
  </si>
  <si>
    <t>【东方锅炉】扇型板\装配件\165YR32-28-0</t>
  </si>
  <si>
    <t>【东方锅炉】扇型板\装配件\269YR311-0</t>
  </si>
  <si>
    <t>【东方锅炉】扇型板\装配件\269YR312-2-0</t>
  </si>
  <si>
    <t>【东方锅炉】扇型板\装配件\269YR322-2-0</t>
  </si>
  <si>
    <t>【东方锅炉】扇型板\装配件\94YR31/№1</t>
  </si>
  <si>
    <t>【东方锅炉】扇型板\装配件\94YR31/№2</t>
  </si>
  <si>
    <t>【东方锅炉】扇型板\装配件\49YR31-3-0/№4</t>
  </si>
  <si>
    <t>【东方锅炉】扇型板\装配件\49YR32-3-0/№3</t>
  </si>
  <si>
    <t>【东方锅炉】三通\φ33.4×φ33.4×φ33.4 №2\15CrMoⅢ\2S7111-2\1000MW超超临界机组</t>
  </si>
  <si>
    <t>【东方锅炉】人孔组件\φ63.5×7.5\装配件\46M111-9-0\300MW亚临界机组</t>
  </si>
  <si>
    <t>【东方锅炉】人孔组件\φ38.1×9\装配件\TGS11512-0\350MW超临界机组</t>
  </si>
  <si>
    <t>【东方锅炉】蛇型管\φ51×6\SA-210C\82M311-1-1\300MW亚临界机组</t>
  </si>
  <si>
    <t>【东方锅炉】蛇型管\φ51×6\SA-210C\82M311-1-2\300MW亚临界机组</t>
  </si>
  <si>
    <t>【东方锅炉】蛇型管\φ51×6\SA-210C\82M311-1-3\300MW亚临界机组</t>
  </si>
  <si>
    <t>【东方锅炉】蛇型管\φ51×6№.1\SA-210C\82M311-2-1\300MW亚临界机组</t>
  </si>
  <si>
    <t>【东方锅炉】蛇型管\φ51×6№.1\SA-210C\82M311-2-2\300MW亚临界机组</t>
  </si>
  <si>
    <t>【东方锅炉】蛇型管\φ51×6№.1\SA-210C\82M311-2-3\300MW亚临界机组</t>
  </si>
  <si>
    <t>【东方锅炉】蛇型管\φ51×6№.2\SA-210C\82M311-2-1\300MW亚临界机组</t>
  </si>
  <si>
    <t>【东方锅炉】蛇型管\φ51×6№.2\SA-210C\82M311-2-2\300MW亚临界机组</t>
  </si>
  <si>
    <t>【东方锅炉】蛇型管\φ51×6№.2\SA-210C\82M311-2-3\300MW亚临界机组</t>
  </si>
  <si>
    <t>【东方锅炉】蛇型管\φ51×6№.1\SA-210C\47M311-4-1\300MW亚临界机组</t>
  </si>
  <si>
    <t>【东方锅炉】蛇型管\φ51×6№.1\SA-210C\47M311-4-2\300MW亚临界机组</t>
  </si>
  <si>
    <t>【东方锅炉】蛇型管\φ51×6№.1\SA-210C\47M311-4-3\300MW亚临界机组</t>
  </si>
  <si>
    <t>【东方锅炉】蛇型管\φ51×6№.2\SA-210C\47M311-4-1\300MW亚临界机组</t>
  </si>
  <si>
    <t>【东方锅炉】蛇型管\φ51×6№.2\SA-210C\47M311-4-2\300MW亚临界机组</t>
  </si>
  <si>
    <t>【东方锅炉】蛇型管\φ51×6№.2\SA-210C\47M311-4-3\300MW亚临界机组</t>
  </si>
  <si>
    <t>【东方锅炉】蛇型管\φ51×6\SA-210C\82M311-14\300MW亚临界机组</t>
  </si>
  <si>
    <t>【东方锅炉】蛇型管\φ51×6\SA-210C\82M311-15\300MW亚临界机组</t>
  </si>
  <si>
    <t>【东方锅炉】蛇型管\φ51×6\SA-210C\82M311-16\300MW亚临界机组</t>
  </si>
  <si>
    <t>【东方锅炉】防磨弯板\δ4\Q215A\47M33-1\300MW亚临界机组</t>
  </si>
  <si>
    <t>【东方锅炉】防磨弯板\δ4\Q215A\47M33-2\300MW亚临界机组</t>
  </si>
  <si>
    <t>【东方锅炉】防磨弯板\δ4\Q215A\47M33-3\300MW亚临界机组</t>
  </si>
  <si>
    <t>【东方锅炉】盖板\№1\Q235A\47M33-4\300MW亚临界机组</t>
  </si>
  <si>
    <t>【东方锅炉】盖板\№2\Q235A\47M33-4\300MW亚临界机组</t>
  </si>
  <si>
    <t>【东方锅炉】盖板\№3\Q235A\47M33-4\300MW亚临界机组</t>
  </si>
  <si>
    <t>【东方锅炉】盖板\№4\Q235A\47M33-4\300MW亚临界机组</t>
  </si>
  <si>
    <t>【东方锅炉】盖板\№5\Q235A\47M33-4\300MW亚临界机组</t>
  </si>
  <si>
    <t>【东方锅炉】盖板\№6\Q235A\47M33-4\300MW亚临界机组</t>
  </si>
  <si>
    <t>【东方锅炉】盖板\№7\Q235A\47M33-4\300MW亚临界机组</t>
  </si>
  <si>
    <t>【东方锅炉】盖板\№8\Q235A\47M33-4\300MW亚临界机组</t>
  </si>
  <si>
    <t>【东方锅炉】压板\δ4\Q235A\47M33-5\300MW亚临界机组</t>
  </si>
  <si>
    <t>【东方锅炉】人孔密封圈\φ130×25\06Cr19Ni10+柔性石墨\23FS481.04-1-6\1000MW超超临界机组</t>
  </si>
  <si>
    <t>【东方锅炉】热端蓄热元件\AH600/0.5\SPCC\38YR11-1-0</t>
  </si>
  <si>
    <t>【东方锅炉】盖板\δ4\Q235A\47M33-8\300MW亚临界机组</t>
  </si>
  <si>
    <t>【东方锅炉】盖板\δ4\Q235A\47M33-9\300MW亚临界机组</t>
  </si>
  <si>
    <t>【东方锅炉】盖板\δ4\Q235A\47M33-10\300MW亚临界机组</t>
  </si>
  <si>
    <t>【东方锅炉】盖板\δ4\Q235A\47M33-11\300MW亚临界机组</t>
  </si>
  <si>
    <t>【东方锅炉】盖板\δ4\Q235A\47M33-12\300MW亚临界机组</t>
  </si>
  <si>
    <t>【东方锅炉】盖板\δ4\Q235A\47M33-13\300MW亚临界机组</t>
  </si>
  <si>
    <t>【东方锅炉】盖板\δ4\Q235A\47M33-14\300MW亚临界机组</t>
  </si>
  <si>
    <t>【东方锅炉】盖板\δ4\Q235A\47M33-15\300MW亚临界机组</t>
  </si>
  <si>
    <t>【东方锅炉】盖板\δ4\Q235A\47M33-16\300MW亚临界机组</t>
  </si>
  <si>
    <t>【东方锅炉】盖板\δ4\Q235A\47M33-17\300MW亚临界机组</t>
  </si>
  <si>
    <t>【东方锅炉】盖板\δ4\Q235A\47M33-18\300MW亚临界机组</t>
  </si>
  <si>
    <t>【东方锅炉】盖板\δ4\Q235A\47M33-19\300MW亚临界机组</t>
  </si>
  <si>
    <t>【东方锅炉】盖板\№1\Q235A\47M33-20\300MW亚临界机组</t>
  </si>
  <si>
    <t>【东方锅炉】盖板\№2\Q235A\47M33-20\300MW亚临界机组</t>
  </si>
  <si>
    <t>【东方锅炉】盖板\№3\Q235A\47M33-20\300MW亚临界机组</t>
  </si>
  <si>
    <t>【东方锅炉】盖板\№4\Q235A\47M33-20\300MW亚临界机组</t>
  </si>
  <si>
    <t>【东方锅炉】钢板\δ8 778×22\Q235A\82M61-0\300MW亚临界机组</t>
  </si>
  <si>
    <t>【东方锅炉】钢板\δ8 №1\Q235A\82M61-6-1\300MW亚临界机组</t>
  </si>
  <si>
    <t>【东方锅炉】钢板\δ8 №2\Q235A\82M61-6-1\300MW亚临界机组</t>
  </si>
  <si>
    <t>【东方锅炉】钢板\δ8 №3\Q235A\82M61-6-1\300MW亚临界机组</t>
  </si>
  <si>
    <t>【东方锅炉】钢板\δ8 778×76\Q235A\82M61-0\300MW亚临界机组</t>
  </si>
  <si>
    <t>【东方锅炉】钢板\δ8\Q235A\69M61-6-2\300MW亚临界机组</t>
  </si>
  <si>
    <t>【东方锅炉】钢板\δ20\Q235A\69M61-6-3\300MW亚临界机组</t>
  </si>
  <si>
    <t>【东方锅炉】钢板\δ20\Q235A\TG61103-2002\300MW亚临界机组</t>
  </si>
  <si>
    <t>【东方锅炉】隔板\δ12\Q235A\TG61104-2002\300MW亚临界机组</t>
  </si>
  <si>
    <t>【东方锅炉】弯板\δ8 L=644\Q235A\TG61105-2002\300MW亚临界机组</t>
  </si>
  <si>
    <t>【东方锅炉】隔板\δ12\Q235A\TG61110-2002\300MW亚临界机组</t>
  </si>
  <si>
    <t>【东方锅炉】钢板\δ8\Q235A\69M61-6-6\300MW亚临界机组</t>
  </si>
  <si>
    <t>【东方锅炉】隔板\δ12\Q235A\TG61109-2002\300MW亚临界机组</t>
  </si>
  <si>
    <t>【东方锅炉】弯板\δ8 L=1638\Q235A\TG61105-2002\300MW亚临界机组</t>
  </si>
  <si>
    <t>【东方锅炉】隔板\δ12\Q235A\TG61187-2003\300MW亚临界机组</t>
  </si>
  <si>
    <t>【东方锅炉】弯板\δ8 L=514\Q235A\TG61105-2002\300MW亚临界机组</t>
  </si>
  <si>
    <t>【东方锅炉】钢板\δ8\Q235A\69M61-6-7\300MW亚临界机组</t>
  </si>
  <si>
    <t>【东方锅炉】钢板\δ20\Q235A\TG61115-2002\300MW亚临界机组</t>
  </si>
  <si>
    <t>【东方锅炉】钢板\δ20\Q235A\TG61116-2002\300MW亚临界机组</t>
  </si>
  <si>
    <t>【东方锅炉】导流板\δ4 L=638\Q235A\TG61111-2002\300MW亚临界机组</t>
  </si>
  <si>
    <t>【东方锅炉】导流板\δ4 L=638\Q235A\TG61112-2002\300MW亚临界机组</t>
  </si>
  <si>
    <t>【东方锅炉】导流板\δ4 L=724\Q235A\TG61111-2002\300MW亚临界机组</t>
  </si>
  <si>
    <t>【东方锅炉】导流板\δ4 L=724\Q235A\TG61112-2002\300MW亚临界机组</t>
  </si>
  <si>
    <t>【东方锅炉】钢板\δ10\Q235A\82M61-6-2\300MW亚临界机组</t>
  </si>
  <si>
    <t>【东方锅炉】钢板\δ8 709×4470\Q235A\82M61-0\300MW亚临界机组</t>
  </si>
  <si>
    <t>【东方锅炉】钢板\δ6 1148×36\Q235A\82M61-0\300MW亚临界机组</t>
  </si>
  <si>
    <t>【东方锅炉】钢板\δ6\Q235A\TG61113-2002\300MW亚临界机组</t>
  </si>
  <si>
    <t>【东方锅炉】钢板\δ6 1148×74\Q235A\82M61-0\300MW亚临界机组</t>
  </si>
  <si>
    <t>【东方锅炉】钢板\δ6 1148×366\Q235A\82M61-0\300MW亚临界机组</t>
  </si>
  <si>
    <t>【东方锅炉】肋板\δ6 250×110\Q235A\DG4502-88\300MW亚临界机组</t>
  </si>
  <si>
    <t>【东方锅炉】钢板\δ6 1148×20\Q235A\82M61-0\300MW亚临界机组</t>
  </si>
  <si>
    <t>【东方锅炉】导流板\δ4 L=508\Q235A\TG61111-2002\300MW亚临界机组</t>
  </si>
  <si>
    <t>【东方锅炉】导流板\δ4 L=508\Q235A\TG61112-2002\300MW亚临界机组</t>
  </si>
  <si>
    <t>【东方锅炉】热端蓄热元件\BH600/0.5\SPCC\38YR11-2-0</t>
  </si>
  <si>
    <t>【东方锅炉】钢板\δ10\Q235A\69M61-6-11\300MW亚临界机组</t>
  </si>
  <si>
    <t>【东方锅炉】钢板\δ10\Q235A\69M61-6-12\300MW亚临界机组</t>
  </si>
  <si>
    <t>【东方锅炉】钢板\δ10\Q235A\69M61-6-13\300MW亚临界机组</t>
  </si>
  <si>
    <t>【东方锅炉】钢板\δ10\Q235A\69M61-6-14\300MW亚临界机组</t>
  </si>
  <si>
    <t>【东方锅炉】导流板\δ4 L=638\Q235A\TG61117-2002\300MW亚临界机组</t>
  </si>
  <si>
    <t>【东方锅炉】导流板\δ4 L=638\Q235A\TG61118-2002\300MW亚临界机组</t>
  </si>
  <si>
    <t>【东方锅炉】导流板\δ4 L=724\Q235A\TG61117-2002\300MW亚临界机组</t>
  </si>
  <si>
    <t>【东方锅炉】导流板\δ4 L=724\Q235A\TG61118-2002\300MW亚临界机组</t>
  </si>
  <si>
    <t>【东方锅炉】导流板\δ4 L=508\Q235A\TG61117-2002\300MW亚临界机组</t>
  </si>
  <si>
    <t>【东方锅炉】导流板\δ4 L=508\Q235A\TG61118-2002\300MW亚临界机组</t>
  </si>
  <si>
    <t>【东方锅炉】钢板\δ8 348×150\Q235A\82M61-0\300MW亚临界机组</t>
  </si>
  <si>
    <t>【东方锅炉】钢板\δ8 №4\Q235A\82M61-6-1\300MW亚临界机组</t>
  </si>
  <si>
    <t>【东方锅炉】钢板\δ8 778×42\Q235A\82M61-0\300MW亚临界机组</t>
  </si>
  <si>
    <t>【东方锅炉】钢板\δ8\Q235A\69M61-7-1\300MW亚临界机组</t>
  </si>
  <si>
    <t>【东方锅炉】弯板\δ8 L=1426\Q235A\TG61105-2002\300MW亚临界机组</t>
  </si>
  <si>
    <t>【东方锅炉】隔板\δ12\Q235A\TG61108-2002\300MW亚临界机组</t>
  </si>
  <si>
    <t>【东方锅炉】弯板\δ8 L=744\Q235A\TG61105-2002\300MW亚临界机组</t>
  </si>
  <si>
    <t>【东方锅炉】钢板\δ8\Q235A\69M61-7-4\300MW亚临界机组</t>
  </si>
  <si>
    <t>【东方锅炉】导流板\δ4 L=738\Q235A\TG61111-2002\300MW亚临界机组</t>
  </si>
  <si>
    <t>【东方锅炉】导流板\δ4 L=738\Q235A\TG61112-2002\300MW亚临界机组</t>
  </si>
  <si>
    <t>【东方锅炉】钢板\δ8 709×5482\Q235A\82M61-0\300MW亚临界机组</t>
  </si>
  <si>
    <t>【东方锅炉】钢板\δ10\Q235A\82M61-7-1\300MW亚临界机组</t>
  </si>
  <si>
    <t>【东方锅炉】钢板\δ10\Q235A\69M61-7-8\300MW亚临界机组</t>
  </si>
  <si>
    <t>【东方锅炉】导流板\δ4 L=738\Q235A\TG61117-2002\300MW亚临界机组</t>
  </si>
  <si>
    <t>【东方锅炉】导流板\δ4 L=738\Q235A\TG61118-2002\300MW亚临界机组</t>
  </si>
  <si>
    <t>【东方锅炉】钢板\δ10 250×140\Q235A\82M61-0\300MW亚临界机组</t>
  </si>
  <si>
    <t>【东方锅炉】热端蓄热元件\CH600/0.5\SPCC\38YR11-3-0</t>
  </si>
  <si>
    <t>【东方锅炉】热端蓄热元件\DH600/0.5\SPCC\38YR11-4-0</t>
  </si>
  <si>
    <t>【东方锅炉】热端蓄热元件\AH800/0.5\SPCC\38YR11-5-0</t>
  </si>
  <si>
    <t>【东方锅炉】热端蓄热元件\BH800/0.5\SPCC\38YR11-6-0</t>
  </si>
  <si>
    <t>【东方锅炉】热端蓄热元件\CH800/0.5\SPCC\38YR11-7-0</t>
  </si>
  <si>
    <t>【东方锅炉】热端蓄热元件\DH800/0.5\SPCC\38YR11-8-0</t>
  </si>
  <si>
    <t>【东方锅炉】热端蓄热元件\AH600/0.5\SPCC\110YR11-5-0</t>
  </si>
  <si>
    <t>【东方锅炉】热端蓄热元件\BH600/0.5\SPCC\110YR11-6-0</t>
  </si>
  <si>
    <t>【东方锅炉】过渡管\φ28×4/φ76×10\20G\47M711-9\300MW亚临界机组</t>
  </si>
  <si>
    <t>【东方锅炉】过渡管\φ28×4/φ60×8\20G\82M711-3\300MW亚临界机组</t>
  </si>
  <si>
    <t>【东方锅炉】过渡管\φ60×8/φ76×10\20G\82M711-4\300MW亚临界机组</t>
  </si>
  <si>
    <t>【东方锅炉】热端蓄热元件\CH600/0.5\SPCC\110YR11-7-0</t>
  </si>
  <si>
    <t>【东方锅炉】热端蓄热元件\DH600/0.5\SPCC\110YR11-8-0</t>
  </si>
  <si>
    <t>【东方锅炉】热端蓄热元件\AH800/0.5\SPCC\110YR11-1-0</t>
  </si>
  <si>
    <t>【东方锅炉】热端蓄热元件\BH800/0.5\SPCC\110YR11-2-0</t>
  </si>
  <si>
    <t>【东方锅炉】热端蓄热元件\CH800/0.5\SPCC\110YR11-3-0</t>
  </si>
  <si>
    <t>【东方锅炉】热端蓄热元件\DH800/0.5\SPCC\110YR11-4-0</t>
  </si>
  <si>
    <t>【东方锅炉】管子\φ60×6.5\20G\35J1111-1-1\150MW超高压CFB机组</t>
  </si>
  <si>
    <t>【东方锅炉】管子\φ60×6.5\20G\35J1111-1-2\150MW超高压CFB机组</t>
  </si>
  <si>
    <t>【东方锅炉】热端蓄热元件\AH600/0.5\SPCC\136YR11-1-0</t>
  </si>
  <si>
    <t>【东方锅炉】热端蓄热元件\BH600/0.5\SPCC\136YR11-2-0</t>
  </si>
  <si>
    <t>【东方锅炉】热端蓄热元件\CH600/0.5\SPCC\136YR11-3-0</t>
  </si>
  <si>
    <t>【东方锅炉】管子\φ60×6.5\20G\35J1112-1-1\150MW超高压CFB机组</t>
  </si>
  <si>
    <t>【东方锅炉】管子\φ60×6.5\20G\35J1112-1-2\150MW超高压CFB机组</t>
  </si>
  <si>
    <t>【东方锅炉】胀缩管\φ60×6.5/φ51×6\20G\35J1112-1-3\150MW超高压CFB机组</t>
  </si>
  <si>
    <t>【东方锅炉】胀缩管\φ60×6.5/φ51×6\20G\35J1112-1-4\150MW超高压CFB机组</t>
  </si>
  <si>
    <t>【东方锅炉】胀缩管\φ60×6.5/φ51×6\20G\35J1112-1-5\150MW超高压CFB机组</t>
  </si>
  <si>
    <t>【东方锅炉】胀缩管\φ60×6.5/φ51×6\20G\35J1112-1-6\150MW超高压CFB机组</t>
  </si>
  <si>
    <t>【东方锅炉】胀缩管\φ60×6.5/φ51×6\20G\35J1112-1-7\150MW超高压CFB机组</t>
  </si>
  <si>
    <t>【东方锅炉】胀缩管\φ60×6.5/φ51×6 №1\20G\35J1112-1-8\150MW超高压CFB机组</t>
  </si>
  <si>
    <t>【东方锅炉】胀缩管\φ60×6.5/φ51×6 №2\20G\35J1112-1-8\150MW超高压CFB机组</t>
  </si>
  <si>
    <t>【东方锅炉】胀缩管\φ60×6.5/φ51×6 №3\20G\35J1112-1-8\150MW超高压CFB机组</t>
  </si>
  <si>
    <t>【东方锅炉】胀缩管\φ60×6.5/φ51×6 №4\20G\35J1112-1-8\150MW超高压CFB机组</t>
  </si>
  <si>
    <t>【东方锅炉】胀缩管\φ60×6.5/φ51×6 №5\20G\35J1112-1-8\150MW超高压CFB机组</t>
  </si>
  <si>
    <t>【东方锅炉】胀缩管\φ60×6.5/φ51×6 №6\20G\35J1112-1-8\150MW超高压CFB机组</t>
  </si>
  <si>
    <t>【东方锅炉】胀缩管\φ60×6.5/φ51×6 №7\20G\35J1112-1-8\150MW超高压CFB机组</t>
  </si>
  <si>
    <t>【东方锅炉】胀缩管\φ60×6.5/φ51×6 №8\20G\35J1112-1-8\150MW超高压CFB机组</t>
  </si>
  <si>
    <t>【东方锅炉】胀缩管\φ60×6.5/φ51×6 №9\20G\35J1112-1-8\150MW超高压CFB机组</t>
  </si>
  <si>
    <t>【东方锅炉】胀缩管\φ60×6.5/φ51×6 №10\20G\35J1112-1-8\150MW超高压CFB机组</t>
  </si>
  <si>
    <t>【东方锅炉】胀缩管\φ60×6.5/φ51×6 №11\20G\35J1112-1-8\150MW超高压CFB机组</t>
  </si>
  <si>
    <t>【东方锅炉】胀缩管\φ60×6.5/φ51×6 №12\20G\35J1112-1-8\150MW超高压CFB机组</t>
  </si>
  <si>
    <t>【东方锅炉】胀缩管\φ60×6.5/φ51×6 №1\20G\35J1112-1-9\150MW超高压CFB机组</t>
  </si>
  <si>
    <t>【东方锅炉】胀缩管\φ60×6.5/φ51×6 №2\20G\35J1112-1-9\150MW超高压CFB机组</t>
  </si>
  <si>
    <t>【东方锅炉】胀缩管\φ60×6.5/φ51×6 №3\20G\35J1112-1-9\150MW超高压CFB机组</t>
  </si>
  <si>
    <t>【东方锅炉】胀缩管\φ60×6.5/φ51×6 №4\20G\35J1112-1-9\150MW超高压CFB机组</t>
  </si>
  <si>
    <t>【东方锅炉】胀缩管\φ60×6.5/φ51×6 №5\20G\35J1112-1-9\150MW超高压CFB机组</t>
  </si>
  <si>
    <t>【东方锅炉】胀缩管\φ60×6.5/φ51×6 №6\20G\35J1112-1-9\150MW超高压CFB机组</t>
  </si>
  <si>
    <t>【东方锅炉】胀缩管\φ60×6.5/φ51×6 №7\20G\35J1112-1-9\150MW超高压CFB机组</t>
  </si>
  <si>
    <t>【东方锅炉】胀缩管\φ60×6.5/φ51×6\20G\35J1112-1-10\150MW超高压CFB机组</t>
  </si>
  <si>
    <t>【东方锅炉】胀缩管\φ60×6.5/φ51×6\20G\35J1112-1-11\150MW超高压CFB机组</t>
  </si>
  <si>
    <t>【东方锅炉】胀缩管\φ60×6.5/φ51×6\20G\35J1112-1-12\150MW超高压CFB机组</t>
  </si>
  <si>
    <t>【东方锅炉】胀缩管\φ60×6.5/φ51×6\20G\35J1112-1-13\150MW超高压CFB机组</t>
  </si>
  <si>
    <t>【东方锅炉】胀缩管\φ60×6.5/φ51×6\20G\35J1112-1-14\150MW超高压CFB机组</t>
  </si>
  <si>
    <t>【东方锅炉】胀缩管\φ60×6.5/φ51×6\20G\35J1112-1-15\150MW超高压CFB机组</t>
  </si>
  <si>
    <t>【东方锅炉】胀缩管\φ60×6.5/φ51×6\20G\35J1112-1-16\150MW超高压CFB机组</t>
  </si>
  <si>
    <t>【东方锅炉】胀缩管\φ60×6.5/φ51×6\20G\35J1112-1-17\150MW超高压CFB机组</t>
  </si>
  <si>
    <t>【东方锅炉】梳型板\δ6\20g\35J1112-1-19\150MW超高压CFB机组</t>
  </si>
  <si>
    <t>【东方锅炉】销钉\φ10 L=23(焊后长)\20#\35J1112-0\150MW超高压CFB机组</t>
  </si>
  <si>
    <t>【东方锅炉】热端蓄热元件\DH600/0.5\SPCC\136YR11-4-0</t>
  </si>
  <si>
    <t>【东方锅炉】热端蓄热元件\AH1000/0.5\SPCC\136YR11-5-0</t>
  </si>
  <si>
    <t>【东方锅炉】钢板\δ6 1000×2000\20#\35J1112-0\150MW超高压CFB机组</t>
  </si>
  <si>
    <t>【东方锅炉】扁钢\δ6\20#\35J1112-1-21\150MW超高压CFB机组</t>
  </si>
  <si>
    <t>【东方锅炉】热端蓄热元件\BH1000/0.5\SPCC\136YR11-6-0</t>
  </si>
  <si>
    <t>【东方锅炉】热端蓄热元件\CH1000/0.5\SPCC\136YR11-7-0</t>
  </si>
  <si>
    <t>【东方锅炉】热端蓄热元件\DH1000/0.5\SPCC\136YR11-8-0</t>
  </si>
  <si>
    <t>【东方锅炉】热端蓄热元件\AH1150/0.6\SPCC\TYA00086-1-0</t>
  </si>
  <si>
    <t>【东方锅炉】热端蓄热元件\BH1150/0.6\SPCC\TYA00086-2-0</t>
  </si>
  <si>
    <t>【东方锅炉】胀缩管\φ60×6.5/φ51×6\20G\35J1112-2-1\150MW超高压CFB机组</t>
  </si>
  <si>
    <t>【东方锅炉】胀缩管\φ60×6.5/φ51×6\20G\35J1112-2-2\150MW超高压CFB机组</t>
  </si>
  <si>
    <t>【东方锅炉】胀缩管\φ60×6.5/φ51×6\20G\35J1112-2-3\150MW超高压CFB机组</t>
  </si>
  <si>
    <t>【东方锅炉】胀缩管\φ60×6.5/φ51×6\20G\35J1112-2-4\150MW超高压CFB机组</t>
  </si>
  <si>
    <t>【东方锅炉】胀缩管\φ60×6.5/φ51×6\20G\35J1112-2-5\150MW超高压CFB机组</t>
  </si>
  <si>
    <t>【东方锅炉】胀缩管\φ60×6.5/φ51×6\20G\35J1112-2-6\150MW超高压CFB机组</t>
  </si>
  <si>
    <t>【东方锅炉】胀缩管\φ60×6.5/φ51×6\20G\35J1112-2-7\150MW超高压CFB机组</t>
  </si>
  <si>
    <t>【东方锅炉】胀缩管\φ60×6.5/φ51×6\20G\35J1112-2-8\150MW超高压CFB机组</t>
  </si>
  <si>
    <t>【东方锅炉】胀缩管\φ60×6.5/φ51×6\20G\35J1112-2-9\150MW超高压CFB机组</t>
  </si>
  <si>
    <t>【东方锅炉】热端蓄热元件\CH1150/0.6\SPCC\TYA00086-3-0</t>
  </si>
  <si>
    <t>【东方锅炉】热端蓄热元件\DH1150/0.6\SPCC\TYA00086-4-0</t>
  </si>
  <si>
    <t>【东方锅炉】梳型板\δ6\20g\35J1112-2-10\150MW超高压CFB机组</t>
  </si>
  <si>
    <t>【东方锅炉】扁钢\δ6 120×300\20#\35J1112-0\150MW超高压CFB机组</t>
  </si>
  <si>
    <t>【东方锅炉】管子\φ60×6.5\20G\35J1112-3-1\150MW超高压CFB机组</t>
  </si>
  <si>
    <t>【东方锅炉】胀缩管\φ60×6.5/φ51×6\20G\35J1113-1-1\150MW超高压CFB机组</t>
  </si>
  <si>
    <t>【东方锅炉】扁钢\δ6\20#\35J1113-1-2\150MW超高压CFB机组</t>
  </si>
  <si>
    <t>【东方锅炉】扁钢\δ6\20#\35J1113-1-3\150MW超高压CFB机组</t>
  </si>
  <si>
    <t>【东方锅炉】塞块\δ4 №1\20#\35J1113-1-4\150MW超高压CFB机组</t>
  </si>
  <si>
    <t>【东方锅炉】热端蓄热元件\AH1000/0.5\SPCC\199YR11-1-0</t>
  </si>
  <si>
    <t>【东方锅炉】胀缩管\φ60×6.5/φ51×6\20G\35J1113-2-1\150MW超高压CFB机组</t>
  </si>
  <si>
    <t>【东方锅炉】热端蓄热元件\BH1000/0.5\SPCC\199YR11-2-0</t>
  </si>
  <si>
    <t>【东方锅炉】塞块\δ4 №2\20#\35J1113-1-4\150MW超高压CFB机组</t>
  </si>
  <si>
    <t>【东方锅炉】梳型板\δ14\20g\35J1113-3-1\150MW超高压CFB机组</t>
  </si>
  <si>
    <t>【东方锅炉】管子\φ60×6.5\20G\35J1113-0\150MW超高压CFB机组</t>
  </si>
  <si>
    <t>【东方锅炉】扁钢\δ6\20#\35J1113-3-2\150MW超高压CFB机组</t>
  </si>
  <si>
    <t>【东方锅炉】胀缩管\φ60×6.5/φ51×6\20G\35J1115-1-1\150MW超高压CFB机组</t>
  </si>
  <si>
    <t>【东方锅炉】管子\φ60×6.5\20G\35J1115-1-2\150MW超高压CFB机组</t>
  </si>
  <si>
    <t>【东方锅炉】胀缩管\φ60×6.5/φ51×6\20G\35J1115-1-3\150MW超高压CFB机组</t>
  </si>
  <si>
    <t>【东方锅炉】胀缩管\φ60×6.5/φ51×6\20G\35J1115-1-4\150MW超高压CFB机组</t>
  </si>
  <si>
    <t>【东方锅炉】热端蓄热元件\CH1000/0.5\SPCC\199YR11-3-0</t>
  </si>
  <si>
    <t>【东方锅炉】梳型弯板\δ6\20#\35J1115-1-7\150MW超高压CFB机组</t>
  </si>
  <si>
    <t>【东方锅炉】热端蓄热元件\DH1000/0.5\SPCC\199YR11-4-0</t>
  </si>
  <si>
    <t>【东方锅炉】热端蓄热元件\AH1000/0.5\SPCC\TYA00047-1-0</t>
  </si>
  <si>
    <t>【东方锅炉】钢板\δ6 180×200\20#\35J1115-0\150MW超高压CFB机组</t>
  </si>
  <si>
    <t>【东方锅炉】梳型弯板\δ6\20#\35J1115-2-2\150MW超高压CFB机组</t>
  </si>
  <si>
    <t>【东方锅炉】胀缩管\φ60×6.5/φ51×6\20G\35J1115-2-3\150MW超高压CFB机组</t>
  </si>
  <si>
    <t>【东方锅炉】管子\φ60×6.5\20G\35J1115-3-1\150MW超高压CFB机组</t>
  </si>
  <si>
    <t>【东方锅炉】管子\φ60×6.5\20G\35J1115-3-2\150MW超高压CFB机组</t>
  </si>
  <si>
    <t>【东方锅炉】钢板\δ20 340×480\Q345B\35J1115-0\150MW超高压CFB机组</t>
  </si>
  <si>
    <t>【东方锅炉】胀缩管\φ60×6.5/φ51×6\20G\35J1115A-1-1\150MW超高压CFB机组</t>
  </si>
  <si>
    <t>【东方锅炉】管子\φ60×6.5\20G\35J1115A-1-2\150MW超高压CFB机组</t>
  </si>
  <si>
    <t>【东方锅炉】胀缩管\φ60×6.5/φ51×6\20G\35J1115A-1-3\150MW超高压CFB机组</t>
  </si>
  <si>
    <t>【东方锅炉】胀缩管\φ60×6.5/φ51×6\20G\35J1115A-1-4\150MW超高压CFB机组</t>
  </si>
  <si>
    <t>【东方锅炉】管子\φ60×6.5 L=3268.1\20G\35J1115A-1-5\150MW超高压CFB机组</t>
  </si>
  <si>
    <t>【东方锅炉】管子\φ60×6.5\20G\35J1115A-1-5\150MW超高压CFB机组</t>
  </si>
  <si>
    <t>【东方锅炉】梳型弯板\δ6\20#\35J1115A-1-7\150MW超高压CFB机组</t>
  </si>
  <si>
    <t>【东方锅炉】热端蓄热元件\BH1000/0.5\SPCC\TYA00047-2-0</t>
  </si>
  <si>
    <t>【东方锅炉】管子\φ60×6.5 L=3398.3\20G\35J1115A-2-1\150MW超高压CFB机组</t>
  </si>
  <si>
    <t>【东方锅炉】管子\φ60×6.5\20G\35J1115A-2-1\150MW超高压CFB机组</t>
  </si>
  <si>
    <t>【东方锅炉】梳型弯板\δ6\20#\35J1115A-2-2\150MW超高压CFB机组</t>
  </si>
  <si>
    <t>【东方锅炉】胀缩管\φ60×6.5/φ51×6\20G\35J1115A-2-3\150MW超高压CFB机组</t>
  </si>
  <si>
    <t>【东方锅炉】胀缩管\φ60×6.5/φ51×6\20G\35J1115A-2-4\150MW超高压CFB机组</t>
  </si>
  <si>
    <t>【东方锅炉】胀缩管\φ60×6.5/φ51×6\20G\35J1115A-2-5\150MW超高压CFB机组</t>
  </si>
  <si>
    <t>【东方锅炉】胀缩管\φ60×6.5/φ51×6\20G\35J1115A-2-6\150MW超高压CFB机组</t>
  </si>
  <si>
    <t>【东方锅炉】胀缩管\φ60×6.5/φ51×6\20G\35J1115A-2-7\150MW超高压CFB机组</t>
  </si>
  <si>
    <t>【东方锅炉】热端蓄热元件\CH1000/0.5\SPCC\TYA00047-3-0</t>
  </si>
  <si>
    <t>【东方锅炉】钢板\δ6 400×750\20#\35J1115-0\150MW超高压CFB机组</t>
  </si>
  <si>
    <t>【东方锅炉】管子\φ60×6.5\20G\35J1115A-3-1\150MW超高压CFB机组</t>
  </si>
  <si>
    <t>【东方锅炉】管子\φ60×6.5\20G\35J1115A-3-2\150MW超高压CFB机组</t>
  </si>
  <si>
    <t>【东方锅炉】胀缩管\φ60×6.5/φ51×6\20G\33J1121-1-2\135MW超高压CFB机组</t>
  </si>
  <si>
    <t>【东方锅炉】热端蓄热元件\DH1000/0.5\SPCC\TYA00047-4-0</t>
  </si>
  <si>
    <t>【东方锅炉】扁钢\δ6\20#\35J1121-1-1\150MW超高压CFB机组</t>
  </si>
  <si>
    <t>【东方锅炉】扁钢\δ6\20#\33J1121-1-4\135MW超高压CFB机组</t>
  </si>
  <si>
    <t>【东方锅炉】扁钢\δ6\20#\35J1121-1-2\150MW超高压CFB机组</t>
  </si>
  <si>
    <t>【东方锅炉】胀缩管\φ60×6.5/φ51×6\20G\35J1121-2-1\150MW超高压CFB机组</t>
  </si>
  <si>
    <t>【东方锅炉】胀缩管\φ60×6.5/φ51×6\20G\35J1121-2-2\150MW超高压CFB机组</t>
  </si>
  <si>
    <t>【东方锅炉】热端蓄热元件\AH600/0.5\SPCC\TYA00054-1-0</t>
  </si>
  <si>
    <t>【东方锅炉】胀缩管\φ60×6.5/φ51×6\20G\33J1121-3-1\135MW超高压CFB机组</t>
  </si>
  <si>
    <t>【东方锅炉】胀缩管\φ60×6.5/φ51×6\20G\33J1121-3-2\135MW超高压CFB机组</t>
  </si>
  <si>
    <t>【东方锅炉】热端蓄热元件\BH600/0.5\SPCC\TYA00054-2-0</t>
  </si>
  <si>
    <t>【东方锅炉】管子\φ60×6.5\20G\33J1121-6-1\135MW超高压CFB机组</t>
  </si>
  <si>
    <t>【东方锅炉】管子\φ60×6.5\20G\33J1121-6-5\135MW超高压CFB机组</t>
  </si>
  <si>
    <t>【东方锅炉】管子\φ60×6.5\20G\33J1121-6-6\135MW超高压CFB机组</t>
  </si>
  <si>
    <t>【东方锅炉】管子\φ60×6.5\20G\33J1121-6-7\135MW超高压CFB机组</t>
  </si>
  <si>
    <t>【东方锅炉】管子\φ60×6.5\20G\33J1121-6-8\135MW超高压CFB机组</t>
  </si>
  <si>
    <t>【东方锅炉】管子\φ60×6.5\20G\33J1121-6-9\135MW超高压CFB机组</t>
  </si>
  <si>
    <t>【东方锅炉】管子\φ60×6.5\20G\33J1121-6-10\135MW超高压CFB机组</t>
  </si>
  <si>
    <t>【东方锅炉】管子\φ60×6.5\20G\33J1121-6-11\135MW超高压CFB机组</t>
  </si>
  <si>
    <t>【东方锅炉】管子\φ60×6.5\20G\33J1121-6-12\135MW超高压CFB机组</t>
  </si>
  <si>
    <t>【东方锅炉】管子\φ60×6.5\20G\33J1121-6-13\135MW超高压CFB机组</t>
  </si>
  <si>
    <t>【东方锅炉】热端蓄热元件\CH600/0.5\SPCC\TYA00054-3-0</t>
  </si>
  <si>
    <t>【东方锅炉】热端蓄热元件\DH600/0.5\SPCC\TYA00054-4-0</t>
  </si>
  <si>
    <t>【东方锅炉】钢板\δ6 400×750\20#\35J1121-0\150MW超高压CFB机组</t>
  </si>
  <si>
    <t>【东方锅炉】热端蓄热元件\AH300/0.5\SPCC\TYA00058-1-0</t>
  </si>
  <si>
    <t>【东方锅炉】热端蓄热元件\BH300/0.5\SPCC\TYA00058-2-0</t>
  </si>
  <si>
    <t>【东方锅炉】塞块\δ4\20#\33J1121-6-18\135MW超高压CFB机组</t>
  </si>
  <si>
    <t>【东方锅炉】圆钢\φ6 L=10m\20#\35J1121-0\150MW超高压CFB机组</t>
  </si>
  <si>
    <t>【东方锅炉】塞块\δ4\20#\33J1121-6-20\135MW超高压CFB机组</t>
  </si>
  <si>
    <t>【东方锅炉】管子\φ60×6.5\20G\35J1121-6-1\150MW超高压CFB机组</t>
  </si>
  <si>
    <t>【东方锅炉】管子\φ60×6.5\20G\33J1121-6-3\135MW超高压CFB机组</t>
  </si>
  <si>
    <t>【东方锅炉】管子\φ60×6.5\20G\33J1121-6-4\135MW超高压CFB机组</t>
  </si>
  <si>
    <t>【东方锅炉】管子\φ60×6.5\20G\33J1121-7-2\135MW超高压CFB机组</t>
  </si>
  <si>
    <t>【东方锅炉】热端蓄热元件\CH300/0.5\SPCC\TYA00058-3-0</t>
  </si>
  <si>
    <t>【东方锅炉】热端蓄热元件\DH300/0.5\SPCC\TYA00058-4-0</t>
  </si>
  <si>
    <t>【东方锅炉】圆钢\φ6 L=5m\20#\35J1121-0\150MW超高压CFB机组</t>
  </si>
  <si>
    <t>【东方锅炉】热端蓄热元件\AH400/0.5\SPCC\202YR11-1-0</t>
  </si>
  <si>
    <t>【东方锅炉】钢板\δ6 1000×750\20#\35J1121-0\150MW超高压CFB机组</t>
  </si>
  <si>
    <t>【东方锅炉】端盖\φ270\Q235A\33J1121-7-6\135MW超高压CFB机组</t>
  </si>
  <si>
    <t>【东方锅炉】钢板\δ6 146×810\12Cr1MoV\35J1121-0\150MW超高压CFB机组</t>
  </si>
  <si>
    <t>【东方锅炉】钢板\δ6 360×850\12Cr1MoV\35J1121-0\150MW超高压CFB机组</t>
  </si>
  <si>
    <t>【东方锅炉】梳型板\δ6\12Cr1MoV\33J1121-7-11\135MW超高压CFB机组</t>
  </si>
  <si>
    <t>【东方锅炉】热端蓄热元件\BH400/0.5\SPCC\202YR11-2-0</t>
  </si>
  <si>
    <t>【东方锅炉】管子\φ60×6.5\20G\33J1121-7-1\135MW超高压CFB机组</t>
  </si>
  <si>
    <t>【东方锅炉】管子\φ60×6.5\20G\33J1121-6-2\135MW超高压CFB机组</t>
  </si>
  <si>
    <t>【东方锅炉】热端蓄热元件\CH400/0.5\SPCC\202YR11-3-0</t>
  </si>
  <si>
    <t>【东方锅炉】胀缩管\φ60×6.5/φ51×6\20G\35J1122-1-1\150MW超高压CFB机组</t>
  </si>
  <si>
    <t>【东方锅炉】胀缩管\φ60×6.5/φ51×6\20G\29J1122-1-2\135MW超高压CFB机组</t>
  </si>
  <si>
    <t>【东方锅炉】胀缩管\φ60×6.5/φ51×6\20G\29J1122-1-4\135MW超高压CFB机组</t>
  </si>
  <si>
    <t>【东方锅炉】胀缩管\φ60×6.5/φ51×6\20G\35J1122-1-2\150MW超高压CFB机组</t>
  </si>
  <si>
    <t>【东方锅炉】胀缩管\φ60×6.5/φ51×6\20G\35J1122-1-3\150MW超高压CFB机组</t>
  </si>
  <si>
    <t>【东方锅炉】胀缩管\φ60×6.5/φ51×6\20G\35J1122-1-4\150MW超高压CFB机组</t>
  </si>
  <si>
    <t>【东方锅炉】胀缩管\φ60×6.5/φ51×6\20G\29J1122-1-7\135MW超高压CFB机组</t>
  </si>
  <si>
    <t>【东方锅炉】胀缩管\φ60×6.5/φ51×6\20G\29J1122-1-8\135MW超高压CFB机组</t>
  </si>
  <si>
    <t>【东方锅炉】胀缩管\φ60×6.5/φ51×6\20G\29J1122-1-9\135MW超高压CFB机组</t>
  </si>
  <si>
    <t>【东方锅炉】胀缩管\φ60×6.5/φ51×6\20G\29J1122-1-10\135MW超高压CFB机组</t>
  </si>
  <si>
    <t>【东方锅炉】胀缩管\φ60×6.5/φ51×6\20G\29J1122-1-11\135MW超高压CFB机组</t>
  </si>
  <si>
    <t>【东方锅炉】胀缩管\φ60×6.5/φ51×6\20G\29J1122-1-12\135MW超高压CFB机组</t>
  </si>
  <si>
    <t>【东方锅炉】胀缩管\φ60×6.5/φ51×6\20G\29J1122-1-13\135MW超高压CFB机组</t>
  </si>
  <si>
    <t>【东方锅炉】胀缩管\φ60×6.5/φ51×6\20G\29J1122-1-14\135MW超高压CFB机组</t>
  </si>
  <si>
    <t>【东方锅炉】胀缩管\φ60×6.5/φ51×6\20G\29J1122-1-15\135MW超高压CFB机组</t>
  </si>
  <si>
    <t>【东方锅炉】胀缩管\φ60×6.5/φ51×6\20G\29J1122-1-16\135MW超高压CFB机组</t>
  </si>
  <si>
    <t>【东方锅炉】热端蓄热元件\DH400/0.5\SPCC\202YR11-4-0</t>
  </si>
  <si>
    <t>【东方锅炉】钢板\δ6 1000×2000\20#\35J1122-0\150MW超高压CFB机组</t>
  </si>
  <si>
    <t>【东方锅炉】扁钢\δ6 №1\20#\35J1122-1-6\150MW超高压CFB机组</t>
  </si>
  <si>
    <t>【东方锅炉】扁钢\δ6 №2\20#\35J1122-1-6\150MW超高压CFB机组</t>
  </si>
  <si>
    <t>【东方锅炉】扁钢\δ6 №3\20#\35J1122-1-6\150MW超高压CFB机组</t>
  </si>
  <si>
    <t>【东方锅炉】扁钢\δ6 №1\20#\35J1122-1-7\150MW超高压CFB机组</t>
  </si>
  <si>
    <t>【东方锅炉】扁钢\δ6 №2\20#\35J1122-1-7\150MW超高压CFB机组</t>
  </si>
  <si>
    <t>【东方锅炉】扁钢\δ6 №3\20#\35J1122-1-7\150MW超高压CFB机组</t>
  </si>
  <si>
    <t>【东方锅炉】钢板\δ16 320×350\20#\35J1122-0\150MW超高压CFB机组</t>
  </si>
  <si>
    <t>【东方锅炉】塞块\δ4\20#\29J1122-1-18\135MW超高压CFB机组</t>
  </si>
  <si>
    <t>【东方锅炉】胀缩管\φ60×6.5/φ51×6\20G\35J1122-2-1\150MW超高压CFB机组</t>
  </si>
  <si>
    <t>【东方锅炉】胀缩管\φ60×6.5/φ51×6\20G\35J1122-2-2\150MW超高压CFB机组</t>
  </si>
  <si>
    <t>【东方锅炉】胀缩管\φ60×6.5/φ51×6\20G\35J1122-2-3\150MW超高压CFB机组</t>
  </si>
  <si>
    <t>【东方锅炉】胀缩管\φ60×6.5/φ51×6\20G\29J1122-3-7\135MW超高压CFB机组</t>
  </si>
  <si>
    <t>【东方锅炉】胀缩管\φ60×6.5/φ51×6\20G\35J1122-2-4\150MW超高压CFB机组</t>
  </si>
  <si>
    <t>【东方锅炉】胀缩管\φ60×6.5/φ51×6\20G\29J1122-2-2\135MW超高压CFB机组</t>
  </si>
  <si>
    <t>【东方锅炉】钢板\δ6 650×400\20#\35J1122-0\150MW超高压CFB机组</t>
  </si>
  <si>
    <t>【东方锅炉】热端蓄热元件\AH350/0.5\SPCC\272YR11-1-0</t>
  </si>
  <si>
    <t>【东方锅炉】热端蓄热元件\BH350/0.5\SPCC\272YR11-2-0</t>
  </si>
  <si>
    <t>【东方锅炉】胀缩管\φ60×6.5/φ51×6\20G\29J1122-1-3\135MW超高压CFB机组</t>
  </si>
  <si>
    <t>【东方锅炉】胀缩管\φ60×6.5/φ51×6\20G\35J1122-3-1\150MW超高压CFB机组</t>
  </si>
  <si>
    <t>【东方锅炉】胀缩管\φ60×6.5/φ51×6\20G\35J1122-3-2\150MW超高压CFB机组</t>
  </si>
  <si>
    <t>【东方锅炉】胀缩管\φ60×6.5/φ51×6\20G\35J1122-3-3\150MW超高压CFB机组</t>
  </si>
  <si>
    <t>【东方锅炉】胀缩管\φ60×6.5/φ51×6\20G\35J1122-3-4\150MW超高压CFB机组</t>
  </si>
  <si>
    <t>【东方锅炉】胀缩管\φ60×6.5/φ51×6\20G\35J1122-3-5\150MW超高压CFB机组</t>
  </si>
  <si>
    <t>【东方锅炉】胀缩管\φ60×6.5/φ51×6\20G\35J1122-3-6\150MW超高压CFB机组</t>
  </si>
  <si>
    <t>【东方锅炉】胀缩管\φ60×6.5/φ51×6\20G\35J1122-3-7\150MW超高压CFB机组</t>
  </si>
  <si>
    <t>【东方锅炉】胀缩管\φ60×6.5/φ51×6\20G\35J1122-3-8\150MW超高压CFB机组</t>
  </si>
  <si>
    <t>【东方锅炉】热端蓄热元件\CH350/0.5\SPCC\272YR11-3-0</t>
  </si>
  <si>
    <t>【东方锅炉】热端蓄热元件\DH350/0.5\SPCC\272YR11-4-0</t>
  </si>
  <si>
    <t>【东方锅炉】热端蓄热元件\EH350/0.5\SPCC\272YR11-5-0</t>
  </si>
  <si>
    <t>【东方锅炉】热端蓄热元件\AH800/0.5\SPCC\106YR11-1-0</t>
  </si>
  <si>
    <t>【东方锅炉】胀缩管\φ60×6.5/φ51×6\20G\35J1122-4-1\150MW超高压CFB机组</t>
  </si>
  <si>
    <t>【东方锅炉】胀缩管\φ60×6.5/φ51×6\20G\35J1122-4-2\150MW超高压CFB机组</t>
  </si>
  <si>
    <t>【东方锅炉】胀缩管\φ60×6.5/φ51×6\20G\35J1122-4-3\150MW超高压CFB机组</t>
  </si>
  <si>
    <t>【东方锅炉】钢板\δ6 1500×600\20#\35J1122-0\150MW超高压CFB机组</t>
  </si>
  <si>
    <t>【东方锅炉】热端蓄热元件\BH800/0.5\SPCC\106YR11-2-0</t>
  </si>
  <si>
    <t>【东方锅炉】管子\φ60×6.5\20G\35J1131-2-1\150MW超高压CFB机组</t>
  </si>
  <si>
    <t>【东方锅炉】热端蓄热元件\CH800/0.5\SPCC\106YR11-3-0</t>
  </si>
  <si>
    <t>【东方锅炉】管子\φ60×6.5\20G\35J1131-5-1\150MW超高压CFB机组</t>
  </si>
  <si>
    <t>【东方锅炉】管子\φ60×6.5\20G\35J1131-5-2\150MW超高压CFB机组</t>
  </si>
  <si>
    <t>【东方锅炉】管子\φ51×7\20G\29J2141-1-1\135MW超高压CFB机组</t>
  </si>
  <si>
    <t>【东方锅炉】管子\φ51×7\20G\29J2141-1-2\135MW超高压CFB机组</t>
  </si>
  <si>
    <t>【东方锅炉】管子\φ63.5×12 L=4817\15CrMoG\29J2141-1-3\135MW超高压CFB机组</t>
  </si>
  <si>
    <t>【东方锅炉】胀缩管\φ63.5×12/φ51×7\15CrMoG\29J2141-1-4\135MW超高压CFB机组</t>
  </si>
  <si>
    <t>【东方锅炉】热端蓄热元件\DH800/0.5\SPCC\106YR11-4-0</t>
  </si>
  <si>
    <t>【东方锅炉】管子\φ51×7\20G\29J2141-1-5\135MW超高压CFB机组</t>
  </si>
  <si>
    <t>【东方锅炉】管子\φ51×7\20G\29J2141-1-6\135MW超高压CFB机组</t>
  </si>
  <si>
    <t>【东方锅炉】热端蓄热元件\EH800/0.5\SPCC\106YR11-5-0</t>
  </si>
  <si>
    <t>【东方锅炉】热端蓄热元件\AH300/0.5\SPCC\106YR11-6-0</t>
  </si>
  <si>
    <t>【东方锅炉】钢板\δ6 300×390\20#\35J2141-0\150MW超高压CFB机组</t>
  </si>
  <si>
    <t>【东方锅炉】钢板\δ6 22.7×100\20#\35J2141-0\150MW超高压CFB机组</t>
  </si>
  <si>
    <t>【东方锅炉】钢板\δ6 29×100\20#\35J2141-0\150MW超高压CFB机组</t>
  </si>
  <si>
    <t>【东方锅炉】支承块\δ10\ZG1Cr20Ni14Si2\29J2141-1-7\135MW超高压CFB机组</t>
  </si>
  <si>
    <t>【东方锅炉】钢板\δ6 2200×300\20#\35J2141-0\150MW超高压CFB机组</t>
  </si>
  <si>
    <t>【东方锅炉】热端蓄热元件\BH300/0.5\SPCC\106YR11-7-0</t>
  </si>
  <si>
    <t>【东方锅炉】钢板\δ6 2400×300\20#\35J2141-0\150MW超高压CFB机组</t>
  </si>
  <si>
    <t>【东方锅炉】钢板\δ6 300×300\20#\35J2141-0\150MW超高压CFB机组</t>
  </si>
  <si>
    <t>【东方锅炉】管子\φ51×7\20G\29J2142-1-1\135MW超高压CFB机组</t>
  </si>
  <si>
    <t>【东方锅炉】管子\φ51×7\20G\29J2142-1-2\135MW超高压CFB机组</t>
  </si>
  <si>
    <t>【东方锅炉】热端蓄热元件\CH300/0.5\SPCC\106YR11-8-0</t>
  </si>
  <si>
    <t>【东方锅炉】管子\φ51×6\20G\35J2143-1-1\150MW超高压CFB机组</t>
  </si>
  <si>
    <t>【东方锅炉】梳型板\δ10\20g\29J2143-1-2\135MW超高压CFB机组</t>
  </si>
  <si>
    <t>【东方锅炉】热端蓄热元件\DH300/0.5\SPCC\106YR11-9-0</t>
  </si>
  <si>
    <t>【东方锅炉】塞块\δ4\20#\29J2143-1-3\135MW超高压CFB机组</t>
  </si>
  <si>
    <t>【东方锅炉】管子\φ51×6\20G\35J2143-2-1\150MW超高压CFB机组</t>
  </si>
  <si>
    <t>【东方锅炉】管子\φ51×6\20G\29J2143-2-2\135MW超高压CFB机组</t>
  </si>
  <si>
    <t>【东方锅炉】管子\φ51×6\20G\29J2143-2-3\135MW超高压CFB机组</t>
  </si>
  <si>
    <t>【东方锅炉】管子\φ51×6\20G\29J2143-2-4\135MW超高压CFB机组</t>
  </si>
  <si>
    <t>【东方锅炉】热端蓄热元件\EH300/0.5\SPCC\106YR11-10-0</t>
  </si>
  <si>
    <t>【东方锅炉】管子\φ51×6\20G\35J2143-3-1\150MW超高压CFB机组</t>
  </si>
  <si>
    <t>【东方锅炉】管子\φ51×6\20G\29J2143-3-2\135MW超高压CFB机组</t>
  </si>
  <si>
    <t>【东方锅炉】管子\φ51×6\20G\29J2143-3-3\135MW超高压CFB机组</t>
  </si>
  <si>
    <t>【东方锅炉】管子\φ51×6\20G\29J2143-3-4\135MW超高压CFB机组</t>
  </si>
  <si>
    <t>【东方锅炉】管子\φ51×6\20G\35J2143-4-1\150MW超高压CFB机组</t>
  </si>
  <si>
    <t>【东方锅炉】管子\φ51×6\20G\29J2143-4-2\135MW超高压CFB机组</t>
  </si>
  <si>
    <t>【东方锅炉】管子\φ51×6\20G\29J2143-4-3\135MW超高压CFB机组</t>
  </si>
  <si>
    <t>【东方锅炉】管子\φ51×6\20G\29J2143-4-4\135MW超高压CFB机组</t>
  </si>
  <si>
    <t>【东方锅炉】管子\φ51×7\20G\35J2145-1-1\150MW超高压CFB机组</t>
  </si>
  <si>
    <t>【东方锅炉】管子\φ51×7\20G\35J2145-1-2\150MW超高压CFB机组</t>
  </si>
  <si>
    <t>【东方锅炉】管子\φ51×7\20G\35J2145-1-3\150MW超高压CFB机组</t>
  </si>
  <si>
    <t>【东方锅炉】管子\φ51×7\20G\35J2145-1-4\150MW超高压CFB机组</t>
  </si>
  <si>
    <t>【东方锅炉】热端蓄热元件\AH1200/0.5\SPCC\TYA00031-1-0</t>
  </si>
  <si>
    <t>【东方锅炉】过渡管\φ63.5×12/φ51×7\15CrMoG\35J2145-1-6\150MW超高压CFB机组</t>
  </si>
  <si>
    <t>【东方锅炉】钢板\δ6 22×100\20#\35J2145-0\150MW超高压CFB机组</t>
  </si>
  <si>
    <t>【东方锅炉】钢板\δ6 320×400\20#\35J2145-0\150MW超高压CFB机组</t>
  </si>
  <si>
    <t>【东方锅炉】钢板\δ6 270×3800\20#\35J2145-0\150MW超高压CFB机组</t>
  </si>
  <si>
    <t>【东方锅炉】支承块\δ10\ZG1Cr20Ni14Si2\35J2145-1-7\150MW超高压CFB机组</t>
  </si>
  <si>
    <t>【东方锅炉】钢板\δ6\20#\35J2145-1-8\150MW超高压CFB机组</t>
  </si>
  <si>
    <t>【东方锅炉】钢板\δ6\20#\35J2145-1-9\150MW超高压CFB机组</t>
  </si>
  <si>
    <t>【东方锅炉】钢板\δ6 270×4600\20#\35J2145-0\150MW超高压CFB机组</t>
  </si>
  <si>
    <t>【东方锅炉】钢板\δ6 270×320\20#\35J2145-0\150MW超高压CFB机组</t>
  </si>
  <si>
    <t>【东方锅炉】管子\φ51×7\15CrMoG\35J2147-1-1\150MW超高压CFB机组</t>
  </si>
  <si>
    <t>【东方锅炉】管子\φ51×7\15CrMoG\35J2147-1-2\150MW超高压CFB机组</t>
  </si>
  <si>
    <t>【东方锅炉】管子\φ51×7\15CrMoG\35J2147-1-3\150MW超高压CFB机组</t>
  </si>
  <si>
    <t>【东方锅炉】热端蓄热元件\BH1200/0.5\SPCC\TYA00031-2-0</t>
  </si>
  <si>
    <t>【东方锅炉】钢板\δ20\15CrMog\35J2147-1-5\150MW超高压CFB机组</t>
  </si>
  <si>
    <t>【东方锅炉】钢板\δ12\15CrMog\35J2147-1-6\150MW超高压CFB机组</t>
  </si>
  <si>
    <t>【东方锅炉】钢板\δ6 330×600\20#\35J2145-0\150MW超高压CFB机组</t>
  </si>
  <si>
    <t>【东方锅炉】钢板\δ20\15CrMog\35J2147-2-1\150MW超高压CFB机组</t>
  </si>
  <si>
    <t>【东方锅炉】管子\φ51×7\15CrMoG\35J2147-3-1\150MW超高压CFB机组</t>
  </si>
  <si>
    <t>【东方锅炉】管子\φ51×7\15CrMoG\35J2147-3-2\150MW超高压CFB机组</t>
  </si>
  <si>
    <t>【东方锅炉】管子\φ51×7\15CrMoG\35J2147-3-3\150MW超高压CFB机组</t>
  </si>
  <si>
    <t>【东方锅炉】热端蓄热元件\CH1200/0.5\SPCC\TYA00031-3-0</t>
  </si>
  <si>
    <t>【东方锅炉】管夹\δ8\12Cr1MoV\27J31-1-8\150MW超高压CFB机组</t>
  </si>
  <si>
    <t>【东方锅炉】管夹\δ8\12Cr1MoV\27J31-1-9\150MW超高压CFB机组</t>
  </si>
  <si>
    <t>【东方锅炉】管夹\δ8\12Cr1MoV\27J31-1-10\150MW超高压CFB机组</t>
  </si>
  <si>
    <t>【东方锅炉】管夹\δ8\12Cr1MoV\27J31-1-11\150MW超高压CFB机组</t>
  </si>
  <si>
    <t>【东方锅炉】管夹\δ8\20g\27J31-3-5\150MW超高压CFB机组</t>
  </si>
  <si>
    <t>【东方锅炉】管夹\δ8\20g\27J31-3-6\150MW超高压CFB机组</t>
  </si>
  <si>
    <t>【东方锅炉】管夹\δ8\20g\27J31-3-7\150MW超高压CFB机组</t>
  </si>
  <si>
    <t>【东方锅炉】盖板\δ3\12Cr1MoV\27J33-1\150MW超高压CFB机组</t>
  </si>
  <si>
    <t>【东方锅炉】盖板\δ3\12Cr1MoV\27J33-2\150MW超高压CFB机组</t>
  </si>
  <si>
    <t>【东方锅炉】盖板\δ3\12Cr1MoV\27J33-3\150MW超高压CFB机组</t>
  </si>
  <si>
    <t>【东方锅炉】压板\δ3\12Cr1MoV\27J33-4\150MW超高压CFB机组</t>
  </si>
  <si>
    <t>【东方锅炉】压板\δ3\12Cr1MoV\27J33-5\150MW超高压CFB机组</t>
  </si>
  <si>
    <t>【东方锅炉】盖板\δ3\12Cr1MoV\27J33-6\150MW超高压CFB机组</t>
  </si>
  <si>
    <t>【东方锅炉】盖板\δ3\12Cr1MoV\27J33-7\150MW超高压CFB机组</t>
  </si>
  <si>
    <t>【东方锅炉】盖板\δ3\12Cr1MoV\27J33-8\150MW超高压CFB机组</t>
  </si>
  <si>
    <t>【东方锅炉】盖板\δ3\12Cr1MoV\27J33-9\150MW超高压CFB机组</t>
  </si>
  <si>
    <t>【东方锅炉】盖板\δ3\12Cr1MoV\27J33-10\150MW超高压CFB机组</t>
  </si>
  <si>
    <t>【东方锅炉】盖板\δ3\12Cr1MoV\27J33-11\150MW超高压CFB机组</t>
  </si>
  <si>
    <t>【东方锅炉】盖板\δ3\12Cr1MoV\27J33-12\150MW超高压CFB机组</t>
  </si>
  <si>
    <t>【东方锅炉】热端蓄热元件\DH1200/0.5\SPCC\TYA00031-4-0</t>
  </si>
  <si>
    <t>【东方锅炉】热端蓄热元件\EH1200/0.5\SPCC\TYA00031-5-0</t>
  </si>
  <si>
    <t>【东方锅炉】管子\φ51×6\20G\29J114-1-1\135MW超高压CFB机组</t>
  </si>
  <si>
    <t>【东方锅炉】热端蓄热元件\AH600/0.5\SPCC\TYA00005-1-0</t>
  </si>
  <si>
    <t>【东方锅炉】热端蓄热元件\BH600/0.5\SPCC\TYA00005-2-0</t>
  </si>
  <si>
    <t>【东方锅炉】热端蓄热元件\CH600/0.5\SPCC\TYA00005-3-0</t>
  </si>
  <si>
    <t>【东方锅炉】热端蓄热元件\DH600/0.5\SPCC\TYA00005-4-0</t>
  </si>
  <si>
    <t>【东方锅炉】钢板\δ24 310×2500\20#\35J114-0\150MW超高压CFB机组</t>
  </si>
  <si>
    <t>【东方锅炉】热端蓄热元件\EH600/0.5\SPCC\TYA00005-5-0</t>
  </si>
  <si>
    <t>【东方锅炉】钢板\δ24 310×2820\20#\35J114-0\150MW超高压CFB机组</t>
  </si>
  <si>
    <t>【东方锅炉】热端蓄热元件\AH400/0.5\SPCC\TYA00021-1-0</t>
  </si>
  <si>
    <t>【东方锅炉】过渡管\I\20G\29J114-8-2\135MW超高压CFB机组</t>
  </si>
  <si>
    <t>【东方锅炉】热端蓄热元件\BH400/0.5\SPCC\TYA00021-2-0</t>
  </si>
  <si>
    <t>【东方锅炉】热端蓄热元件\CH400/0.5\SPCC\TYA00021-3-0</t>
  </si>
  <si>
    <t>【东方锅炉】扁钢\δ10\20#\29J114-8-4\135MW超高压CFB机组</t>
  </si>
  <si>
    <t>【东方锅炉】风管\φ56×3.5\ZG1Cr20Ni14Si2\35J114-16-2\150MW超高压CFB机组</t>
  </si>
  <si>
    <t>【东方锅炉】套管\φ63×3\ZG1Cr20Ni14Si2\35J114-16-3\150MW超高压CFB机组</t>
  </si>
  <si>
    <t>【东方锅炉】密封板\δ6\20#\35J114-17\150MW超高压CFB机组</t>
  </si>
  <si>
    <t>【东方锅炉】热端蓄热元件\DH400/0.5\SPCC\TYA00021-4-0</t>
  </si>
  <si>
    <t>【东方锅炉】风管\φ28×4\12Cr18Ni9\35J114-19\150MW超高压CFB机组</t>
  </si>
  <si>
    <t>【东方锅炉】风管\φ28×4\12Cr18Ni9\35J114-20\150MW超高压CFB机组</t>
  </si>
  <si>
    <t>【东方锅炉】管子\φ159×16\20G\35J161-1-0\150MW超高压CFB机组</t>
  </si>
  <si>
    <t>【东方锅炉】管子\φ159×16\20G\35J161-2-0\150MW超高压CFB机组</t>
  </si>
  <si>
    <t>【东方锅炉】管子\φ159×16\20G\35J161-3-0\150MW超高压CFB机组</t>
  </si>
  <si>
    <t>【东方锅炉】管子\φ159×16\20G\35J161-4-0\150MW超高压CFB机组</t>
  </si>
  <si>
    <t>【东方锅炉】管子\φ159×16\20G\35J161-5-0\150MW超高压CFB机组</t>
  </si>
  <si>
    <t>【东方锅炉】管子\φ159×16\20G\35J161-6-0\150MW超高压CFB机组</t>
  </si>
  <si>
    <t>【东方锅炉】管子\φ133×13\20G\35J161-7-0\150MW超高压CFB机组</t>
  </si>
  <si>
    <t>【东方锅炉】管子\φ159×16\20G\35J161-8-0\150MW超高压CFB机组</t>
  </si>
  <si>
    <t>【东方锅炉】管子\φ159×16\20G\35J161-9-0\150MW超高压CFB机组</t>
  </si>
  <si>
    <t>【东方锅炉】管子\φ159×16\20G\35J161-10-0\150MW超高压CFB机组</t>
  </si>
  <si>
    <t>【东方锅炉】管子\φ159×16\20G\35J161-11-0\150MW超高压CFB机组</t>
  </si>
  <si>
    <t>【东方锅炉】管子\φ133×13\20G\35J161-12-0\150MW超高压CFB机组</t>
  </si>
  <si>
    <t>【东方锅炉】管子\φ159×16\20G\35J161-13-0\150MW超高压CFB机组</t>
  </si>
  <si>
    <t>【东方锅炉】管子\φ159×16\20G\35J161-14-0\150MW超高压CFB机组</t>
  </si>
  <si>
    <t>【东方锅炉】管子\φ159×16\20G\35J161-15-0\150MW超高压CFB机组</t>
  </si>
  <si>
    <t>【东方锅炉】管子\φ159×16\20G\35J161-16-0\150MW超高压CFB机组</t>
  </si>
  <si>
    <t>【东方锅炉】管子\φ133×13\20G\35J161-17-0\150MW超高压CFB机组</t>
  </si>
  <si>
    <t>【东方锅炉】管子\φ159×16\20G\35J161-18-0\150MW超高压CFB机组</t>
  </si>
  <si>
    <t>【东方锅炉】管子\φ159×16\20G\35J161-19-0\150MW超高压CFB机组</t>
  </si>
  <si>
    <t>【东方锅炉】钢板\δ12 118×100\20g\35J161-0\150MW超高压CFB机组</t>
  </si>
  <si>
    <t>【东方锅炉】钢板\δ12 150×100\20g\35J161-0\150MW超高压CFB机组</t>
  </si>
  <si>
    <t>【东方锅炉】管子\φ159×16\20G\35J162-1\150MW超高压CFB机组</t>
  </si>
  <si>
    <t>【东方锅炉】管子\φ159×16\20G\35J162-2\150MW超高压CFB机组</t>
  </si>
  <si>
    <t>【东方锅炉】管子\φ159×16\20G\35J162-3\150MW超高压CFB机组</t>
  </si>
  <si>
    <t>【东方锅炉】管子\φ159×16\20G\29J162-4-0\135MW超高压CFB机组</t>
  </si>
  <si>
    <t>【东方锅炉】管子\φ159×16\20G\35J162-5\150MW超高压CFB机组</t>
  </si>
  <si>
    <t>【东方锅炉】管子\φ159×16\20G\35J162-6\150MW超高压CFB机组</t>
  </si>
  <si>
    <t>【东方锅炉】管子\φ159×16\20G\35J162-7\150MW超高压CFB机组</t>
  </si>
  <si>
    <t>【东方锅炉】管子\φ159×16\20G\35J162-8\150MW超高压CFB机组</t>
  </si>
  <si>
    <t>【东方锅炉】管子\φ159×16\20G\35J162-9\150MW超高压CFB机组</t>
  </si>
  <si>
    <t>【东方锅炉】管子\φ159×16\20G\35J162-10\150MW超高压CFB机组</t>
  </si>
  <si>
    <t>【东方锅炉】管子\φ159×16\20G\35J162-11\150MW超高压CFB机组</t>
  </si>
  <si>
    <t>【东方锅炉】管子\φ159×16\20G\35J162-12\150MW超高压CFB机组</t>
  </si>
  <si>
    <t>【东方锅炉】管子\φ159×16\20G\35J162-13\150MW超高压CFB机组</t>
  </si>
  <si>
    <t>【东方锅炉】管子\φ159×16\20G\35J162-14\150MW超高压CFB机组</t>
  </si>
  <si>
    <t>【东方锅炉】管子\φ159×16\20G\35J162-15\150MW超高压CFB机组</t>
  </si>
  <si>
    <t>【东方锅炉】管子\φ159×16\20G\35J162-16\150MW超高压CFB机组</t>
  </si>
  <si>
    <t>【东方锅炉】热端蓄热元件\EH400/0.5\SPCC\TYA00021-5-0</t>
  </si>
  <si>
    <t>【东方锅炉】热端蓄热元件\AH1050/0.5\SPCC\TYA00028-1-0</t>
  </si>
  <si>
    <t>【东方锅炉】扁钢\δ4\1Cr20Ni14Si2\27J211-1-4\150MW超高压CFB机组</t>
  </si>
  <si>
    <t>【东方锅炉】钢板\δ4\1Cr20Ni14Si2\27J211-1-5\150MW超高压CFB机组</t>
  </si>
  <si>
    <t>【东方锅炉】扁钢\δ4 №1\1Cr20Ni14Si2\27J211-1-6\150MW超高压CFB机组</t>
  </si>
  <si>
    <t>【东方锅炉】扁钢\δ4 №2\1Cr20Ni14Si2\27J211-1-6\150MW超高压CFB机组</t>
  </si>
  <si>
    <t>【东方锅炉】U型板\δ6\1Cr20Ni14Si2\27J211-1-8\150MW超高压CFB机组</t>
  </si>
  <si>
    <t>【东方锅炉】固定块\R152\ZG1Cr20Ni14Si2\27J211-1-9\150MW超高压CFB机组</t>
  </si>
  <si>
    <t>【东方锅炉】管子\φ51×7\12Cr1MoVG\17J211-3\150MW超高压CFB机组</t>
  </si>
  <si>
    <t>【东方锅炉】管子\φ51×7\12Cr1MoVG\17J211-4\150MW超高压CFB机组</t>
  </si>
  <si>
    <t>【东方锅炉】管子\φ51×7\12Cr1MoVG\17J211-5\150MW超高压CFB机组</t>
  </si>
  <si>
    <t>【东方锅炉】管子\φ51×7\12Cr1MoVG\17J211-6\150MW超高压CFB机组</t>
  </si>
  <si>
    <t>【东方锅炉】管子\φ51×7\12Cr1MoVG\17J211-7\150MW超高压CFB机组</t>
  </si>
  <si>
    <t>【东方锅炉】管子\φ51×7\12Cr1MoVG\17J211-8\150MW超高压CFB机组</t>
  </si>
  <si>
    <t>【东方锅炉】管子\φ51×7\12Cr1MoVG\27J211-9\150MW超高压CFB机组</t>
  </si>
  <si>
    <t>【东方锅炉】管子\φ51×7\12Cr1MoVG\27J211-10\150MW超高压CFB机组</t>
  </si>
  <si>
    <t>【东方锅炉】管子\φ51×7\12Cr1MoVG\27J211-11\150MW超高压CFB机组</t>
  </si>
  <si>
    <t>【东方锅炉】管子\φ51×7\12Cr1MoVG\27J211-12\150MW超高压CFB机组</t>
  </si>
  <si>
    <t>【东方锅炉】管子\φ51×7\12Cr1MoVG\27J211-13\150MW超高压CFB机组</t>
  </si>
  <si>
    <t>【东方锅炉】管子\φ51×7\12Cr1MoVG\27J211-14\150MW超高压CFB机组</t>
  </si>
  <si>
    <t>【东方锅炉】管子\φ51×5.5\15CrMoG\27J212-1-1\150MW超高压CFB机组</t>
  </si>
  <si>
    <t>【东方锅炉】管子\φ51×5.5\15CrMoG\27J212-1-2\150MW超高压CFB机组</t>
  </si>
  <si>
    <t>【东方锅炉】管子\φ51×5.5\15CrMoG\27J212-1-3\150MW超高压CFB机组</t>
  </si>
  <si>
    <t>【东方锅炉】挡板\δ4 25×25\1Cr6Si2Mo\27J212-1-0\150MW超高压CFB机组</t>
  </si>
  <si>
    <t>【东方锅炉】扁钢\δ4\1Cr6Si2Mo\27J212-1-4\150MW超高压CFB机组</t>
  </si>
  <si>
    <t>【东方锅炉】扁钢\δ4\1Cr6Si2Mo\27J212-1-5\150MW超高压CFB机组</t>
  </si>
  <si>
    <t>【东方锅炉】扁钢\δ4\1Cr6Si2Mo\27J212-1-6\150MW超高压CFB机组</t>
  </si>
  <si>
    <t>【东方锅炉】钢板\δ4\1Cr6Si2Mo\27J212-1-7\150MW超高压CFB机组</t>
  </si>
  <si>
    <t>【东方锅炉】U型板\1Cr6Si2Mo\27J212-1-9\150MW超高压CFB机组</t>
  </si>
  <si>
    <t>【东方锅炉】固定块\R152\ZG1Cr20Ni14Si2\27J212-1-10\150MW超高压CFB机组</t>
  </si>
  <si>
    <t>【东方锅炉】管子\φ51×5.5\15CrMoG\27J212-2-1\150MW超高压CFB机组</t>
  </si>
  <si>
    <t>【东方锅炉】管子\φ51×5.5\15CrMoG\27J212-2-2\150MW超高压CFB机组</t>
  </si>
  <si>
    <t>【东方锅炉】管子\φ51×5.5\15CrMoG\27J212-2-3\150MW超高压CFB机组</t>
  </si>
  <si>
    <t>【东方锅炉】管子\φ51×5.5\20G\35J212-1-1\150MW超高压CFB机组</t>
  </si>
  <si>
    <t>【东方锅炉】管子\φ51×5.5\20G\35J212-1-2\150MW超高压CFB机组</t>
  </si>
  <si>
    <t>【东方锅炉】管子\φ51×5.5\20G\35J212-1-3\150MW超高压CFB机组</t>
  </si>
  <si>
    <t>【东方锅炉】扁钢\δ4\1Cr6Si2Mo\27J212-3-4\150MW超高压CFB机组</t>
  </si>
  <si>
    <t>【东方锅炉】管子\φ51×5.5\15CrMoG\27J212-4-1\150MW超高压CFB机组</t>
  </si>
  <si>
    <t>【东方锅炉】管子\φ51×5.5\15CrMoG\27J212-4-2\150MW超高压CFB机组</t>
  </si>
  <si>
    <t>【东方锅炉】管子\φ51×5.5\15CrMoG\27J212-4-3\150MW超高压CFB机组</t>
  </si>
  <si>
    <t>【东方锅炉】蛇型管\φ51×5.5\15CrMoG\27J212-5-1\150MW超高压CFB机组</t>
  </si>
  <si>
    <t>【东方锅炉】蛇型管\φ51×5.5\15CrMoG\27J212-5-2\150MW超高压CFB机组</t>
  </si>
  <si>
    <t>【东方锅炉】蛇型管\φ51×5.5\15CrMoG\27J212-5-3\150MW超高压CFB机组</t>
  </si>
  <si>
    <t>【东方锅炉】管子\φ51×5.5\20G\27J212-6-1\150MW超高压CFB机组</t>
  </si>
  <si>
    <t>【东方锅炉】管子\φ51×5.5\20G\27J212-6-2\150MW超高压CFB机组</t>
  </si>
  <si>
    <t>【东方锅炉】管子\φ51×5.5\20G\27J212-6-3\150MW超高压CFB机组</t>
  </si>
  <si>
    <t>【东方锅炉】管子\φ51×5.5\20G\27J212-7-1\150MW超高压CFB机组</t>
  </si>
  <si>
    <t>【东方锅炉】管子\φ51×5.5\20G\27J212-7-2\150MW超高压CFB机组</t>
  </si>
  <si>
    <t>【东方锅炉】管子\φ51×5.5\20G\27J212-7-3\150MW超高压CFB机组</t>
  </si>
  <si>
    <t>【东方锅炉】管子\φ51×5.5\20G\27J212-8-1\150MW超高压CFB机组</t>
  </si>
  <si>
    <t>【东方锅炉】管子\φ51×5.5\20G\27J212-8-2\150MW超高压CFB机组</t>
  </si>
  <si>
    <t>【东方锅炉】管子\φ51×5.5\20G\27J212-8-3\150MW超高压CFB机组</t>
  </si>
  <si>
    <t>【东方锅炉】管子\φ51×5.5\20G\27J212-9-1\150MW超高压CFB机组</t>
  </si>
  <si>
    <t>【东方锅炉】管子\φ51×5.5\20G\27J212-9-2\150MW超高压CFB机组</t>
  </si>
  <si>
    <t>【东方锅炉】管子\φ51×5.5\20G\27J212-9-3\150MW超高压CFB机组</t>
  </si>
  <si>
    <t>【东方锅炉】管子\φ51×5.5\20G\27J212-10-1\150MW超高压CFB机组</t>
  </si>
  <si>
    <t>【东方锅炉】管子\φ51×5.5\20G\27J212-10-2\150MW超高压CFB机组</t>
  </si>
  <si>
    <t>【东方锅炉】管子\φ51×5.5\20G\27J212-10-3\150MW超高压CFB机组</t>
  </si>
  <si>
    <t>【东方锅炉】管子\φ51×5.5\20G\27J212-11-1\150MW超高压CFB机组</t>
  </si>
  <si>
    <t>【东方锅炉】管子\φ51×5.5\20G\27J212-11-2\150MW超高压CFB机组</t>
  </si>
  <si>
    <t>【东方锅炉】管子\φ51×5.5\20G\27J212-11-3\150MW超高压CFB机组</t>
  </si>
  <si>
    <t>【东方锅炉】管子\φ51×5.5\15CrMoG\27J212-12\150MW超高压CFB机组</t>
  </si>
  <si>
    <t>【东方锅炉】管子\φ51×5.5\15CrMoG\27J212-13\150MW超高压CFB机组</t>
  </si>
  <si>
    <t>【东方锅炉】管子\φ51×5.5\15CrMoG\27J212-14\150MW超高压CFB机组</t>
  </si>
  <si>
    <t>【东方锅炉】管子\φ51×5.5\15CrMoG\27J212-15\150MW超高压CFB机组</t>
  </si>
  <si>
    <t>【东方锅炉】管子\φ51×5.5\15CrMoG\27J212-16\150MW超高压CFB机组</t>
  </si>
  <si>
    <t>【东方锅炉】管子\φ51×5.5\15CrMoG\27J212-17\150MW超高压CFB机组</t>
  </si>
  <si>
    <t>【东方锅炉】热端蓄热元件\BH1050/0.5\SPCC\TYA00028-2-0</t>
  </si>
  <si>
    <t>【东方锅炉】热端蓄热元件\CH1050/0.5\SPCC\TYA00028-3-0</t>
  </si>
  <si>
    <t>【东方锅炉】塞块\δ4\12Cr1MoV\35J215-1-1\150MW超高压CFB机组</t>
  </si>
  <si>
    <t>【东方锅炉】圆弧板\δ3\12Cr1MoV\35J215-1-2\150MW超高压CFB机组</t>
  </si>
  <si>
    <t>【东方锅炉】管子\φ42×8 №1\12Cr1MoVG\35J215-3-1\150MW超高压CFB机组</t>
  </si>
  <si>
    <t>【东方锅炉】管子\φ42×8 №2\12Cr1MoVG\35J215-3-1\150MW超高压CFB机组</t>
  </si>
  <si>
    <t>【东方锅炉】管子\φ42×8 №3\12Cr1MoVG\35J215-3-1\150MW超高压CFB机组</t>
  </si>
  <si>
    <t>【东方锅炉】管子\φ42×8 №4\12Cr1MoVG\35J215-3-1\150MW超高压CFB机组</t>
  </si>
  <si>
    <t>【东方锅炉】管子\φ42×8 №5\12Cr1MoVG\35J215-3-1\150MW超高压CFB机组</t>
  </si>
  <si>
    <t>【东方锅炉】管子\φ42×8 №6\12Cr1MoVG\35J215-3-1\150MW超高压CFB机组</t>
  </si>
  <si>
    <t>【东方锅炉】管子\φ42×8 №7\12Cr1MoVG\35J215-3-1\150MW超高压CFB机组</t>
  </si>
  <si>
    <t>【东方锅炉】管子\φ42×8 №8\12Cr1MoVG\35J215-3-1\150MW超高压CFB机组</t>
  </si>
  <si>
    <t>【东方锅炉】管子\φ42×8 №9\12Cr1MoVG\35J215-3-1\150MW超高压CFB机组</t>
  </si>
  <si>
    <t>【东方锅炉】管子\φ42×8 №10\12Cr1MoVG\35J215-3-1\150MW超高压CFB机组</t>
  </si>
  <si>
    <t>【东方锅炉】管子\φ42×8 №11\12Cr1MoVG\35J215-3-1\150MW超高压CFB机组</t>
  </si>
  <si>
    <t>【东方锅炉】管子\φ42×8 №12\12Cr1MoVG\35J215-3-1\150MW超高压CFB机组</t>
  </si>
  <si>
    <t>【东方锅炉】管子\φ42×8 №13\12Cr1MoVG\35J215-3-1\150MW超高压CFB机组</t>
  </si>
  <si>
    <t>【东方锅炉】管子\φ42×8 №14\12Cr1MoVG\35J215-3-1\150MW超高压CFB机组</t>
  </si>
  <si>
    <t>【东方锅炉】管子\φ42×8 №15\12Cr1MoVG\35J215-3-1\150MW超高压CFB机组</t>
  </si>
  <si>
    <t>【东方锅炉】管子\φ42×8 №16\12Cr1MoVG\35J215-3-1\150MW超高压CFB机组</t>
  </si>
  <si>
    <t>【东方锅炉】管子\φ42×8 №17\12Cr1MoVG\35J215-3-1\150MW超高压CFB机组</t>
  </si>
  <si>
    <t>【东方锅炉】管子\φ42×8 №18\12Cr1MoVG\35J215-3-1\150MW超高压CFB机组</t>
  </si>
  <si>
    <t>【东方锅炉】管子\φ42×8 №19\12Cr1MoVG\35J215-3-1\150MW超高压CFB机组</t>
  </si>
  <si>
    <t>【东方锅炉】管子\φ42×8 №20\12Cr1MoVG\35J215-3-1\150MW超高压CFB机组</t>
  </si>
  <si>
    <t>【东方锅炉】管子\φ42×8 №21\12Cr1MoVG\35J215-3-1\150MW超高压CFB机组</t>
  </si>
  <si>
    <t>【东方锅炉】管子\φ42×8 №22\12Cr1MoVG\35J215-3-1\150MW超高压CFB机组</t>
  </si>
  <si>
    <t>【东方锅炉】管子\φ42×8 №23\12Cr1MoVG\35J215-3-1\150MW超高压CFB机组</t>
  </si>
  <si>
    <t>【东方锅炉】管子\φ42×8 №24\12Cr1MoVG\35J215-3-1\150MW超高压CFB机组</t>
  </si>
  <si>
    <t>【东方锅炉】管子\φ42×8 №25\12Cr1MoVG\35J215-3-1\150MW超高压CFB机组</t>
  </si>
  <si>
    <t>【东方锅炉】管子\φ42×8 №26\12Cr1MoVG\35J215-3-1\150MW超高压CFB机组</t>
  </si>
  <si>
    <t>【东方锅炉】管子\φ42×8 №27\12Cr1MoVG\35J215-3-1\150MW超高压CFB机组</t>
  </si>
  <si>
    <t>【东方锅炉】管子\φ42×8 №28\12Cr1MoVG\35J215-3-1\150MW超高压CFB机组</t>
  </si>
  <si>
    <t>【东方锅炉】管子\φ42×8 №29\12Cr1MoVG\35J215-3-1\150MW超高压CFB机组</t>
  </si>
  <si>
    <t>【东方锅炉】管子\φ42×8 №30\12Cr1MoVG\35J215-3-1\150MW超高压CFB机组</t>
  </si>
  <si>
    <t>【东方锅炉】管子\φ42×8 №31\12Cr1MoVG\35J215-3-1\150MW超高压CFB机组</t>
  </si>
  <si>
    <t>【东方锅炉】管子\φ42×8 №32\12Cr1MoVG\35J215-3-1\150MW超高压CFB机组</t>
  </si>
  <si>
    <t>【东方锅炉】管子\φ42×8 №33\12Cr1MoVG\35J215-3-1\150MW超高压CFB机组</t>
  </si>
  <si>
    <t>【东方锅炉】管子\φ42×8 №34\12Cr1MoVG\35J215-3-1\150MW超高压CFB机组</t>
  </si>
  <si>
    <t>【东方锅炉】管子\φ42×8 №35\12Cr1MoVG\35J215-3-1\150MW超高压CFB机组</t>
  </si>
  <si>
    <t>【东方锅炉】管子\φ42×8 №36\12Cr1MoVG\35J215-3-1\150MW超高压CFB机组</t>
  </si>
  <si>
    <t>【东方锅炉】管子\φ42×8 №37\12Cr1MoVG\35J215-3-1\150MW超高压CFB机组</t>
  </si>
  <si>
    <t>【东方锅炉】管子\φ42×8 №38\12Cr1MoVG\35J215-3-1\150MW超高压CFB机组</t>
  </si>
  <si>
    <t>【东方锅炉】管子\φ42×8 №39\12Cr1MoVG\35J215-3-1\150MW超高压CFB机组</t>
  </si>
  <si>
    <t>【东方锅炉】管子\φ42×8 №40\12Cr1MoVG\35J215-3-1\150MW超高压CFB机组</t>
  </si>
  <si>
    <t>【东方锅炉】管子\φ42×8 №41\12Cr1MoVG\35J215-3-1\150MW超高压CFB机组</t>
  </si>
  <si>
    <t>【东方锅炉】圆弧板\δ3\12Cr1MoV\35J215-3-2\150MW超高压CFB机组</t>
  </si>
  <si>
    <t>【东方锅炉】热端蓄热元件\DH1050/0.5\SPCC\TYA00028-4-0</t>
  </si>
  <si>
    <t>【东方锅炉】热端蓄热元件\EH1050/0.5\SPCC\TYA00028-5-0</t>
  </si>
  <si>
    <t>【东方锅炉】热端蓄热元件\AH1100/0.5\SPCC\290YR11-1-0</t>
  </si>
  <si>
    <t>【东方锅炉】U型板\1Cr20Ni14Si2\27J221-1-5\150MW超高压CFB机组</t>
  </si>
  <si>
    <t>【东方锅炉】扁钢\δ4 №1\1Cr20Ni14Si2\27J221-1-6\150MW超高压CFB机组</t>
  </si>
  <si>
    <t>【东方锅炉】扁钢\δ4 №1\1Cr20Ni14Si2\27J221-1-7\150MW超高压CFB机组</t>
  </si>
  <si>
    <t>【东方锅炉】扁钢\δ4\1Cr20Ni14Si2\27J221-1-8\150MW超高压CFB机组</t>
  </si>
  <si>
    <t>【东方锅炉】钢板\δ4 25×25\1Cr20Ni14Si2\35J221-0\150MW超高压CFB机组</t>
  </si>
  <si>
    <t>【东方锅炉】固定块\R145\ZG1Cr20Ni14Si2\27J221-1-10\150MW超高压CFB机组</t>
  </si>
  <si>
    <t>【东方锅炉】管子\φ57×4.5\20(GB3087-1999)\27J221-3-1\150MW超高压CFB机组</t>
  </si>
  <si>
    <t>【东方锅炉】管子\φ57×4.5\20(GB3087-1999)\27J221-3-2\150MW超高压CFB机组</t>
  </si>
  <si>
    <t>【东方锅炉】管子\φ57×4.5\20(GB3087-1999)\27J221-3-3\150MW超高压CFB机组</t>
  </si>
  <si>
    <t>【东方锅炉】管子\φ57×4.5\20(GB3087-1999)\27J221-3-4\150MW超高压CFB机组</t>
  </si>
  <si>
    <t>【东方锅炉】U型板\1Cr6Si2Mo\27J221-3-5\150MW超高压CFB机组</t>
  </si>
  <si>
    <t>【东方锅炉】扁钢\δ4 №2\1Cr6Si2Mo\27J221-1-6\150MW超高压CFB机组</t>
  </si>
  <si>
    <t>【东方锅炉】扁钢\δ4 №2\1Cr6Si2Mo\27J221-1-7\150MW超高压CFB机组</t>
  </si>
  <si>
    <t>【东方锅炉】扁钢\δ4\1Cr6Si2Mo\27J221-3-6\150MW超高压CFB机组</t>
  </si>
  <si>
    <t>【东方锅炉】扁钢\δ4\1Cr6Si2Mo\27J221-3-7\150MW超高压CFB机组</t>
  </si>
  <si>
    <t>【东方锅炉】管子\φ57×4.5\20(GB3087-1999)\27J221-4-1\150MW超高压CFB机组</t>
  </si>
  <si>
    <t>【东方锅炉】管子\φ57×4.5\20(GB3087-1999)\27J221-4-2\150MW超高压CFB机组</t>
  </si>
  <si>
    <t>【东方锅炉】管子\φ57×4.5\20(GB3087-1999)\27J221-4-3\150MW超高压CFB机组</t>
  </si>
  <si>
    <t>【东方锅炉】管子\φ57×4.5\20(GB3087-1999)\27J221-4-4\150MW超高压CFB机组</t>
  </si>
  <si>
    <t>【东方锅炉】管子\φ57×4.5\20(GB3087-1999)\27J221-7-1\150MW超高压CFB机组</t>
  </si>
  <si>
    <t>【东方锅炉】管子\φ57×4.5\20(GB3087-1999)\27J221-7-2\150MW超高压CFB机组</t>
  </si>
  <si>
    <t>【东方锅炉】管子\φ57×4.5\20(GB3087-1999)\27J221-7-3\150MW超高压CFB机组</t>
  </si>
  <si>
    <t>【东方锅炉】管子\φ57×4.5\20(GB3087-1999)\27J221-7-4\150MW超高压CFB机组</t>
  </si>
  <si>
    <t>【东方锅炉】管子\φ57×4.5\20(GB3087-1999)\27J221-8-1\150MW超高压CFB机组</t>
  </si>
  <si>
    <t>【东方锅炉】管子\φ57×4.5\20(GB3087-1999)\27J221-8-2\150MW超高压CFB机组</t>
  </si>
  <si>
    <t>【东方锅炉】管子\φ57×4.5\20(GB3087-1999)\27J221-8-3\150MW超高压CFB机组</t>
  </si>
  <si>
    <t>【东方锅炉】管子\φ57×4.5\20(GB3087-1999)\27J221-8-4\150MW超高压CFB机组</t>
  </si>
  <si>
    <t>【东方锅炉】管子\φ57×4.5\15CrMoG\27J221-9\150MW超高压CFB机组</t>
  </si>
  <si>
    <t>【东方锅炉】管子\φ57×4.5\15CrMoG\27J221-10\150MW超高压CFB机组</t>
  </si>
  <si>
    <t>【东方锅炉】管子\φ57×4.5\15CrMoG\27J221-11\150MW超高压CFB机组</t>
  </si>
  <si>
    <t>【东方锅炉】管子\φ57×4.5\15CrMoG\27J221-12\150MW超高压CFB机组</t>
  </si>
  <si>
    <t>【东方锅炉】管子\φ57×4.5\15CrMoG\27J221-13\150MW超高压CFB机组</t>
  </si>
  <si>
    <t>【东方锅炉】管子\φ57×4.5\15CrMoG\27J221-14\150MW超高压CFB机组</t>
  </si>
  <si>
    <t>【东方锅炉】管子\φ57×4.5\15CrMoG\27J221-15\150MW超高压CFB机组</t>
  </si>
  <si>
    <t>【东方锅炉】管子\φ57×4.5\15CrMoG\27J221-16\150MW超高压CFB机组</t>
  </si>
  <si>
    <t>【东方锅炉】管子\φ57×4.5\20(GB3087-1999)\35J221-1\150MW超高压CFB机组</t>
  </si>
  <si>
    <t>【东方锅炉】管子\φ57×4.5\20(GB3087-1999)\27J221-18\150MW超高压CFB机组</t>
  </si>
  <si>
    <t>【东方锅炉】管子\φ57×4.5\20(GB3087-1999)\27J221-19\150MW超高压CFB机组</t>
  </si>
  <si>
    <t>【东方锅炉】管子\φ57×4.5\20(GB3087-1999)\27J221-20\150MW超高压CFB机组</t>
  </si>
  <si>
    <t>【东方锅炉】管子\φ57×4.5\20(GB3087-1999)\27J221-21\150MW超高压CFB机组</t>
  </si>
  <si>
    <t>【东方锅炉】管子\φ57×4.5\20(GB3087-1999)\27J221-22\150MW超高压CFB机组</t>
  </si>
  <si>
    <t>【东方锅炉】管子\φ57×4.5\20(GB3087-1999)\27J221-23\150MW超高压CFB机组</t>
  </si>
  <si>
    <t>【东方锅炉】管子\φ57×4.5\20(GB3087-1999)\27J221-24\150MW超高压CFB机组</t>
  </si>
  <si>
    <t>【东方锅炉】热端蓄热元件\BH1100/0.5\SPCC\290YR11-2-0</t>
  </si>
  <si>
    <t>【东方锅炉】塞块\δ4\1Cr20Ni14Si2\35J223-1-1\150MW超高压CFB机组</t>
  </si>
  <si>
    <t>【东方锅炉】圆弧板\δ3\1Cr20Ni14Si2\35J223-1-2\150MW超高压CFB机组</t>
  </si>
  <si>
    <t>【东方锅炉】过渡管\φ51×6/φ76×6\12Cr1MoVG\35J223-1-3\150MW超高压CFB机组</t>
  </si>
  <si>
    <t>【东方锅炉】梳型弯板\δ3\12Cr1MoV\35J223-1-4\150MW超高压CFB机组</t>
  </si>
  <si>
    <t>【东方锅炉】圆弧板\δ3\12Cr1MoV\35J223-1-5\150MW超高压CFB机组</t>
  </si>
  <si>
    <t>【东方锅炉】热端蓄热元件\CH1100/0.5\SPCC\290YR11-3-0</t>
  </si>
  <si>
    <t>【东方锅炉】圆弧板\δ3\12Cr1MoV\35J223-1-6\150MW超高压CFB机组</t>
  </si>
  <si>
    <t>【东方锅炉】管子\φ76×6 №1\SA-213T91\35J223-3-1\150MW超高压CFB机组</t>
  </si>
  <si>
    <t>【东方锅炉】管子\φ76×6 №2\SA-213T91\35J223-3-1\150MW超高压CFB机组</t>
  </si>
  <si>
    <t>【东方锅炉】管子\φ76×6 №3\SA-213T91\35J223-3-1\150MW超高压CFB机组</t>
  </si>
  <si>
    <t>【东方锅炉】管子\φ76×6 №4\SA-213T91\35J223-3-1\150MW超高压CFB机组</t>
  </si>
  <si>
    <t>【东方锅炉】管子\φ76×6 №5\SA-213T91\35J223-3-1\150MW超高压CFB机组</t>
  </si>
  <si>
    <t>【东方锅炉】管子\φ76×6 №6\SA-213T91\35J223-3-1\150MW超高压CFB机组</t>
  </si>
  <si>
    <t>【东方锅炉】管子\φ76×6 №7\SA-213T91\35J223-3-1\150MW超高压CFB机组</t>
  </si>
  <si>
    <t>【东方锅炉】管子\φ76×6 №8\SA-213T91\35J223-3-1\150MW超高压CFB机组</t>
  </si>
  <si>
    <t>【东方锅炉】管子\φ76×6 №9\SA-213T91\35J223-3-1\150MW超高压CFB机组</t>
  </si>
  <si>
    <t>【东方锅炉】管子\φ76×6 №10\SA-213T91\35J223-3-1\150MW超高压CFB机组</t>
  </si>
  <si>
    <t>【东方锅炉】管子\φ76×6 №11\SA-213T91\35J223-3-1\150MW超高压CFB机组</t>
  </si>
  <si>
    <t>【东方锅炉】管子\φ76×6 №12\SA-213T91\35J223-3-1\150MW超高压CFB机组</t>
  </si>
  <si>
    <t>【东方锅炉】管子\φ76×6 №13\SA-213T91\35J223-3-1\150MW超高压CFB机组</t>
  </si>
  <si>
    <t>【东方锅炉】管子\φ76×6 №14\SA-213T91\35J223-3-1\150MW超高压CFB机组</t>
  </si>
  <si>
    <t>【东方锅炉】管子\φ76×6 №15\SA-213T91\35J223-3-1\150MW超高压CFB机组</t>
  </si>
  <si>
    <t>【东方锅炉】管子\φ76×6 №16\SA-213T91\35J223-3-1\150MW超高压CFB机组</t>
  </si>
  <si>
    <t>【东方锅炉】管子\φ76×6 №17\SA-213T91\35J223-3-1\150MW超高压CFB机组</t>
  </si>
  <si>
    <t>【东方锅炉】管子\φ76×6 №18\SA-213T91\35J223-3-1\150MW超高压CFB机组</t>
  </si>
  <si>
    <t>【东方锅炉】管子\φ76×6 №19\SA-213T91\35J223-3-1\150MW超高压CFB机组</t>
  </si>
  <si>
    <t>【东方锅炉】管子\φ76×6 №20\SA-213T91\35J223-3-1\150MW超高压CFB机组</t>
  </si>
  <si>
    <t>【东方锅炉】管子\φ76×6 №21\SA-213T91\35J223-3-1\150MW超高压CFB机组</t>
  </si>
  <si>
    <t>【东方锅炉】管子\φ76×6 №22\SA-213T91\35J223-3-1\150MW超高压CFB机组</t>
  </si>
  <si>
    <t>【东方锅炉】管子\φ76×6 №23\SA-213T91\35J223-3-1\150MW超高压CFB机组</t>
  </si>
  <si>
    <t>【东方锅炉】管子\φ76×6 №24\SA-213T91\35J223-3-1\150MW超高压CFB机组</t>
  </si>
  <si>
    <t>【东方锅炉】管子\φ76×6 №25\SA-213T91\35J223-3-1\150MW超高压CFB机组</t>
  </si>
  <si>
    <t>【东方锅炉】管子\φ76×6 №26\SA-213T91\35J223-3-1\150MW超高压CFB机组</t>
  </si>
  <si>
    <t>【东方锅炉】管子\φ76×6 №27\SA-213T91\35J223-3-1\150MW超高压CFB机组</t>
  </si>
  <si>
    <t>【东方锅炉】管子\φ76×6 №28\SA-213T91\35J223-3-1\150MW超高压CFB机组</t>
  </si>
  <si>
    <t>【东方锅炉】管子\φ76×6 №29\SA-213T91\35J223-3-1\150MW超高压CFB机组</t>
  </si>
  <si>
    <t>【东方锅炉】管子\φ76×6 №30\SA-213T91\35J223-3-1\150MW超高压CFB机组</t>
  </si>
  <si>
    <t>【东方锅炉】管子\φ76×6 №31\SA-213T91\35J223-3-1\150MW超高压CFB机组</t>
  </si>
  <si>
    <t>【东方锅炉】圆弧板\δ3\12Cr1MoV\35J223-3-2\150MW超高压CFB机组</t>
  </si>
  <si>
    <t>【东方锅炉】热端蓄热元件\DH1100/0.5\SPCC\290YR11-4-0</t>
  </si>
  <si>
    <t>【东方锅炉】热端蓄热元件\EH1100/0.5\SPCC\290YR11-5-0</t>
  </si>
  <si>
    <t>【东方锅炉】热端蓄热元件\FH1100/0.5\SPCC\290YR11-6-0</t>
  </si>
  <si>
    <t>【东方锅炉】热端蓄热元件\GH1100/0.5\SPCC\290YR11-7-0</t>
  </si>
  <si>
    <t>【东方锅炉】热端蓄热元件\HH1100/0.5\SPCC\290YR11-8-0</t>
  </si>
  <si>
    <t>【东方锅炉】盖板\№2\1Cr6Si2Mo\29J254-1\135MW超高压CFB机组</t>
  </si>
  <si>
    <t>【东方锅炉】盖板\№2\1Cr6Si2Mo\29J254-2\135MW超高压CFB机组</t>
  </si>
  <si>
    <t>【东方锅炉】盖板\№2\1Cr6Si2Mo\29J254-3\135MW超高压CFB机组</t>
  </si>
  <si>
    <t>【东方锅炉】盖板\№2\1Cr6Si2Mo\29J254-4\135MW超高压CFB机组</t>
  </si>
  <si>
    <t>【东方锅炉】盖板\№2\1Cr6Si2Mo\29J254-5\135MW超高压CFB机组</t>
  </si>
  <si>
    <t>【东方锅炉】盖板\№2\1Cr6Si2Mo\29J254-6\135MW超高压CFB机组</t>
  </si>
  <si>
    <t>【东方锅炉】盖板\№2\1Cr6Si2Mo\29J254-7\135MW超高压CFB机组</t>
  </si>
  <si>
    <t>【东方锅炉】盖板\δ3\1Cr6Si2Mo\29J254-8\135MW超高压CFB机组</t>
  </si>
  <si>
    <t>【东方锅炉】盖板\δ3\1Cr6Si2Mo\29J254-9\135MW超高压CFB机组</t>
  </si>
  <si>
    <t>【东方锅炉】盖板\δ3\1Cr6Si2Mo\29J254-10\135MW超高压CFB机组</t>
  </si>
  <si>
    <t>【东方锅炉】盖板\δ3\1Cr6Si2Mo\29J254-11\135MW超高压CFB机组</t>
  </si>
  <si>
    <t>【东方锅炉】盖板\δ3\1Cr6Si2Mo\29J254-12\135MW超高压CFB机组</t>
  </si>
  <si>
    <t>【东方锅炉】盖板\δ3\1Cr6Si2Mo\29J254-13\135MW超高压CFB机组</t>
  </si>
  <si>
    <t>【东方锅炉】盖板\δ3\1Cr6Si2Mo\29J254-14\135MW超高压CFB机组</t>
  </si>
  <si>
    <t>【东方锅炉】盖板\δ3\1Cr6Si2Mo\29J254-15\135MW超高压CFB机组</t>
  </si>
  <si>
    <t>【东方锅炉】盖板\δ3\1Cr6Si2Mo\29J254-16\135MW超高压CFB机组</t>
  </si>
  <si>
    <t>【东方锅炉】盖板\δ3\1Cr6Si2Mo\29J254-17\135MW超高压CFB机组</t>
  </si>
  <si>
    <t>【东方锅炉】热端蓄热元件\AH350/0.5\SPCC\260YR11-1-0</t>
  </si>
  <si>
    <t>【东方锅炉】热端蓄热元件\BH350/0.5\SPCC\260YR11-2-0</t>
  </si>
  <si>
    <t>【东方锅炉】热端蓄热元件\CH350/0.5\SPCC\260YR11-3-0</t>
  </si>
  <si>
    <t>【东方锅炉】热端蓄热元件\DH350/0.5\SPCC\260YR11-4-0</t>
  </si>
  <si>
    <t>【东方锅炉】梳型板\δ10\1Cr20Ni14Si2\29J254-25\135MW超高压CFB机组</t>
  </si>
  <si>
    <t>【东方锅炉】热端蓄热元件\EH350/0.5\SPCC\260YR11-5-0</t>
  </si>
  <si>
    <t>【东方锅炉】盖板\δ3\1Cr6Si2Mo\29J254-27\135MW超高压CFB机组</t>
  </si>
  <si>
    <t>【东方锅炉】盖板\δ3\1Cr6Si2Mo\29J254-28\135MW超高压CFB机组</t>
  </si>
  <si>
    <t>【东方锅炉】盖板\δ3\1Cr6Si2Mo\29J254-29\135MW超高压CFB机组</t>
  </si>
  <si>
    <t>【东方锅炉】盖板\δ3\1Cr6Si2Mo\29J254-30\135MW超高压CFB机组</t>
  </si>
  <si>
    <t>【东方锅炉】盖板\δ3\1Cr6Si2Mo\29J254-31\135MW超高压CFB机组</t>
  </si>
  <si>
    <t>【东方锅炉】热端蓄热元件\FH350/0.5\SPCC\260YR11-6-0</t>
  </si>
  <si>
    <t>【东方锅炉】热端蓄热元件\GH350/0.5\SPCC\260YR11-7-0</t>
  </si>
  <si>
    <t>【东方锅炉】热端蓄热元件\AH1200/0.5\SPCC\165YR11-1-0</t>
  </si>
  <si>
    <t>【东方锅炉】热端蓄热元件\BH1200/0.5\SPCC\165YR11-2-0</t>
  </si>
  <si>
    <t>【东方锅炉】热端蓄热元件\CH1200/0.5\SPCC\165YR11-3-0</t>
  </si>
  <si>
    <t>【东方锅炉】热端蓄热元件\DH1200/0.5\SPCC\165YR11-4-0</t>
  </si>
  <si>
    <t>【东方锅炉】盖板\δ3\1Cr6Si2Mo\29J255-6\135MW超高压CFB机组</t>
  </si>
  <si>
    <t>【东方锅炉】盖板\№2\1Cr6Si2Mo\29J255-5\135MW超高压CFB机组</t>
  </si>
  <si>
    <t>【东方锅炉】盖板\№2\1Cr6Si2Mo\29J255-3\135MW超高压CFB机组</t>
  </si>
  <si>
    <t>【东方锅炉】盖板\δ3\1Cr6Si2Mo\29J255-7\135MW超高压CFB机组</t>
  </si>
  <si>
    <t>【东方锅炉】盖板\δ3\1Cr6Si2Mo\29J255-8\135MW超高压CFB机组</t>
  </si>
  <si>
    <t>【东方锅炉】盖板\№2\1Cr6Si2Mo\29J255-1\135MW超高压CFB机组</t>
  </si>
  <si>
    <t>【东方锅炉】盖板\δ3\1Cr6Si2Mo\29J255-9\135MW超高压CFB机组</t>
  </si>
  <si>
    <t>【东方锅炉】盖板\δ3\1Cr6Si2Mo\29J255-10\135MW超高压CFB机组</t>
  </si>
  <si>
    <t>【东方锅炉】盖板\δ3\1Cr6Si2Mo\29J255-11\135MW超高压CFB机组</t>
  </si>
  <si>
    <t>【东方锅炉】盖板\№2\1Cr6Si2Mo\29J255-18\135MW超高压CFB机组</t>
  </si>
  <si>
    <t>【东方锅炉】盖板\δ3\1Cr6Si2Mo\29J255-13\135MW超高压CFB机组</t>
  </si>
  <si>
    <t>【东方锅炉】热端蓄热元件\EH1200/0.5\SPCC\165YR11-5-0</t>
  </si>
  <si>
    <t>【东方锅炉】热端蓄热元件\FH1200/0.5\SPCC\165YR11-6-0</t>
  </si>
  <si>
    <t>【东方锅炉】盖板\№2\1Cr6Si2Mo\29J255-17\135MW超高压CFB机组</t>
  </si>
  <si>
    <t>【东方锅炉】管子\φ159×18\20G\35J261-14\150MW超高压CFB机组</t>
  </si>
  <si>
    <t>【东方锅炉】管子\φ159×18\20G\35J261-15\150MW超高压CFB机组</t>
  </si>
  <si>
    <t>【东方锅炉】管子\φ159×18\20G\35J261-16\150MW超高压CFB机组</t>
  </si>
  <si>
    <t>【东方锅炉】钢板\δ12 140×220\20g\35J641-0\150MW超高压CFB机组</t>
  </si>
  <si>
    <t>【东方锅炉】钢板\δ12 131×220\20g\35J641-0\150MW超高压CFB机组</t>
  </si>
  <si>
    <t>【东方锅炉】热端蓄热元件\GH1200/0.5\SPCC\165YR11-7-0</t>
  </si>
  <si>
    <t>【东方锅炉】钢板\δ10\Q235A\29J641-1-1\135MW超高压CFB机组</t>
  </si>
  <si>
    <t>【东方锅炉】钢板\δ6\Q235A\29J641-1-3\135MW超高压CFB机组</t>
  </si>
  <si>
    <t>【东方锅炉】钢板\δ6\Q235A\29J641-1-4\135MW超高压CFB机组</t>
  </si>
  <si>
    <t>【东方锅炉】钢板\δ6\Q235A\29J641-1-5\135MW超高压CFB机组</t>
  </si>
  <si>
    <t>【东方锅炉】钢板\δ6\Q235A\29J641-1-6\135MW超高压CFB机组</t>
  </si>
  <si>
    <t>【东方锅炉】管子\φ76×4\20(GB3087-1999)\29J641-1-13\135MW超高压CFB机组</t>
  </si>
  <si>
    <t>【东方锅炉】钢板\δ6 171×30\Q235A\35J641-0\150MW超高压CFB机组</t>
  </si>
  <si>
    <t>【东方锅炉】钢板\δ6 86×30\Q235A\35J641-0\150MW超高压CFB机组</t>
  </si>
  <si>
    <t>【东方锅炉】钢板\δ6 46×30\Q235A\35J641-0\150MW超高压CFB机组</t>
  </si>
  <si>
    <t>【东方锅炉】钢板\δ6 952×840\Q235A\35J641-0\150MW超高压CFB机组</t>
  </si>
  <si>
    <t>【东方锅炉】弯板\δ4\Q235A\29J641-1-18\135MW超高压CFB机组</t>
  </si>
  <si>
    <t>【东方锅炉】弯板\δ4\Q235A\29J641-1-19\135MW超高压CFB机组</t>
  </si>
  <si>
    <t>【东方锅炉】钢板\δ6 768×50\Q235A\35J641-0\150MW超高压CFB机组</t>
  </si>
  <si>
    <t>【东方锅炉】钢板\δ6\Q235A\29J641-1-27\135MW超高压CFB机组</t>
  </si>
  <si>
    <t>【东方锅炉】热端蓄热元件\HH1200/0.5\SPCC\165YR11-8-0</t>
  </si>
  <si>
    <t>【东方锅炉】钢板\δ6\Q235A\29J641-1-32\135MW超高压CFB机组</t>
  </si>
  <si>
    <t>【东方锅炉】钢板\δ10\12Cr18Ni9\29J641-2-2\135MW超高压CFB机组</t>
  </si>
  <si>
    <t>【东方锅炉】钢板\δ6\Q235A\29J641-3\135MW超高压CFB机组</t>
  </si>
  <si>
    <t>【东方锅炉】钢板\δ6 1000×147\Q235A\35J641-0\150MW超高压CFB机组</t>
  </si>
  <si>
    <t>【东方锅炉】钢板\δ6\Q235A\29J641-4\135MW超高压CFB机组</t>
  </si>
  <si>
    <t>【东方锅炉】钢板\δ10\12Cr18Ni9\35J641-1\150MW超高压CFB机组</t>
  </si>
  <si>
    <t>【东方锅炉】钢板\δ10\12Cr18Ni9\35J641-2\150MW超高压CFB机组</t>
  </si>
  <si>
    <t>【东方锅炉】钢板\δ8 760×75\Q235A\35J641-0\150MW超高压CFB机组</t>
  </si>
  <si>
    <t>【东方锅炉】钢板\δ8 1060×75\Q235A\35J641-0\150MW超高压CFB机组</t>
  </si>
  <si>
    <t>【东方锅炉】钢板\δ10 290×207\Q235A\35J641-0\150MW超高压CFB机组</t>
  </si>
  <si>
    <t>【东方锅炉】钢板\δ20\Q235A\29J671-4-1\135MW超高压CFB机组</t>
  </si>
  <si>
    <t>【东方锅炉】钢板\δ6\Q235A\29J671-4-2\135MW超高压CFB机组</t>
  </si>
  <si>
    <t>【东方锅炉】钢板\δ20\Q235A\29J671-5-1\135MW超高压CFB机组</t>
  </si>
  <si>
    <t>【东方锅炉】钢板\δ14\Q235A\35J671-1-2\150MW超高压CFB机组</t>
  </si>
  <si>
    <t>【东方锅炉】钢板\δ12\Q235A\29J671-12\135MW超高压CFB机组</t>
  </si>
  <si>
    <t>【东方锅炉】钢板\δ3\Q235A\29J671-13-2\135MW超高压CFB机组</t>
  </si>
  <si>
    <t>【东方锅炉】限位块\δ10\Q235A\29J671-14\135MW超高压CFB机组</t>
  </si>
  <si>
    <t>【东方锅炉】钢板\δ50 70×90\Q235A\35J671-0\150MW超高压CFB机组</t>
  </si>
  <si>
    <t>【东方锅炉】钢板\δ12\Q235A\29J671-15\135MW超高压CFB机组</t>
  </si>
  <si>
    <t>【东方锅炉】钢板\δ6 2955×487\Q235A\35J671-0\150MW超高压CFB机组</t>
  </si>
  <si>
    <t>【东方锅炉】钢板\δ6\Q235A\33J671-2-1\135MW超高压CFB机组</t>
  </si>
  <si>
    <t>【东方锅炉】钢板\δ6\Q235A\33J671-2-2\135MW超高压CFB机组</t>
  </si>
  <si>
    <t>【东方锅炉】端盖\φ159\20#\15J711-1-1\150MW超高压CFB机组</t>
  </si>
  <si>
    <t>【东方锅炉】钢板\δ6 18×20\Q235A\35J711-0\150MW超高压CFB机组</t>
  </si>
  <si>
    <t>【东方锅炉】圆环\φ126\Q235A\35J711-1-2\150MW超高压CFB机组</t>
  </si>
  <si>
    <t>【东方锅炉】热端蓄热元件\AH300/0.5\SPCC\275YR11-1-0</t>
  </si>
  <si>
    <t>【东方锅炉】热端蓄热元件\BH300/0.5\SPCC\275YR11-2-0</t>
  </si>
  <si>
    <t>【东方锅炉】热端蓄热元件\CH300/0.5\SPCC\275YR11-3-0</t>
  </si>
  <si>
    <t>【东方锅炉】热端蓄热元件\DH300/0.5\SPCC\275YR11-4-0</t>
  </si>
  <si>
    <t>【东方锅炉】热端蓄热元件\EH300/0.5\SPCC\275YR11-5-0</t>
  </si>
  <si>
    <t>【东方锅炉】热端蓄热元件\FH300/0.5\SPCC\275YR11-6-0</t>
  </si>
  <si>
    <t>【东方锅炉】过渡管\φ28×4/60×7\20G\15J711-4\150MW超高压CFB机组</t>
  </si>
  <si>
    <t>【东方锅炉】端盖\φ219×30-Ⅰ-Ⅱ级\20#\DG3320G-2003\150MW超高压CFB机组</t>
  </si>
  <si>
    <t>【东方锅炉】热端蓄热元件\GH300/0.5\SPCC\275YR11-7-0</t>
  </si>
  <si>
    <t>【东方锅炉】管子\φ273×32 L=600\20G\15J711-7-0\150MW超高压CFB机组</t>
  </si>
  <si>
    <t>【东方锅炉】热端蓄热元件\HH300/0.5\SPCC\275YR11-8-0</t>
  </si>
  <si>
    <t>【东方锅炉】钢板\δ8\20#\35J821-1\150MW超高压CFB机组</t>
  </si>
  <si>
    <t>【东方锅炉】热端蓄热元件\AH8\SPCC\31YR11-1-0</t>
  </si>
  <si>
    <t>【东方锅炉】扁钢\δ8\20#\35J8211-1-85\150MW超高压CFB机组</t>
  </si>
  <si>
    <t>【东方锅炉】扁钢\δ8\20#\35J8213-1-9\150MW超高压CFB机组</t>
  </si>
  <si>
    <t>【东方锅炉】扁钢\δ8\20#\35J821-3\150MW超高压CFB机组</t>
  </si>
  <si>
    <t>【东方锅炉】扁钢\δ8\20#\35J821-4\150MW超高压CFB机组</t>
  </si>
  <si>
    <t>【东方锅炉】热端蓄热元件\BH8\SPCC\31YR11-2-0</t>
  </si>
  <si>
    <t>【东方锅炉】钢板\δ10\20g\35J821-5\150MW超高压CFB机组</t>
  </si>
  <si>
    <t>【东方锅炉】钢板\δ10\20g\35J821-6\150MW超高压CFB机组</t>
  </si>
  <si>
    <t>【东方锅炉】钢板\δ14\20g\35J821-7\150MW超高压CFB机组</t>
  </si>
  <si>
    <t>【东方锅炉】钢板\δ20\20g\35J821-8\150MW超高压CFB机组</t>
  </si>
  <si>
    <t>【东方锅炉】钢板\δ16 296×517\Q215A\35J821-0\150MW超高压CFB机组</t>
  </si>
  <si>
    <t>【东方锅炉】钢板\δ16 294×50\Q215A\35J821-0\150MW超高压CFB机组</t>
  </si>
  <si>
    <t>【东方锅炉】钢板\δ16\Q215A\35J822-1-1\150MW超高压CFB机组</t>
  </si>
  <si>
    <t>【东方锅炉】钢板\δ16\Q215A\35J822-1-2\150MW超高压CFB机组</t>
  </si>
  <si>
    <t>【东方锅炉】管子\φ60×4\12Cr18Ni9\29J822-2-1\135MW超高压CFB机组</t>
  </si>
  <si>
    <t>【东方锅炉】热端蓄热元件\CH8\SPCC\31YR11-3-0</t>
  </si>
  <si>
    <t>【东方锅炉】端盖\φ70\12Cr18Ni9\29J822-2-3\135MW超高压CFB机组</t>
  </si>
  <si>
    <t>【东方锅炉】热端蓄热元件\DH8\SPCC\31YR11-4-0</t>
  </si>
  <si>
    <t>【东方锅炉】端盖\φ285\Q235A\29J822-5-1\135MW超高压CFB机组</t>
  </si>
  <si>
    <t>【东方锅炉】圆环板\φ285\Q235A\29J822-5-5\135MW超高压CFB机组</t>
  </si>
  <si>
    <t>【东方锅炉】钢板\δ6\12Cr18Ni9\29J822-6-2\135MW超高压CFB机组</t>
  </si>
  <si>
    <t>【东方锅炉】热端蓄热元件\AH800/0.6\SPCC\38YR11-0/№1</t>
  </si>
  <si>
    <t>【东方锅炉】管子\φ60×4\12Cr18Ni9\29J822-6-3\135MW超高压CFB机组</t>
  </si>
  <si>
    <t>【东方锅炉】热端蓄热元件\BH800/0.6\SPCC\38YR11-0/№2</t>
  </si>
  <si>
    <t>【东方锅炉】管子\φ57×3.5\12Cr18Ni9\29J822-8-1\135MW超高压CFB机组</t>
  </si>
  <si>
    <t>【东方锅炉】管子\φ32×3.5\12Cr18Ni9\29J822-9-4\135MW超高压CFB机组</t>
  </si>
  <si>
    <t>【东方锅炉】管子\φ89×4.5\20(GB3087-1999)\35J824-1-1\150MW超高压CFB机组</t>
  </si>
  <si>
    <t>【东方锅炉】管子\φ89×4.5\20(GB3087-1999)\35J824-1-2\150MW超高压CFB机组</t>
  </si>
  <si>
    <t>【东方锅炉】管子\φ89×4.5\20(GB3087-1999)\35J824-1-3\150MW超高压CFB机组</t>
  </si>
  <si>
    <t>【东方锅炉】钢板\δ10\Q235A\35J824-1-4\150MW超高压CFB机组</t>
  </si>
  <si>
    <t>【东方锅炉】管子\φ60×4\20(GB3087-1999)\35J824-2-1\150MW超高压CFB机组</t>
  </si>
  <si>
    <t>【东方锅炉】管子\φ60×4\20(GB3087-1999)\35J824-2-2\150MW超高压CFB机组</t>
  </si>
  <si>
    <t>【东方锅炉】钢板\δ10\Q235A\35J824-2-3\150MW超高压CFB机组</t>
  </si>
  <si>
    <t>【东方锅炉】管子\φ60×4\20(GB3087-1999)\35J824-3-1\150MW超高压CFB机组</t>
  </si>
  <si>
    <t>【东方锅炉】管子\φ60×4\20(GB3087-1999)\35J824-3-2\150MW超高压CFB机组</t>
  </si>
  <si>
    <t>【东方锅炉】钢板\δ10\Q235A\35J824-3-3\150MW超高压CFB机组</t>
  </si>
  <si>
    <t>【东方锅炉】加强板\δ8\20#\35J4641-10\150MW超高压CFB机组</t>
  </si>
  <si>
    <t>【东方锅炉】管子\φ60×8.5 №1\SA-213TP347H\35J4641-11\150MW超高压CFB机组</t>
  </si>
  <si>
    <t>【东方锅炉】管子\φ60×8.5 №2\SA-213TP347H\35J4641-11\150MW超高压CFB机组</t>
  </si>
  <si>
    <t>【东方锅炉】管子\φ60×8.5 №3\SA-213TP347H\35J4641-11\150MW超高压CFB机组</t>
  </si>
  <si>
    <t>【东方锅炉】管子\φ60×8.5\SA-213TP347H\35J4641-12\150MW超高压CFB机组</t>
  </si>
  <si>
    <t>【东方锅炉】钢板\δ10\Q235A\35J8224-1-1\150MW超高压CFB机组</t>
  </si>
  <si>
    <t>【东方锅炉】钢板\δ10 4210×160\Q235A\35J8224-0\150MW超高压CFB机组</t>
  </si>
  <si>
    <t>【东方锅炉】钢板\δ10 1770×160\Q235A\35J8224-0\150MW超高压CFB机组</t>
  </si>
  <si>
    <t>【东方锅炉】钢板\δ16 5875×100\Q235A\35J8224-3-5\150MW超高压CFB机组</t>
  </si>
  <si>
    <t>【东方锅炉】钢板\δ16×100 L=3896\Q235A\35J8224-3-8\150MW超高压CFB机组</t>
  </si>
  <si>
    <t>【东方锅炉】钢板\δ16×84 L=3725\Q235A\35J8224-3-8\150MW超高压CFB机组</t>
  </si>
  <si>
    <t>【东方锅炉】钢板\δ16\Q235A\35J8224-3-9\150MW超高压CFB机组</t>
  </si>
  <si>
    <t>【东方锅炉】U型板\20#\35J8224-4-5\150MW超高压CFB机组</t>
  </si>
  <si>
    <t>【东方锅炉】钢板\δ12\Q235A\35J8222-1-1\150MW超高压CFB机组</t>
  </si>
  <si>
    <t>【东方锅炉】钢板\δ12\Q235A\35J8222-1-2\150MW超高压CFB机组</t>
  </si>
  <si>
    <t>【东方锅炉】管子\φ60×6.5\20G\35J8214-3\150MW超高压CFB机组</t>
  </si>
  <si>
    <t>【东方锅炉】管子\φ60×6.5\20G\35J8214-4\150MW超高压CFB机组</t>
  </si>
  <si>
    <t>【东方锅炉】管子\φ60×6.5\20G\35J8214-5\150MW超高压CFB机组</t>
  </si>
  <si>
    <t>【东方锅炉】管子\φ60×6.5\20G\35J8214-6\150MW超高压CFB机组</t>
  </si>
  <si>
    <t>【东方锅炉】管子\φ60×6.5\20G\35J8214-7\150MW超高压CFB机组</t>
  </si>
  <si>
    <t>【东方锅炉】管子\φ60×6.5\20G\35J8214-8\150MW超高压CFB机组</t>
  </si>
  <si>
    <t>【东方锅炉】管子\φ60×6.5\20G\35J8214-9\150MW超高压CFB机组</t>
  </si>
  <si>
    <t>【东方锅炉】管子\φ60×6.5\20G\35J8214-10\150MW超高压CFB机组</t>
  </si>
  <si>
    <t>【东方锅炉】管子\φ60×6.5\20G\35J8214-11\150MW超高压CFB机组</t>
  </si>
  <si>
    <t>【东方锅炉】管子\φ60×6.5\20G\35J8214-12\150MW超高压CFB机组</t>
  </si>
  <si>
    <t>【东方锅炉】管子\φ60×6.5\20G\35J8214-13\150MW超高压CFB机组</t>
  </si>
  <si>
    <t>【东方锅炉】管子\φ60×6.5\20G\35J8214-14\150MW超高压CFB机组</t>
  </si>
  <si>
    <t>【东方锅炉】管子\φ60×6.5\20G\35J8214-15\150MW超高压CFB机组</t>
  </si>
  <si>
    <t>【东方锅炉】管子\φ60×6.5\20G\35J8214-16\150MW超高压CFB机组</t>
  </si>
  <si>
    <t>【东方锅炉】管子\φ60×6.5\20G\35J8214-17\150MW超高压CFB机组</t>
  </si>
  <si>
    <t>【东方锅炉】管子\φ60×6.5\20G\35J8214-18\150MW超高压CFB机组</t>
  </si>
  <si>
    <t>【东方锅炉】管子\φ60×6.5\20G\35J8214-19\150MW超高压CFB机组</t>
  </si>
  <si>
    <t>【东方锅炉】管子\φ60×6.5\20G\35J8214-20\150MW超高压CFB机组</t>
  </si>
  <si>
    <t>【东方锅炉】管子\φ60×6.5\20G\35J8214-21\150MW超高压CFB机组</t>
  </si>
  <si>
    <t>【东方锅炉】管子\φ60×6.5\20G\35J8214-22\150MW超高压CFB机组</t>
  </si>
  <si>
    <t>【东方锅炉】管子\φ60×6.5\20G\35J8214-23\150MW超高压CFB机组</t>
  </si>
  <si>
    <t>【东方锅炉】管子\φ60×6.5\20G\35J8214-24\150MW超高压CFB机组</t>
  </si>
  <si>
    <t>【东方锅炉】管子\φ60×6.5\20G\35J8214-25\150MW超高压CFB机组</t>
  </si>
  <si>
    <t>【东方锅炉】管子\φ60×6.5\20G\35J8214-26\150MW超高压CFB机组</t>
  </si>
  <si>
    <t>【东方锅炉】管子\φ60×6.5\20G\35J8214-27\150MW超高压CFB机组</t>
  </si>
  <si>
    <t>【东方锅炉】管子\φ60×6.5\20G\35J8214-28\150MW超高压CFB机组</t>
  </si>
  <si>
    <t>【东方锅炉】管子\φ60×6.5\20G\35J8214-29\150MW超高压CFB机组</t>
  </si>
  <si>
    <t>【东方锅炉】管子\φ60×6.5\20G\35J8214-30\150MW超高压CFB机组</t>
  </si>
  <si>
    <t>【东方锅炉】管子\φ60×6.5\20G\35J8214-31\150MW超高压CFB机组</t>
  </si>
  <si>
    <t>【东方锅炉】管子\φ60×6.5\20G\35J8214-32\150MW超高压CFB机组</t>
  </si>
  <si>
    <t>【东方锅炉】扁钢\δ8\20#\35J8214-33\150MW超高压CFB机组</t>
  </si>
  <si>
    <t>【东方锅炉】扁钢\δ8\20#\35J8214-34\150MW超高压CFB机组</t>
  </si>
  <si>
    <t>【东方锅炉】扁钢\δ8\20#\35J8214-35\150MW超高压CFB机组</t>
  </si>
  <si>
    <t>【东方锅炉】扁钢\δ8\20#\35J8214-36\150MW超高压CFB机组</t>
  </si>
  <si>
    <t>【东方锅炉】扁钢\δ8\20#\35J8214-37\150MW超高压CFB机组</t>
  </si>
  <si>
    <t>【东方锅炉】扁钢\δ8\20#\35J8214-38\150MW超高压CFB机组</t>
  </si>
  <si>
    <t>【东方锅炉】扁钢\δ8\20#\35J8214-39\150MW超高压CFB机组</t>
  </si>
  <si>
    <t>【东方锅炉】扁钢\δ8\20#\35J8214-40\150MW超高压CFB机组</t>
  </si>
  <si>
    <t>【东方锅炉】扁钢\δ8\20#\35J8214-41\150MW超高压CFB机组</t>
  </si>
  <si>
    <t>【东方锅炉】扁钢\δ8\20#\35J8214-42\150MW超高压CFB机组</t>
  </si>
  <si>
    <t>【东方锅炉】扁钢\δ8\20#\35J8214-43\150MW超高压CFB机组</t>
  </si>
  <si>
    <t>【东方锅炉】扁钢\δ8\20#\35J8214-44\150MW超高压CFB机组</t>
  </si>
  <si>
    <t>【东方锅炉】扁钢\δ8\20#\35J8214-45\150MW超高压CFB机组</t>
  </si>
  <si>
    <t>【东方锅炉】扁钢\δ8\20#\35J8214-46\150MW超高压CFB机组</t>
  </si>
  <si>
    <t>【东方锅炉】扁钢\δ8\20#\35J8214-47\150MW超高压CFB机组</t>
  </si>
  <si>
    <t>【东方锅炉】扁钢\δ8\20#\35J8214-48\150MW超高压CFB机组</t>
  </si>
  <si>
    <t>【东方锅炉】扁钢\δ8\20#\35J8214-49\150MW超高压CFB机组</t>
  </si>
  <si>
    <t>【东方锅炉】扁钢\δ8\20#\35J8214-50\150MW超高压CFB机组</t>
  </si>
  <si>
    <t>【东方锅炉】扁钢\δ8\20#\35J8214-51\150MW超高压CFB机组</t>
  </si>
  <si>
    <t>【东方锅炉】扁钢\δ8\20#\35J8214-52\150MW超高压CFB机组</t>
  </si>
  <si>
    <t>【东方锅炉】扁钢\δ8\20#\35J8214-53\150MW超高压CFB机组</t>
  </si>
  <si>
    <t>【东方锅炉】扁钢\δ8\20#\35J8214-54\150MW超高压CFB机组</t>
  </si>
  <si>
    <t>【东方锅炉】扁钢\δ8\20#\35J8214-55\150MW超高压CFB机组</t>
  </si>
  <si>
    <t>【东方锅炉】扁钢\δ8\20#\35J8214-56\150MW超高压CFB机组</t>
  </si>
  <si>
    <t>【东方锅炉】扁钢\δ8\20#\35J8214-57\150MW超高压CFB机组</t>
  </si>
  <si>
    <t>【东方锅炉】扁钢\δ8\20#\35J8214-58\150MW超高压CFB机组</t>
  </si>
  <si>
    <t>【东方锅炉】扁钢\δ8\20#\35J8214-59\150MW超高压CFB机组</t>
  </si>
  <si>
    <t>【东方锅炉】扁钢\δ8\20#\35J8214-60\150MW超高压CFB机组</t>
  </si>
  <si>
    <t>【东方锅炉】热端蓄热元件\CH800/0.6\SPCC\38YR11-0/№3</t>
  </si>
  <si>
    <t>【东方锅炉】热端蓄热元件\DH800/0.6\SPCC\38YR11-0/№4</t>
  </si>
  <si>
    <t>【东方锅炉】热端蓄热元件\AH600/0.6\SPCC\38YR11-0/№5</t>
  </si>
  <si>
    <t>【东方锅炉】热端蓄热元件\BH600/0.6\SPCC\38YR11-0/№6</t>
  </si>
  <si>
    <t>【东方锅炉】热端蓄热元件\CH600/0.6\SPCC\38YR11-0/№7</t>
  </si>
  <si>
    <t>【东方锅炉】热端蓄热元件\DH600/0.6\SPCC\38YR11-0/№8</t>
  </si>
  <si>
    <t>【东方锅炉】热端蓄热元件\AH800/0.6\SPCC\38YR11-1-0/№1</t>
  </si>
  <si>
    <t>【东方锅炉】热端蓄热元件\BH800/0.6\SPCC\38YR11-2-0/№1</t>
  </si>
  <si>
    <t>【东方锅炉】梳型板\δ8\20#\35J8214-66\150MW超高压CFB机组</t>
  </si>
  <si>
    <t>【东方锅炉】梳型板\δ8\20#\35J8214-67\150MW超高压CFB机组</t>
  </si>
  <si>
    <t>【东方锅炉】扁钢\δ8 1000×1000\20#\35J8214-0\150MW超高压CFB机组</t>
  </si>
  <si>
    <t>【东方锅炉】管子\φ42×8\20G\35J8213-1-1\150MW超高压CFB机组</t>
  </si>
  <si>
    <t>【东方锅炉】管子\φ42×8\20G\35J8213-1-2\150MW超高压CFB机组</t>
  </si>
  <si>
    <t>【东方锅炉】扁钢\δ8\20#\35J8213-1-3\150MW超高压CFB机组</t>
  </si>
  <si>
    <t>【东方锅炉】扁钢\δ8\20#\35J8213-1-4\150MW超高压CFB机组</t>
  </si>
  <si>
    <t>【东方锅炉】扁钢\δ8\20#\35J8213-1-5\150MW超高压CFB机组</t>
  </si>
  <si>
    <t>【东方锅炉】扁钢\δ8\20#\35J8213-1-6\150MW超高压CFB机组</t>
  </si>
  <si>
    <t>【东方锅炉】管子\φ42×8\20G\35J8213-2-1\150MW超高压CFB机组</t>
  </si>
  <si>
    <t>【东方锅炉】管子\φ42×8\20G\35J8213-2-2\150MW超高压CFB机组</t>
  </si>
  <si>
    <t>【东方锅炉】管子\φ42×8\20G\35J8213-3-1\150MW超高压CFB机组</t>
  </si>
  <si>
    <t>【东方锅炉】管子\φ42×8\20G\35J8213-3-2\150MW超高压CFB机组</t>
  </si>
  <si>
    <t>【东方锅炉】管子\φ42×8\20G\35J8213-3-3\150MW超高压CFB机组</t>
  </si>
  <si>
    <t>【东方锅炉】管子\φ42×8\20G\35J8213-3-4\150MW超高压CFB机组</t>
  </si>
  <si>
    <t>【东方锅炉】管子\φ42×8\20G\35J8213-3-5\150MW超高压CFB机组</t>
  </si>
  <si>
    <t>【东方锅炉】管子\φ42×8\20G\35J8211-2-17\150MW超高压CFB机组</t>
  </si>
  <si>
    <t>【东方锅炉】热端蓄热元件\CH800/0.6\SPCC\38YR11-3-0/№1</t>
  </si>
  <si>
    <t>【东方锅炉】梳型板\δ6\20#\35J8211-1-84\150MW超高压CFB机组</t>
  </si>
  <si>
    <t>【东方锅炉】热端蓄热元件\DH800/0.6\SPCC\38YR11-4-0/№1</t>
  </si>
  <si>
    <t>【东方锅炉】热端蓄热元件\AH300/0.6\SPCC\38YR11-5-0</t>
  </si>
  <si>
    <t>【东方锅炉】热端蓄热元件\BH300/0.6\SPCC\38YR11-6-0</t>
  </si>
  <si>
    <t>【东方锅炉】热端蓄热元件\CH300/0.6\SPCC\38YR11-7-0</t>
  </si>
  <si>
    <t>【东方锅炉】热端蓄热元件\DH300/0.6\SPCC\38YR11-8-0</t>
  </si>
  <si>
    <t>【东方锅炉】热端蓄热元件\AH8/0.6\SPCC\28YR11-1-0/№1</t>
  </si>
  <si>
    <t>【东方锅炉】热端蓄热元件\BH8/0.6\SPCC\28YR11-2-0/№1</t>
  </si>
  <si>
    <t>【东方锅炉】圆板\δ8 φ90\12Cr1MoV\35J8211-1-80\150MW超高压CFB机组</t>
  </si>
  <si>
    <t>【东方锅炉】管子\φ42×8\20G\35J8211-1-4\150MW超高压CFB机组</t>
  </si>
  <si>
    <t>【东方锅炉】管子\φ42×8\20G\35J8211-1-5\150MW超高压CFB机组</t>
  </si>
  <si>
    <t>【东方锅炉】管子\φ42×8\20G\35J8211-1-6\150MW超高压CFB机组</t>
  </si>
  <si>
    <t>【东方锅炉】管子\φ42×8\20G\35J8211-1-7\150MW超高压CFB机组</t>
  </si>
  <si>
    <t>【东方锅炉】管子\φ42×8\20G\35J8211-1-8\150MW超高压CFB机组</t>
  </si>
  <si>
    <t>【东方锅炉】管子\φ42×8\20G\35J8211-1-9\150MW超高压CFB机组</t>
  </si>
  <si>
    <t>【东方锅炉】管子\φ42×8\20G\35J8211-1-10\150MW超高压CFB机组</t>
  </si>
  <si>
    <t>【东方锅炉】管子\φ42×8\20G\35J8211-1-11\150MW超高压CFB机组</t>
  </si>
  <si>
    <t>【东方锅炉】管子\φ42×8\20G\35J8211-1-12\150MW超高压CFB机组</t>
  </si>
  <si>
    <t>【东方锅炉】管子\φ42×8\20G\35J8211-1-13\150MW超高压CFB机组</t>
  </si>
  <si>
    <t>【东方锅炉】管子\φ42×8\20G\35J8211-1-14\150MW超高压CFB机组</t>
  </si>
  <si>
    <t>【东方锅炉】管子\φ42×8\20G\35J8211-1-15\150MW超高压CFB机组</t>
  </si>
  <si>
    <t>【东方锅炉】管子\φ42×8\20G\35J8211-1-16\150MW超高压CFB机组</t>
  </si>
  <si>
    <t>【东方锅炉】管子\φ42×8\20G\35J8211-1-17\150MW超高压CFB机组</t>
  </si>
  <si>
    <t>【东方锅炉】管子\φ42×8\20G\35J8211-1-18\150MW超高压CFB机组</t>
  </si>
  <si>
    <t>【东方锅炉】管子\φ42×8\20G\35J8211-1-19\150MW超高压CFB机组</t>
  </si>
  <si>
    <t>【东方锅炉】管子\φ42×8\20G\35J8211-1-20\150MW超高压CFB机组</t>
  </si>
  <si>
    <t>【东方锅炉】管子\φ42×8\20G\35J8211-1-21\150MW超高压CFB机组</t>
  </si>
  <si>
    <t>【东方锅炉】管子\φ42×8\20G\35J8211-1-22\150MW超高压CFB机组</t>
  </si>
  <si>
    <t>【东方锅炉】管子\φ42×8\20G\35J8211-1-23\150MW超高压CFB机组</t>
  </si>
  <si>
    <t>【东方锅炉】管子\φ42×8\20G\35J8211-1-24\150MW超高压CFB机组</t>
  </si>
  <si>
    <t>【东方锅炉】管子\φ42×8\20G\35J8211-1-25\150MW超高压CFB机组</t>
  </si>
  <si>
    <t>【东方锅炉】管子\φ42×8\20G\35J8211-1-26\150MW超高压CFB机组</t>
  </si>
  <si>
    <t>【东方锅炉】管子\φ42×8\20G\35J8211-1-27\150MW超高压CFB机组</t>
  </si>
  <si>
    <t>【东方锅炉】管子\φ42×8\20G\35J8211-2-3\150MW超高压CFB机组</t>
  </si>
  <si>
    <t>【东方锅炉】管子\φ42×8\20G\35J8211-2-4\150MW超高压CFB机组</t>
  </si>
  <si>
    <t>【东方锅炉】管子\φ42×8\20G\35J8211-2-5\150MW超高压CFB机组</t>
  </si>
  <si>
    <t>【东方锅炉】管子\φ42×8\20G\35J8211-2-6\150MW超高压CFB机组</t>
  </si>
  <si>
    <t>【东方锅炉】管子\φ42×8\20G\35J8211-2-7\150MW超高压CFB机组</t>
  </si>
  <si>
    <t>【东方锅炉】管子\φ42×8\20G\35J8211-2-8\150MW超高压CFB机组</t>
  </si>
  <si>
    <t>【东方锅炉】管子\φ42×8\20G\35J8211-2-9\150MW超高压CFB机组</t>
  </si>
  <si>
    <t>【东方锅炉】管子\φ42×8\20G\35J8211-2-10\150MW超高压CFB机组</t>
  </si>
  <si>
    <t>【东方锅炉】管子\φ42×8\20G\35J8211-2-11\150MW超高压CFB机组</t>
  </si>
  <si>
    <t>【东方锅炉】管子\φ42×8\20G\35J8211-2-12\150MW超高压CFB机组</t>
  </si>
  <si>
    <t>【东方锅炉】管子\φ42×8\20G\35J8211-2-13\150MW超高压CFB机组</t>
  </si>
  <si>
    <t>【东方锅炉】管子\φ42×8\20G\35J8211-2-14\150MW超高压CFB机组</t>
  </si>
  <si>
    <t>【东方锅炉】管子\φ42×8\20G\35J8211-2-15\150MW超高压CFB机组</t>
  </si>
  <si>
    <t>【东方锅炉】管子\φ42×8\20G\35J8211-2-16\150MW超高压CFB机组</t>
  </si>
  <si>
    <t>【东方锅炉】热端蓄热元件\CH8/0.6\SPCC\28YR11-3-0/№1</t>
  </si>
  <si>
    <t>【东方锅炉】热端蓄热元件\DH8/0.6\SPCC\28YR11-4-0/№1</t>
  </si>
  <si>
    <t>【东方锅炉】热端蓄热元件\AH600/0.5\SPCC\38YR11-1-0/№2</t>
  </si>
  <si>
    <t>【东方锅炉】热端蓄热元件\BH600/0.5\SPCC\38YR11-2-0/№2</t>
  </si>
  <si>
    <t>【东方锅炉】热端蓄热元件\CH600/0.5\SPCC\38YR11-3-0/№2</t>
  </si>
  <si>
    <t>【东方锅炉】观察孔\L1/L2=720/232.4\装配件\23S1111-7-1\1000MW超超临界机组</t>
  </si>
  <si>
    <t>【东方锅炉】热端蓄热元件\DH600/0.5\SPCC\38YR11-4-0/№2</t>
  </si>
  <si>
    <t>【东方锅炉】钢板\δ6\12Cr1MoV\23S1111-13\1000MW超超临界机组</t>
  </si>
  <si>
    <t>【东方锅炉】扁钢\δ9\12Cr1MoV\23S1111-14\1000MW超超临界机组</t>
  </si>
  <si>
    <t>【东方锅炉】热端蓄热元件\AH8/0.6\SPCC\28YR11-1-0/№2</t>
  </si>
  <si>
    <t>【东方锅炉】热端蓄热元件\BH8/0.6\SPCC\28YR11-2-0/№2</t>
  </si>
  <si>
    <t>【东方锅炉】热端蓄热元件\CH8/0.6\SPCC\28YR11-3-0/№2</t>
  </si>
  <si>
    <t>【东方锅炉】钢板\δ6\15CrMo\2S1112-1-6\1000MW超超临界机组</t>
  </si>
  <si>
    <t>【东方锅炉】钢板\δ6 258×24\15CrMo\23S1112-0\1000MW超超临界机组</t>
  </si>
  <si>
    <t>【东方锅炉】钢板\δ6\15CrMo\2S1112-1-7\1000MW超超临界机组</t>
  </si>
  <si>
    <t>【东方锅炉】钢板\δ6\15CrMo\2S1112-1-8\1000MW超超临界机组</t>
  </si>
  <si>
    <t>【东方锅炉】钢板\δ6\15CrMo\2S1112-1-9\1000MW超超临界机组</t>
  </si>
  <si>
    <t>【东方锅炉】热端蓄热元件\DH8/0.6\SPCC\28YR11-4-0/№2</t>
  </si>
  <si>
    <t>【东方锅炉】热端蓄热元件\AH400/0.5\SPCC\158YR/№1</t>
  </si>
  <si>
    <t>【东方锅炉】圆环板\δ6 φ184/φ92\12Cr1MoV\23S1112-0\1000MW超超临界机组</t>
  </si>
  <si>
    <t>【东方锅炉】套管\φ89×5.5\12Cr1MoVG\2S1112-1-11\1000MW超超临界机组</t>
  </si>
  <si>
    <t>【东方锅炉】密封块\δ4\15CrMo\2S1112-1-12\1000MW超超临界机组</t>
  </si>
  <si>
    <t>【东方锅炉】密封块\δ4\15CrMo\2S1112-1-13\1000MW超超临界机组</t>
  </si>
  <si>
    <t>【东方锅炉】支撑板\δ16\Q345B\2S1112-1-20\1000MW超超临界机组</t>
  </si>
  <si>
    <t>【东方锅炉】钢板\δ45\Q345B\2S1112-1-21\1000MW超超临界机组</t>
  </si>
  <si>
    <t>【东方锅炉】钢板\δ14 2857×199\Q345B\23S1112-0\1000MW超超临界机组</t>
  </si>
  <si>
    <t>【东方锅炉】钢板\δ10 2857×234\Q345B\23S1112-0\1000MW超超临界机组</t>
  </si>
  <si>
    <t>【东方锅炉】钢板\δ16\Q345B\23S1112-1-3\1000MW超超临界机组</t>
  </si>
  <si>
    <t>【东方锅炉】肋板\δ10\Q345B\2S1112-1-18\1000MW超超临界机组</t>
  </si>
  <si>
    <t>【东方锅炉】钢板\δ12 120×100\Q345B\23S1112-0\1000MW超超临界机组</t>
  </si>
  <si>
    <t>【东方锅炉】耳板\δ6\15CrMo\23S1112-1-4\1000MW超超临界机组</t>
  </si>
  <si>
    <t>【东方锅炉】钢板\δ14 3045×199\Q345B\23S1112-0\1000MW超超临界机组</t>
  </si>
  <si>
    <t>【东方锅炉】钢板\δ10 3045×234\Q345B\23S1112-0\1000MW超超临界机组</t>
  </si>
  <si>
    <t>【东方锅炉】密封块\δ6\15CrMo\2S1112-1-14\1000MW超超临界机组</t>
  </si>
  <si>
    <t>【东方锅炉】管子\φ31.8×6.5\12Cr1MoVG\23S1112-5-1\1000MW超超临界机组</t>
  </si>
  <si>
    <t>【东方锅炉】管子\φ31.8×6.5\12Cr1MoVG\23S1112-5-2\1000MW超超临界机组</t>
  </si>
  <si>
    <t>【东方锅炉】管子\φ31.8×6.5\12Cr1MoVG\23S1112-5-3\1000MW超超临界机组</t>
  </si>
  <si>
    <t>【东方锅炉】管子\φ31.8×6.5\12Cr1MoVG\23S1112-5-4\1000MW超超临界机组</t>
  </si>
  <si>
    <t>【东方锅炉】支撑板\δ16\Q345B\2S1112-5-5\1000MW超超临界机组</t>
  </si>
  <si>
    <t>【东方锅炉】钢板\δ45\Q345B\2S1112-5-6\1000MW超超临界机组</t>
  </si>
  <si>
    <t>【东方锅炉】密封块\δ6 №1\15CrMo\23S1112-5-5\1000MW超超临界机组</t>
  </si>
  <si>
    <t>【东方锅炉】密封块\δ6 №2\15CrMo\23S1112-5-5\1000MW超超临界机组</t>
  </si>
  <si>
    <t>【东方锅炉】钢板\δ10\15CrMo\23S1112-5-6\1000MW超超临界机组</t>
  </si>
  <si>
    <t>【东方锅炉】钢板\δ10\15CrMo\23S1112-5-7\1000MW超超临界机组</t>
  </si>
  <si>
    <t>【东方锅炉】钢板\δ10\15CrMo\23S1112-5-8\1000MW超超临界机组</t>
  </si>
  <si>
    <t>【东方锅炉】钢板\δ16\15CrMo\23S1112-5-9\1000MW超超临界机组</t>
  </si>
  <si>
    <t>【东方锅炉】热端蓄热元件\BH400/0.5\SPCC\158YR/№2</t>
  </si>
  <si>
    <t>【东方锅炉】热端蓄热元件\CH400/0.5\SPCC\158YR/№3</t>
  </si>
  <si>
    <t>【东方锅炉】热端蓄热元件\DH400/0.5\SPCC\158YR/№4</t>
  </si>
  <si>
    <t>【东方锅炉】热端蓄热元件\EH400/0.5\SPCC\158YR/№5</t>
  </si>
  <si>
    <t>【东方锅炉】热端蓄热元件\AH1050/0.5\SPCC\158YR/№6</t>
  </si>
  <si>
    <t>【东方锅炉】热端蓄热元件\BH1050/0.5\SPCC\158YR/№7</t>
  </si>
  <si>
    <t>【东方锅炉】热端蓄热元件\CH1050/0.5\SPCC\158YR/№8</t>
  </si>
  <si>
    <t>【东方锅炉】衬垫\δ10\15CrMo\2S1112-5-17\1000MW超超临界机组</t>
  </si>
  <si>
    <t>【东方锅炉】梳型板\δ10\15CrMo\2S1112-5-18\1000MW超超临界机组</t>
  </si>
  <si>
    <t>【东方锅炉】梳型板\δ10\15CrMo\2S1112-5-19\1000MW超超临界机组</t>
  </si>
  <si>
    <t>【东方锅炉】钢板\δ10\15CrMo\2S1112-5-20\1000MW超超临界机组</t>
  </si>
  <si>
    <t>【东方锅炉】钢板\δ10\15CrMo\2S1112-5-21\1000MW超超临界机组</t>
  </si>
  <si>
    <t>【东方锅炉】钢板\δ10\12Cr1MoV\23S1112-5-10\1000MW超超临界机组</t>
  </si>
  <si>
    <t>【东方锅炉】热端蓄热元件\DH1050/0.5\SPCC\158YR/№9</t>
  </si>
  <si>
    <t>【东方锅炉】热端蓄热元件\EH1050/0.5\SPCC\158YR/№10</t>
  </si>
  <si>
    <t>【东方锅炉】热端蓄热元件\AH300/0.5\SPCC\106YR11-6-0/№1</t>
  </si>
  <si>
    <t>【东方锅炉】热端蓄热元件\BH300/0.5\SPCC\106YR11-7-0/№1</t>
  </si>
  <si>
    <t>【东方锅炉】热端蓄热元件\CH300/0.5\SPCC\106YR11-8-0/№1</t>
  </si>
  <si>
    <t>【东方锅炉】圆弧板\δ6\15CrMo\2S1112-11-2\1000MW超超临界机组</t>
  </si>
  <si>
    <t>【东方锅炉】测点块\δ4 φ76.2\15CrMo\TGS15002\1000MW超超临界机组</t>
  </si>
  <si>
    <t>【东方锅炉】槽钢\20a\Q235A\2S1112-14\1000MW超超临界机组</t>
  </si>
  <si>
    <t>【东方锅炉】槽钢\20a\Q235A\2S1112-15\1000MW超超临界机组</t>
  </si>
  <si>
    <t>【东方锅炉】槽钢\20a\Q235A\2S1112-16\1000MW超超临界机组</t>
  </si>
  <si>
    <t>【东方锅炉】钢板\δ20 431.8×170\20#\23S1112-0\1000MW超超临界机组</t>
  </si>
  <si>
    <t>【东方锅炉】钢板\δ12 120×100\20#\23S1112-0\1000MW超超临界机组</t>
  </si>
  <si>
    <t>【东方锅炉】钢板\δ10\20#\2S1112-17-1\1000MW超超临界机组</t>
  </si>
  <si>
    <t>【东方锅炉】螺栓\20#\2S1112-18\1000MW超超临界机组</t>
  </si>
  <si>
    <t>【东方锅炉】钢板\δ12\20#\2S1112-19\1000MW超超临界机组</t>
  </si>
  <si>
    <t>【东方锅炉】扁钢\δ9\12Cr1MoV\2S1112-20\1000MW超超临界机组</t>
  </si>
  <si>
    <t>【东方锅炉】扁钢\δ9\12Cr1MoV\2S1112-21\1000MW超超临界机组</t>
  </si>
  <si>
    <t>【东方锅炉】钢板\δ10(正)\12Cr1MoV\23S1112-14\1000MW超超临界机组</t>
  </si>
  <si>
    <t>【东方锅炉】钢板\δ10 1000×50\12Cr1MoV\23S1112-0\1000MW超超临界机组</t>
  </si>
  <si>
    <t>【东方锅炉】钢板\δ10(反)\12Cr1MoV\23S1112-14\1000MW超超临界机组</t>
  </si>
  <si>
    <t>【东方锅炉】管子\φ31.8×7.5(正)\12Cr1MoVG\23S1113-1-1\1000MW超超临界机组</t>
  </si>
  <si>
    <t>【东方锅炉】管子\φ31.8×7.5\12Cr1MoVG\23S1113-1-2\1000MW超超临界机组</t>
  </si>
  <si>
    <t>【东方锅炉】钢板\δ6(反)\15CrMo\23S1113-1-3\1000MW超超临界机组</t>
  </si>
  <si>
    <t>【东方锅炉】钢板\δ6 257×25\15CrMo\23S1113-0\1000MW超超临界机组</t>
  </si>
  <si>
    <t>【东方锅炉】钢板\δ6\15CrMo\23S1113-1-4\1000MW超超临界机组</t>
  </si>
  <si>
    <t>【东方锅炉】密封块\δ6\12Cr1MoV\23S1113-1-5\1000MW超超临界机组</t>
  </si>
  <si>
    <t>【东方锅炉】钢板\δ6(反)\15CrMo\23S1113-1-6\1000MW超超临界机组</t>
  </si>
  <si>
    <t>【东方锅炉】钢板\δ6 475×25\15CrMo\23S1113-0\1000MW超超临界机组</t>
  </si>
  <si>
    <t>【东方锅炉】钢板\δ6 278×63\15CrMo\23S1113-0\1000MW超超临界机组</t>
  </si>
  <si>
    <t>【东方锅炉】钢板\δ6 2193×65\15CrMo\23S1113-0\1000MW超超临界机组</t>
  </si>
  <si>
    <t>【东方锅炉】密封块\№1\15CrMo\23S1113-1-7\1000MW超超临界机组</t>
  </si>
  <si>
    <t>【东方锅炉】密封块\№2\15CrMo\23S1113-1-7\1000MW超超临界机组</t>
  </si>
  <si>
    <t>【东方锅炉】负压测点孔\φ60\装配件\23S1113-1-8\1000MW超超临界机组</t>
  </si>
  <si>
    <t>【东方锅炉】钢板\δ6 385×38\12Cr1MoV\23S1113-0\1000MW超超临界机组</t>
  </si>
  <si>
    <t>【东方锅炉】管子\φ31.8×7.5(反)\12Cr1MoVG\23S1113-1-1\1000MW超超临界机组</t>
  </si>
  <si>
    <t>【东方锅炉】钢板\δ6 3052×65\15CrMo\23S1113-0\1000MW超超临界机组</t>
  </si>
  <si>
    <t>【东方锅炉】热端蓄热元件\DH300/0.5\SPCC\106YR11-9-0/№1</t>
  </si>
  <si>
    <t>【东方锅炉】热端蓄热元件\EH300/0.5\SPCC\106YR11-10-0/№1</t>
  </si>
  <si>
    <t>【东方锅炉】张力板\δ60\12Cr1MoV\2S1113-4-1\1000MW超超临界机组</t>
  </si>
  <si>
    <t>【东方锅炉】压块\δ20 19×50\15CrMo\23S1113-0\1000MW超超临界机组</t>
  </si>
  <si>
    <t>【东方锅炉】固定块\δ60\12Cr1MoV\2S1113-9-4\1000MW超超临界机组</t>
  </si>
  <si>
    <t>【东方锅炉】张力板\δ60\12Cr1MoV\2S1113-9-5\1000MW超超临界机组</t>
  </si>
  <si>
    <t>【东方锅炉】耳板\δ32\12Cr1MoV\2S1113-9-6\1000MW超超临界机组</t>
  </si>
  <si>
    <t>【东方锅炉】钢板\δ6 3243×65\15CrMo\23S1113-0\1000MW超超临界机组</t>
  </si>
  <si>
    <t>【东方锅炉】热端蓄热元件\AH8/0.5\SPCC\106YR11-1-0</t>
  </si>
  <si>
    <t>【东方锅炉】密封块\δ6\12Cr1MoV\23S1113-9-1\1000MW超超临界机组</t>
  </si>
  <si>
    <t>【东方锅炉】管子\φ31.8×7.5\12Cr1MoVG\23S1113-10-1\1000MW超超临界机组</t>
  </si>
  <si>
    <t>【东方锅炉】钢板\δ12\12Cr1MoV\2S1113-10-1\1000MW超超临界机组</t>
  </si>
  <si>
    <t>【东方锅炉】人孔\φ550\装配件\23S1113-10-2\1000MW超超临界机组</t>
  </si>
  <si>
    <t>【东方锅炉】钢板\δ6 963×38\12Cr1MoV\23S1113-0\1000MW超超临界机组</t>
  </si>
  <si>
    <t>【东方锅炉】热端蓄热元件\BH8/0.5\SPCC\106YR11-2-0</t>
  </si>
  <si>
    <t>【东方锅炉】热端蓄热元件\CH8/0.5\SPCC\106YR11-3-0</t>
  </si>
  <si>
    <t>【东方锅炉】扁钢\δ6.4\12Cr1MoV\23S1113-11\1000MW超超临界机组</t>
  </si>
  <si>
    <t>【东方锅炉】钢板\δ6(正)\15CrMo\23S1113-1-3\1000MW超超临界机组</t>
  </si>
  <si>
    <t>【东方锅炉】钢板\δ6(正)\15CrMo\23S1113-1-6\1000MW超超临界机组</t>
  </si>
  <si>
    <t>【东方锅炉】管子\φ38.1×7 №1\15CrMoG\23S112-1-1\1000MW超超临界机组</t>
  </si>
  <si>
    <t>【东方锅炉】管子\φ38.1×7 №2\15CrMoG\23S112-1-1\1000MW超超临界机组</t>
  </si>
  <si>
    <t>【东方锅炉】管子\φ38.1×7 №3\15CrMoG\23S112-1-1\1000MW超超临界机组</t>
  </si>
  <si>
    <t>【东方锅炉】管子\φ38.1×7 №4\15CrMoG\23S112-1-1\1000MW超超临界机组</t>
  </si>
  <si>
    <t>【东方锅炉】管子\φ38.1×7 №5\15CrMoG\23S112-1-1\1000MW超超临界机组</t>
  </si>
  <si>
    <t>【东方锅炉】管子\φ38.1×7 №6\15CrMoG\23S112-1-1\1000MW超超临界机组</t>
  </si>
  <si>
    <t>【东方锅炉】管子\φ38.1×7 №7\15CrMoG\23S112-1-1\1000MW超超临界机组</t>
  </si>
  <si>
    <t>【东方锅炉】管子\φ38.1×7 №8\15CrMoG\23S112-1-1\1000MW超超临界机组</t>
  </si>
  <si>
    <t>【东方锅炉】管子\φ38.1×7 №9\15CrMoG\23S112-1-1\1000MW超超临界机组</t>
  </si>
  <si>
    <t>【东方锅炉】管子\φ38.1×7 №10\15CrMoG\23S112-1-1\1000MW超超临界机组</t>
  </si>
  <si>
    <t>【东方锅炉】管子\φ38.1×7 №11\15CrMoG\23S112-1-1\1000MW超超临界机组</t>
  </si>
  <si>
    <t>【东方锅炉】管子\φ38.1×7 №12\15CrMoG\23S112-1-1\1000MW超超临界机组</t>
  </si>
  <si>
    <t>【东方锅炉】管子\φ38.1×7 №13\15CrMoG\23S112-1-1\1000MW超超临界机组</t>
  </si>
  <si>
    <t>【东方锅炉】管子\φ38.1×7 №14\15CrMoG\23S112-1-1\1000MW超超临界机组</t>
  </si>
  <si>
    <t>【东方锅炉】管子\φ38.1×7 №15\15CrMoG\23S112-1-1\1000MW超超临界机组</t>
  </si>
  <si>
    <t>【东方锅炉】管子\φ38.1×7 №16\15CrMoG\23S112-1-1\1000MW超超临界机组</t>
  </si>
  <si>
    <t>【东方锅炉】管子\φ38.1×7 №17\15CrMoG\23S112-1-1\1000MW超超临界机组</t>
  </si>
  <si>
    <t>【东方锅炉】管子\φ38.1×7 №18\15CrMoG\23S112-1-1\1000MW超超临界机组</t>
  </si>
  <si>
    <t>【东方锅炉】管子\φ38.1×7 №19\15CrMoG\23S112-1-1\1000MW超超临界机组</t>
  </si>
  <si>
    <t>【东方锅炉】管子\φ38.1×7 №20\15CrMoG\23S112-1-1\1000MW超超临界机组</t>
  </si>
  <si>
    <t>【东方锅炉】管子\φ38.1×7 №21\15CrMoG\23S112-1-1\1000MW超超临界机组</t>
  </si>
  <si>
    <t>【东方锅炉】管子\φ38.1×7 №22\15CrMoG\23S112-1-1\1000MW超超临界机组</t>
  </si>
  <si>
    <t>【东方锅炉】管子\φ38.1×7 №23\15CrMoG\23S112-1-1\1000MW超超临界机组</t>
  </si>
  <si>
    <t>【东方锅炉】管子\φ38.1×7 №24\15CrMoG\23S112-1-1\1000MW超超临界机组</t>
  </si>
  <si>
    <t>【东方锅炉】管子\φ38.1×7 №25\15CrMoG\23S112-1-1\1000MW超超临界机组</t>
  </si>
  <si>
    <t>【东方锅炉】管子\φ38.1×7 №26\15CrMoG\23S112-1-1\1000MW超超临界机组</t>
  </si>
  <si>
    <t>【东方锅炉】管子\φ38.1×7 №27\15CrMoG\23S112-1-1\1000MW超超临界机组</t>
  </si>
  <si>
    <t>【东方锅炉】管子\φ38.1×7 №28\15CrMoG\23S112-1-1\1000MW超超临界机组</t>
  </si>
  <si>
    <t>【东方锅炉】管子\φ38.1×7 №29\15CrMoG\23S112-1-1\1000MW超超临界机组</t>
  </si>
  <si>
    <t>【东方锅炉】管子\φ38.1×7 №30\15CrMoG\23S112-1-1\1000MW超超临界机组</t>
  </si>
  <si>
    <t>【东方锅炉】管子\φ38.1×7 №31\15CrMoG\23S112-1-1\1000MW超超临界机组</t>
  </si>
  <si>
    <t>【东方锅炉】管子\φ38.1×7 №32\15CrMoG\23S112-1-1\1000MW超超临界机组</t>
  </si>
  <si>
    <t>【东方锅炉】管子\φ38.1×7 №33\15CrMoG\23S112-1-1\1000MW超超临界机组</t>
  </si>
  <si>
    <t>【东方锅炉】管子\φ38.1×7 №34\15CrMoG\23S112-1-1\1000MW超超临界机组</t>
  </si>
  <si>
    <t>【东方锅炉】管子\φ38.1×7 №35\15CrMoG\23S112-1-1\1000MW超超临界机组</t>
  </si>
  <si>
    <t>【东方锅炉】管子\φ38.1×7 №36\15CrMoG\23S112-1-1\1000MW超超临界机组</t>
  </si>
  <si>
    <t>【东方锅炉】管子\φ38.1×7 №37\15CrMoG\23S112-1-1\1000MW超超临界机组</t>
  </si>
  <si>
    <t>【东方锅炉】管子\φ38.1×7 №38\15CrMoG\23S112-1-1\1000MW超超临界机组</t>
  </si>
  <si>
    <t>【东方锅炉】管子\φ38.1×7 №39\15CrMoG\23S112-1-1\1000MW超超临界机组</t>
  </si>
  <si>
    <t>【东方锅炉】管子\φ38.1×7 №40\15CrMoG\23S112-1-1\1000MW超超临界机组</t>
  </si>
  <si>
    <t>【东方锅炉】管子\φ38.1×7 №41\15CrMoG\23S112-1-1\1000MW超超临界机组</t>
  </si>
  <si>
    <t>【东方锅炉】管子\φ38.1×7 №42\15CrMoG\23S112-1-1\1000MW超超临界机组</t>
  </si>
  <si>
    <t>【东方锅炉】管子\φ38.1×7 №43\15CrMoG\23S112-1-1\1000MW超超临界机组</t>
  </si>
  <si>
    <t>【东方锅炉】管子\φ38.1×7 №44\15CrMoG\23S112-1-1\1000MW超超临界机组</t>
  </si>
  <si>
    <t>【东方锅炉】热端蓄热元件\DH8/0.5\SPCC\106YR11-4-0</t>
  </si>
  <si>
    <t>【东方锅炉】耳板\δ20\20#\23S112-1-2\1000MW超超临界机组</t>
  </si>
  <si>
    <t>【东方锅炉】钢板\δ6 200×23\15CrMo\23S112-0\1000MW超超临界机组</t>
  </si>
  <si>
    <t>【东方锅炉】钢板\δ6 75×23\15CrMo\23S112-0\1000MW超超临界机组</t>
  </si>
  <si>
    <t>【东方锅炉】钢板\δ20\15CrMo\23S112-1-3\1000MW超超临界机组</t>
  </si>
  <si>
    <t>【东方锅炉】销\φ20\20#\23S112-1-4\1000MW超超临界机组</t>
  </si>
  <si>
    <t>【东方锅炉】热端蓄热元件\EH8/0.5\SPCC\106YR11-5-0\</t>
  </si>
  <si>
    <t>【东方锅炉】耳板\δ6\Q245R\23S112-1-6\1000MW超超临界机组</t>
  </si>
  <si>
    <t>【东方锅炉】销\φ20\20#\23S112-1-7\1000MW超超临界机组</t>
  </si>
  <si>
    <t>【东方锅炉】钢板\δ6 150×23\15CrMo\23S112-0\1000MW超超临界机组</t>
  </si>
  <si>
    <t>【东方锅炉】耳板\δ6\Q245R\23S112-1-8\1000MW超超临界机组</t>
  </si>
  <si>
    <t>【东方锅炉】管子\φ38.1×7 №1\15CrMoG\23S112-2-1\1000MW超超临界机组</t>
  </si>
  <si>
    <t>【东方锅炉】管子\φ38.1×7 №2\15CrMoG\23S112-2-1\1000MW超超临界机组</t>
  </si>
  <si>
    <t>【东方锅炉】管子\φ38.1×7 №3\15CrMoG\23S112-2-1\1000MW超超临界机组</t>
  </si>
  <si>
    <t>【东方锅炉】管子\φ38.1×7 №4\15CrMoG\23S112-2-1\1000MW超超临界机组</t>
  </si>
  <si>
    <t>【东方锅炉】管子\φ38.1×7 №5\15CrMoG\23S112-2-1\1000MW超超临界机组</t>
  </si>
  <si>
    <t>【东方锅炉】管子\φ38.1×7 №6\15CrMoG\23S112-2-1\1000MW超超临界机组</t>
  </si>
  <si>
    <t>【东方锅炉】管子\φ38.1×7 №7\15CrMoG\23S112-2-1\1000MW超超临界机组</t>
  </si>
  <si>
    <t>【东方锅炉】管子\φ38.1×7 №8\15CrMoG\23S112-2-1\1000MW超超临界机组</t>
  </si>
  <si>
    <t>【东方锅炉】管子\φ38.1×7 №9\15CrMoG\23S112-2-1\1000MW超超临界机组</t>
  </si>
  <si>
    <t>【东方锅炉】管子\φ38.1×7 №10\15CrMoG\23S112-2-1\1000MW超超临界机组</t>
  </si>
  <si>
    <t>【东方锅炉】管子\φ38.1×7 №11\15CrMoG\23S112-2-1\1000MW超超临界机组</t>
  </si>
  <si>
    <t>【东方锅炉】管子\φ38.1×7 №12\15CrMoG\23S112-2-1\1000MW超超临界机组</t>
  </si>
  <si>
    <t>【东方锅炉】管子\φ38.1×7 №13\15CrMoG\23S112-2-1\1000MW超超临界机组</t>
  </si>
  <si>
    <t>【东方锅炉】管子\φ38.1×7 №14\15CrMoG\23S112-2-1\1000MW超超临界机组</t>
  </si>
  <si>
    <t>【东方锅炉】管子\φ38.1×7 №15\15CrMoG\23S112-2-1\1000MW超超临界机组</t>
  </si>
  <si>
    <t>【东方锅炉】管子\φ38.1×7 №16\15CrMoG\23S112-2-1\1000MW超超临界机组</t>
  </si>
  <si>
    <t>【东方锅炉】管子\φ38.1×7 №17\15CrMoG\23S112-2-1\1000MW超超临界机组</t>
  </si>
  <si>
    <t>【东方锅炉】管子\φ38.1×7 №18\15CrMoG\23S112-2-1\1000MW超超临界机组</t>
  </si>
  <si>
    <t>【东方锅炉】管子\φ38.1×7 №19\15CrMoG\23S112-2-1\1000MW超超临界机组</t>
  </si>
  <si>
    <t>【东方锅炉】管子\φ38.1×7 №20\15CrMoG\23S112-2-1\1000MW超超临界机组</t>
  </si>
  <si>
    <t>【东方锅炉】管子\φ38.1×7 №21\15CrMoG\23S112-2-1\1000MW超超临界机组</t>
  </si>
  <si>
    <t>【东方锅炉】管子\φ38.1×7 №22\15CrMoG\23S112-2-1\1000MW超超临界机组</t>
  </si>
  <si>
    <t>【东方锅炉】管子\φ38.1×7 №23\15CrMoG\23S112-2-1\1000MW超超临界机组</t>
  </si>
  <si>
    <t>【东方锅炉】管子\φ38.1×7 №24\15CrMoG\23S112-2-1\1000MW超超临界机组</t>
  </si>
  <si>
    <t>【东方锅炉】管子\φ38.1×7 №25\15CrMoG\23S112-2-1\1000MW超超临界机组</t>
  </si>
  <si>
    <t>【东方锅炉】管子\φ38.1×7 №26\15CrMoG\23S112-2-1\1000MW超超临界机组</t>
  </si>
  <si>
    <t>【东方锅炉】管子\φ38.1×7 №27\15CrMoG\23S112-2-1\1000MW超超临界机组</t>
  </si>
  <si>
    <t>【东方锅炉】管子\φ38.1×7 №28\15CrMoG\23S112-2-1\1000MW超超临界机组</t>
  </si>
  <si>
    <t>【东方锅炉】管子\φ38.1×7 №29\15CrMoG\23S112-2-1\1000MW超超临界机组</t>
  </si>
  <si>
    <t>【东方锅炉】管子\φ38.1×7 №30\15CrMoG\23S112-2-1\1000MW超超临界机组</t>
  </si>
  <si>
    <t>【东方锅炉】管子\φ38.1×7 №31\15CrMoG\23S112-2-1\1000MW超超临界机组</t>
  </si>
  <si>
    <t>【东方锅炉】管子\φ38.1×7 №32\15CrMoG\23S112-2-1\1000MW超超临界机组</t>
  </si>
  <si>
    <t>【东方锅炉】管子\φ38.1×7 №33\15CrMoG\23S112-2-1\1000MW超超临界机组</t>
  </si>
  <si>
    <t>【东方锅炉】管子\φ38.1×7 №34\15CrMoG\23S112-2-1\1000MW超超临界机组</t>
  </si>
  <si>
    <t>【东方锅炉】管子\φ38.1×7 №35\15CrMoG\23S112-2-1\1000MW超超临界机组</t>
  </si>
  <si>
    <t>【东方锅炉】管子\φ38.1×7 №36\15CrMoG\23S112-2-1\1000MW超超临界机组</t>
  </si>
  <si>
    <t>【东方锅炉】管子\φ38.1×7 №37\15CrMoG\23S112-2-1\1000MW超超临界机组</t>
  </si>
  <si>
    <t>【东方锅炉】管子\φ38.1×7 №38\15CrMoG\23S112-2-1\1000MW超超临界机组</t>
  </si>
  <si>
    <t>【东方锅炉】管子\φ38.1×7 №39\15CrMoG\23S112-2-1\1000MW超超临界机组</t>
  </si>
  <si>
    <t>【东方锅炉】管子\φ38.1×7 №40\15CrMoG\23S112-2-1\1000MW超超临界机组</t>
  </si>
  <si>
    <t>【东方锅炉】管子\φ38.1×7 №41\15CrMoG\23S112-2-1\1000MW超超临界机组</t>
  </si>
  <si>
    <t>【东方锅炉】管子\φ38.1×7 №42\15CrMoG\23S112-2-1\1000MW超超临界机组</t>
  </si>
  <si>
    <t>【东方锅炉】管子\φ38.1×7 №43\15CrMoG\23S112-2-1\1000MW超超临界机组</t>
  </si>
  <si>
    <t>【东方锅炉】管子\φ38.1×7 №44\15CrMoG\23S112-2-1\1000MW超超临界机组</t>
  </si>
  <si>
    <t>【东方锅炉】管子\φ38.1×7 №45\15CrMoG\23S112-2-1\1000MW超超临界机组</t>
  </si>
  <si>
    <t>【东方锅炉】管子\φ38.1×7 №46\15CrMoG\23S112-2-1\1000MW超超临界机组</t>
  </si>
  <si>
    <t>【东方锅炉】管子\φ38.1×7 №47\15CrMoG\23S112-2-1\1000MW超超临界机组</t>
  </si>
  <si>
    <t>【东方锅炉】管子\φ38.1×7 №48\15CrMoG\23S112-2-1\1000MW超超临界机组</t>
  </si>
  <si>
    <t>【东方锅炉】管子\φ38.1×7 №49\15CrMoG\23S112-2-1\1000MW超超临界机组</t>
  </si>
  <si>
    <t>【东方锅炉】管子\φ38.1×7 №50\15CrMoG\23S112-2-1\1000MW超超临界机组</t>
  </si>
  <si>
    <t>【东方锅炉】管子\φ38.1×7 №51\15CrMoG\23S112-2-1\1000MW超超临界机组</t>
  </si>
  <si>
    <t>【东方锅炉】管子\φ38.1×7 №52\15CrMoG\23S112-2-1\1000MW超超临界机组</t>
  </si>
  <si>
    <t>【东方锅炉】管子\φ38.1×7 №53\15CrMoG\23S112-2-1\1000MW超超临界机组</t>
  </si>
  <si>
    <t>【东方锅炉】钢板\δ12\15CrMo\23S112-2-2\1000MW超超临界机组</t>
  </si>
  <si>
    <t>【东方锅炉】钢板\δ6 175×23\15CrMo\23S112-0\1000MW超超临界机组</t>
  </si>
  <si>
    <t>【东方锅炉】钢板\δ6 125×23\15CrMo\23S112-0\1000MW超超临界机组</t>
  </si>
  <si>
    <t>【东方锅炉】销\φ20\20#\23S112-2-3\1000MW超超临界机组</t>
  </si>
  <si>
    <t>【东方锅炉】耳板\δ8\Q245R\23S112-2-4\1000MW超超临界机组</t>
  </si>
  <si>
    <t>【东方锅炉】钢板\δ6 250×23\15CrMo\23S112-0\1000MW超超临界机组</t>
  </si>
  <si>
    <t>【东方锅炉】扁钢\δ6.4\15CrMo\23S112-3-2\1000MW超超临界机组</t>
  </si>
  <si>
    <t>【东方锅炉】管子\φ38.1×7\15CrMoG\23S112-3-3\1000MW超超临界机组</t>
  </si>
  <si>
    <t>【东方锅炉】扁钢\δ6.4\15CrMo\23S112-3-4\1000MW超超临界机组</t>
  </si>
  <si>
    <t>【东方锅炉】管子\φ38.1×7 №1\15CrMoG\23S112-3-6\1000MW超超临界机组</t>
  </si>
  <si>
    <t>【东方锅炉】管子\φ38.1×7 №2\15CrMoG\23S112-3-6\1000MW超超临界机组</t>
  </si>
  <si>
    <t>【东方锅炉】管子\φ38.1×7 №3\15CrMoG\23S112-3-6\1000MW超超临界机组</t>
  </si>
  <si>
    <t>【东方锅炉】管子\φ38.1×7 №4\15CrMoG\23S112-3-6\1000MW超超临界机组</t>
  </si>
  <si>
    <t>【东方锅炉】管子\φ38.1×7 №5\15CrMoG\23S112-3-6\1000MW超超临界机组</t>
  </si>
  <si>
    <t>【东方锅炉】管子\φ38.1×7 №6\15CrMoG\23S112-3-6\1000MW超超临界机组</t>
  </si>
  <si>
    <t>【东方锅炉】管子\φ38.1×7 №7\15CrMoG\23S112-3-6\1000MW超超临界机组</t>
  </si>
  <si>
    <t>【东方锅炉】管子\φ38.1×7 №8\15CrMoG\23S112-3-6\1000MW超超临界机组</t>
  </si>
  <si>
    <t>【东方锅炉】管子\φ38.1×7 №9\15CrMoG\23S112-3-6\1000MW超超临界机组</t>
  </si>
  <si>
    <t>【东方锅炉】管子\φ38.1×7 №10\15CrMoG\23S112-3-6\1000MW超超临界机组</t>
  </si>
  <si>
    <t>【东方锅炉】管子\φ38.1×7 №11\15CrMoG\23S112-3-6\1000MW超超临界机组</t>
  </si>
  <si>
    <t>【东方锅炉】管子\φ38.1×7 №12\15CrMoG\23S112-3-6\1000MW超超临界机组</t>
  </si>
  <si>
    <t>【东方锅炉】管子\φ38.1×7 №13\15CrMoG\23S112-3-6\1000MW超超临界机组</t>
  </si>
  <si>
    <t>【东方锅炉】管子\φ38.1×7 №14\15CrMoG\23S112-3-6\1000MW超超临界机组</t>
  </si>
  <si>
    <t>【东方锅炉】管子\φ38.1×7 №15\15CrMoG\23S112-3-6\1000MW超超临界机组</t>
  </si>
  <si>
    <t>【东方锅炉】管子\φ38.1×7 №16\15CrMoG\23S112-3-6\1000MW超超临界机组</t>
  </si>
  <si>
    <t>【东方锅炉】管子\φ38.1×7 №17\15CrMoG\23S112-3-6\1000MW超超临界机组</t>
  </si>
  <si>
    <t>【东方锅炉】管子\φ38.1×7 №18\15CrMoG\23S112-3-6\1000MW超超临界机组</t>
  </si>
  <si>
    <t>【东方锅炉】管子\φ38.1×7 №19\15CrMoG\23S112-3-6\1000MW超超临界机组</t>
  </si>
  <si>
    <t>【东方锅炉】管子\φ38.1×7 №20\15CrMoG\23S112-3-6\1000MW超超临界机组</t>
  </si>
  <si>
    <t>【东方锅炉】管子\φ38.1×7 №21\15CrMoG\23S112-3-6\1000MW超超临界机组</t>
  </si>
  <si>
    <t>【东方锅炉】管子\φ38.1×7 №22\15CrMoG\23S112-3-6\1000MW超超临界机组</t>
  </si>
  <si>
    <t>【东方锅炉】管子\φ38.1×7 №23\15CrMoG\23S112-3-6\1000MW超超临界机组</t>
  </si>
  <si>
    <t>【东方锅炉】管子\φ38.1×7 №24\15CrMoG\23S112-3-6\1000MW超超临界机组</t>
  </si>
  <si>
    <t>【东方锅炉】管子\φ38.1×7 №25\15CrMoG\23S112-3-6\1000MW超超临界机组</t>
  </si>
  <si>
    <t>【东方锅炉】管子\φ38.1×7 №26\15CrMoG\23S112-3-6\1000MW超超临界机组</t>
  </si>
  <si>
    <t>【东方锅炉】管子\φ38.1×7 №27\15CrMoG\23S112-3-6\1000MW超超临界机组</t>
  </si>
  <si>
    <t>【东方锅炉】管子\φ38.1×7 №28\15CrMoG\23S112-3-6\1000MW超超临界机组</t>
  </si>
  <si>
    <t>【东方锅炉】管子\φ38.1×7 №29\15CrMoG\23S112-3-6\1000MW超超临界机组</t>
  </si>
  <si>
    <t>【东方锅炉】管子\φ38.1×7 №30\15CrMoG\23S112-3-6\1000MW超超临界机组</t>
  </si>
  <si>
    <t>【东方锅炉】管子\φ38.1×7 №31\15CrMoG\23S112-3-6\1000MW超超临界机组</t>
  </si>
  <si>
    <t>【东方锅炉】管子\φ38.1×7 №32\15CrMoG\23S112-3-6\1000MW超超临界机组</t>
  </si>
  <si>
    <t>【东方锅炉】管子\φ38.1×7 №33\15CrMoG\23S112-3-6\1000MW超超临界机组</t>
  </si>
  <si>
    <t>【东方锅炉】管子\φ38.1×7 №34\15CrMoG\23S112-3-6\1000MW超超临界机组</t>
  </si>
  <si>
    <t>【东方锅炉】管子\φ38.1×7 №35\15CrMoG\23S112-3-6\1000MW超超临界机组</t>
  </si>
  <si>
    <t>【东方锅炉】管子\φ38.1×7 №36\15CrMoG\23S112-3-6\1000MW超超临界机组</t>
  </si>
  <si>
    <t>【东方锅炉】管子\φ38.1×7 №37\15CrMoG\23S112-3-6\1000MW超超临界机组</t>
  </si>
  <si>
    <t>【东方锅炉】管子\φ38.1×7 №38\15CrMoG\23S112-3-6\1000MW超超临界机组</t>
  </si>
  <si>
    <t>【东方锅炉】管子\φ38.1×7 №39\15CrMoG\23S112-3-6\1000MW超超临界机组</t>
  </si>
  <si>
    <t>【东方锅炉】管子\φ38.1×7 №40\15CrMoG\23S112-3-6\1000MW超超临界机组</t>
  </si>
  <si>
    <t>【东方锅炉】管子\φ38.1×7 №41\15CrMoG\23S112-3-6\1000MW超超临界机组</t>
  </si>
  <si>
    <t>【东方锅炉】管子\φ38.1×7 №42\15CrMoG\23S112-3-6\1000MW超超临界机组</t>
  </si>
  <si>
    <t>【东方锅炉】管子\φ38.1×7 №43\15CrMoG\23S112-3-6\1000MW超超临界机组</t>
  </si>
  <si>
    <t>【东方锅炉】管子\φ38.1×7 №44\15CrMoG\23S112-3-6\1000MW超超临界机组</t>
  </si>
  <si>
    <t>【东方锅炉】钢板\δ6 140×20\15CrMo\23S112-0\1000MW超超临界机组</t>
  </si>
  <si>
    <t>【东方锅炉】钢板\δ6 60×20\15CrMo\23S112-0\1000MW超超临界机组</t>
  </si>
  <si>
    <t>【东方锅炉】钢板\δ6\15CrMo\23S112-3-7\1000MW超超临界机组</t>
  </si>
  <si>
    <t>【东方锅炉】管子\φ38.1×7 №1\15CrMoG\23S112-4-3\1000MW超超临界机组</t>
  </si>
  <si>
    <t>【东方锅炉】管子\φ38.1×7 №2\15CrMoG\23S112-4-3\1000MW超超临界机组</t>
  </si>
  <si>
    <t>【东方锅炉】管子\φ38.1×7 №3\15CrMoG\23S112-4-3\1000MW超超临界机组</t>
  </si>
  <si>
    <t>【东方锅炉】管子\φ38.1×7 №4\15CrMoG\23S112-4-3\1000MW超超临界机组</t>
  </si>
  <si>
    <t>【东方锅炉】管子\φ38.1×7 №5\15CrMoG\23S112-4-3\1000MW超超临界机组</t>
  </si>
  <si>
    <t>【东方锅炉】管子\φ38.1×7 №6\15CrMoG\23S112-4-3\1000MW超超临界机组</t>
  </si>
  <si>
    <t>【东方锅炉】管子\φ38.1×7 №7\15CrMoG\23S112-4-3\1000MW超超临界机组</t>
  </si>
  <si>
    <t>【东方锅炉】管子\φ38.1×7 №8\15CrMoG\23S112-4-3\1000MW超超临界机组</t>
  </si>
  <si>
    <t>【东方锅炉】管子\φ38.1×7 №9\15CrMoG\23S112-4-3\1000MW超超临界机组</t>
  </si>
  <si>
    <t>【东方锅炉】管子\φ38.1×7 №10\15CrMoG\23S112-4-3\1000MW超超临界机组</t>
  </si>
  <si>
    <t>【东方锅炉】管子\φ38.1×7 №11\15CrMoG\23S112-4-3\1000MW超超临界机组</t>
  </si>
  <si>
    <t>【东方锅炉】管子\φ38.1×7 №12\15CrMoG\23S112-4-3\1000MW超超临界机组</t>
  </si>
  <si>
    <t>【东方锅炉】管子\φ38.1×7 №13\15CrMoG\23S112-4-3\1000MW超超临界机组</t>
  </si>
  <si>
    <t>【东方锅炉】管子\φ38.1×7 №14\15CrMoG\23S112-4-3\1000MW超超临界机组</t>
  </si>
  <si>
    <t>【东方锅炉】管子\φ38.1×7 №15\15CrMoG\23S112-4-3\1000MW超超临界机组</t>
  </si>
  <si>
    <t>【东方锅炉】管子\φ38.1×7 №16\15CrMoG\23S112-4-3\1000MW超超临界机组</t>
  </si>
  <si>
    <t>【东方锅炉】管子\φ38.1×7 №17\15CrMoG\23S112-4-3\1000MW超超临界机组</t>
  </si>
  <si>
    <t>【东方锅炉】管子\φ38.1×7 №18\15CrMoG\23S112-4-3\1000MW超超临界机组</t>
  </si>
  <si>
    <t>【东方锅炉】管子\φ38.1×7 №19\15CrMoG\23S112-4-3\1000MW超超临界机组</t>
  </si>
  <si>
    <t>【东方锅炉】管子\φ38.1×7 №20\15CrMoG\23S112-4-3\1000MW超超临界机组</t>
  </si>
  <si>
    <t>【东方锅炉】管子\φ38.1×7 №21\15CrMoG\23S112-4-3\1000MW超超临界机组</t>
  </si>
  <si>
    <t>【东方锅炉】管子\φ38.1×7 №22\15CrMoG\23S112-4-3\1000MW超超临界机组</t>
  </si>
  <si>
    <t>【东方锅炉】管子\φ38.1×7 №23\15CrMoG\23S112-4-3\1000MW超超临界机组</t>
  </si>
  <si>
    <t>【东方锅炉】管子\φ38.1×7 №24\15CrMoG\23S112-4-3\1000MW超超临界机组</t>
  </si>
  <si>
    <t>【东方锅炉】管子\φ38.1×7 №25\15CrMoG\23S112-4-3\1000MW超超临界机组</t>
  </si>
  <si>
    <t>【东方锅炉】管子\φ38.1×7 №26\15CrMoG\23S112-4-3\1000MW超超临界机组</t>
  </si>
  <si>
    <t>【东方锅炉】管子\φ38.1×7 №27\15CrMoG\23S112-4-3\1000MW超超临界机组</t>
  </si>
  <si>
    <t>【东方锅炉】管子\φ38.1×7 №28\15CrMoG\23S112-4-3\1000MW超超临界机组</t>
  </si>
  <si>
    <t>【东方锅炉】管子\φ38.1×7 №29\15CrMoG\23S112-4-3\1000MW超超临界机组</t>
  </si>
  <si>
    <t>【东方锅炉】耳板\δ6\Q245R\23S112-4-4\1000MW超超临界机组</t>
  </si>
  <si>
    <t>【东方锅炉】钢板\δ6 100×20\15CrMo\23S112-0\1000MW超超临界机组</t>
  </si>
  <si>
    <t>【东方锅炉】管子\φ38.1×7 №1\15CrMoG\23S112-5-3\1000MW超超临界机组</t>
  </si>
  <si>
    <t>【东方锅炉】管子\φ38.1×7 №2\15CrMoG\23S112-5-3\1000MW超超临界机组</t>
  </si>
  <si>
    <t>【东方锅炉】管子\φ38.1×7 №3\15CrMoG\23S112-5-3\1000MW超超临界机组</t>
  </si>
  <si>
    <t>【东方锅炉】管子\φ38.1×7 №4\15CrMoG\23S112-5-3\1000MW超超临界机组</t>
  </si>
  <si>
    <t>【东方锅炉】管子\φ38.1×7 №5\15CrMoG\23S112-5-3\1000MW超超临界机组</t>
  </si>
  <si>
    <t>【东方锅炉】管子\φ38.1×7 №6\15CrMoG\23S112-5-3\1000MW超超临界机组</t>
  </si>
  <si>
    <t>【东方锅炉】管子\φ38.1×7 №7\15CrMoG\23S112-5-3\1000MW超超临界机组</t>
  </si>
  <si>
    <t>【东方锅炉】管子\φ38.1×7 №8\15CrMoG\23S112-5-3\1000MW超超临界机组</t>
  </si>
  <si>
    <t>【东方锅炉】管子\φ38.1×7 №9\15CrMoG\23S112-5-3\1000MW超超临界机组</t>
  </si>
  <si>
    <t>【东方锅炉】管子\φ38.1×7 №10\15CrMoG\23S112-5-3\1000MW超超临界机组</t>
  </si>
  <si>
    <t>【东方锅炉】管子\φ38.1×7 №11\15CrMoG\23S112-5-3\1000MW超超临界机组</t>
  </si>
  <si>
    <t>【东方锅炉】管子\φ38.1×7 №12\15CrMoG\23S112-5-3\1000MW超超临界机组</t>
  </si>
  <si>
    <t>【东方锅炉】管子\φ38.1×7 №13\15CrMoG\23S112-5-3\1000MW超超临界机组</t>
  </si>
  <si>
    <t>【东方锅炉】管子\φ38.1×7 №14\15CrMoG\23S112-5-3\1000MW超超临界机组</t>
  </si>
  <si>
    <t>【东方锅炉】管子\φ38.1×7 №15\15CrMoG\23S112-5-3\1000MW超超临界机组</t>
  </si>
  <si>
    <t>【东方锅炉】管子\φ38.1×7 №16\15CrMoG\23S112-5-3\1000MW超超临界机组</t>
  </si>
  <si>
    <t>【东方锅炉】管子\φ38.1×7 №17\15CrMoG\23S112-5-3\1000MW超超临界机组</t>
  </si>
  <si>
    <t>【东方锅炉】管子\φ38.1×7 №18\15CrMoG\23S112-5-3\1000MW超超临界机组</t>
  </si>
  <si>
    <t>【东方锅炉】管子\φ38.1×7 №19\15CrMoG\23S112-5-3\1000MW超超临界机组</t>
  </si>
  <si>
    <t>【东方锅炉】管子\φ38.1×7 №20\15CrMoG\23S112-5-3\1000MW超超临界机组</t>
  </si>
  <si>
    <t>【东方锅炉】管子\φ38.1×7 №21\15CrMoG\23S112-5-3\1000MW超超临界机组</t>
  </si>
  <si>
    <t>【东方锅炉】管子\φ38.1×7 №22\15CrMoG\23S112-5-3\1000MW超超临界机组</t>
  </si>
  <si>
    <t>【东方锅炉】管子\φ38.1×7 №23\15CrMoG\23S112-5-3\1000MW超超临界机组</t>
  </si>
  <si>
    <t>【东方锅炉】管子\φ38.1×7 №24\15CrMoG\23S112-5-3\1000MW超超临界机组</t>
  </si>
  <si>
    <t>【东方锅炉】管子\φ38.1×7 №25\15CrMoG\23S112-5-3\1000MW超超临界机组</t>
  </si>
  <si>
    <t>【东方锅炉】管子\φ38.1×7 №26\15CrMoG\23S112-5-3\1000MW超超临界机组</t>
  </si>
  <si>
    <t>【东方锅炉】管子\φ38.1×7 №27\15CrMoG\23S112-5-3\1000MW超超临界机组</t>
  </si>
  <si>
    <t>【东方锅炉】管子\φ38.1×7 №28\15CrMoG\23S112-5-3\1000MW超超临界机组</t>
  </si>
  <si>
    <t>【东方锅炉】管子\φ38.1×7 №29\15CrMoG\23S112-5-3\1000MW超超临界机组</t>
  </si>
  <si>
    <t>【东方锅炉】管子\φ38.1×7 №30\15CrMoG\23S112-5-3\1000MW超超临界机组</t>
  </si>
  <si>
    <t>【东方锅炉】管子\φ38.1×7 №31\15CrMoG\23S112-5-3\1000MW超超临界机组</t>
  </si>
  <si>
    <t>【东方锅炉】管子\φ38.1×7 №32\15CrMoG\23S112-5-3\1000MW超超临界机组</t>
  </si>
  <si>
    <t>【东方锅炉】管子\φ38.1×7 №1\15CrMoG\23S112-6-2\1000MW超超临界机组</t>
  </si>
  <si>
    <t>【东方锅炉】管子\φ38.1×7 №2\15CrMoG\23S112-6-2\1000MW超超临界机组</t>
  </si>
  <si>
    <t>【东方锅炉】管子\φ38.1×7 №3\15CrMoG\23S112-6-2\1000MW超超临界机组</t>
  </si>
  <si>
    <t>【东方锅炉】管子\φ38.1×7 №4\15CrMoG\23S112-6-2\1000MW超超临界机组</t>
  </si>
  <si>
    <t>【东方锅炉】管子\φ38.1×7 №5\15CrMoG\23S112-6-2\1000MW超超临界机组</t>
  </si>
  <si>
    <t>【东方锅炉】管子\φ38.1×7 №6\15CrMoG\23S112-6-2\1000MW超超临界机组</t>
  </si>
  <si>
    <t>【东方锅炉】管子\φ38.1×7 №7\15CrMoG\23S112-6-2\1000MW超超临界机组</t>
  </si>
  <si>
    <t>【东方锅炉】管子\φ38.1×7 №8\15CrMoG\23S112-6-2\1000MW超超临界机组</t>
  </si>
  <si>
    <t>【东方锅炉】管子\φ38.1×7 №9\15CrMoG\23S112-6-2\1000MW超超临界机组</t>
  </si>
  <si>
    <t>【东方锅炉】管子\φ38.1×7 №10\15CrMoG\23S112-6-2\1000MW超超临界机组</t>
  </si>
  <si>
    <t>【东方锅炉】管子\φ38.1×7 №11\15CrMoG\23S112-6-2\1000MW超超临界机组</t>
  </si>
  <si>
    <t>【东方锅炉】管子\φ38.1×7 №12\15CrMoG\23S112-6-2\1000MW超超临界机组</t>
  </si>
  <si>
    <t>【东方锅炉】管子\φ38.1×7 №13\15CrMoG\23S112-6-2\1000MW超超临界机组</t>
  </si>
  <si>
    <t>【东方锅炉】管子\φ38.1×7 №14\15CrMoG\23S112-6-2\1000MW超超临界机组</t>
  </si>
  <si>
    <t>【东方锅炉】管子\φ38.1×7 №15\15CrMoG\23S112-6-2\1000MW超超临界机组</t>
  </si>
  <si>
    <t>【东方锅炉】管子\φ38.1×7 №16\15CrMoG\23S112-6-2\1000MW超超临界机组</t>
  </si>
  <si>
    <t>【东方锅炉】管子\φ38.1×7 №17\15CrMoG\23S112-6-2\1000MW超超临界机组</t>
  </si>
  <si>
    <t>【东方锅炉】管子\φ38.1×7 №18\15CrMoG\23S112-6-2\1000MW超超临界机组</t>
  </si>
  <si>
    <t>【东方锅炉】管子\φ38.1×7 №19\15CrMoG\23S112-6-2\1000MW超超临界机组</t>
  </si>
  <si>
    <t>【东方锅炉】管子\φ38.1×7 №20\15CrMoG\23S112-6-2\1000MW超超临界机组</t>
  </si>
  <si>
    <t>【东方锅炉】管子\φ38.1×7 №21\15CrMoG\23S112-6-2\1000MW超超临界机组</t>
  </si>
  <si>
    <t>【东方锅炉】管子\φ38.1×7 №22\15CrMoG\23S112-6-2\1000MW超超临界机组</t>
  </si>
  <si>
    <t>【东方锅炉】管子\φ38.1×7 №23\15CrMoG\23S112-6-2\1000MW超超临界机组</t>
  </si>
  <si>
    <t>【东方锅炉】管子\φ38.1×7 №24\15CrMoG\23S112-6-2\1000MW超超临界机组</t>
  </si>
  <si>
    <t>【东方锅炉】管子\φ38.1×7 №25\15CrMoG\23S112-6-2\1000MW超超临界机组</t>
  </si>
  <si>
    <t>【东方锅炉】管子\φ38.1×7 №26\15CrMoG\23S112-6-2\1000MW超超临界机组</t>
  </si>
  <si>
    <t>【东方锅炉】管子\φ38.1×7 №27\15CrMoG\23S112-6-2\1000MW超超临界机组</t>
  </si>
  <si>
    <t>【东方锅炉】管子\φ38.1×7 №28\15CrMoG\23S112-6-2\1000MW超超临界机组</t>
  </si>
  <si>
    <t>【东方锅炉】管子\φ38.1×7 №29\15CrMoG\23S112-6-2\1000MW超超临界机组</t>
  </si>
  <si>
    <t>【东方锅炉】管子\φ38.1×7 №30\15CrMoG\23S112-6-2\1000MW超超临界机组</t>
  </si>
  <si>
    <t>【东方锅炉】管子\φ38.1×7 №31\15CrMoG\23S112-6-2\1000MW超超临界机组</t>
  </si>
  <si>
    <t>【东方锅炉】管子\φ38.1×7 №32\15CrMoG\23S112-6-2\1000MW超超临界机组</t>
  </si>
  <si>
    <t>【东方锅炉】钢板\δ6 100×23\15CrMo\23S112-0\1000MW超超临界机组</t>
  </si>
  <si>
    <t>【东方锅炉】钢板\δ6\15CrMo\23S112-6-3\1000MW超超临界机组</t>
  </si>
  <si>
    <t>【东方锅炉】管子\φ38.1×7 №1\15CrMoG\23S112-7-3\1000MW超超临界机组</t>
  </si>
  <si>
    <t>【东方锅炉】管子\φ38.1×7 №2\15CrMoG\23S112-7-3\1000MW超超临界机组</t>
  </si>
  <si>
    <t>【东方锅炉】管子\φ38.1×7 №3\15CrMoG\23S112-7-3\1000MW超超临界机组</t>
  </si>
  <si>
    <t>【东方锅炉】管子\φ38.1×7 №4\15CrMoG\23S112-7-3\1000MW超超临界机组</t>
  </si>
  <si>
    <t>【东方锅炉】管子\φ38.1×7 №5\15CrMoG\23S112-7-3\1000MW超超临界机组</t>
  </si>
  <si>
    <t>【东方锅炉】管子\φ38.1×7 №6\15CrMoG\23S112-7-3\1000MW超超临界机组</t>
  </si>
  <si>
    <t>【东方锅炉】管子\φ38.1×7 №7\15CrMoG\23S112-7-3\1000MW超超临界机组</t>
  </si>
  <si>
    <t>【东方锅炉】管子\φ38.1×7 №8\15CrMoG\23S112-7-3\1000MW超超临界机组</t>
  </si>
  <si>
    <t>【东方锅炉】管子\φ38.1×7 №9\15CrMoG\23S112-7-3\1000MW超超临界机组</t>
  </si>
  <si>
    <t>【东方锅炉】管子\φ38.1×7 №10\15CrMoG\23S112-7-3\1000MW超超临界机组</t>
  </si>
  <si>
    <t>【东方锅炉】管子\φ38.1×7 №11\15CrMoG\23S112-7-3\1000MW超超临界机组</t>
  </si>
  <si>
    <t>【东方锅炉】管子\φ38.1×7 №12\15CrMoG\23S112-7-3\1000MW超超临界机组</t>
  </si>
  <si>
    <t>【东方锅炉】管子\φ38.1×7 №13\15CrMoG\23S112-7-3\1000MW超超临界机组</t>
  </si>
  <si>
    <t>【东方锅炉】管子\φ38.1×7 №14\15CrMoG\23S112-7-3\1000MW超超临界机组</t>
  </si>
  <si>
    <t>【东方锅炉】管子\φ38.1×7 №15\15CrMoG\23S112-7-3\1000MW超超临界机组</t>
  </si>
  <si>
    <t>【东方锅炉】管子\φ38.1×7 №16\15CrMoG\23S112-7-3\1000MW超超临界机组</t>
  </si>
  <si>
    <t>【东方锅炉】管子\φ38.1×7 №17\15CrMoG\23S112-7-3\1000MW超超临界机组</t>
  </si>
  <si>
    <t>【东方锅炉】管子\φ38.1×7 №18\15CrMoG\23S112-7-3\1000MW超超临界机组</t>
  </si>
  <si>
    <t>【东方锅炉】管子\φ38.1×7 №19\15CrMoG\23S112-7-3\1000MW超超临界机组</t>
  </si>
  <si>
    <t>【东方锅炉】管子\φ38.1×7 №20\15CrMoG\23S112-7-3\1000MW超超临界机组</t>
  </si>
  <si>
    <t>【东方锅炉】管子\φ38.1×7 №21\15CrMoG\23S112-7-3\1000MW超超临界机组</t>
  </si>
  <si>
    <t>【东方锅炉】管子\φ38.1×7 №22\15CrMoG\23S112-7-3\1000MW超超临界机组</t>
  </si>
  <si>
    <t>【东方锅炉】管子\φ38.1×7 №23\15CrMoG\23S112-7-3\1000MW超超临界机组</t>
  </si>
  <si>
    <t>【东方锅炉】管子\φ38.1×7 №24\15CrMoG\23S112-7-3\1000MW超超临界机组</t>
  </si>
  <si>
    <t>【东方锅炉】管子\φ38.1×7 №25\15CrMoG\23S112-7-3\1000MW超超临界机组</t>
  </si>
  <si>
    <t>【东方锅炉】管子\φ38.1×7 №26\15CrMoG\23S112-7-3\1000MW超超临界机组</t>
  </si>
  <si>
    <t>【东方锅炉】管子\φ38.1×7 №27\15CrMoG\23S112-7-3\1000MW超超临界机组</t>
  </si>
  <si>
    <t>【东方锅炉】管子\φ38.1×7 №28\15CrMoG\23S112-7-3\1000MW超超临界机组</t>
  </si>
  <si>
    <t>【东方锅炉】管子\φ38.1×7 №29\15CrMoG\23S112-7-3\1000MW超超临界机组</t>
  </si>
  <si>
    <t>【东方锅炉】管子\φ38.1×7 №30\15CrMoG\23S112-7-3\1000MW超超临界机组</t>
  </si>
  <si>
    <t>【东方锅炉】管子\φ38.1×7 №31\15CrMoG\23S112-7-3\1000MW超超临界机组</t>
  </si>
  <si>
    <t>【东方锅炉】管子\φ38.1×7 №32\15CrMoG\23S112-7-3\1000MW超超临界机组</t>
  </si>
  <si>
    <t>【东方锅炉】管子\φ38.1×7 №33\15CrMoG\23S112-7-3\1000MW超超临界机组</t>
  </si>
  <si>
    <t>【东方锅炉】管子\φ38.1×7 №34\15CrMoG\23S112-7-3\1000MW超超临界机组</t>
  </si>
  <si>
    <t>【东方锅炉】管子\φ38.1×7 №1\15CrMoG\23S112-8-3\1000MW超超临界机组</t>
  </si>
  <si>
    <t>【东方锅炉】管子\φ38.1×7 №2\15CrMoG\23S112-8-3\1000MW超超临界机组</t>
  </si>
  <si>
    <t>【东方锅炉】管子\φ38.1×7 №3\15CrMoG\23S112-8-3\1000MW超超临界机组</t>
  </si>
  <si>
    <t>【东方锅炉】管子\φ38.1×7 №4\15CrMoG\23S112-8-3\1000MW超超临界机组</t>
  </si>
  <si>
    <t>【东方锅炉】管子\φ38.1×7 №5\15CrMoG\23S112-8-3\1000MW超超临界机组</t>
  </si>
  <si>
    <t>【东方锅炉】管子\φ38.1×7 №6\15CrMoG\23S112-8-3\1000MW超超临界机组</t>
  </si>
  <si>
    <t>【东方锅炉】管子\φ38.1×7 №7\15CrMoG\23S112-8-3\1000MW超超临界机组</t>
  </si>
  <si>
    <t>【东方锅炉】管子\φ38.1×7 №8\15CrMoG\23S112-8-3\1000MW超超临界机组</t>
  </si>
  <si>
    <t>【东方锅炉】管子\φ38.1×7 №9\15CrMoG\23S112-8-3\1000MW超超临界机组</t>
  </si>
  <si>
    <t>【东方锅炉】管子\φ38.1×7 №10\15CrMoG\23S112-8-3\1000MW超超临界机组</t>
  </si>
  <si>
    <t>【东方锅炉】管子\φ38.1×7 №11\15CrMoG\23S112-8-3\1000MW超超临界机组</t>
  </si>
  <si>
    <t>【东方锅炉】管子\φ38.1×7 №12\15CrMoG\23S112-8-3\1000MW超超临界机组</t>
  </si>
  <si>
    <t>【东方锅炉】管子\φ38.1×7 №13\15CrMoG\23S112-8-3\1000MW超超临界机组</t>
  </si>
  <si>
    <t>【东方锅炉】管子\φ38.1×7 №14\15CrMoG\23S112-8-3\1000MW超超临界机组</t>
  </si>
  <si>
    <t>【东方锅炉】管子\φ38.1×7 №15\15CrMoG\23S112-8-3\1000MW超超临界机组</t>
  </si>
  <si>
    <t>【东方锅炉】管子\φ38.1×7 №16\15CrMoG\23S112-8-3\1000MW超超临界机组</t>
  </si>
  <si>
    <t>【东方锅炉】管子\φ38.1×7 №17\15CrMoG\23S112-8-3\1000MW超超临界机组</t>
  </si>
  <si>
    <t>【东方锅炉】管子\φ38.1×7 №18\15CrMoG\23S112-8-3\1000MW超超临界机组</t>
  </si>
  <si>
    <t>【东方锅炉】管子\φ38.1×7 №19\15CrMoG\23S112-8-3\1000MW超超临界机组</t>
  </si>
  <si>
    <t>【东方锅炉】管子\φ38.1×7 №20\15CrMoG\23S112-8-3\1000MW超超临界机组</t>
  </si>
  <si>
    <t>【东方锅炉】管子\φ38.1×7 №21\15CrMoG\23S112-8-3\1000MW超超临界机组</t>
  </si>
  <si>
    <t>【东方锅炉】管子\φ38.1×7 №22\15CrMoG\23S112-8-3\1000MW超超临界机组</t>
  </si>
  <si>
    <t>【东方锅炉】管子\φ38.1×7 №23\15CrMoG\23S112-8-3\1000MW超超临界机组</t>
  </si>
  <si>
    <t>【东方锅炉】管子\φ38.1×7 №24\15CrMoG\23S112-8-3\1000MW超超临界机组</t>
  </si>
  <si>
    <t>【东方锅炉】管子\φ38.1×7 №25\15CrMoG\23S112-8-3\1000MW超超临界机组</t>
  </si>
  <si>
    <t>【东方锅炉】管子\φ38.1×7 №26\15CrMoG\23S112-8-3\1000MW超超临界机组</t>
  </si>
  <si>
    <t>【东方锅炉】管子\φ38.1×7 №27\15CrMoG\23S112-8-3\1000MW超超临界机组</t>
  </si>
  <si>
    <t>【东方锅炉】管子\φ38.1×7 №28\15CrMoG\23S112-8-3\1000MW超超临界机组</t>
  </si>
  <si>
    <t>【东方锅炉】管子\φ38.1×7 №29\15CrMoG\23S112-8-3\1000MW超超临界机组</t>
  </si>
  <si>
    <t>【东方锅炉】管子\φ38.1×7 №30\15CrMoG\23S112-8-3\1000MW超超临界机组</t>
  </si>
  <si>
    <t>【东方锅炉】管子\φ38.1×7 №31\15CrMoG\23S112-8-3\1000MW超超临界机组</t>
  </si>
  <si>
    <t>【东方锅炉】管子\φ38.1×7 №32\15CrMoG\23S112-8-3\1000MW超超临界机组</t>
  </si>
  <si>
    <t>【东方锅炉】管子\φ38.1×7 №33\15CrMoG\23S112-8-3\1000MW超超临界机组</t>
  </si>
  <si>
    <t>【东方锅炉】管子\φ38.1×7 №34\15CrMoG\23S112-8-3\1000MW超超临界机组</t>
  </si>
  <si>
    <t>【东方锅炉】管子\φ38.1×7 №35\15CrMoG\23S112-8-3\1000MW超超临界机组</t>
  </si>
  <si>
    <t>【东方锅炉】管子\φ38.1×7 №36\15CrMoG\23S112-8-3\1000MW超超临界机组</t>
  </si>
  <si>
    <t>【东方锅炉】管子\φ38.1×7 №37\15CrMoG\23S112-8-3\1000MW超超临界机组</t>
  </si>
  <si>
    <t>【东方锅炉】管子\φ38.1×7 №38\15CrMoG\23S112-8-3\1000MW超超临界机组</t>
  </si>
  <si>
    <t>【东方锅炉】管子\φ38.1×7 №39\15CrMoG\23S112-8-3\1000MW超超临界机组</t>
  </si>
  <si>
    <t>【东方锅炉】管子\φ38.1×7 №40\15CrMoG\23S112-8-3\1000MW超超临界机组</t>
  </si>
  <si>
    <t>【东方锅炉】管子\φ38.1×7 №41\15CrMoG\23S112-8-3\1000MW超超临界机组</t>
  </si>
  <si>
    <t>【东方锅炉】管子\φ38.1×7 №42\15CrMoG\23S112-8-3\1000MW超超临界机组</t>
  </si>
  <si>
    <t>【东方锅炉】管子\φ38.1×7 №43\15CrMoG\23S112-8-3\1000MW超超临界机组</t>
  </si>
  <si>
    <t>【东方锅炉】管子\φ38.1×7 №44\15CrMoG\23S112-8-3\1000MW超超临界机组</t>
  </si>
  <si>
    <t>【东方锅炉】管子\φ38.1×7 №45\15CrMoG\23S112-8-3\1000MW超超临界机组</t>
  </si>
  <si>
    <t>【东方锅炉】管子\φ38.1×7 №46\15CrMoG\23S112-8-3\1000MW超超临界机组</t>
  </si>
  <si>
    <t>【东方锅炉】管子\φ38.1×7 №47\15CrMoG\23S112-8-3\1000MW超超临界机组</t>
  </si>
  <si>
    <t>【东方锅炉】管子\φ38.1×7 №48\15CrMoG\23S112-8-3\1000MW超超临界机组</t>
  </si>
  <si>
    <t>【东方锅炉】管子\φ38.1×7 №49\15CrMoG\23S112-8-3\1000MW超超临界机组</t>
  </si>
  <si>
    <t>【东方锅炉】管子\φ38.1×7 №50\15CrMoG\23S112-8-3\1000MW超超临界机组</t>
  </si>
  <si>
    <t>【东方锅炉】扁钢\δ9\15CrMo\23S112-9-2\1000MW超超临界机组</t>
  </si>
  <si>
    <t>【东方锅炉】管子\φ38.1×7\15CrMoG\23S112-9-3\1000MW超超临界机组</t>
  </si>
  <si>
    <t>【东方锅炉】扁钢\δ9\15CrMo\23S112-9-4\1000MW超超临界机组</t>
  </si>
  <si>
    <t>【东方锅炉】管子\φ38.1×7\15CrMoG\23S112-9-6\1000MW超超临界机组</t>
  </si>
  <si>
    <t>【东方锅炉】管子\φ38.1×7\15CrMoG\23S112-9-7\1000MW超超临界机组</t>
  </si>
  <si>
    <t>【东方锅炉】管子\φ38.1×7\15CrMoG\23S112-9-8\1000MW超超临界机组</t>
  </si>
  <si>
    <t>【东方锅炉】管子\φ38.1×7\15CrMoG\23S112-9-9\1000MW超超临界机组</t>
  </si>
  <si>
    <t>【东方锅炉】管子\φ38.1×7\15CrMoG\23S112-9-10\1000MW超超临界机组</t>
  </si>
  <si>
    <t>【东方锅炉】管子\φ38.1×7\15CrMoG\23S112-9-11\1000MW超超临界机组</t>
  </si>
  <si>
    <t>【东方锅炉】管子\φ38.1×7\15CrMoG\23S112-9-12\1000MW超超临界机组</t>
  </si>
  <si>
    <t>【东方锅炉】管子\φ38.1×7\15CrMoG\23S112-9-13\1000MW超超临界机组</t>
  </si>
  <si>
    <t>【东方锅炉】管子\φ38.1×7 №1\15CrMoG\23S112-9-14\1000MW超超临界机组</t>
  </si>
  <si>
    <t>【东方锅炉】管子\φ38.1×7 №2\15CrMoG\23S112-9-14\1000MW超超临界机组</t>
  </si>
  <si>
    <t>【东方锅炉】管子\φ38.1×7 №3\15CrMoG\23S112-9-14\1000MW超超临界机组</t>
  </si>
  <si>
    <t>【东方锅炉】管子\φ38.1×7 №4\15CrMoG\23S112-9-14\1000MW超超临界机组</t>
  </si>
  <si>
    <t>【东方锅炉】管子\φ38.1×7 №1\15CrMoG\23S112-9-16\1000MW超超临界机组</t>
  </si>
  <si>
    <t>【东方锅炉】管子\φ38.1×7 №2\15CrMoG\23S112-9-16\1000MW超超临界机组</t>
  </si>
  <si>
    <t>【东方锅炉】管子\φ38.1×7 №3\15CrMoG\23S112-9-16\1000MW超超临界机组</t>
  </si>
  <si>
    <t>【东方锅炉】管子\φ38.1×7 №4\15CrMoG\23S112-9-16\1000MW超超临界机组</t>
  </si>
  <si>
    <t>【东方锅炉】管子\φ38.1×7 №5\15CrMoG\23S112-9-16\1000MW超超临界机组</t>
  </si>
  <si>
    <t>【东方锅炉】管子\φ38.1×7 №6\15CrMoG\23S112-9-16\1000MW超超临界机组</t>
  </si>
  <si>
    <t>【东方锅炉】管子\φ38.1×7 №7\15CrMoG\23S112-9-16\1000MW超超临界机组</t>
  </si>
  <si>
    <t>【东方锅炉】管子\φ38.1×7 №8\15CrMoG\23S112-9-16\1000MW超超临界机组</t>
  </si>
  <si>
    <t>【东方锅炉】管子\φ38.1×7 №9\15CrMoG\23S112-9-16\1000MW超超临界机组</t>
  </si>
  <si>
    <t>【东方锅炉】管子\φ38.1×7 №10\15CrMoG\23S112-9-16\1000MW超超临界机组</t>
  </si>
  <si>
    <t>【东方锅炉】管子\φ38.1×7 №11\15CrMoG\23S112-9-16\1000MW超超临界机组</t>
  </si>
  <si>
    <t>【东方锅炉】管子\φ38.1×7 №12\15CrMoG\23S112-9-16\1000MW超超临界机组</t>
  </si>
  <si>
    <t>【东方锅炉】管子\φ38.1×7 №13\15CrMoG\23S112-9-16\1000MW超超临界机组</t>
  </si>
  <si>
    <t>【东方锅炉】管子\φ38.1×7 №14\15CrMoG\23S112-9-16\1000MW超超临界机组</t>
  </si>
  <si>
    <t>【东方锅炉】管子\φ38.1×7 №15\15CrMoG\23S112-9-16\1000MW超超临界机组</t>
  </si>
  <si>
    <t>【东方锅炉】管子\φ38.1×7 №16\15CrMoG\23S112-9-16\1000MW超超临界机组</t>
  </si>
  <si>
    <t>【东方锅炉】管子\φ38.1×7 №17\15CrMoG\23S112-9-16\1000MW超超临界机组</t>
  </si>
  <si>
    <t>【东方锅炉】管子\φ38.1×7 №18\15CrMoG\23S112-9-16\1000MW超超临界机组</t>
  </si>
  <si>
    <t>【东方锅炉】管子\φ38.1×7 №19\15CrMoG\23S112-9-16\1000MW超超临界机组</t>
  </si>
  <si>
    <t>【东方锅炉】热端蓄热元件\AH3/0.5\SPCC\106YR11-6-0/№2</t>
  </si>
  <si>
    <t>【东方锅炉】钢板\δ9\15CrMo\23S112-9-17\1000MW超超临界机组</t>
  </si>
  <si>
    <t>【东方锅炉】钢板\δ6 200×20\15CrMo\23S112-0\1000MW超超临界机组</t>
  </si>
  <si>
    <t>【东方锅炉】钢板\δ9\15CrMo\23S112-9-18\1000MW超超临界机组</t>
  </si>
  <si>
    <t>【东方锅炉】钢板\δ6 50×20\15CrMo\23S112-0\1000MW超超临界机组</t>
  </si>
  <si>
    <t>【东方锅炉】钢板\δ6 250×20\15CrMo\23S112-0\1000MW超超临界机组</t>
  </si>
  <si>
    <t>【东方锅炉】钢板\δ12\15CrMo\23S112-10-3\1000MW超超临界机组</t>
  </si>
  <si>
    <t>【东方锅炉】钢板\δ6 75×20\15CrMo\23S112-0\1000MW超超临界机组</t>
  </si>
  <si>
    <t>【东方锅炉】钢板\δ6\15CrMo\23S112-12-1\1000MW超超临界机组</t>
  </si>
  <si>
    <t>【东方锅炉】钢板\δ6\15CrMo\23S112-12-2\1000MW超超临界机组</t>
  </si>
  <si>
    <t>【东方锅炉】钢板\δ6 160×20\15CrMo\23S112-0\1000MW超超临界机组</t>
  </si>
  <si>
    <t>【东方锅炉】钢板\δ6 125×20\15CrMo\23S112-0\1000MW超超临界机组</t>
  </si>
  <si>
    <t>【东方锅炉】销\φ20\20#\23S112-14-1\1000MW超超临界机组</t>
  </si>
  <si>
    <t>【东方锅炉】耳板\δ8\Q245R\23S112-14-2\1000MW超超临界机组</t>
  </si>
  <si>
    <t>【东方锅炉】钢板\δ20\15CrMo\23S112-19-1\1000MW超超临界机组</t>
  </si>
  <si>
    <t>【东方锅炉】耳板\δ6\Q245R\23S112-21-1\1000MW超超临界机组</t>
  </si>
  <si>
    <t>【东方锅炉】钢板\δ20\15CrMo\23S112-21-2\1000MW超超临界机组</t>
  </si>
  <si>
    <t>【东方锅炉】钢板\δ20\15CrMo\23S112-21-3\1000MW超超临界机组</t>
  </si>
  <si>
    <t>【东方锅炉】钢板\δ6 50×23\15CrMo\23S112-0\1000MW超超临界机组</t>
  </si>
  <si>
    <t>【东方锅炉】钢板\δ4\15CrMo\23S112-21-4\1000MW超超临界机组</t>
  </si>
  <si>
    <t>【东方锅炉】钢板\δ6 150×20\15CrMo\23S112-21-0\1000MW超超临界机组</t>
  </si>
  <si>
    <t>【东方锅炉】钢板\δ4\15CrMo\23S112-21-5\1000MW超超临界机组</t>
  </si>
  <si>
    <t>【东方锅炉】钢板\δ6 275×23\15CrMo\23S112-22-0\1000MW超超临界机组</t>
  </si>
  <si>
    <t>【东方锅炉】钢板\δ20\15CrMo\23S112-23-1\1000MW超超临界机组</t>
  </si>
  <si>
    <t>【东方锅炉】钢板\δ4\15CrMo\23S112-23-2\1000MW超超临界机组</t>
  </si>
  <si>
    <t>【东方锅炉】观察孔\d97.1 L1/L2=660/126.6\装配件\TGS11513-0\1000MW超超临界机组</t>
  </si>
  <si>
    <t>【东方锅炉】管子\φ38.1×7 Lz=687\15CrMoG\TGS11513-0\1000MW超超临界机组</t>
  </si>
  <si>
    <t>【东方锅炉】管子\φ38.1×7 Lz=681.2\15CrMoG\TGS11513-0\1000MW超超临界机组</t>
  </si>
  <si>
    <t>【东方锅炉】热端蓄热元件\AH3/0.5\SPCC\106YR11-7-0/№2</t>
  </si>
  <si>
    <t>【东方锅炉】热端蓄热元件\AH3/0.5\SPCC\106YR11-8-0/№2</t>
  </si>
  <si>
    <t>【东方锅炉】密封块\δ6 №2\15CrMo\TGS11506-1\1000MW超超临界机组</t>
  </si>
  <si>
    <t>【东方锅炉】钢板\δ10 20×15\15CrMo\23S112-0\1000MW超超临界机组</t>
  </si>
  <si>
    <t>【东方锅炉】热端蓄热元件\AH3/0.5\SPCC\106YR11-9-0/№2</t>
  </si>
  <si>
    <t>【东方锅炉】人孔\d550 L1/L2=1400/185\装配件\TGS11514-0\1000MW超超临界机组</t>
  </si>
  <si>
    <t>【东方锅炉】管子\φ38.1×7 Lz=1670.4\15CrMoG\TGS11514-0\1000MW超超临界机组</t>
  </si>
  <si>
    <t>【东方锅炉】管子\φ38.1×7 Lz=1664.2\15CrMoG\TGS11514-0\1000MW超超临界机组</t>
  </si>
  <si>
    <t>【东方锅炉】管子\φ38.1×7 Lz=1658.2\15CrMoG\TGS11514-0\1000MW超超临界机组</t>
  </si>
  <si>
    <t>【东方锅炉】管子\φ38.1×7 Lz=1652.2\15CrMoG\TGS11514-0\1000MW超超临界机组</t>
  </si>
  <si>
    <t>【东方锅炉】管子\φ38.1×7 Lz=1646.2\15CrMoG\TGS11514-0\1000MW超超临界机组</t>
  </si>
  <si>
    <t>【东方锅炉】管子\φ38.1×7 Lz=1640.2\15CrMoG\TGS11514-0\1000MW超超临界机组</t>
  </si>
  <si>
    <t>【东方锅炉】管子\φ38.1×7 Lz=1424.6\15CrMoG\TGS11514-0\1000MW超超临界机组</t>
  </si>
  <si>
    <t>【东方锅炉】热端蓄热元件\AH3/0.5\SPCC\106YR11-10-0/№2</t>
  </si>
  <si>
    <t>【东方锅炉】热端蓄热元件\AH400/0.5\SPCC\142YR/№1</t>
  </si>
  <si>
    <t>【东方锅炉】热端蓄热元件\BH400/0.5\SPCC\142YR/№2</t>
  </si>
  <si>
    <t>【东方锅炉】热端蓄热元件\CH400/0.5\SPCC\142YR/№3</t>
  </si>
  <si>
    <t>【东方锅炉】热端蓄热元件\DH400/0.5\SPCC\142YR/№4</t>
  </si>
  <si>
    <t>【东方锅炉】钢板\δ20\15CrMo\23S112-24-3\1000MW超超临界机组</t>
  </si>
  <si>
    <t>【东方锅炉】钢板\δ20\15CrMo\23S112-24-4\1000MW超超临界机组</t>
  </si>
  <si>
    <t>【东方锅炉】钢板\δ20\15CrMo\23S112-25-3\1000MW超超临界机组</t>
  </si>
  <si>
    <t>【东方锅炉】管子\φ38.1×7\15CrMoG\23S112-26-5\1000MW超超临界机组</t>
  </si>
  <si>
    <t>【东方锅炉】管子\φ38.1×7\15CrMoG\23S112-26-6\1000MW超超临界机组</t>
  </si>
  <si>
    <t>【东方锅炉】管子\φ38.1×7\15CrMoG\23S112-26-7\1000MW超超临界机组</t>
  </si>
  <si>
    <t>【东方锅炉】管子\φ38.1×7\15CrMoG\23S112-26-8\1000MW超超临界机组</t>
  </si>
  <si>
    <t>【东方锅炉】管子\φ38.1×7\15CrMoG\23S112-26-9\1000MW超超临界机组</t>
  </si>
  <si>
    <t>【东方锅炉】管子\φ38.1×7\15CrMoG\23S112-26-10\1000MW超超临界机组</t>
  </si>
  <si>
    <t>【东方锅炉】管子\φ38.1×7\15CrMoG\23S112-26-11\1000MW超超临界机组</t>
  </si>
  <si>
    <t>【东方锅炉】管子\φ38.1×7\15CrMoG\23S112-26-12\1000MW超超临界机组</t>
  </si>
  <si>
    <t>【东方锅炉】管子\φ38.1×7\15CrMoG\23S112-26-13\1000MW超超临界机组</t>
  </si>
  <si>
    <t>【东方锅炉】管子\φ38.1×7\15CrMoG\23S112-26-14\1000MW超超临界机组</t>
  </si>
  <si>
    <t>【东方锅炉】钢板\δ10(正)\15CrMo\23S112-26-15\1000MW超超临界机组</t>
  </si>
  <si>
    <t>【东方锅炉】钢板\δ10(正)\15CrMo\23S112-26-16\1000MW超超临界机组</t>
  </si>
  <si>
    <t>【东方锅炉】扁钢\δ9\15CrMo\23S112-26-17\1000MW超超临界机组</t>
  </si>
  <si>
    <t>【东方锅炉】钢板\δ10\15CrMo\23S112-26-18\1000MW超超临界机组</t>
  </si>
  <si>
    <t>【东方锅炉】钢板\δ10\15CrMo\23S112-26-19\1000MW超超临界机组</t>
  </si>
  <si>
    <t>【东方锅炉】钢板\δ10\15CrMo\23S112-26-20\1000MW超超临界机组</t>
  </si>
  <si>
    <t>【东方锅炉】钢板\δ10\15CrMo\23S112-26-21\1000MW超超临界机组</t>
  </si>
  <si>
    <t>【东方锅炉】热端蓄热元件\EH400/0.5\SPCC\142YR/№5</t>
  </si>
  <si>
    <t>【东方锅炉】热端蓄热元件\AH1050/0.5\SPCC\142YR/№6</t>
  </si>
  <si>
    <t>【东方锅炉】钢板\δ10\15CrMo\23S112-26-22\1000MW超超临界机组</t>
  </si>
  <si>
    <t>【东方锅炉】钢板\δ10\15CrMo\23S112-26-23\1000MW超超临界机组</t>
  </si>
  <si>
    <t>【东方锅炉】钢板\δ10(反)\15CrMo\23S112-26-15\1000MW超超临界机组</t>
  </si>
  <si>
    <t>【东方锅炉】钢板\δ10(反)\15CrMo\23S112-26-16\1000MW超超临界机组</t>
  </si>
  <si>
    <t>【东方锅炉】管子\φ38.1×7\15CrMoG\23S112-26-25\1000MW超超临界机组</t>
  </si>
  <si>
    <t>【东方锅炉】热端蓄热元件\BH1050/0.5\SPCC\142YR/№7</t>
  </si>
  <si>
    <t>【东方锅炉】热端蓄热元件\CH1050/0.5\SPCC\142YR/№8</t>
  </si>
  <si>
    <t>【东方锅炉】管子\φ38.1×7 №1\15CrMoG\23S112-27-3\1000MW超超临界机组</t>
  </si>
  <si>
    <t>【东方锅炉】管子\φ38.1×7 №2\15CrMoG\23S112-27-3\1000MW超超临界机组</t>
  </si>
  <si>
    <t>【东方锅炉】管子\φ38.1×7\15CrMoG\23S112-27-6\1000MW超超临界机组</t>
  </si>
  <si>
    <t>【东方锅炉】扁钢\δ6.4\15CrMo\23S112-27-7\1000MW超超临界机组</t>
  </si>
  <si>
    <t>【东方锅炉】钢板\δ6 300×23\15CrMo\23S112-0\1000MW超超临界机组</t>
  </si>
  <si>
    <t>【东方锅炉】折板\δ6\20#\23S112-30\1000MW超超临界机组</t>
  </si>
  <si>
    <t>【东方锅炉】肋板\δ6\20#\23S112-31\1000MW超超临界机组</t>
  </si>
  <si>
    <t>【东方锅炉】折板\δ6\20#\23S112-32\1000MW超超临界机组</t>
  </si>
  <si>
    <t>【东方锅炉】折板\δ6\20#\23S112-33\1000MW超超临界机组</t>
  </si>
  <si>
    <t>【东方锅炉】折板\δ6\20#\23S112-34\1000MW超超临界机组</t>
  </si>
  <si>
    <t>【东方锅炉】折板\δ6\20#\23S112-35\1000MW超超临界机组</t>
  </si>
  <si>
    <t>【东方锅炉】肋板\δ6\20#\23S112-36\1000MW超超临界机组</t>
  </si>
  <si>
    <t>【东方锅炉】肋板\δ6\20#\23S112-37\1000MW超超临界机组</t>
  </si>
  <si>
    <t>【东方锅炉】钢板\δ6 2000×100\15CrMo\23S112-0\1000MW超超临界机组</t>
  </si>
  <si>
    <t>【东方锅炉】钢板\δ10 2000×100\15CrMo\23S112-0\1000MW超超临界机组</t>
  </si>
  <si>
    <t>【东方锅炉】耳板\δ20\20#\2S1131-1-7\1000MW超超临界机组</t>
  </si>
  <si>
    <t>【东方锅炉】耳板\δ6\15CrMoR\2S1131-1-1\1000MW超超临界机组</t>
  </si>
  <si>
    <t>【东方锅炉】销\φ20\15CrMo\2S1131-1-2\1000MW超超临界机组</t>
  </si>
  <si>
    <t>【东方锅炉】热端蓄热元件\DH1050/0.5\SPCC\142YR/№9</t>
  </si>
  <si>
    <t>【东方锅炉】钢板\δ6 280×23\15CrMo\23S1131-0\1000MW超超临界机组</t>
  </si>
  <si>
    <t>【东方锅炉】钢板\δ12\15CrMo\2S1131-1-4\1000MW超超临界机组</t>
  </si>
  <si>
    <t>【东方锅炉】密封块\δ6 №1\15CrMo\2S1131-1-5\1000MW超超临界机组</t>
  </si>
  <si>
    <t>【东方锅炉】密封块\δ6 №1\15CrMo\2S1131-1-6\1000MW超超临界机组</t>
  </si>
  <si>
    <t>【东方锅炉】密封块\δ6 №2\15CrMo\2S1131-1-6\1000MW超超临界机组</t>
  </si>
  <si>
    <t>【东方锅炉】密封块\δ6 №2\15CrMo\2S1131-1-5\1000MW超超临界机组</t>
  </si>
  <si>
    <t>【东方锅炉】热端蓄热元件\EH1050/0.5\SPCC\142YR/№10</t>
  </si>
  <si>
    <t>【东方锅炉】热端蓄热元件\AH800/0.5\SPCC\114YR11-1-0</t>
  </si>
  <si>
    <t>【东方锅炉】内螺纹管\φ38.1×7.5(正)\15CrMoG\22S1131-2-2\1050MW超超临界机组</t>
  </si>
  <si>
    <t>【东方锅炉】内螺纹管\φ38.1×7.5(正)\15CrMoG\22S1131-2-3\1050MW超超临界机组</t>
  </si>
  <si>
    <t>【东方锅炉】内螺纹管\φ38.1×7.5(正)\15CrMoG\22S1131-2-4\1050MW超超临界机组</t>
  </si>
  <si>
    <t>【东方锅炉】内螺纹管\φ38.1×7.5(正)\15CrMoG\22S1131-2-5\1050MW超超临界机组</t>
  </si>
  <si>
    <t>【东方锅炉】内螺纹管\φ38.1×7.5(正)\15CrMoG\22S1131-2-6\1050MW超超临界机组</t>
  </si>
  <si>
    <t>【东方锅炉】内螺纹管\φ38.1×7.5(正)\15CrMoG\22S1131-2-7\1050MW超超临界机组</t>
  </si>
  <si>
    <t>【东方锅炉】内螺纹管\φ38.1×7.5(正)\15CrMoG\22S1131-2-9\1050MW超超临界机组</t>
  </si>
  <si>
    <t>【东方锅炉】内螺纹管\φ38.1×7.5(正)\15CrMoG\22S1131-2-10\1050MW超超临界机组</t>
  </si>
  <si>
    <t>【东方锅炉】内螺纹管\φ38.1×7.5(正)\15CrMoG\22S1131-2-11\1050MW超超临界机组</t>
  </si>
  <si>
    <t>【东方锅炉】内螺纹管\φ38.1×7.5(正)\15CrMoG\22S1131-2-12\1050MW超超临界机组</t>
  </si>
  <si>
    <t>【东方锅炉】内螺纹管\φ38.1×7.5(正)\15CrMoG\22S1131-2-13\1050MW超超临界机组</t>
  </si>
  <si>
    <t>【东方锅炉】内螺纹管\φ38.1×7.5(正)\15CrMoG\22S1131-2-14\1050MW超超临界机组</t>
  </si>
  <si>
    <t>【东方锅炉】钢板\δ6 100×25\15CrMo\23S1131-0\1000MW超超临界机组</t>
  </si>
  <si>
    <t>【东方锅炉】热端蓄热元件\BH800/0.5\SPCC\114YR11-2-0</t>
  </si>
  <si>
    <t>【东方锅炉】扁钢\δ6.4\15CrMo\TGS11503-18\1000MW超超临界机组</t>
  </si>
  <si>
    <t>【东方锅炉】内螺纹管\φ38.1×7.5(反)\15CrMoG\22S1131-2-2\1050MW超超临界机组</t>
  </si>
  <si>
    <t>【东方锅炉】内螺纹管\φ38.1×7.5(反)\15CrMoG\22S1131-2-3\1050MW超超临界机组</t>
  </si>
  <si>
    <t>【东方锅炉】内螺纹管\φ38.1×7.5(反)\15CrMoG\22S1131-2-4\1050MW超超临界机组</t>
  </si>
  <si>
    <t>【东方锅炉】内螺纹管\φ38.1×7.5(反)\15CrMoG\22S1131-2-5\1050MW超超临界机组</t>
  </si>
  <si>
    <t>【东方锅炉】内螺纹管\φ38.1×7.5(反)\15CrMoG\22S1131-2-6\1050MW超超临界机组</t>
  </si>
  <si>
    <t>【东方锅炉】内螺纹管\φ38.1×7.5(反)\15CrMoG\22S1131-2-7\1050MW超超临界机组</t>
  </si>
  <si>
    <t>【东方锅炉】内螺纹管\φ38.1×7.5(反)\15CrMoG\22S1131-2-9\1050MW超超临界机组</t>
  </si>
  <si>
    <t>【东方锅炉】内螺纹管\φ38.1×7.5(反)\15CrMoG\22S1131-2-10\1050MW超超临界机组</t>
  </si>
  <si>
    <t>【东方锅炉】内螺纹管\φ38.1×7.5(反)\15CrMoG\22S1131-2-11\1050MW超超临界机组</t>
  </si>
  <si>
    <t>【东方锅炉】内螺纹管\φ38.1×7.5(反)\15CrMoG\22S1131-2-12\1050MW超超临界机组</t>
  </si>
  <si>
    <t>【东方锅炉】内螺纹管\φ38.1×7.5(反)\15CrMoG\22S1131-2-13\1050MW超超临界机组</t>
  </si>
  <si>
    <t>【东方锅炉】内螺纹管\φ38.1×7.5(反)\15CrMoG\22S1131-2-14\1050MW超超临界机组</t>
  </si>
  <si>
    <t>【东方锅炉】热端蓄热元件\CH800/0.5\SPCC\114YR11-3-0</t>
  </si>
  <si>
    <t>【东方锅炉】内螺纹管\φ38.1×7.5(正)\15CrMoG\22S1131-2-19\1050MW超超临界机组</t>
  </si>
  <si>
    <t>【东方锅炉】内螺纹管\φ38.1×7.5(正)\15CrMoG\22S1131-2-20\1050MW超超临界机组</t>
  </si>
  <si>
    <t>【东方锅炉】内螺纹管\φ38.1×7.5(正)\15CrMoG\22S1131-2-21\1050MW超超临界机组</t>
  </si>
  <si>
    <t>【东方锅炉】钢板\δ6 800×500\15CrMo\23S1131-0\1000MW超超临界机组</t>
  </si>
  <si>
    <t>【东方锅炉】内螺纹管\φ38.1×7.5(反)\15CrMoG\22S1131-2-19\1050MW超超临界机组</t>
  </si>
  <si>
    <t>【东方锅炉】内螺纹管\φ38.1×7.5(反)\15CrMoG\22S1131-2-20\1050MW超超临界机组</t>
  </si>
  <si>
    <t>【东方锅炉】内螺纹管\φ38.1×7.5(反)\15CrMoG\22S1131-2-21\1050MW超超临界机组</t>
  </si>
  <si>
    <t>【东方锅炉】密封块\δ6 №7\15CrMo\2S1131-1-5\1000MW超超临界机组</t>
  </si>
  <si>
    <t>【东方锅炉】钢板\δ6 №2\20#\2S1131-2-1\1000MW超超临界机组</t>
  </si>
  <si>
    <t>【东方锅炉】耳板\δ6 №2\20#\2S1131-2-2\1000MW超超临界机组</t>
  </si>
  <si>
    <t>【东方锅炉】钢板\δ6 №1\20#\2S1131-2-1\1000MW超超临界机组</t>
  </si>
  <si>
    <t>【东方锅炉】耳板\δ6 №1\20#\2S1131-2-2\1000MW超超临界机组</t>
  </si>
  <si>
    <t>【东方锅炉】密封块\δ6 №3\15CrMo\2S1131-1-6\1000MW超超临界机组</t>
  </si>
  <si>
    <t>【东方锅炉】耳板\δ6\Q245R\2S1131-12-1\1000MW超超临界机组</t>
  </si>
  <si>
    <t>【东方锅炉】销\φ20\20#\2S1131-12-2\1000MW超超临界机组</t>
  </si>
  <si>
    <t>【东方锅炉】耳板\δ6\Q245R\2S1131-13-1\1000MW超超临界机组</t>
  </si>
  <si>
    <t>【东方锅炉】观察孔\d97.1 L1/L2=800/196.6\装配件\22S1133-2-1\1050MW超超临界机组</t>
  </si>
  <si>
    <t>【东方锅炉】密封块\δ6 №2\15CrMo\22S1133-2-2\1050MW超超临界机组</t>
  </si>
  <si>
    <t>【东方锅炉】密封块\δ6 №3\15CrMo\2S1131-1-5\1000MW超超临界机组</t>
  </si>
  <si>
    <t>【东方锅炉】密封块\δ6 №4\15CrMo\2S1131-1-5\1000MW超超临界机组</t>
  </si>
  <si>
    <t>【东方锅炉】钢板\δ12\15CrMo\2S1131-6-1\1000MW超超临界机组</t>
  </si>
  <si>
    <t>【东方锅炉】钢板\δ28\15CrMo\2S1131-6-2\1000MW超超临界机组</t>
  </si>
  <si>
    <t>【东方锅炉】还原风开孔\φ480\装配件\22S1131-11-1\1050MW超超临界机组</t>
  </si>
  <si>
    <t>【东方锅炉】内螺纹管\φ38.1×7.5(正)\15CrMoG\22S1131-11-2\1050MW超超临界机组</t>
  </si>
  <si>
    <t>【东方锅炉】内螺纹管\φ38.1×7.5(正)\15CrMoG\22S1131-11-3\1050MW超超临界机组</t>
  </si>
  <si>
    <t>【东方锅炉】内螺纹管\φ38.1×7.5(正)\15CrMoG\22S1131-11-4\1050MW超超临界机组</t>
  </si>
  <si>
    <t>【东方锅炉】内螺纹管\φ38.1×7.5(正)\15CrMoG\22S1131-11-5\1050MW超超临界机组</t>
  </si>
  <si>
    <t>【东方锅炉】内螺纹管\φ38.1×7.5(正)\15CrMoG\22S1131-11-6\1050MW超超临界机组</t>
  </si>
  <si>
    <t>【东方锅炉】钢板\δ6 1200×600\15CrMo\23S1131-0\1000MW超超临界机组</t>
  </si>
  <si>
    <t>【东方锅炉】内螺纹管\φ38.1×7.5(反)\15CrMoG\22S1131-11-2\1050MW超超临界机组</t>
  </si>
  <si>
    <t>【东方锅炉】内螺纹管\φ38.1×7.5(反)\15CrMoG\22S1131-11-3\1050MW超超临界机组</t>
  </si>
  <si>
    <t>【东方锅炉】内螺纹管\φ38.1×7.5(反)\15CrMoG\22S1131-11-4\1050MW超超临界机组</t>
  </si>
  <si>
    <t>【东方锅炉】内螺纹管\φ38.1×7.5(反)\15CrMoG\22S1131-11-5\1050MW超超临界机组</t>
  </si>
  <si>
    <t>【东方锅炉】内螺纹管\φ38.1×7.5(反)\15CrMoG\22S1131-11-6\1050MW超超临界机组</t>
  </si>
  <si>
    <t>【东方锅炉】热端蓄热元件\DH800/0.5\SPCC\114YR11-4-0</t>
  </si>
  <si>
    <t>【东方锅炉】内螺纹管\φ38.1×7.5(正)\15CrMoG\23S1131-9-2\1000MW超超临界机组</t>
  </si>
  <si>
    <t>【东方锅炉】内螺纹管\φ38.1×7.5(正)\15CrMoG\23S1131-9-3\1000MW超超临界机组</t>
  </si>
  <si>
    <t>【东方锅炉】内螺纹管\φ38.1×7.5(正)\15CrMoG\23S1131-9-4\1000MW超超临界机组</t>
  </si>
  <si>
    <t>【东方锅炉】内螺纹管\φ38.1×7.5(正)\15CrMoG\23S1131-9-5\1000MW超超临界机组</t>
  </si>
  <si>
    <t>【东方锅炉】内螺纹管\φ38.1×7.5(正)\15CrMoG\23S1131-9-6\1000MW超超临界机组</t>
  </si>
  <si>
    <t>【东方锅炉】内螺纹管\φ38.1×7.5\15CrMoG\23S1131-9-7\1000MW超超临界机组</t>
  </si>
  <si>
    <t>【东方锅炉】内螺纹管\φ38.1×7.5(正)\15CrMoG\23S1131-9-8\1000MW超超临界机组</t>
  </si>
  <si>
    <t>【东方锅炉】内螺纹管\φ38.1×7.5(正)\15CrMoG\23S1131-9-9\1000MW超超临界机组</t>
  </si>
  <si>
    <t>【东方锅炉】钢板\δ6 120×25\15CrMo\23S1131-0\1000MW超超临界机组</t>
  </si>
  <si>
    <t>【东方锅炉】扁钢\δ6.4\15CrMo\TGN11543-9\1000MW超超临界机组</t>
  </si>
  <si>
    <t>【东方锅炉】热端蓄热元件\EH800/0.5\SPCC\114YR11-5-0</t>
  </si>
  <si>
    <t>【东方锅炉】扁钢\δ6.4\15CrMo\TGN11543-10\1000MW超超临界机组</t>
  </si>
  <si>
    <t>【东方锅炉】内螺纹管\φ38.1×7.5(反)\15CrMoG\23S1131-9-2\1000MW超超临界机组</t>
  </si>
  <si>
    <t>【东方锅炉】内螺纹管\φ38.1×7.5(反)\15CrMoG\23S1131-9-3\1000MW超超临界机组</t>
  </si>
  <si>
    <t>【东方锅炉】内螺纹管\φ38.1×7.5(反)\15CrMoG\23S1131-9-4\1000MW超超临界机组</t>
  </si>
  <si>
    <t>【东方锅炉】内螺纹管\φ38.1×7.5(反)\15CrMoG\23S1131-9-5\1000MW超超临界机组</t>
  </si>
  <si>
    <t>【东方锅炉】内螺纹管\φ38.1×7.5(反)\15CrMoG\23S1131-9-6\1000MW超超临界机组</t>
  </si>
  <si>
    <t>【东方锅炉】内螺纹管\φ38.1×7.5(反)\15CrMoG\23S1131-9-8\1000MW超超临界机组</t>
  </si>
  <si>
    <t>【东方锅炉】内螺纹管\φ38.1×7.5(反)\15CrMoG\23S1131-9-9\1000MW超超临界机组</t>
  </si>
  <si>
    <t>【东方锅炉】热端蓄热元件\GH12000.5\SPCC\165YR11-7-0</t>
  </si>
  <si>
    <t>【东方锅炉】密封块\δ6 №1\15CrMo\22S1133-2-2\1050MW超超临界机组</t>
  </si>
  <si>
    <t>【东方锅炉】密封块\δ6 №3\15CrMo\22S1133-2-2\1050MW超超临界机组</t>
  </si>
  <si>
    <t>【东方锅炉】钢板\δ10 20×15\12Cr1MoV\22S1133-5-1\1050MW超超临界机组</t>
  </si>
  <si>
    <t>【东方锅炉】热端蓄热元件\AH900/0.6\SPCC\122YR11-1-0</t>
  </si>
  <si>
    <t>【东方锅炉】耳板\δ25\12Cr1MoV\2S1131-17-1\1000MW超超临界机组</t>
  </si>
  <si>
    <t>【东方锅炉】钢板\δ25\12Cr1MoV\2S1131-17-2\1000MW超超临界机组</t>
  </si>
  <si>
    <t>【东方锅炉】钢板\δ30\12Cr1MoV\2S1131-17-3\1000MW超超临界机组</t>
  </si>
  <si>
    <t>【东方锅炉】固定块\δ60\12Cr1MoV\2S1131-17-4\1000MW超超临界机组</t>
  </si>
  <si>
    <t>【东方锅炉】钢板\δ12\15CrMo\2S1131-31-1\1000MW超超临界机组</t>
  </si>
  <si>
    <t>【东方锅炉】钢板\δ28\15CrMo\2S1131-31-2\1000MW超超临界机组</t>
  </si>
  <si>
    <t>【东方锅炉】密封块\δ6 №8\15CrMo\2S1131-1-5\1000MW超超临界机组</t>
  </si>
  <si>
    <t>【东方锅炉】固定块\δ40\12Cr1MoV\22S1131-57\1050MW超超临界机组</t>
  </si>
  <si>
    <t>【东方锅炉】钢板\δ20 50×20\15CrMo\23S1131-0\1000MW超超临界机组</t>
  </si>
  <si>
    <t>【东方锅炉】钢板\δ32 286×280\12Cr1MoV\23S1131-0\1000MW超超临界机组</t>
  </si>
  <si>
    <t>【东方锅炉】钢板\δ25\12Cr1MoV\22S1131-58\1050MW超超临界机组</t>
  </si>
  <si>
    <t>【东方锅炉】钢板\δ25\12Cr1MoV\22S1131-59\1050MW超超临界机组</t>
  </si>
  <si>
    <t>【东方锅炉】摄像孔\L1/L2=806.8/200\装配件\22S1131-29-1\1050MW超超临界机组</t>
  </si>
  <si>
    <t>【东方锅炉】密封块\δ6 №5\15CrMo\2S1131-1-5\1000MW超超临界机组</t>
  </si>
  <si>
    <t>【东方锅炉】扁钢\δ6.4\15CrMo\2S1131-56\1000MW超超临界机组</t>
  </si>
  <si>
    <t>【东方锅炉】热端蓄热元件\BH900/0.6\SPCC\122YR11-2-0</t>
  </si>
  <si>
    <t>【东方锅炉】钢板\δ12\15CrMo\19S1133-1-2\1000MW超超临界机组</t>
  </si>
  <si>
    <t>【东方锅炉】耳板\δ20\20#\19S1133-1-3\1000MW超超临界机组</t>
  </si>
  <si>
    <t>【东方锅炉】耳板\δ6\15CrMoR\23S1134-1-2\1000MW超超临界机组</t>
  </si>
  <si>
    <t>【东方锅炉】观察孔\φ97.1\装配件\23S1134-2-1\1000MW超超临界机组</t>
  </si>
  <si>
    <t>【东方锅炉】内螺纹管\φ38.1×7.5\15CrMoG\23S1134-2-2\1000MW超超临界机组</t>
  </si>
  <si>
    <t>【东方锅炉】内螺纹管\φ38.1×7.5\15CrMoG\23S1134-2-3\1000MW超超临界机组</t>
  </si>
  <si>
    <t>【东方锅炉】热端蓄热元件\CH900/0.6\SPCC\122YR11-3-0</t>
  </si>
  <si>
    <t>【东方锅炉】热端蓄热元件\DH900/0.6\SPCC\122YR11-4-0</t>
  </si>
  <si>
    <t>【东方锅炉】热端蓄热元件\EH900/0.6\SPCC\122YR11-5-0</t>
  </si>
  <si>
    <t>【东方锅炉】热端蓄热元件\FH900/0.6\SPCC\122YR11-6-0</t>
  </si>
  <si>
    <t>【东方锅炉】内螺纹管\φ38.1×7.5\15CrMoG\23S1134-7-2\1000MW超超临界机组</t>
  </si>
  <si>
    <t>【东方锅炉】内螺纹管\φ38.1×7.5\15CrMoG\23S1134-7-3\1000MW超超临界机组</t>
  </si>
  <si>
    <t>【东方锅炉】热端蓄热元件\GH900/0.6\SPCC\122YR11-7-0</t>
  </si>
  <si>
    <t>【东方锅炉】热端蓄热元件\HH900/0.6\SPCC\122YR11-8-0</t>
  </si>
  <si>
    <t>【东方锅炉】密封块\δ6 №1\15CrMo\TGS11506-1\1000MW超超临界机组</t>
  </si>
  <si>
    <t>【东方锅炉】密封块\δ6 №3\15CrMo\TGS11506-1\1000MW超超临界机组</t>
  </si>
  <si>
    <t>【东方锅炉】热端蓄热元件\IH950/0.6\SPCC\122YR11-9-0</t>
  </si>
  <si>
    <t>【东方锅炉】内螺纹管\φ38.1×7.5\15CrMoG\23S1133-10-1\1000MW超超临界机组</t>
  </si>
  <si>
    <t>【东方锅炉】内螺纹管\φ38.1×7.5\15CrMoG\23S1133-10-2\1000MW超超临界机组</t>
  </si>
  <si>
    <t>【东方锅炉】钢板\δ25\15CrMo\19S1133-14-2\1000MW超超临界机组</t>
  </si>
  <si>
    <t>【东方锅炉】钢板\δ25\15CrMo\19S1133-14-3\1000MW超超临界机组</t>
  </si>
  <si>
    <t>【东方锅炉】钢板\δ32\15CrMo\2S1133-14-4\1000MW超超临界机组</t>
  </si>
  <si>
    <t>【东方锅炉】固定块\δ40\15CrMo\2S1133-14-1\1000MW超超临界机组</t>
  </si>
  <si>
    <t>【东方锅炉】挡板\δ20 20×50\15CrMo\23S1133-0\1000MW超超临界机组</t>
  </si>
  <si>
    <t>【东方锅炉】钢板\δ12\15CrMo\19S1133-15-1\1000MW超超临界机组</t>
  </si>
  <si>
    <t>【东方锅炉】钢板\δ40 70×50\15CrMo\23S1133-0\1000MW超超临界机组</t>
  </si>
  <si>
    <t>【东方锅炉】内螺纹管\φ38.1×7.5\15CrMoG\23S1134-26-1\1000MW超超临界机组</t>
  </si>
  <si>
    <t>【东方锅炉】内螺纹管\φ38.1×7.5\15CrMoG\23S1134-26-2\1000MW超超临界机组</t>
  </si>
  <si>
    <t>【东方锅炉】扁钢\δ6.4\15CrMo\2S1133-27\1000MW超超临界机组</t>
  </si>
  <si>
    <t>【东方锅炉】内螺纹管\φ38.1×7.5\15CrMoG\23S1134-12-1\1000MW超超临界机组</t>
  </si>
  <si>
    <t>【东方锅炉】内螺纹管\φ38.1×7.5\15CrMoG\23S1134-12-2\1000MW超超临界机组</t>
  </si>
  <si>
    <t>【东方锅炉】耳板\δ6\15CrMo\23S1152-1-3\1000MW超超临界机组</t>
  </si>
  <si>
    <t>【东方锅炉】密封块\δ4\15CrMo\23S1152-1-4\1000MW超超临界机组</t>
  </si>
  <si>
    <t>【东方锅炉】密封块\δ4 №1\15CrMo\23S1152-1-5\1000MW超超临界机组</t>
  </si>
  <si>
    <t>【东方锅炉】密封块\δ4 №2\15CrMo\23S1152-1-5\1000MW超超临界机组</t>
  </si>
  <si>
    <t>【东方锅炉】扁钢\δ6\12Cr1MoV\23S1152-7\1000MW超超临界机组</t>
  </si>
  <si>
    <t>【东方锅炉】管子\φ31.8×6.5(正)\12Cr1MoVG\23S1153-1\1000MW超超临界机组</t>
  </si>
  <si>
    <t>【东方锅炉】耳板\δ6\15CrMo\23S1153-2\1000MW超超临界机组</t>
  </si>
  <si>
    <t>【东方锅炉】钢板\δ6 75×38.6\15CrMo\23S1153-0\1000MW超超临界机组</t>
  </si>
  <si>
    <t>【东方锅炉】钢板\δ6 100×38.6\15CrMo\23S1153-0\1000MW超超临界机组</t>
  </si>
  <si>
    <t>【东方锅炉】耳板\δ10\15CrMo\20S1153-3\1000MW超超临界机组</t>
  </si>
  <si>
    <t>【东方锅炉】垫板\δ12\15CrMo\20S1153-4\1000MW超超临界机组</t>
  </si>
  <si>
    <t>【东方锅炉】钢板\δ20\15CrMo\20S1153-5\1000MW超超临界机组</t>
  </si>
  <si>
    <t>【东方锅炉】钢板\δ4 50×10\15CrMo\23S1153-0\1000MW超超临界机组</t>
  </si>
  <si>
    <t>【东方锅炉】钢板\δ12 1016×100\15CrMo\23S1153-0\1000MW超超临界机组</t>
  </si>
  <si>
    <t>【东方锅炉】钢板\δ20 500×32\15CrMo\23S1153-0\1000MW超超临界机组</t>
  </si>
  <si>
    <t>【东方锅炉】钢板\δ20 1099.5×500\15CrMo\23S1153-0\1000MW超超临界机组</t>
  </si>
  <si>
    <t>【东方锅炉】钢板\δ20\20#\20S1153-6\1000MW超超临界机组</t>
  </si>
  <si>
    <t>【东方锅炉】钢板\δ25\20#\20S1153-7\1000MW超超临界机组</t>
  </si>
  <si>
    <t>【东方锅炉】密封块\δ6\12Cr1MoV\20S1153-8\1000MW超超临界机组</t>
  </si>
  <si>
    <t>【东方锅炉】密封块\№1\15CrMo\20S1153-9\1000MW超超临界机组</t>
  </si>
  <si>
    <t>【东方锅炉】密封块\№2\12Cr1MoV\20S1153-9\1000MW超超临界机组</t>
  </si>
  <si>
    <t>【东方锅炉】钢板\δ4 1200×40.6\15CrMo\23S1153-0\1000MW超超临界机组</t>
  </si>
  <si>
    <t>【东方锅炉】管子\φ31.8×6.5(正)\12Cr1MoVG\23S1153-3\1000MW超超临界机组</t>
  </si>
  <si>
    <t>【东方锅炉】热端蓄热元件\JH950/0.6\SPCC\122YR11-10-0</t>
  </si>
  <si>
    <t>【东方锅炉】管子\φ31.8×6.5\12Cr1MoVG\23S1153-4-0\1000MW超超临界机组</t>
  </si>
  <si>
    <t>【东方锅炉】热端蓄热元件\KH950/0.6\SPCC\122YR11-11-0</t>
  </si>
  <si>
    <t>【东方锅炉】管子\φ31.8×6.5\12Cr1MoVG\23S1153-5-0\1000MW超超临界机组</t>
  </si>
  <si>
    <t>【东方锅炉】钢板\δ6 2347.3×65\20#\23S1153-0\1000MW超超临界机组</t>
  </si>
  <si>
    <t>【东方锅炉】钢板\δ6 245.1×65\20#\23S1153-0\1000MW超超临界机组</t>
  </si>
  <si>
    <t>【东方锅炉】热端蓄热元件\LH950/0.6\SPCC\122YR11-12-0</t>
  </si>
  <si>
    <t>【东方锅炉】热端蓄热元件\MH950/0.6\SPCC\122YR11-13-0</t>
  </si>
  <si>
    <t>【东方锅炉】热端蓄热元件\NH950/0.6\SPCC\122YR11-14-0</t>
  </si>
  <si>
    <t>【东方锅炉】钢板\δ6 396×38\12Cr1MoV\23S1153-0\1000MW超超临界机组</t>
  </si>
  <si>
    <t>【东方锅炉】管子\φ31.8×6.5(反)\12Cr1MoVG\23S1153-1\1000MW超超临界机组</t>
  </si>
  <si>
    <t>【东方锅炉】热端蓄热元件\OH950/0.6\SPCC\122YR11-15-0</t>
  </si>
  <si>
    <t>【东方锅炉】管子\φ31.8×6.5(反)\12Cr1MoVG\23S1153-3\1000MW超超临界机组</t>
  </si>
  <si>
    <t>【东方锅炉】管子\φ31.8×7.5\12Cr1MoVG\23S1161-1-2\1000MW超超临界机组</t>
  </si>
  <si>
    <t>【东方锅炉】管子\φ31.8×7.5\12Cr1MoVG\23S1161-1-3\1000MW超超临界机组</t>
  </si>
  <si>
    <t>【东方锅炉】管子\φ31.8×7.5\12Cr1MoVG\23S1161-1-4\1000MW超超临界机组</t>
  </si>
  <si>
    <t>【东方锅炉】管子\φ31.8×7.5\12Cr1MoVG\23S1161-1-5\1000MW超超临界机组</t>
  </si>
  <si>
    <t>【东方锅炉】管子\φ31.8×7.5\12Cr1MoVG\23S1161-1-6\1000MW超超临界机组</t>
  </si>
  <si>
    <t>【东方锅炉】内螺纹管\φ38.1×7.5\15CrMoG\23S1161-1-7\1000MW超超临界机组</t>
  </si>
  <si>
    <t>【东方锅炉】内螺纹管\φ38.1×7.5\15CrMoG\23S1161-1-8\1000MW超超临界机组</t>
  </si>
  <si>
    <t>【东方锅炉】内螺纹管\φ38.1×7.5\15CrMoG\23S1161-1-9\1000MW超超临界机组</t>
  </si>
  <si>
    <t>【东方锅炉】内螺纹管\φ38.1×7.5\15CrMoG\23S1161-1-10\1000MW超超临界机组</t>
  </si>
  <si>
    <t>【东方锅炉】内螺纹管\φ38.1×7.5\15CrMoG\23S1161-1-11\1000MW超超临界机组</t>
  </si>
  <si>
    <t>【东方锅炉】内螺纹管\φ38.1×7.5\15CrMoG\23S1161-1-12\1000MW超超临界机组</t>
  </si>
  <si>
    <t>【东方锅炉】内螺纹管\φ38.1×7.5\15CrMoG\23S1161-1-13\1000MW超超临界机组</t>
  </si>
  <si>
    <t>【东方锅炉】内螺纹管\φ38.1×7.5\15CrMoG\23S1161-1-14\1000MW超超临界机组</t>
  </si>
  <si>
    <t>【东方锅炉】内螺纹管\φ38.1×7.5\15CrMoG\23S1161-1-15\1000MW超超临界机组</t>
  </si>
  <si>
    <t>【东方锅炉】内螺纹管\φ38.1×7.5\15CrMoG\23S1161-1-16\1000MW超超临界机组</t>
  </si>
  <si>
    <t>【东方锅炉】内螺纹管\φ38.1×7.5\15CrMoG\23S1161-1-17\1000MW超超临界机组</t>
  </si>
  <si>
    <t>【东方锅炉】内螺纹管\φ38.1×7.5\15CrMoG\23S1161-1-18\1000MW超超临界机组</t>
  </si>
  <si>
    <t>【东方锅炉】内螺纹管\φ38.1×7.5\15CrMoG\23S1161-1-19\1000MW超超临界机组</t>
  </si>
  <si>
    <t>【东方锅炉】内螺纹管\φ38.1×7.5\15CrMoG\23S1161-1-20\1000MW超超临界机组</t>
  </si>
  <si>
    <t>【东方锅炉】内螺纹管\φ38.1×7.5\15CrMoG\23S1161-1-21\1000MW超超临界机组</t>
  </si>
  <si>
    <t>【东方锅炉】内螺纹管\φ38.1×7.5\15CrMoG\23S1161-1-22\1000MW超超临界机组</t>
  </si>
  <si>
    <t>【东方锅炉】内螺纹管\φ38.1×7.5\15CrMoG\23S1161-1-23\1000MW超超临界机组</t>
  </si>
  <si>
    <t>【东方锅炉】内螺纹管\φ38.1×7.5\15CrMoG\23S1161-1-24\1000MW超超临界机组</t>
  </si>
  <si>
    <t>【东方锅炉】热端蓄热元件\PH950/0.6\SPCC\122YR11-16-0</t>
  </si>
  <si>
    <t>【东方锅炉】热端小径向密封\1mm\Q355GNH\253YR41-1-0</t>
  </si>
  <si>
    <t>【东方锅炉】热端径向密封\1mm\Q355GNH\205YR41</t>
  </si>
  <si>
    <t>【东方锅炉】热端径向密封\1.5mm\Q355GNH\205YR41</t>
  </si>
  <si>
    <t>【东方锅炉】热端径向密封\1mm\Q355GNH\105YR41</t>
  </si>
  <si>
    <t>【东方锅炉】热端径向密封\1.5mm\Q355GNH\105YR41</t>
  </si>
  <si>
    <t>【东方锅炉】热端径向密封\1mm\Q355GNH\193YR41-1-0</t>
  </si>
  <si>
    <t>【东方锅炉】热端径向密封\1.5mm\Q355GNH\193YR41-2-0</t>
  </si>
  <si>
    <t>【东方锅炉】热端径向密封\1mm\Q355GNH\127YR41-1-0</t>
  </si>
  <si>
    <t>【东方锅炉】内螺纹管\φ38.1×7.5\15CrMoG\23S1161-1-26\1000MW超超临界机组</t>
  </si>
  <si>
    <t>【东方锅炉】内螺纹管\φ38.1×7.5\15CrMoG\23S1161-1-27\1000MW超超临界机组</t>
  </si>
  <si>
    <t>【东方锅炉】内螺纹管\φ38.1×7.5\15CrMoG\23S1161-1-28\1000MW超超临界机组</t>
  </si>
  <si>
    <t>【东方锅炉】内螺纹管\φ38.1×7.5\15CrMoG\23S1161-1-29\1000MW超超临界机组</t>
  </si>
  <si>
    <t>【东方锅炉】内螺纹管\φ38.1×7.5\15CrMoG\23S1161-1-30\1000MW超超临界机组</t>
  </si>
  <si>
    <t>【东方锅炉】内螺纹管\φ38.1×7.5\15CrMoG\23S1161-1-31\1000MW超超临界机组</t>
  </si>
  <si>
    <t>【东方锅炉】内螺纹管\φ38.1×7.5\15CrMoG\23S1161-1-32\1000MW超超临界机组</t>
  </si>
  <si>
    <t>【东方锅炉】内螺纹管\φ38.1×7.5\15CrMoG\23S1161-1-33\1000MW超超临界机组</t>
  </si>
  <si>
    <t>【东方锅炉】内螺纹管\φ38.1×7.5\15CrMoG\23S1161-1-34\1000MW超超临界机组</t>
  </si>
  <si>
    <t>【东方锅炉】内螺纹管\φ38.1×7.5\15CrMoG\23S1161-1-35\1000MW超超临界机组</t>
  </si>
  <si>
    <t>【东方锅炉】测点块\δ4 φ38.1\15CrMo\TGS15002\1000MW超超临界机组</t>
  </si>
  <si>
    <t>【东方锅炉】耳板\δ6\15CrMo\23S1161-1-38\1000MW超超临界机组</t>
  </si>
  <si>
    <t>【东方锅炉】耳板\δ10\12Cr1MoV\2S1141-1-50\1000MW超超临界机组</t>
  </si>
  <si>
    <t>【东方锅炉】钢板\δ6 225×38.6\12Cr1MoV\23S1161-0\1000MW超超临界机组</t>
  </si>
  <si>
    <t>【东方锅炉】钢板\δ12\12Cr1MoV\2S1141-1-51\1000MW超超临界机组</t>
  </si>
  <si>
    <t>【东方锅炉】钢板\δ12\12Cr1MoV\2S1141-1-52\1000MW超超临界机组</t>
  </si>
  <si>
    <t>【东方锅炉】钢板\δ20\12Cr1MoV\23S1161-1-39\1000MW超超临界机组</t>
  </si>
  <si>
    <t>【东方锅炉】钢板\δ20 1089×370\12Cr1MoV\23S1161-0\1000MW超超临界机组</t>
  </si>
  <si>
    <t>【东方锅炉】热端径向密封\1.5mm\Q355GNH\127YR41-2-0</t>
  </si>
  <si>
    <t>【东方锅炉】钢板\δ6\20#\23S1161-1-40\1000MW超超临界机组</t>
  </si>
  <si>
    <t>【东方锅炉】钢板\δ6\20#\23S1161-1-41\1000MW超超临界机组</t>
  </si>
  <si>
    <t>【东方锅炉】折板\δ6\20#\23S1161-1-42\1000MW超超临界机组</t>
  </si>
  <si>
    <t>【东方锅炉】折板\δ6\20#\23S1161-1-43\1000MW超超临界机组</t>
  </si>
  <si>
    <t>【东方锅炉】耳板\δ20\15CrMo\23S1161-1-44\1000MW超超临界机组</t>
  </si>
  <si>
    <t>【东方锅炉】管子\φ31.8×7.5\12Cr1MoVG\23S1161-2-2\1000MW超超临界机组</t>
  </si>
  <si>
    <t>【东方锅炉】管子\φ31.8×7.5\12Cr1MoVG\23S1161-2-3\1000MW超超临界机组</t>
  </si>
  <si>
    <t>【东方锅炉】管子\φ31.8×7.5\12Cr1MoVG\23S1161-2-4\1000MW超超临界机组</t>
  </si>
  <si>
    <t>【东方锅炉】内螺纹管\φ38.1×7.5\15CrMoG\23S1161-2-5\1000MW超超临界机组</t>
  </si>
  <si>
    <t>【东方锅炉】管子\φ31.8×7.5\12Cr1MoVG\23S1161-2-7\1000MW超超临界机组</t>
  </si>
  <si>
    <t>【东方锅炉】管子\φ31.8×7.5\12Cr1MoVG\23S1161-2-8\1000MW超超临界机组</t>
  </si>
  <si>
    <t>【东方锅炉】内螺纹管\φ38.1×7.5\15CrMoG\23S1161-2-9\1000MW超超临界机组</t>
  </si>
  <si>
    <t>【东方锅炉】钢板\δ6\20#\2S1141-1-55\1000MW超超临界机组</t>
  </si>
  <si>
    <t>【东方锅炉】折板\δ6\20#\2S1141-1-61\1000MW超超临界机组</t>
  </si>
  <si>
    <t>【东方锅炉】内螺纹管\φ38.1×7.5\15CrMoG\23S1161-3-2\1000MW超超临界机组</t>
  </si>
  <si>
    <t>【东方锅炉】内螺纹管\φ38.1×7.5\15CrMoG\23S1161-3-4\1000MW超超临界机组</t>
  </si>
  <si>
    <t>【东方锅炉】张力板\δ60\12Cr1MoV\3S1141-1-2\1000MW超超临界机组</t>
  </si>
  <si>
    <t>【东方锅炉】固定块\δ60\12Cr1MoV\3S1141-1-3\1000MW超超临界机组</t>
  </si>
  <si>
    <t>【东方锅炉】压块\δ20;19×50\15CrMo\23S1161-3-0\1000MW超超临界机组</t>
  </si>
  <si>
    <t>【东方锅炉】耳板\δ32\12Cr1MoV\3S1141-1-4\1000MW超超临界机组</t>
  </si>
  <si>
    <t>【东方锅炉】塞块\δ6 №1\12Cr1MoV\3S1141-1-5\1000MW超超临界机组</t>
  </si>
  <si>
    <t>【东方锅炉】塞块\δ6 №2\12Cr1MoV\3S1141-1-5\1000MW超超临界机组</t>
  </si>
  <si>
    <t>【东方锅炉】管子\φ31.8×7.5\12Cr1MoVG\23S1161-4-6\1000MW超超临界机组</t>
  </si>
  <si>
    <t>【东方锅炉】内螺纹管\φ38.1×7.5\15CrMoG\23S1161-4-7\1000MW超超临界机组</t>
  </si>
  <si>
    <t>【东方锅炉】热端径向密封\1mm\Q355GNH\276YR41-1-0</t>
  </si>
  <si>
    <t>【东方锅炉】热端径向密封\1.5mm\Q355GNH\276YR41-1-0</t>
  </si>
  <si>
    <t>【东方锅炉】管子\φ31.8×6.5\12Cr1MoVG\23S1162-1-2\1000MW超超临界机组</t>
  </si>
  <si>
    <t>【东方锅炉】管子\φ31.8×6.5\12Cr1MoVG\23S1162-1-3\1000MW超超临界机组</t>
  </si>
  <si>
    <t>【东方锅炉】管子\φ31.8×6.5\12Cr1MoVG\23S1162-1-4\1000MW超超临界机组</t>
  </si>
  <si>
    <t>【东方锅炉】管子\φ31.8×6.5\12Cr1MoVG\23S1162-1-5\1000MW超超临界机组</t>
  </si>
  <si>
    <t>【东方锅炉】管子\φ31.8×6.5\12Cr1MoVG\23S1162-1-6\1000MW超超临界机组</t>
  </si>
  <si>
    <t>【东方锅炉】管子\φ31.8×6.5\12Cr1MoVG\23S1162-1-7\1000MW超超临界机组</t>
  </si>
  <si>
    <t>【东方锅炉】管子\φ31.8×6.5\12Cr1MoVG\23S1162-1-8\1000MW超超临界机组</t>
  </si>
  <si>
    <t>【东方锅炉】管子\φ31.8×6.5\12Cr1MoVG\23S1162-1-9\1000MW超超临界机组</t>
  </si>
  <si>
    <t>【东方锅炉】内螺纹管\φ38.1×7.5\15CrMoG\23S1162-1-10\1000MW超超临界机组</t>
  </si>
  <si>
    <t>【东方锅炉】内螺纹管\φ38.1×7.5\15CrMoG\23S1162-1-11\1000MW超超临界机组</t>
  </si>
  <si>
    <t>【东方锅炉】内螺纹管\φ38.1×7.5\15CrMoG\23S1162-1-12\1000MW超超临界机组</t>
  </si>
  <si>
    <t>【东方锅炉】内螺纹管\φ38.1×7.5\15CrMoG\23S1162-1-13\1000MW超超临界机组</t>
  </si>
  <si>
    <t>【东方锅炉】内螺纹管\φ38.1×7.5\15CrMoG\23S1162-1-14\1000MW超超临界机组</t>
  </si>
  <si>
    <t>【东方锅炉】内螺纹管\φ38.1×7.5\15CrMoG\23S1162-1-15\1000MW超超临界机组</t>
  </si>
  <si>
    <t>【东方锅炉】内螺纹管\φ38.1×7.5\15CrMoG\23S1162-1-16\1000MW超超临界机组</t>
  </si>
  <si>
    <t>【东方锅炉】内螺纹管\φ38.1×7.5\15CrMoG\23S1162-1-17\1000MW超超临界机组</t>
  </si>
  <si>
    <t>【东方锅炉】内螺纹管\φ38.1×7.5\15CrMoG\23S1162-1-18\1000MW超超临界机组</t>
  </si>
  <si>
    <t>【东方锅炉】内螺纹管\φ38.1×7.5\15CrMoG\23S1162-1-19\1000MW超超临界机组</t>
  </si>
  <si>
    <t>【东方锅炉】热端径向密封\1mm\Q355GNH\253YR41-2-0</t>
  </si>
  <si>
    <t>【东方锅炉】热端径向密封\1.5mm\Q355GNH\253YR41-3-0</t>
  </si>
  <si>
    <t>【东方锅炉】密封板\δ10\12Cr1MoV\2S1142-1-22\1000MW超超临界机组</t>
  </si>
  <si>
    <t>【东方锅炉】热端径向密封\1mm\Q355GNH\151YR41-2-0</t>
  </si>
  <si>
    <t>【东方锅炉】热端径向密封\1.5mm\Q355GNH\151YR41-1-0</t>
  </si>
  <si>
    <t>【东方锅炉】热端径向密封\1.5mm\Q355GNH\31YR41-0/№1</t>
  </si>
  <si>
    <t>【东方锅炉】热端径向密封\1.5mm\Q355GNH\31YR41-0/№3</t>
  </si>
  <si>
    <t>【东方锅炉】热端径向密封\1.5mm\Q355GNH\199YR41-0/№1</t>
  </si>
  <si>
    <t>【东方锅炉】热端径向密封\1.5mm\Q355GNH\31YR41-0/№6</t>
  </si>
  <si>
    <t>【东方锅炉】热端径向密封\1mm\Q355GNH\89YR41/№1</t>
  </si>
  <si>
    <t>【东方锅炉】热端径向密封\1.5mm\Q355GNH\89YR41/№2</t>
  </si>
  <si>
    <t>【东方锅炉】热端径向密封\1.5mm\Q355GNH\28YR41-0/№1</t>
  </si>
  <si>
    <t>【东方锅炉】热端径向密封\1mm\Q355GNH\89YR41/№5</t>
  </si>
  <si>
    <t>【东方锅炉】热端径向密封\1.5mm\Q355GNH\89YR41/№6</t>
  </si>
  <si>
    <t>【东方锅炉】热端径向密封\1.5mm\Q355GNH\28YR41-0/№3</t>
  </si>
  <si>
    <t>【东方锅炉】热端径向密封\1mm\Q355GNH\136YR41/№1</t>
  </si>
  <si>
    <t>【东方锅炉】内螺纹管\φ38.1×7.5\15CrMoG\23S1162-1-21\1000MW超超临界机组</t>
  </si>
  <si>
    <t>【东方锅炉】内螺纹管\φ38.1×7.5\15CrMoG\23S1162-1-22\1000MW超超临界机组</t>
  </si>
  <si>
    <t>【东方锅炉】内螺纹管\φ38.1×7.5\15CrMoG\23S1162-1-23\1000MW超超临界机组</t>
  </si>
  <si>
    <t>【东方锅炉】内螺纹管\φ38.1×7.5\15CrMoG\23S1162-1-24\1000MW超超临界机组</t>
  </si>
  <si>
    <t>【东方锅炉】内螺纹管\φ38.1×7.5\15CrMoG\23S1162-1-25\1000MW超超临界机组</t>
  </si>
  <si>
    <t>【东方锅炉】内螺纹管\φ38.1×7.5\15CrMoG\23S1162-1-26\1000MW超超临界机组</t>
  </si>
  <si>
    <t>【东方锅炉】内螺纹管\φ38.1×7.5\15CrMoG\23S1162-1-27\1000MW超超临界机组</t>
  </si>
  <si>
    <t>【东方锅炉】内螺纹管\φ38.1×7.5\15CrMoG\23S1162-1-28\1000MW超超临界机组</t>
  </si>
  <si>
    <t>【东方锅炉】内螺纹管\φ38.1×7.5\15CrMoG\23S1162-1-30\1000MW超超临界机组</t>
  </si>
  <si>
    <t>【东方锅炉】内螺纹管\φ38.1×7.5\15CrMoG\23S1162-1-31\1000MW超超临界机组</t>
  </si>
  <si>
    <t>【东方锅炉】内螺纹管\φ38.1×7.5\15CrMoG\23S1162-1-32\1000MW超超临界机组</t>
  </si>
  <si>
    <t>【东方锅炉】内螺纹管\φ38.1×7.5\15CrMoG\23S1162-1-34\1000MW超超临界机组</t>
  </si>
  <si>
    <t>【东方锅炉】内螺纹管\φ38.1×7.5\15CrMoG\23S1162-1-35\1000MW超超临界机组</t>
  </si>
  <si>
    <t>【东方锅炉】内螺纹管\φ38.1×7.5\15CrMoG\23S1162-1-36\1000MW超超临界机组</t>
  </si>
  <si>
    <t>【东方锅炉】内螺纹管\φ38.1×7.5\15CrMoG\23S1162-1-37\1000MW超超临界机组</t>
  </si>
  <si>
    <t>【东方锅炉】内螺纹管\φ38.1×7.5\15CrMoG\23S1162-1-38\1000MW超超临界机组</t>
  </si>
  <si>
    <t>【东方锅炉】内螺纹管\φ38.1×7.5\15CrMoG\23S1162-1-39\1000MW超超临界机组</t>
  </si>
  <si>
    <t>【东方锅炉】内螺纹管\φ38.1×7.5\15CrMoG\23S1162-1-40\1000MW超超临界机组</t>
  </si>
  <si>
    <t>【东方锅炉】钢板\δ20 1096×370\12Cr1MoV\23S1162-0\1000MW超超临界机组</t>
  </si>
  <si>
    <t>【东方锅炉】钢板\δ20 1080×370\12Cr1MoV\23S1162-0\1000MW超超临界机组</t>
  </si>
  <si>
    <t>【东方锅炉】耳板\δ6\15CrMo\23S1162-1-41\1000MW超超临界机组</t>
  </si>
  <si>
    <t>【东方锅炉】钢板\δ12\12Cr1MoV\2S1142-1-60\1000MW超超临界机组</t>
  </si>
  <si>
    <t>【东方锅炉】钢板\δ6 225×38\12Cr1MoV\23S1162-0\1000MW超超临界机组</t>
  </si>
  <si>
    <t>【东方锅炉】钢板\δ6 225×21.1\12Cr1MoV\23S1162-0\1000MW超超临界机组</t>
  </si>
  <si>
    <t>【东方锅炉】钢板\δ20\12Cr1MoV\23S1162-1-42\1000MW超超临界机组</t>
  </si>
  <si>
    <t>【东方锅炉】钢板\δ20\12Cr1MoV\23S1162-1-43\1000MW超超临界机组</t>
  </si>
  <si>
    <t>【东方锅炉】钢板\δ6\20#\2S1142-1-64\1000MW超超临界机组</t>
  </si>
  <si>
    <t>【东方锅炉】钢板\δ6\20#\2S1142-1-65\1000MW超超临界机组</t>
  </si>
  <si>
    <t>【东方锅炉】折板\δ6\20#\2S1142-1-68\1000MW超超临界机组</t>
  </si>
  <si>
    <t>【东方锅炉】折板\δ6\20#\2S1142-1-69\1000MW超超临界机组</t>
  </si>
  <si>
    <t>【东方锅炉】内螺纹管\φ38.1×7.5\15CrMoG\23S1162-2-2\1000MW超超临界机组</t>
  </si>
  <si>
    <t>【东方锅炉】内螺纹管\φ38.1×7.5\15CrMoG\23S1162-2-3\1000MW超超临界机组</t>
  </si>
  <si>
    <t>【东方锅炉】内螺纹管\φ38.1×7.5\15CrMoG\23S1162-2-4\1000MW超超临界机组</t>
  </si>
  <si>
    <t>【东方锅炉】内螺纹管\φ38.1×7.5\15CrMoG\23S1162-2-5\1000MW超超临界机组</t>
  </si>
  <si>
    <t>【东方锅炉】管子\φ31.8×6.5\12Cr1MoVG\23S1162-2-7\1000MW超超临界机组</t>
  </si>
  <si>
    <t>【东方锅炉】管子\φ31.8×6.5\12Cr1MoVG\23S1162-2-8\1000MW超超临界机组</t>
  </si>
  <si>
    <t>【东方锅炉】管子\φ31.8×6.5\12Cr1MoVG\23S1162-2-10\1000MW超超临界机组</t>
  </si>
  <si>
    <t>【东方锅炉】管子\φ31.8×6.5\12Cr1MoVG\23S1162-2-11\1000MW超超临界机组</t>
  </si>
  <si>
    <t>【东方锅炉】管子\φ31.8×6.5\12Cr1MoVG\23S1162-2-12\1000MW超超临界机组</t>
  </si>
  <si>
    <t>【东方锅炉】内螺纹管\φ38.1×7.5\15CrMoG\23S1162-2-13\1000MW超超临界机组</t>
  </si>
  <si>
    <t>【东方锅炉】内螺纹管\φ38.1×7.5\15CrMoG\23S1162-2-14\1000MW超超临界机组</t>
  </si>
  <si>
    <t>【东方锅炉】钢板\δ20\12Cr1MoV\23S1162-2-17\1000MW超超临界机组</t>
  </si>
  <si>
    <t>【东方锅炉】钢板\δ20\12Cr1MoV\23S1162-2-18\1000MW超超临界机组</t>
  </si>
  <si>
    <t>【东方锅炉】钢板\δ20\12Cr1MoV\23S1162-2-19\1000MW超超临界机组</t>
  </si>
  <si>
    <t>【东方锅炉】钢板\δ20 1090×370\12Cr1MoV\23S1162-0\1000MW超超临界机组</t>
  </si>
  <si>
    <t>【东方锅炉】钢板\δ20 1100×370\12Cr1MoV\23S1162-0\1000MW超超临界机组</t>
  </si>
  <si>
    <t>【东方锅炉】钢板\δ6 175×41.8\12Cr1MoV\23S1162-0\1000MW超超临界机组</t>
  </si>
  <si>
    <t>【东方锅炉】钢板\δ6 365×38.6\12Cr1MoV\23S1162-0\1000MW超超临界机组</t>
  </si>
  <si>
    <t>【东方锅炉】钢板\δ6 365×21.1\12Cr1MoV\23S1162-0\1000MW超超临界机组</t>
  </si>
  <si>
    <t>【东方锅炉】钢板\δ6 365×41.8\12Cr1MoV\23S1162-0\1000MW超超临界机组</t>
  </si>
  <si>
    <t>【东方锅炉】钢板\δ6 175×38.6\12Cr1MoV\23S1162-0\1000MW超超临界机组</t>
  </si>
  <si>
    <t>【东方锅炉】钢板\δ6 175×21.1\12Cr1MoV\23S1162-0\1000MW超超临界机组</t>
  </si>
  <si>
    <t>【东方锅炉】管子\φ31.8×6.5\12Cr1MoVG\23S1162-3-3\1000MW超超临界机组</t>
  </si>
  <si>
    <t>【东方锅炉】管子\φ31.8×6.5\12Cr1MoVG\23S1162-3-4\1000MW超超临界机组</t>
  </si>
  <si>
    <t>【东方锅炉】内螺纹管\φ38.1×7.5\15CrMoG\23S1162-3-5\1000MW超超临界机组</t>
  </si>
  <si>
    <t>【东方锅炉】管子\φ31.8×6.5\12Cr1MoVG\23S1162-4-5\1000MW超超临界机组</t>
  </si>
  <si>
    <t>【东方锅炉】热端径向密封\1.5mm\Q355GNH\136YR41/№2</t>
  </si>
  <si>
    <t>【东方锅炉】热端径向密封\1.5mm\Q355GNH\169YR41-1-0</t>
  </si>
  <si>
    <t>【东方锅炉】管子\φ31.8×7.5\12Cr1MoVG\23S1164-1-2\1000MW超超临界机组</t>
  </si>
  <si>
    <t>【东方锅炉】管子\φ31.8×7.5\12Cr1MoVG\23S1164-1-3\1000MW超超临界机组</t>
  </si>
  <si>
    <t>【东方锅炉】管子\φ31.8×7.5\12Cr1MoVG\23S1164-1-4\1000MW超超临界机组</t>
  </si>
  <si>
    <t>【东方锅炉】管子\φ31.8×7.5\12Cr1MoVG\23S1164-1-5\1000MW超超临界机组</t>
  </si>
  <si>
    <t>【东方锅炉】管子\φ31.8×7.5\12Cr1MoVG\23S1164-1-6\1000MW超超临界机组</t>
  </si>
  <si>
    <t>【东方锅炉】内螺纹管\φ38.1×7.5\15CrMoG\23S1164-1-7\1000MW超超临界机组</t>
  </si>
  <si>
    <t>【东方锅炉】内螺纹管\φ38.1×7.5\15CrMoG\23S1164-1-8\1000MW超超临界机组</t>
  </si>
  <si>
    <t>【东方锅炉】内螺纹管\φ38.1×7.5\15CrMoG\23S1164-1-9\1000MW超超临界机组</t>
  </si>
  <si>
    <t>【东方锅炉】内螺纹管\φ38.1×7.5\15CrMoG\23S1164-1-10\1000MW超超临界机组</t>
  </si>
  <si>
    <t>【东方锅炉】内螺纹管\φ38.1×7.5\15CrMoG\23S1164-1-11\1000MW超超临界机组</t>
  </si>
  <si>
    <t>【东方锅炉】内螺纹管\φ38.1×7.5\15CrMoG\23S1164-1-12\1000MW超超临界机组</t>
  </si>
  <si>
    <t>【东方锅炉】内螺纹管\φ38.1×7.5\15CrMoG\23S1164-1-13\1000MW超超临界机组</t>
  </si>
  <si>
    <t>【东方锅炉】内螺纹管\φ38.1×7.5\15CrMoG\23S1164-1-14\1000MW超超临界机组</t>
  </si>
  <si>
    <t>【东方锅炉】内螺纹管\φ38.1×7.5\15CrMoG\23S1164-1-15\1000MW超超临界机组</t>
  </si>
  <si>
    <t>【东方锅炉】内螺纹管\φ38.1×7.5\15CrMoG\23S1164-1-16\1000MW超超临界机组</t>
  </si>
  <si>
    <t>【东方锅炉】内螺纹管\φ38.1×7.5\15CrMoG\23S1164-1-17\1000MW超超临界机组</t>
  </si>
  <si>
    <t>【东方锅炉】热端径向密封\1.5mm\Q355GNH\34YR41-0/№1</t>
  </si>
  <si>
    <t>【东方锅炉】热端径向密封\1.5mm\Q355GNH\162YR41-0/№1</t>
  </si>
  <si>
    <t>【东方锅炉】热端径向密封\1.5mm\Q355GNH\158YR/№16</t>
  </si>
  <si>
    <t>【东方锅炉】热端径向密封\1mm\Q355GNH\110YR41/№1</t>
  </si>
  <si>
    <t>【东方锅炉】热端径向密封\1.5mm\Q355GNH\110YR41/№2</t>
  </si>
  <si>
    <t>【东方锅炉】热端径向密封\1.5mm\Q355GNH\34YR41-0/№4</t>
  </si>
  <si>
    <t>【东方锅炉】热端径向密封\1.5mm\Q355GNH\142YR41-1-0</t>
  </si>
  <si>
    <t>【东方锅炉】热端径向密封\1mm\Q355GNH\120YR41/№1</t>
  </si>
  <si>
    <t>【东方锅炉】内螺纹管\φ38.1×7.5\15CrMoG\23S1164-1-19\1000MW超超临界机组</t>
  </si>
  <si>
    <t>【东方锅炉】内螺纹管\φ38.1×7.5\15CrMoG\23S1164-1-20\1000MW超超临界机组</t>
  </si>
  <si>
    <t>【东方锅炉】内螺纹管\φ38.1×7.5\15CrMoG\23S1164-1-21\1000MW超超临界机组</t>
  </si>
  <si>
    <t>【东方锅炉】内螺纹管\φ38.1×7.5\15CrMoG\23S1164-1-22\1000MW超超临界机组</t>
  </si>
  <si>
    <t>【东方锅炉】内螺纹管\φ38.1×7.5\15CrMoG\23S1164-1-23\1000MW超超临界机组</t>
  </si>
  <si>
    <t>【东方锅炉】内螺纹管\φ38.1×7.5\15CrMoG\23S1164-1-24\1000MW超超临界机组</t>
  </si>
  <si>
    <t>【东方锅炉】内螺纹管\φ38.1×7.5\15CrMoG\23S1164-1-25\1000MW超超临界机组</t>
  </si>
  <si>
    <t>【东方锅炉】内螺纹管\φ38.1×7.5\15CrMoG\23S1164-1-26\1000MW超超临界机组</t>
  </si>
  <si>
    <t>【东方锅炉】内螺纹管\φ38.1×7.5\15CrMoG\23S1164-1-27\1000MW超超临界机组</t>
  </si>
  <si>
    <t>【东方锅炉】内螺纹管\φ38.1×7.5\15CrMoG\23S1164-1-28\1000MW超超临界机组</t>
  </si>
  <si>
    <t>【东方锅炉】内螺纹管\φ38.1×7.5\15CrMoG\23S1164-1-29\1000MW超超临界机组</t>
  </si>
  <si>
    <t>【东方锅炉】内螺纹管\φ38.1×7.5\15CrMoG\23S1164-1-30\1000MW超超临界机组</t>
  </si>
  <si>
    <t>【东方锅炉】耳板\δ6\15CrMo\23S1164-1-33\1000MW超超临界机组</t>
  </si>
  <si>
    <t>【东方锅炉】耳板\δ10\12Cr1MoV\2S1143-1-49\1000MW超超临界机组</t>
  </si>
  <si>
    <t>【东方锅炉】钢板\δ12\12Cr1MoV\2S1143-1-50\1000MW超超临界机组</t>
  </si>
  <si>
    <t>【东方锅炉】管子\φ54×8.5\15CrMoG\99N2147-41\660MW超临界机组</t>
  </si>
  <si>
    <t>【东方锅炉】管子\φ54×8.5\15CrMoG\99N2147-42\660MW超临界机组</t>
  </si>
  <si>
    <t>【东方锅炉】管子\φ54×8.5\15CrMoG\99N2147-43\660MW超临界机组</t>
  </si>
  <si>
    <t>【东方锅炉】管子\φ54×8.5\15CrMoG\99N2147-44\660MW超临界机组</t>
  </si>
  <si>
    <t>【东方锅炉】管子\φ54×8.5\15CrMoG\99N2147-45\660MW超临界机组</t>
  </si>
  <si>
    <t>【东方锅炉】管子\φ54×8.5\15CrMoG\99N2147-46\660MW超临界机组</t>
  </si>
  <si>
    <t>【东方锅炉】管子\φ54×13.5\15CrMoG\99N2147-47-1\660MW超临界机组</t>
  </si>
  <si>
    <t>【东方锅炉】耳板\180×50×42.6\ZG15CrMo\99N2147-47-2\660MW超临界机组</t>
  </si>
  <si>
    <t>【东方锅炉】管子\φ54×13.5\15CrMoG\99N2147-48-1\660MW超临界机组</t>
  </si>
  <si>
    <t>【东方锅炉】管子\φ57×13.5/φ63.5×13\15CrMoG\99N2147-49-0\660MW超临界机组</t>
  </si>
  <si>
    <t>【东方锅炉】U型板\δ10\SA-240GR309S\99N2147-49-1\660MW超临界机组</t>
  </si>
  <si>
    <t>【东方锅炉】管子\φ57×10\12Cr1MoVG\99N2147-50\660MW超临界机组</t>
  </si>
  <si>
    <t>【东方锅炉】管子\φ57×10\12Cr1MoVG\99N2147-51\660MW超临界机组</t>
  </si>
  <si>
    <t>【东方锅炉】管子\φ57×10\12Cr1MoVG\99N2147-52\660MW超临界机组</t>
  </si>
  <si>
    <t>【东方锅炉】管子\φ57×10\12Cr1MoVG\99N2147-53\660MW超临界机组</t>
  </si>
  <si>
    <t>【东方锅炉】管子\φ57×10\12Cr1MoVG\99N2147-54\660MW超临界机组</t>
  </si>
  <si>
    <t>【东方锅炉】管子\φ57×10\12Cr1MoVG\99N2147-55\660MW超临界机组</t>
  </si>
  <si>
    <t>【东方锅炉】管子\φ57×10\12Cr1MoVG\99N2147-56\660MW超临界机组</t>
  </si>
  <si>
    <t>【东方锅炉】管子\φ57×10\12Cr1MoVG\99N2147-57\660MW超临界机组</t>
  </si>
  <si>
    <t>【东方锅炉】管子\φ57×10\12Cr1MoVG\99N2147-58\660MW超临界机组</t>
  </si>
  <si>
    <t>【东方锅炉】管子\φ57×10\12Cr1MoVG\99N2147-59\660MW超临界机组</t>
  </si>
  <si>
    <t>【东方锅炉】管子\φ57×10\12Cr1MoVG\99N2147-60\660MW超临界机组</t>
  </si>
  <si>
    <t>【东方锅炉】管子\φ57×10\12Cr1MoVG\99N2147-61\660MW超临界机组</t>
  </si>
  <si>
    <t>【东方锅炉】管子\φ57×10\12Cr1MoVG\99N2147-62\660MW超临界机组</t>
  </si>
  <si>
    <t>【东方锅炉】管子\φ57×10\12Cr1MoVG\99N2147-63\660MW超临界机组</t>
  </si>
  <si>
    <t>【东方锅炉】管子\φ57×10\12Cr1MoVG\99N2147-64\660MW超临界机组</t>
  </si>
  <si>
    <t>【东方锅炉】管子\φ57×10\12Cr1MoVG\99N2147-65\660MW超临界机组</t>
  </si>
  <si>
    <t>【东方锅炉】管子\φ57×10\12Cr1MoVG\99N2147-66\660MW超临界机组</t>
  </si>
  <si>
    <t>【东方锅炉】管子\φ57×10\12Cr1MoVG\99N2147-67\660MW超临界机组</t>
  </si>
  <si>
    <t>【东方锅炉】管子\φ57×10\12Cr1MoVG\99N2147-68\660MW超临界机组</t>
  </si>
  <si>
    <t>【东方锅炉】管子\φ63.5×13\15CrMoG\99N2147-71-1\660MW超临界机组</t>
  </si>
  <si>
    <t>【东方锅炉】钢板\δ30\12Cr1MoV\99N2147-71-2\660MW超临界机组</t>
  </si>
  <si>
    <t>【东方锅炉】热端径向密封\1.5mm\Q355GNH\120YR41/№2</t>
  </si>
  <si>
    <t>【东方锅炉】钢板\δ10\12Cr1MoV\99N2147-71-4\660MW超临界机组</t>
  </si>
  <si>
    <t>【东方锅炉】U型板\δ10\12Cr1MoV\99N2147-71-5\660MW超临界机组</t>
  </si>
  <si>
    <t>【东方锅炉】管子\φ63.5×13\15CrMoG\99N2147-72-1\660MW超临界机组</t>
  </si>
  <si>
    <t>【东方锅炉】管子\φ63.5×13\15CrMoG\99N2147-73-1\660MW超临界机组</t>
  </si>
  <si>
    <t>【东方锅炉】管子\φ63.5×13\15CrMoG\99N2147-74-1\660MW超临界机组</t>
  </si>
  <si>
    <t>【东方锅炉】钢板\δ50\12Cr1MoV\99N2147-74-2\660MW超临界机组</t>
  </si>
  <si>
    <t>【东方锅炉】热端径向密封\1mm\Q355GNH\290YR41-0/№1</t>
  </si>
  <si>
    <t>【东方锅炉】钢板\δ50\12Cr1MoV\99N2147-74-4\660MW超临界机组</t>
  </si>
  <si>
    <t>【东方锅炉】钢板\δ12\12Cr1MoV\99N2147-74-5\660MW超临界机组</t>
  </si>
  <si>
    <t>【东方锅炉】管子\φ63.5×13\15CrMoG\99N2147-75-1\660MW超临界机组</t>
  </si>
  <si>
    <t>【东方锅炉】钢板\δ40\12Cr1MoV\99N2147-77-1\660MW超临界机组</t>
  </si>
  <si>
    <t>【东方锅炉】热端径向密封\1.5mm\Q355GNH\290YR41-0/№2</t>
  </si>
  <si>
    <t>【东方锅炉】钢板\δ40\12Cr1MoV\99N2147-77-3\660MW超临界机组</t>
  </si>
  <si>
    <t>【东方锅炉】钢板\δ10\12Cr1MoV\99N2147-77-4\660MW超临界机组</t>
  </si>
  <si>
    <t>【东方锅炉】管子\φ57×10\12Cr1MoVG\99N2147-79\660MW超临界机组</t>
  </si>
  <si>
    <t>【东方锅炉】管子\φ57×10\12Cr1MoVG\99N2147-80\660MW超临界机组</t>
  </si>
  <si>
    <t>【东方锅炉】管子\φ57×10\12Cr1MoVG\99N2147-81\660MW超临界机组</t>
  </si>
  <si>
    <t>【东方锅炉】管子\φ63.5×13\15CrMoG\99N2147-82-1\660MW超临界机组</t>
  </si>
  <si>
    <t>【东方锅炉】管子\φ63.5×13\15CrMoG\99N2147-83-1\660MW超临界机组</t>
  </si>
  <si>
    <t>【东方锅炉】管子\φ63.5×13\15CrMoG\99N2147-84-1\660MW超临界机组</t>
  </si>
  <si>
    <t>【东方锅炉】管子\φ63.5×13\15CrMoG\99N2147-85-1\660MW超临界机组</t>
  </si>
  <si>
    <t>【东方锅炉】管子\φ63.5×13\15CrMoG\99N2147-86-1\660MW超临界机组</t>
  </si>
  <si>
    <t>【东方锅炉】测点块\δ4\15CrMo\99N2147-90-1\660MW超临界机组</t>
  </si>
  <si>
    <t>【东方锅炉】管子\φ45×10.5\SA-213T91\99N215-1-1\660MW超临界机组</t>
  </si>
  <si>
    <t>【东方锅炉】热端径向密封\1mm\Q355GNH\178YR41-1-0/№1</t>
  </si>
  <si>
    <t>【东方锅炉】管子\φ45×10.5\SA-213T91\99N215-1-2\660MW超临界机组</t>
  </si>
  <si>
    <t>【东方锅炉】热端径向密封\1.5mm\Q355GNH\178YR41-1-0/№2</t>
  </si>
  <si>
    <t>【东方锅炉】管子\φ45×10.5\SA-213T91\99N215-1-3\660MW超临界机组</t>
  </si>
  <si>
    <t>【东方锅炉】热端径向密封\1mm\Q355GNH\193YR41-0/№1</t>
  </si>
  <si>
    <t>【东方锅炉】热端径向密封\1.5mm\Q355GNH\193YR41-0/№2</t>
  </si>
  <si>
    <t>【东方锅炉】热端径向密封\1mm\Q355GNH\122YR41/№1</t>
  </si>
  <si>
    <t>【东方锅炉】热端径向密封\1.5mm\Q355GNH\122YR41/№2</t>
  </si>
  <si>
    <t>【东方锅炉】热端径向密封\1.5mm\Q355GNH\34YR41-0/№6</t>
  </si>
  <si>
    <t>【东方锅炉】热电偶插座\φ75×16.5\12Cr1MoVⅢ\22S2613-5-1\1000MW超超临界机组</t>
  </si>
  <si>
    <t>【东方锅炉】热电偶插座\φ75×16.5\12Cr1MoVⅢ\22S2615-3-1\1000MW超超临界机组</t>
  </si>
  <si>
    <t>【东方锅炉】热电偶插座\φ75×16.5\12Cr1MoVⅢ\22S2615-5-1\1000MW超超临界机组</t>
  </si>
  <si>
    <t>【东方锅炉】热电偶插座\φ75×16.5\SA-182F91\22S2617-3-2\1000MW超超临界机组</t>
  </si>
  <si>
    <t>【东方锅炉】热电偶插座\φ75×16.5\SA-182F91\22S2621-5-1\1000MW超超临界机组</t>
  </si>
  <si>
    <t>【东方锅炉】热电偶插座\φ88.9×23.5\SA-182F92\22S2631-3-2\1000MW超超临界机组</t>
  </si>
  <si>
    <t>【东方锅炉】热电偶插座\φ75×16.5 B=30\15CrMoⅢ\TGP00281\660MW超临界机组</t>
  </si>
  <si>
    <t>【东方锅炉】喷嘴\φ340×10 L=610\SA240GR310S\1517257P-4\1000MW超超临界机组</t>
  </si>
  <si>
    <t>【东方锅炉】燃烧器稳焰环左旋\φ710\装配件\2S6101-13-0\1000MW超超临界机组</t>
  </si>
  <si>
    <t>【东方锅炉】燃烧器稳焰环右旋\φ710\装配件\2S6101-13-0\1000MW超超临界机组</t>
  </si>
  <si>
    <t>【东方锅炉】燃烧器稳焰齿\φ710\装配件\2S6101-13-2\1000MW超超临界机组</t>
  </si>
  <si>
    <t>【东方锅炉】左旋燃烧器喷嘴\HT-NR3\装配件\1517257P-1-0\1000MW超超临界机组</t>
  </si>
  <si>
    <t>【东方锅炉】右旋燃烧器喷嘴\HT-NR3\装配件\1517257P-1-0\1000MW超超临界机组</t>
  </si>
  <si>
    <t>【东方锅炉】燃烧器开孔组件\L1/L2=2340/220\装配件\TGN11541MX\600MW超临界机组</t>
  </si>
  <si>
    <t>【东方锅炉】燃烧器开孔\φ1070\装配件\22S1131-2-1\1050MW超超临界机组</t>
  </si>
  <si>
    <t>【东方锅炉】燃烧器开孔\L1/L2=3050/140\装配件\99N1131-2-3\660MW超临界机组</t>
  </si>
  <si>
    <t>【东方锅炉】燃烧器开孔\L1/L2=2100/140\装配件\99N1131-3-6\660MW超临界机组</t>
  </si>
  <si>
    <t>【东方锅炉】燃烧器开孔\φ38.1×7.5\SA-213T2\TGA00613\660MW超临界机组</t>
  </si>
  <si>
    <t>【东方锅炉】喷口\φ540×3.5\装配件\129M61-1-0\330MW亚临界机组</t>
  </si>
  <si>
    <t>【东方锅炉】喷口\φ540×3.5\装配件\127M61-1-0\300MW亚临界机组</t>
  </si>
  <si>
    <t>【东方锅炉】燃尽风开孔\φ560\装配件\23S1131-9-1\1000MW超超临界机组</t>
  </si>
  <si>
    <t>【东方锅炉】钢板\δ3 100×2540\Q235A\99N215-0\660MW超临界机组</t>
  </si>
  <si>
    <t>【东方锅炉】梳型板\δ8\12Cr1MoV\99N215-1-30\660MW超临界机组</t>
  </si>
  <si>
    <t>【东方锅炉】圆弧板\δ3\16Cr20Ni14Si2\99N215-1-31\660MW超临界机组</t>
  </si>
  <si>
    <t>【东方锅炉】圆弧板\δ3\16Cr20Ni14Si2\99N215-1-32\660MW超临界机组</t>
  </si>
  <si>
    <t>【东方锅炉】管子\φ45×10.5\SA-213T91\99N215-2-1\660MW超临界机组</t>
  </si>
  <si>
    <t>【东方锅炉】燃尽风开孔\L1/L2=1850/125\装配件\99N1131-8-1\660MW超临界机组</t>
  </si>
  <si>
    <t>【东方锅炉】管子\φ45×10.5\SA-213T91\99N215-2-2\660MW超临界机组</t>
  </si>
  <si>
    <t>【东方锅炉】燃尽风开孔\L1/L2=1400/100\装配件\99N1131-23-1\660MW超临界机组</t>
  </si>
  <si>
    <t>【东方锅炉】管子\φ45×10.5\SA-213T91\99N215-2-3\660MW超临界机组</t>
  </si>
  <si>
    <t>【东方锅炉】燃尽风开孔\φ38.1×7.5\SA-213T2\TGN11534\660MW超临界机组</t>
  </si>
  <si>
    <t>【东方锅炉】燃尽风开孔\φ38.1×7.5\SA-213T2\TGN11530\660MW超临界机组</t>
  </si>
  <si>
    <t>【东方锅炉】平垫圈\δ3\SA-240GR304H\13N2542-18\600MW超临界机组</t>
  </si>
  <si>
    <t>【东方锅炉】膨胀节\δ2\1Cr18Ni9Ti\28M531-2-18/№2\300MW亚临界机组</t>
  </si>
  <si>
    <t>【东方锅炉】喷口\φ450×3.5\ZG5Cr24Mn8Ni4Si2NRe\102M61-1-0\330MW亚临界机组</t>
  </si>
  <si>
    <t>【东方锅炉】喷口\φ408×3.5\装配件\102M61-2-0\330MW亚临界机组</t>
  </si>
  <si>
    <t>【东方锅炉】喷口\φ450×3.5\ZG5Cr24Mn8Ni4Si2NRe\102M61-4-0\330MW亚临界机组</t>
  </si>
  <si>
    <t>【东方锅炉】喷口\φ516×3.5\装配件\102M61-5-0\330MW亚临界机组</t>
  </si>
  <si>
    <t>【东方锅炉】喷口\φ422×3.5\ZG5Cr24Mn8Ni4Si2NRe\85M61-1-0\300MW亚临界机组</t>
  </si>
  <si>
    <t>【东方锅炉】喷口\φ336×3.1\ZG5Cr24Mn8Ni4Si2NRe\85M61-2-0\300MW亚临界机组</t>
  </si>
  <si>
    <t>【东方锅炉】喷口\φ252×3.1\ZG5Cr24Mn8Ni4Si2NRe\85M61-4-0\300MW亚临界机组</t>
  </si>
  <si>
    <t>【东方锅炉】喷口\φ418×3.5\ZG5Cr24Mn8Ni4Si2NRe\85M61-5-0\300MW亚临界机组</t>
  </si>
  <si>
    <t>【东方锅炉】喷口\φ460×3.1\ZG5Cr24Mn8Ni4Si2NRe\129M61-2-0\330MW亚临界机组</t>
  </si>
  <si>
    <t>【东方锅炉】喷口\φ456×3.5\ZG5Cr24Mn8Ni4Si2NRe\129M61-4-0\330MW亚临界机组</t>
  </si>
  <si>
    <t>【东方锅炉】喷口\φ372×3.1\ZG5Cr24Mn8Ni4Si2NRe\127M61-2-0\300MW亚临界机组</t>
  </si>
  <si>
    <t>【东方锅炉】喷口\φ424×3.5\ZG5Cr24Mn8Ni4Si2NRe\127M61-4-0\300MW亚临界机组</t>
  </si>
  <si>
    <t>【东方锅炉】喷口\φ540×3.5\ZG5Cr24Mn8Ni4Si2NRe\51M61-1-0\300MW亚临界机组</t>
  </si>
  <si>
    <t>【东方锅炉】喷口\φ424×3.5\ZG5Cr24Mn8Ni4Si2NRe\51M61-3-0\300MW亚临界机组</t>
  </si>
  <si>
    <t>【东方锅炉】喷口\φ534×3.5\ZG5Cr24Mn8Ni4Si2NRe\51M61-5-0\300MW亚临界机组</t>
  </si>
  <si>
    <t>【东方锅炉】喷管\φ76×7.5;L=1042.6\12Cr1MoVG\47M23-1-5/№1\300MW亚临界机组</t>
  </si>
  <si>
    <t>【东方锅炉】喷管\φ76×7.5;L=1042.6\12Cr1MoVG\47M23-1-5/№2\300MW亚临界机组</t>
  </si>
  <si>
    <t>【东方锅炉】喷管\φ60×8;L=525\12Cr1MoVG\47M23-2-4/№1\300MW亚临界机组</t>
  </si>
  <si>
    <t>【东方锅炉】喷管\φ60×8;L=525\12Cr1MoVG\47M23-2-4/№2\300MW亚临界机组</t>
  </si>
  <si>
    <t>【东方锅炉】管子\φ57×4.5\SA-210C\99N2211-1-1\660MW超临界机组</t>
  </si>
  <si>
    <t>【东方锅炉】管子\φ57×4.5\SA-210C\99N2211-1-2\660MW超临界机组</t>
  </si>
  <si>
    <t>【东方锅炉】管子\φ57×4.5\SA-210C\99N2211-1-3\660MW超临界机组</t>
  </si>
  <si>
    <t>【东方锅炉】管子\φ57×4.5\SA-210C\99N2211-1-4\660MW超临界机组</t>
  </si>
  <si>
    <t>【东方锅炉】管子\φ57×4.5\SA-210C\99N2211-1-5\660MW超临界机组</t>
  </si>
  <si>
    <t>【东方锅炉】管子\φ57×4.5\SA-210C\99N2211-1-6\660MW超临界机组</t>
  </si>
  <si>
    <t>【东方锅炉】钢板\δ6\12Cr1MoV\99N2211-1-7\660MW超临界机组</t>
  </si>
  <si>
    <t>【东方锅炉】钢板\δ10 35×97\12Cr1MoV\99N2211-0\660MW超临界机组</t>
  </si>
  <si>
    <t>【东方锅炉】钢板\δ6\12Cr1MoV\99N2211-1-8\660MW超临界机组</t>
  </si>
  <si>
    <t>【东方锅炉】钢板\δ10\12Cr1MoV\99N2211-1-9\660MW超临界机组</t>
  </si>
  <si>
    <t>【东方锅炉】钢板\δ10\12Cr1MoV\99N2211-1-10\660MW超临界机组</t>
  </si>
  <si>
    <t>【东方锅炉】喷管\φ60×8;L=1062.8\装配件\47M23-5-4/№1\300MW亚临界机组</t>
  </si>
  <si>
    <t>【东方锅炉】管子\φ57×4.5\SA-210C\99N2211-2-1\660MW超临界机组</t>
  </si>
  <si>
    <t>【东方锅炉】管子\φ57×4.5\SA-210C\99N2211-2-2\660MW超临界机组</t>
  </si>
  <si>
    <t>【东方锅炉】管子\φ57×4.5\SA-210C\99N2211-2-3\660MW超临界机组</t>
  </si>
  <si>
    <t>【东方锅炉】管子\φ57×4.5\SA-210C\99N2211-2-4\660MW超临界机组</t>
  </si>
  <si>
    <t>【东方锅炉】管子\φ57×4.5\SA-210C\99N2211-2-5\660MW超临界机组</t>
  </si>
  <si>
    <t>【东方锅炉】管子\φ57×4.5\SA-210C\99N2211-2-6\660MW超临界机组</t>
  </si>
  <si>
    <t>【东方锅炉】钢板\δ6\12Cr1MoV\99N2211-2-7\660MW超临界机组</t>
  </si>
  <si>
    <t>【东方锅炉】钢板\δ10\12Cr1MoV\99N2211-2-8\660MW超临界机组</t>
  </si>
  <si>
    <t>【东方锅炉】钢板\δ10\12Cr1MoV\99N2211-3-1\660MW超临界机组</t>
  </si>
  <si>
    <t>【东方锅炉】钢板\δ10\12Cr1MoV\99N2211-4-1\660MW超临界机组</t>
  </si>
  <si>
    <t>【东方锅炉】钢板\δ10\12Cr1MoV\99N2211-4-2\660MW超临界机组</t>
  </si>
  <si>
    <t>【东方锅炉】管子\φ57×4.5\SA-210C\99N2211-6-1\660MW超临界机组</t>
  </si>
  <si>
    <t>【东方锅炉】管子\φ57×4.5\SA-210C\99N2211-6-2\660MW超临界机组</t>
  </si>
  <si>
    <t>【东方锅炉】管子\φ57×4.5\SA-210C\99N2211-6-3\660MW超临界机组</t>
  </si>
  <si>
    <t>【东方锅炉】钢板\δ10\12Cr1MoV\99N2211-6-4\660MW超临界机组</t>
  </si>
  <si>
    <t>【东方锅炉】钢板\δ10\12Cr1MoV\99N2211-6-5\660MW超临界机组</t>
  </si>
  <si>
    <t>【东方锅炉】管子\φ57×4.5\SA-210C\99N2211-8-1\660MW超临界机组</t>
  </si>
  <si>
    <t>【东方锅炉】管子\φ57×4.5\SA-210C\99N2211-8-2\660MW超临界机组</t>
  </si>
  <si>
    <t>【东方锅炉】管子\φ57×4.5\SA-210C\99N2211-8-3\660MW超临界机组</t>
  </si>
  <si>
    <t>【东方锅炉】钢板\δ10\12Cr1MoV\99N2211-9-1\660MW超临界机组</t>
  </si>
  <si>
    <t>【东方锅炉】管子\φ57×4.5\SA-210C\99N2211-10\660MW超临界机组</t>
  </si>
  <si>
    <t>【东方锅炉】钢板\δ16\12Cr1MoV\99N2211-11\660MW超临界机组</t>
  </si>
  <si>
    <t>【东方锅炉】钢板\δ6 50×210\12Cr1MoV\99N2211-0\660MW超临界机组</t>
  </si>
  <si>
    <t>【东方锅炉】钢板\δ24\12Cr1MoV\99N2211-12\660MW超临界机组</t>
  </si>
  <si>
    <t>【东方锅炉】钢板\δ6 50×1353\12Cr1MoV\99N2211-0\660MW超临界机组</t>
  </si>
  <si>
    <t>【东方锅炉】钢板\δ20\12Cr1MoV\99N2211-13\660MW超临界机组</t>
  </si>
  <si>
    <t>【东方锅炉】钢板\δ6 50×665\12Cr1MoV\99N2211-0\660MW超临界机组</t>
  </si>
  <si>
    <t>【东方锅炉】管子\φ57×4.5\SA-210C\99N2212-1-1\660MW超临界机组</t>
  </si>
  <si>
    <t>【东方锅炉】管子\φ57×4.5\15CrMoG\99N2212-1-1\660MW超临界机组</t>
  </si>
  <si>
    <t>【东方锅炉】管子\φ57×4.5\SA-210C\99N2212-1-2\660MW超临界机组</t>
  </si>
  <si>
    <t>【东方锅炉】管子\φ57×4.5\15CrMoG\99N2212-1-2\660MW超临界机组</t>
  </si>
  <si>
    <t>【东方锅炉】管子\φ57×4.5\SA-210C\99N2212-1-3\660MW超临界机组</t>
  </si>
  <si>
    <t>【东方锅炉】管子\φ57×4.5\15CrMoG\99N2212-1-3\660MW超临界机组</t>
  </si>
  <si>
    <t>【东方锅炉】管子\φ57×4.5\SA-210C\99N2212-1-4\660MW超临界机组</t>
  </si>
  <si>
    <t>【东方锅炉】管子\φ57×4.5\15CrMoG\99N2212-1-4\660MW超临界机组</t>
  </si>
  <si>
    <t>【东方锅炉】管子\φ57×4.5\SA-210C\99N2212-1-5\660MW超临界机组</t>
  </si>
  <si>
    <t>【东方锅炉】管子\φ57×4.5\15CrMoG\99N2212-1-5\660MW超临界机组</t>
  </si>
  <si>
    <t>【东方锅炉】管子\φ57×4.5\SA-210C\99N2212-1-6\660MW超临界机组</t>
  </si>
  <si>
    <t>【东方锅炉】管子\φ57×4.5\15CrMoG\99N2212-1-6\660MW超临界机组</t>
  </si>
  <si>
    <t>【东方锅炉】钢板\δ6\1Cr6Si2Mo\99N2212-1-7\660MW超临界机组</t>
  </si>
  <si>
    <t>【东方锅炉】钢板\δ6\1Cr6Si2Mo\99N2212-1-8\660MW超临界机组</t>
  </si>
  <si>
    <t>【东方锅炉】支撑块\№7\ZG12Cr1MoV\TG21035-2005\660MW超临界机组</t>
  </si>
  <si>
    <t>【东方锅炉】支撑块\№8\ZG12Cr1MoV\TG21035-2005\660MW超临界机组</t>
  </si>
  <si>
    <t>【东方锅炉】喷管\φ60×8;L=1062.8\装配件\47M23-5-4/№2\300MW亚临界机组</t>
  </si>
  <si>
    <t>【东方锅炉】管子\φ57×4.5\SA-210C\99N2212-2-1\660MW超临界机组</t>
  </si>
  <si>
    <t>【东方锅炉】管子\φ57×4.5\15CrMoG\99N2212-2-1\660MW超临界机组</t>
  </si>
  <si>
    <t>【东方锅炉】管子\φ57×4.5\SA-210C\99N2212-2-2\660MW超临界机组</t>
  </si>
  <si>
    <t>【东方锅炉】管子\φ57×4.5\15CrMoG\99N2212-2-2\660MW超临界机组</t>
  </si>
  <si>
    <t>【东方锅炉】管子\φ57×4.5\SA-210C\99N2212-2-3\660MW超临界机组</t>
  </si>
  <si>
    <t>【东方锅炉】管子\φ57×4.5\15CrMoG\99N2212-2-3\660MW超临界机组</t>
  </si>
  <si>
    <t>【东方锅炉】管子\φ57×4.5\SA-210C\99N2212-2-4\660MW超临界机组</t>
  </si>
  <si>
    <t>【东方锅炉】管子\φ57×4.5\15CrMoG\99N2212-2-4\660MW超临界机组</t>
  </si>
  <si>
    <t>【东方锅炉】管子\φ57×4.5\SA-210C\99N2212-2-5\660MW超临界机组</t>
  </si>
  <si>
    <t>【东方锅炉】管子\φ57×4.5\15CrMoG\99N2212-2-5\660MW超临界机组</t>
  </si>
  <si>
    <t>【东方锅炉】管子\φ57×4.5\SA-210C\99N2212-2-6\660MW超临界机组</t>
  </si>
  <si>
    <t>【东方锅炉】管子\φ57×4.5\15CrMoG\99N2212-2-6\660MW超临界机组</t>
  </si>
  <si>
    <t>【东方锅炉】喷管\φ48\12Cr1MoVG\51K23-2-2/№3\200MW亚临界机组</t>
  </si>
  <si>
    <t>【东方锅炉】钢板\δ10\1Cr6Si2Mo\99N2212-3-1\660MW超临界机组</t>
  </si>
  <si>
    <t>【东方锅炉】管子\φ57×4.5\SA-210C\99N2212-4-1\660MW超临界机组</t>
  </si>
  <si>
    <t>【东方锅炉】管子\φ57×4.5\15CrMoG\99N2212-4-1\660MW超临界机组</t>
  </si>
  <si>
    <t>【东方锅炉】管子\φ57×4.5\SA-210C\99N2212-4-2\660MW超临界机组</t>
  </si>
  <si>
    <t>【东方锅炉】管子\φ57×4.5\15CrMoG\99N2212-4-2\660MW超临界机组</t>
  </si>
  <si>
    <t>【东方锅炉】管子\φ57×4.5\SA-210C\99N2212-4-3\660MW超临界机组</t>
  </si>
  <si>
    <t>【东方锅炉】管子\φ57×4.5\15CrMoG\99N2212-4-3\660MW超临界机组</t>
  </si>
  <si>
    <t>【东方锅炉】钢板\δ6\12Cr1MoV\99N2212-4-4\660MW超临界机组</t>
  </si>
  <si>
    <t>【东方锅炉】钢板\δ6\1Cr6Si2Mo\99N2212-4-5\660MW超临界机组</t>
  </si>
  <si>
    <t>【东方锅炉】管子\φ57×4.5\15CrMoG\99N2212-7\660MW超临界机组</t>
  </si>
  <si>
    <t>【东方锅炉】U型板\δ6\1Cr6Si2Mo\99N2212-8-1\660MW超临界机组</t>
  </si>
  <si>
    <t>【东方锅炉】钢板\δ6 45×50\1Cr6Si2Mo\99N2212-0\660MW超临界机组</t>
  </si>
  <si>
    <t>【东方锅炉】U型板\δ6\1Cr6Si2Mo\99N2212-9-1\660MW超临界机组</t>
  </si>
  <si>
    <t>【东方锅炉】钢板\δ6 50×100\1Cr6Si2Mo\99N2212-0\660MW超临界机组</t>
  </si>
  <si>
    <t>【东方锅炉】U型板\δ10\1Cr6Si2Mo\99N2212-12\660MW超临界机组</t>
  </si>
  <si>
    <t>【东方锅炉】圆钢\φ14\12Cr1MoV\99N2212-13\660MW超临界机组</t>
  </si>
  <si>
    <t>【东方锅炉】管子\φ50.8×4\12Cr1MoVG\99N2213-1-1\660MW超临界机组</t>
  </si>
  <si>
    <t>【东方锅炉】管子\φ50.8×4\15CrMoG\99N2213-1-1\660MW超临界机组</t>
  </si>
  <si>
    <t>【东方锅炉】管子\φ50.8×4\12Cr1MoVG\99N2213-1-2\660MW超临界机组</t>
  </si>
  <si>
    <t>【东方锅炉】管子\φ50.8×4\15CrMoG\99N2213-1-2\660MW超临界机组</t>
  </si>
  <si>
    <t>【东方锅炉】管子\φ50.8×4\12Cr1MoVG\99N2213-1-3\660MW超临界机组</t>
  </si>
  <si>
    <t>【东方锅炉】管子\φ50.8×4\15CrMoG\99N2213-1-3\660MW超临界机组</t>
  </si>
  <si>
    <t>【东方锅炉】管子\φ50.8×4\12Cr1MoVG\99N2213-1-4\660MW超临界机组</t>
  </si>
  <si>
    <t>【东方锅炉】管子\φ50.8×4\15CrMoG\99N2213-1-4\660MW超临界机组</t>
  </si>
  <si>
    <t>【东方锅炉】管子\φ50.8×4\12Cr1MoVG\99N2213-1-5\660MW超临界机组</t>
  </si>
  <si>
    <t>【东方锅炉】管子\φ50.8×4\15CrMoG\99N2213-1-5\660MW超临界机组</t>
  </si>
  <si>
    <t>【东方锅炉】管子\φ50.8×4\12Cr1MoVG\99N2213-1-6\660MW超临界机组</t>
  </si>
  <si>
    <t>【东方锅炉】管子\φ50.8×4\15CrMoG\99N2213-1-6\660MW超临界机组</t>
  </si>
  <si>
    <t>【东方锅炉】弧型板\δ3\1Cr6Si2Mo\99N2213-1-7\660MW超临界机组</t>
  </si>
  <si>
    <t>【东方锅炉】支撑块\№3\ZG12Cr18Ni9\TG21031-2005\660MW超临界机组</t>
  </si>
  <si>
    <t>【东方锅炉】支撑块\№4\ZG12Cr18Ni9\TG21031-2005\660MW超临界机组</t>
  </si>
  <si>
    <t>【东方锅炉】弧型板\δ10\1Cr6Si2Mo\99N2213-1-8\660MW超临界机组</t>
  </si>
  <si>
    <t>【东方锅炉】弧型板\δ10\1Cr6Si2Mo\99N2213-1-9\660MW超临界机组</t>
  </si>
  <si>
    <t>【东方锅炉】管夹\δ6\1Cr6Si2Mo\99N2213-1-10\660MW超临界机组</t>
  </si>
  <si>
    <t>【东方锅炉】管夹\δ6\1Cr6Si2Mo\99N2213-1-11\660MW超临界机组</t>
  </si>
  <si>
    <t>【东方锅炉】弧型板\δ6\1Cr6Si2Mo\99N2213-1-12\660MW超临界机组</t>
  </si>
  <si>
    <t>【东方锅炉】管子\φ50.8×4\12Cr1MoVG\99N2213-2-1\660MW超临界机组</t>
  </si>
  <si>
    <t>【东方锅炉】管子\φ50.8×4\15CrMoG\99N2213-2-1\660MW超临界机组</t>
  </si>
  <si>
    <t>【东方锅炉】管子\φ50.8×4\12Cr1MoVG\99N2213-2-2\660MW超临界机组</t>
  </si>
  <si>
    <t>【东方锅炉】管子\φ50.8×4\15CrMoG\99N2213-2-2\660MW超临界机组</t>
  </si>
  <si>
    <t>【东方锅炉】管子\φ50.8×4\12Cr1MoVG\99N2213-2-3\660MW超临界机组</t>
  </si>
  <si>
    <t>【东方锅炉】管子\φ50.8×4\15CrMoG\99N2213-2-3\660MW超临界机组</t>
  </si>
  <si>
    <t>【东方锅炉】管子\φ50.8×4\12Cr1MoVG\99N2213-2-4\660MW超临界机组</t>
  </si>
  <si>
    <t>【东方锅炉】管子\φ50.8×4\15CrMoG\99N2213-2-4\660MW超临界机组</t>
  </si>
  <si>
    <t>【东方锅炉】管子\φ50.8×4\12Cr1MoVG\99N2213-2-5\660MW超临界机组</t>
  </si>
  <si>
    <t>【东方锅炉】管子\φ50.8×4\15CrMoG\99N2213-2-5\660MW超临界机组</t>
  </si>
  <si>
    <t>【东方锅炉】管子\φ50.8×4\12Cr1MoVG\99N2213-2-6\660MW超临界机组</t>
  </si>
  <si>
    <t>【东方锅炉】管子\φ50.8×4\15CrMoG\99N2213-2-6\660MW超临界机组</t>
  </si>
  <si>
    <t>【东方锅炉】钢板\δ10\1Cr6Si2Mo\99N2213-3-1\660MW超临界机组</t>
  </si>
  <si>
    <t>【东方锅炉】管子\φ50.8×4\12Cr1MoVG\99N2213-5-1\660MW超临界机组</t>
  </si>
  <si>
    <t>【东方锅炉】管子\φ50.8×4\15CrMoG\99N2213-5-1\660MW超临界机组</t>
  </si>
  <si>
    <t>【东方锅炉】管子\φ50.8×4\12Cr1MoVG\99N2213-5-2\660MW超临界机组</t>
  </si>
  <si>
    <t>【东方锅炉】管子\φ50.8×4\15CrMoG\99N2213-5-2\660MW超临界机组</t>
  </si>
  <si>
    <t>【东方锅炉】管子\φ50.8×4\12Cr1MoVG\99N2213-5-3\660MW超临界机组</t>
  </si>
  <si>
    <t>【东方锅炉】管子\φ50.8×4\15CrMoG\99N2213-5-3\660MW超临界机组</t>
  </si>
  <si>
    <t>【东方锅炉】管夹\δ6\1Cr6Si2Mo\99N2213-5-4\660MW超临界机组</t>
  </si>
  <si>
    <t>【东方锅炉】管子\φ50.8×4\12Cr1MoVG\99N2213-6-1\660MW超临界机组</t>
  </si>
  <si>
    <t>【东方锅炉】管子\φ50.8×4\15CrMoG\99N2213-6-1\660MW超临界机组</t>
  </si>
  <si>
    <t>【东方锅炉】管子\φ50.8×4\12Cr1MoVG\99N2213-6-2\660MW超临界机组</t>
  </si>
  <si>
    <t>【东方锅炉】管子\φ50.8×4\15CrMoG\99N2213-6-2\660MW超临界机组</t>
  </si>
  <si>
    <t>【东方锅炉】管子\φ50.8×4\12Cr1MoVG\99N2213-6-3\660MW超临界机组</t>
  </si>
  <si>
    <t>【东方锅炉】管子\φ50.8×4\15CrMoG\99N2213-6-3\660MW超临界机组</t>
  </si>
  <si>
    <t>【东方锅炉】U型板\δ6\12Cr18Ni9\99N2213-11-1\660MW超临界机组</t>
  </si>
  <si>
    <t>【东方锅炉】钢板\δ6 50×139.5\12Cr18Ni9\99N2213-0\660MW超临界机组</t>
  </si>
  <si>
    <t>【东方锅炉】钢板\δ6 51.5×50\12Cr18Ni9\99N2213-0\660MW超临界机组</t>
  </si>
  <si>
    <t>【东方锅炉】U型板\δ10\12Cr18Ni9\99N2213-12\660MW超临界机组</t>
  </si>
  <si>
    <t>【东方锅炉】圆钢\φ14\12Cr18Ni9\99N2213-13\660MW超临界机组</t>
  </si>
  <si>
    <t>【东方锅炉】管子\φ50.8×4\12Cr1MoVG\99N2214-1-1\660MW超临界机组</t>
  </si>
  <si>
    <t>【东方锅炉】管子\φ50.8×4\12Cr1MoVG\99N2214-1-2\660MW超临界机组</t>
  </si>
  <si>
    <t>【东方锅炉】管子\φ50.8×4\12Cr1MoVG\99N2214-1-3\660MW超临界机组</t>
  </si>
  <si>
    <t>【东方锅炉】管子\φ50.8×4\12Cr1MoVG\99N2214-1-4\660MW超临界机组</t>
  </si>
  <si>
    <t>【东方锅炉】管子\φ50.8×4\12Cr1MoVG\99N2214-1-5\660MW超临界机组</t>
  </si>
  <si>
    <t>【东方锅炉】管子\φ50.8×4\12Cr1MoVG\99N2214-1-6\660MW超临界机组</t>
  </si>
  <si>
    <t>【东方锅炉】管子\φ50.8×4\12Cr1MoVG\99N2214-1-7\660MW超临界机组</t>
  </si>
  <si>
    <t>【东方锅炉】U型块\δ6\ZG12Cr1MoV\TG21037.1-2005\660MW超临界机组</t>
  </si>
  <si>
    <t>【东方锅炉】U型块\δ6\ZG12Cr1MoV\TG21037.2-2005\660MW超临界机组</t>
  </si>
  <si>
    <t>【东方锅炉】钢板\δ6\16Cr20Ni14Si2\TG21036-2005\660MW超临界机组</t>
  </si>
  <si>
    <t>【东方锅炉】滑动块\δ7\ZG16Cr20Ni14Si2\TG21036-2005\660MW超临界机组</t>
  </si>
  <si>
    <t>【东方锅炉】喷管\φ48\20G\51K23-2-2/№4\200MW亚临界机组</t>
  </si>
  <si>
    <t>【东方锅炉】梳型板\δ4\12Cr1MoV\99N2214-1-9\660MW超临界机组</t>
  </si>
  <si>
    <t>【东方锅炉】钢板\δ12 80×940\Q235A\99N2214-0\660MW超临界机组</t>
  </si>
  <si>
    <t>【东方锅炉】钢板\δ6 19.2×80\Q235A\99N2214-0\660MW超临界机组</t>
  </si>
  <si>
    <t>【东方锅炉】旁路密封片\1mm\Q355GNH\205YR43</t>
  </si>
  <si>
    <t>【东方锅炉】管子\φ57×4.5\SA-213T91\99N223-1-1\660MW超临界机组</t>
  </si>
  <si>
    <t>【东方锅炉】管子\φ57×4.5\SA-213TP347HFG\99N223-1-1\660MW超临界机组</t>
  </si>
  <si>
    <t>【东方锅炉】管子\φ57×4.5\12Cr1MoVG\99N223-1-1\660MW超临界机组</t>
  </si>
  <si>
    <t>【东方锅炉】管子\φ50.8×4\SA-213T91\99N223-1-2\660MW超临界机组</t>
  </si>
  <si>
    <t>【东方锅炉】管子\φ50.8×4\SA-213TP347HFG\99N223-1-2\660MW超临界机组</t>
  </si>
  <si>
    <t>【东方锅炉】管子\φ50.8×4\12Cr1MoVG\99N223-1-2\660MW超临界机组</t>
  </si>
  <si>
    <t>【东方锅炉】管子\φ50.8×4\SA-213T91\99N223-1-3\660MW超临界机组</t>
  </si>
  <si>
    <t>【东方锅炉】管子\φ50.8×4\SA-213TP347HFG\99N223-1-3\660MW超临界机组</t>
  </si>
  <si>
    <t>【东方锅炉】管子\φ50.8×4\12Cr1MoVG\99N223-1-3\660MW超临界机组</t>
  </si>
  <si>
    <t>【东方锅炉】管子\φ50.8×4\SA-213T91\99N223-1-4\660MW超临界机组</t>
  </si>
  <si>
    <t>【东方锅炉】管子\φ50.8×4\SA-213TP347HFG\99N223-1-4\660MW超临界机组</t>
  </si>
  <si>
    <t>【东方锅炉】管子\φ50.8×4\12Cr1MoVG\99N223-1-4\660MW超临界机组</t>
  </si>
  <si>
    <t>【东方锅炉】管子\φ50.8×4\SA-213T91\99N223-1-5\660MW超临界机组</t>
  </si>
  <si>
    <t>【东方锅炉】管子\φ50.8×4\SA-213TP347HFG\99N223-1-5\660MW超临界机组</t>
  </si>
  <si>
    <t>【东方锅炉】管子\φ50.8×4\12Cr1MoVG\99N223-1-5\660MW超临界机组</t>
  </si>
  <si>
    <t>【东方锅炉】管子\φ50.8×4\SA-213T91\99N223-1-6\660MW超临界机组</t>
  </si>
  <si>
    <t>【东方锅炉】管子\φ50.8×4\SA-213TP347HFG\99N223-1-6\660MW超临界机组</t>
  </si>
  <si>
    <t>【东方锅炉】管子\φ50.8×4\12Cr1MoVG\99N223-1-6\660MW超临界机组</t>
  </si>
  <si>
    <t>【东方锅炉】管子\φ50.8×4\SA-213T91\99N223-1-7\660MW超临界机组</t>
  </si>
  <si>
    <t>【东方锅炉】管子\φ50.8×4\SA-213TP347HFG\99N223-1-7\660MW超临界机组</t>
  </si>
  <si>
    <t>【东方锅炉】管子\φ50.8×4\12Cr1MoVG\99N223-1-7\660MW超临界机组</t>
  </si>
  <si>
    <t>【东方锅炉】管子\φ50.8×4\SA-213T91\99N223-1-8\660MW超临界机组</t>
  </si>
  <si>
    <t>【东方锅炉】管子\φ50.8×4\SA-213TP347HFG\99N223-1-8\660MW超临界机组</t>
  </si>
  <si>
    <t>【东方锅炉】管子\φ50.8×4\12Cr1MoVG\99N223-1-8\660MW超临界机组</t>
  </si>
  <si>
    <t>【东方锅炉】管子\φ50.8×4\SA-213T91\99N223-1-9\660MW超临界机组</t>
  </si>
  <si>
    <t>【东方锅炉】管子\φ50.8×4\SA-213TP347HFG\99N223-1-9\660MW超临界机组</t>
  </si>
  <si>
    <t>【东方锅炉】管子\φ50.8×4\12Cr1MoVG\99N223-1-9\660MW超临界机组</t>
  </si>
  <si>
    <t>【东方锅炉】管子\φ50.8×4\SA-213T91\99N223-1-10\660MW超临界机组</t>
  </si>
  <si>
    <t>【东方锅炉】管子\φ50.8×4\SA-213TP347HFG\99N223-1-10\660MW超临界机组</t>
  </si>
  <si>
    <t>【东方锅炉】管子\φ50.8×4\12Cr1MoVG\99N223-1-10\660MW超临界机组</t>
  </si>
  <si>
    <t>【东方锅炉】管子\φ50.8×4\SA-213T91\99N223-1-11\660MW超临界机组</t>
  </si>
  <si>
    <t>【东方锅炉】管子\φ50.8×4\SA-213TP347HFG\99N223-1-11\660MW超临界机组</t>
  </si>
  <si>
    <t>【东方锅炉】管子\φ50.8×4\12Cr1MoVG\99N223-1-11\660MW超临界机组</t>
  </si>
  <si>
    <t>【东方锅炉】管子\φ50.8×4\SA-213T91\99N223-1-12\660MW超临界机组</t>
  </si>
  <si>
    <t>【东方锅炉】管子\φ50.8×4\SA-213TP347HFG\99N223-1-12\660MW超临界机组</t>
  </si>
  <si>
    <t>【东方锅炉】管子\φ50.8×4\12Cr1MoVG\99N223-1-12\660MW超临界机组</t>
  </si>
  <si>
    <t>【东方锅炉】管子\φ50.8×4\SA-213T91\99N223-1-13\660MW超临界机组</t>
  </si>
  <si>
    <t>【东方锅炉】管子\φ50.8×4\SA-213TP347HFG\99N223-1-13\660MW超临界机组</t>
  </si>
  <si>
    <t>【东方锅炉】管子\φ50.8×4\12Cr1MoVG\99N223-1-13\660MW超临界机组</t>
  </si>
  <si>
    <t>【东方锅炉】U型块\δ6\ZG16Cr20Ni14Si2\99N223-1-14\660MW超临界机组</t>
  </si>
  <si>
    <t>【东方锅炉】U型块\δ6\ZG16Cr20Ni14Si2\99N223-1-15\660MW超临界机组</t>
  </si>
  <si>
    <t>【东方锅炉】钢板\δ6 120×10\Q235A\99N223-0\660MW超临界机组</t>
  </si>
  <si>
    <t>【东方锅炉】钢板\δ3 60×830\Q235A\99N223-0\660MW超临界机组</t>
  </si>
  <si>
    <t>【东方锅炉】圆弧板\δ3\16Cr20Ni14Si2\99N223-1-17\660MW超临界机组</t>
  </si>
  <si>
    <t>【东方锅炉】梳型板\δ4\12Cr18Ni9\99N223-1-18\660MW超临界机组</t>
  </si>
  <si>
    <t>【东方锅炉】钢板\δ10 904×90\12Cr18Ni9\99N223-0\660MW超临界机组</t>
  </si>
  <si>
    <t>【东方锅炉】钢板\δ6 66×40\12Cr18Ni9\99N223-0\660MW超临界机组</t>
  </si>
  <si>
    <t>【东方锅炉】瓦型板\δ10\12Cr18Ni9\99N223-1-19\660MW超临界机组</t>
  </si>
  <si>
    <t>【东方锅炉】瓦型板\δ10\12Cr18Ni9\99N223-1-20\660MW超临界机组</t>
  </si>
  <si>
    <t>【东方锅炉】圆弧板\δ3\16Cr20Ni14Si2\99N223-1-21\660MW超临界机组</t>
  </si>
  <si>
    <t>【东方锅炉】管子\φ57×4.5\SA-213T91\99N223-2-1\660MW超临界机组</t>
  </si>
  <si>
    <t>【东方锅炉】管子\φ57×4.5\SA-213TP347HFG\99N223-2-1\660MW超临界机组</t>
  </si>
  <si>
    <t>【东方锅炉】管子\φ57×4.5\12Cr1MoVG\99N223-2-1\660MW超临界机组</t>
  </si>
  <si>
    <t>【东方锅炉】管子\φ50.8×4\SA-213T91\99N223-2-2\660MW超临界机组</t>
  </si>
  <si>
    <t>【东方锅炉】管子\φ50.8×4\SA-213TP347HFG\99N223-2-2\660MW超临界机组</t>
  </si>
  <si>
    <t>【东方锅炉】管子\φ50.8×4\12Cr1MoVG\99N223-2-2\660MW超临界机组</t>
  </si>
  <si>
    <t>【东方锅炉】管子\φ50.8×4\SA-213T91\99N223-2-3\660MW超临界机组</t>
  </si>
  <si>
    <t>【东方锅炉】管子\φ50.8×4\SA-213TP347HFG\99N223-2-3\660MW超临界机组</t>
  </si>
  <si>
    <t>【东方锅炉】管子\φ50.8×4\12Cr1MoVG\99N223-2-3\660MW超临界机组</t>
  </si>
  <si>
    <t>【东方锅炉】管子\φ50.8×4\SA-213T91\99N223-2-4\660MW超临界机组</t>
  </si>
  <si>
    <t>【东方锅炉】管子\φ50.8×4\SA-213TP347HFG\99N223-2-4\660MW超临界机组</t>
  </si>
  <si>
    <t>【东方锅炉】管子\φ50.8×4\12Cr1MoVG\99N223-2-4\660MW超临界机组</t>
  </si>
  <si>
    <t>【东方锅炉】管子\φ50.8×4\SA-213T91\99N223-2-5\660MW超临界机组</t>
  </si>
  <si>
    <t>【东方锅炉】管子\φ50.8×4\SA-213TP347HFG\99N223-2-5\660MW超临界机组</t>
  </si>
  <si>
    <t>【东方锅炉】管子\φ50.8×4\12Cr1MoVG\99N223-2-5\660MW超临界机组</t>
  </si>
  <si>
    <t>【东方锅炉】管子\φ50.8×4\SA-213T91\99N223-2-6\660MW超临界机组</t>
  </si>
  <si>
    <t>【东方锅炉】管子\φ50.8×4\SA-213TP347HFG\99N223-2-6\660MW超临界机组</t>
  </si>
  <si>
    <t>【东方锅炉】管子\φ50.8×4\12Cr1MoVG\99N223-2-6\660MW超临界机组</t>
  </si>
  <si>
    <t>【东方锅炉】管子\φ50.8×4\SA-213T91\99N223-2-7\660MW超临界机组</t>
  </si>
  <si>
    <t>【东方锅炉】管子\φ50.8×4\SA-213TP347HFG\99N223-2-7\660MW超临界机组</t>
  </si>
  <si>
    <t>【东方锅炉】管子\φ50.8×4\12Cr1MoVG\99N223-2-7\660MW超临界机组</t>
  </si>
  <si>
    <t>【东方锅炉】管子\φ57×4.5\SA-213T91\99N223-3-1\660MW超临界机组</t>
  </si>
  <si>
    <t>【东方锅炉】管子\φ57×4.5\SA-213TP347HFG\99N223-3-1\660MW超临界机组</t>
  </si>
  <si>
    <t>【东方锅炉】管子\φ57×4.5\12Cr1MoVG\99N223-3-1\660MW超临界机组</t>
  </si>
  <si>
    <t>【东方锅炉】管子\φ50.8×4\SA-213T91\99N223-3-2\660MW超临界机组</t>
  </si>
  <si>
    <t>【东方锅炉】管子\φ50.8×4\SA-213TP347HFG\99N223-3-2\660MW超临界机组</t>
  </si>
  <si>
    <t>【东方锅炉】管子\φ50.8×4\12Cr1MoVG\99N223-3-2\660MW超临界机组</t>
  </si>
  <si>
    <t>【东方锅炉】管子\φ50.8×4\SA-213T91\99N223-3-3\660MW超临界机组</t>
  </si>
  <si>
    <t>【东方锅炉】管子\φ50.8×4\SA-213TP347HFG\99N223-3-3\660MW超临界机组</t>
  </si>
  <si>
    <t>【东方锅炉】管子\φ50.8×4\12Cr1MoVG\99N223-3-3\660MW超临界机组</t>
  </si>
  <si>
    <t>【东方锅炉】管子\φ50.8×4\SA-213T91\99N223-3-4\660MW超临界机组</t>
  </si>
  <si>
    <t>【东方锅炉】管子\φ50.8×4\SA-213TP347HFG\99N223-3-4\660MW超临界机组</t>
  </si>
  <si>
    <t>【东方锅炉】管子\φ50.8×4\12Cr1MoVG\99N223-3-4\660MW超临界机组</t>
  </si>
  <si>
    <t>【东方锅炉】管子\φ50.8×4\SA-213T91\99N223-3-5\660MW超临界机组</t>
  </si>
  <si>
    <t>【东方锅炉】管子\φ50.8×4\SA-213TP347HFG\99N223-3-5\660MW超临界机组</t>
  </si>
  <si>
    <t>【东方锅炉】管子\φ50.8×4\12Cr1MoVG\99N223-3-5\660MW超临界机组</t>
  </si>
  <si>
    <t>【东方锅炉】管子\φ50.8×4\SA-213T91\99N223-3-6\660MW超临界机组</t>
  </si>
  <si>
    <t>【东方锅炉】管子\φ50.8×4\SA-213TP347HFG\99N223-3-6\660MW超临界机组</t>
  </si>
  <si>
    <t>【东方锅炉】管子\φ50.8×4\12Cr1MoVG\99N223-3-6\660MW超临界机组</t>
  </si>
  <si>
    <t>【东方锅炉】管子\φ50.8×4\SA-213T91\99N223-3-7\660MW超临界机组</t>
  </si>
  <si>
    <t>【东方锅炉】管子\φ50.8×4\SA-213TP347HFG\99N223-3-7\660MW超临界机组</t>
  </si>
  <si>
    <t>【东方锅炉】管子\φ50.8×4\12Cr1MoVG\99N223-3-7\660MW超临界机组</t>
  </si>
  <si>
    <t>【东方锅炉】盖板\δ4\16Cr20Ni14Si2\99N2541-1\660MW超临界机组</t>
  </si>
  <si>
    <t>【东方锅炉】压型板\δ4\16Cr20Ni14Si2\99N2541-2\660MW超临界机组</t>
  </si>
  <si>
    <t>【东方锅炉】盖板\δ4\16Cr20Ni14Si2\99N2551-1\660MW超临界机组</t>
  </si>
  <si>
    <t>【东方锅炉】压型板\δ4\16Cr20Ni14Si2\99N2551-2\660MW超临界机组</t>
  </si>
  <si>
    <t>【东方锅炉】盖板\δ4\16Cr20Ni14Si2\99N2551-3\660MW超临界机组</t>
  </si>
  <si>
    <t>【东方锅炉】盖板\δ5\SA-240GR304\99N2552-1-1\660MW超临界机组</t>
  </si>
  <si>
    <t>【东方锅炉】圆弧板\δ5\SA-240GR304\99N2552-1-2\660MW超临界机组</t>
  </si>
  <si>
    <t>【东方锅炉】盖板\δ5\SA-240GR304\99N2552-1-3\660MW超临界机组</t>
  </si>
  <si>
    <t>【东方锅炉】盖板\δ5\SA-240GR304\99N2552-1-4\660MW超临界机组</t>
  </si>
  <si>
    <t>【东方锅炉】盖板\δ5\SA-240GR304\99N2552-1-5\660MW超临界机组</t>
  </si>
  <si>
    <t>【东方锅炉】盖板\δ5\SA-240GR304\99N2552-2-1\660MW超临界机组</t>
  </si>
  <si>
    <t>【东方锅炉】盖板\δ5\SA-240GR304\99N2552-3-1\660MW超临界机组</t>
  </si>
  <si>
    <t>【东方锅炉】钢板\№1\SA-240GR309S\99N2552-4-2\660MW超临界机组</t>
  </si>
  <si>
    <t>【东方锅炉】钢板\δ5\SA-240GR309S\99N2552-4-3\660MW超临界机组</t>
  </si>
  <si>
    <t>【东方锅炉】钢板\№1\SA-240GR309S\99N2552-4-6\660MW超临界机组</t>
  </si>
  <si>
    <t>【东方锅炉】钢板\δ5 350×27\SA-240GR309S\99N2552-0\660MW超临界机组</t>
  </si>
  <si>
    <t>【东方锅炉】钢板\δ5\SA-240GR309S\99N2552-4-8\660MW超临界机组</t>
  </si>
  <si>
    <t>【东方锅炉】钢板\δ10\SA-240GR309S\99N2552-4-9\660MW超临界机组</t>
  </si>
  <si>
    <t>【东方锅炉】钢板\№2\SA-240GR309S\99N2552-4-2\660MW超临界机组</t>
  </si>
  <si>
    <t>【东方锅炉】钢板\№2\SA-240GR309S\99N2552-4-6\660MW超临界机组</t>
  </si>
  <si>
    <t>【东方锅炉】孔板\δ6\20#\99N2552-5-1\660MW超临界机组</t>
  </si>
  <si>
    <t>【东方锅炉】孔板\δ6\20#\99N2552-5-2\660MW超临界机组</t>
  </si>
  <si>
    <t>【东方锅炉】钢板\δ6 №3\20#\99N2552-5-3\660MW超临界机组</t>
  </si>
  <si>
    <t>【东方锅炉】钢板\δ3 №3\20#\99N2552-5-4\660MW超临界机组</t>
  </si>
  <si>
    <t>【东方锅炉】钢板\δ6 №3\20#\99N2552-5-5\660MW超临界机组</t>
  </si>
  <si>
    <t>【东方锅炉】钢板\δ6 №3\20#\99N2552-5-6\660MW超临界机组</t>
  </si>
  <si>
    <t>【东方锅炉】钢板\δ6 №3\20#\99N2552-5-7\660MW超临界机组</t>
  </si>
  <si>
    <t>【东方锅炉】钢板\δ6 №3\20#\99N2552-5-8\660MW超临界机组</t>
  </si>
  <si>
    <t>【东方锅炉】孔板\δ6 №2\12Cr1MoV\99N2552-7-1\660MW超临界机组</t>
  </si>
  <si>
    <t>【东方锅炉】孔板\δ6 №2\12Cr1MoV\99N2552-7-2\660MW超临界机组</t>
  </si>
  <si>
    <t>【东方锅炉】钢板\δ6 №2\12Cr1MoV\99N2552-5-3\660MW超临界机组</t>
  </si>
  <si>
    <t>【东方锅炉】钢板\δ3 №2\12Cr1MoV\99N2552-5-4\660MW超临界机组</t>
  </si>
  <si>
    <t>【东方锅炉】钢板\δ6 №2\12Cr1MoV\99N2552-5-5\660MW超临界机组</t>
  </si>
  <si>
    <t>【东方锅炉】钢板\δ6 №2\12Cr1MoV\99N2552-5-6\660MW超临界机组</t>
  </si>
  <si>
    <t>【东方锅炉】钢板\δ6 №2\12Cr1MoV\99N2552-5-7\660MW超临界机组</t>
  </si>
  <si>
    <t>【东方锅炉】钢板\δ6 №2\12Cr1MoV\99N2552-5-8\660MW超临界机组</t>
  </si>
  <si>
    <t>【东方锅炉】孔板\δ6 №1\SA-240GR304\99N2552-7-1\660MW超临界机组</t>
  </si>
  <si>
    <t>【东方锅炉】孔板\δ6 №1\SA-240GR304\99N2552-7-2\660MW超临界机组</t>
  </si>
  <si>
    <t>【东方锅炉】钢板\δ6 №1\SA-240GR304\99N2552-5-3\660MW超临界机组</t>
  </si>
  <si>
    <t>【东方锅炉】钢板\δ3 №1\SA-240GR304\99N2552-5-4\660MW超临界机组</t>
  </si>
  <si>
    <t>【东方锅炉】钢板\δ6 №1\SA-240GR304\99N2552-5-5\660MW超临界机组</t>
  </si>
  <si>
    <t>【东方锅炉】钢板\δ6 №1\SA-240GR304\99N2552-5-6\660MW超临界机组</t>
  </si>
  <si>
    <t>【东方锅炉】钢板\δ6 №1\SA-240GR304\99N2552-5-7\660MW超临界机组</t>
  </si>
  <si>
    <t>【东方锅炉】钢板\δ6 №1\SA-240GR304\99N2552-5-8\660MW超临界机组</t>
  </si>
  <si>
    <t>【东方锅炉】过渡管\φ48.3×7.9/φ73×15.6\15CrMoⅢ\99N711-3\660MW超临界机组</t>
  </si>
  <si>
    <t>【东方锅炉】弯管\φ33.4×7.1 №1\20G\99N711-4\660MW超临界机组</t>
  </si>
  <si>
    <t>【东方锅炉】弯管\φ33.4×7.1 №2\15CrMoG\99N711-4\660MW超临界机组</t>
  </si>
  <si>
    <t>【东方锅炉】弯管\φ33.4×7.1 №3\SA-213T91\99N711-4\660MW超临界机组</t>
  </si>
  <si>
    <t>【东方锅炉】弯管\φ33.4×3.8 №1\20G\99N711-5\660MW超临界机组</t>
  </si>
  <si>
    <t>【东方锅炉】弯管\φ33.4×3.8 №2\15CrMoG\99N711-5\660MW超临界机组</t>
  </si>
  <si>
    <t>【东方锅炉】弯管\φ33.4×3.8 №3\SA-213T91\99N711-5\660MW超临界机组</t>
  </si>
  <si>
    <t>【东方锅炉】管子\φ73×15.6 №1\20G\99N711-6\660MW超临界机组</t>
  </si>
  <si>
    <t>【东方锅炉】管子\φ73×15.6 №2\15CrMoG\99N711-6\660MW超临界机组</t>
  </si>
  <si>
    <t>【东方锅炉】管子\φ88.9×17 №1\20G\99N711-7\660MW超临界机组</t>
  </si>
  <si>
    <t>【东方锅炉】管子\φ88.9×17 №2\15CrMoG\99N711-7\660MW超临界机组</t>
  </si>
  <si>
    <t>【东方锅炉】弯管\φ25×2.5\20(GB3087-1999)\99N711-9\660MW超临界机组</t>
  </si>
  <si>
    <t>【东方锅炉】热电偶插座\φ60\20#\99N7122-1-1\660MW超临界机组</t>
  </si>
  <si>
    <t>【东方锅炉】旁路密封片\1mm\Q355GNH\105YR43</t>
  </si>
  <si>
    <t>【东方锅炉】旁路密封片\1mm\Q355GNH\193YR43-2</t>
  </si>
  <si>
    <t>【东方锅炉】弯头\φ168×7\20#\99N7122-3-5\660MW超临界机组</t>
  </si>
  <si>
    <t>【东方锅炉】孔板\δ8\20#\99N7122-3-6\660MW超临界机组</t>
  </si>
  <si>
    <t>【东方锅炉】旁路密封片\1mm\Q355GNH\127YR43</t>
  </si>
  <si>
    <t>【东方锅炉】弯管\φ16×3.5\20(GB3087-1999)\99N7122-5\660MW超临界机组</t>
  </si>
  <si>
    <t>【东方锅炉】管子\φ88.9×20.5\12Cr1MoVG\99N7123-1\660MW超临界机组</t>
  </si>
  <si>
    <t>【东方锅炉】管子\φ88.9×20.5\12Cr1MoVG\99N7123-3\660MW超临界机组</t>
  </si>
  <si>
    <t>【东方锅炉】旁路密封片\1mm\Q355GNH\276YR43-2</t>
  </si>
  <si>
    <t>【东方锅炉】管座\φ49/φ57\20#\99N7123-4-1\660MW超临界机组</t>
  </si>
  <si>
    <t>【东方锅炉】旁路密封片\1mm\Q355GNH\253YR43</t>
  </si>
  <si>
    <t>【东方锅炉】管子\φ88.9×20.5\12Cr1MoVG\99N7123-6\660MW超临界机组</t>
  </si>
  <si>
    <t>【东方锅炉】弯头\φ89×9\12Cr1MoVG\99N7142-1\660MW超临界机组</t>
  </si>
  <si>
    <t>【东方锅炉】管子\φ89×9\12Cr1MoVG\99N7142-2\660MW超临界机组</t>
  </si>
  <si>
    <t>【东方锅炉】管子\φ89×9\12Cr1MoVG\99N7142-4-0\660MW超临界机组</t>
  </si>
  <si>
    <t>【东方锅炉】耳板\δ10\12Cr1MoVR\99N7142-4-1\660MW超临界机组</t>
  </si>
  <si>
    <t>【东方锅炉】耳板\δ10\Q245R\99N7142-6-1\660MW超临界机组</t>
  </si>
  <si>
    <t>【东方锅炉】管子\φ89×9\12Cr1MoVG\99N7142-7\660MW超临界机组</t>
  </si>
  <si>
    <t>【东方锅炉】管子\φ89×13\15CrMoG\99N7142-8-0\660MW超临界机组</t>
  </si>
  <si>
    <t>【东方锅炉】耳板\δ10\15CrMoR\99N7142-8-1\660MW超临界机组</t>
  </si>
  <si>
    <t>【东方锅炉】管子\φ89×13\15CrMoG\99N7142-10\660MW超临界机组</t>
  </si>
  <si>
    <t>【东方锅炉】弯头\φ89×13\15CrMoG\99N7142-11\660MW超临界机组</t>
  </si>
  <si>
    <t>【东方锅炉】弯头\φ89×13\SA-213T91\99N7142-12\660MW超临界机组</t>
  </si>
  <si>
    <t>【东方锅炉】弯头\φ89×13\12Cr1MoVG\99N7142-13\660MW超临界机组</t>
  </si>
  <si>
    <t>【东方锅炉】管子\φ89×13\12Cr1MoVG\99N7142-15\660MW超临界机组</t>
  </si>
  <si>
    <t>【东方锅炉】管子\φ31.8×6.5(正)\15CrMoG\2S1115-1-1\1000MW超超临界机组</t>
  </si>
  <si>
    <t>【东方锅炉】管子\φ31.8×6.5\15CrMoG\2S1115-1-2\1000MW超超临界机组</t>
  </si>
  <si>
    <t>【东方锅炉】密封块\δ4\15CrMo\2S1115-1-4\1000MW超超临界机组</t>
  </si>
  <si>
    <t>【东方锅炉】密封块\δ4 №1\15CrMo\2S1115-1-5\1000MW超超临界机组</t>
  </si>
  <si>
    <t>【东方锅炉】旁路密封片\1mm\Q355GNH\151YR43-2</t>
  </si>
  <si>
    <t>【东方锅炉】旁路密封片\1mm\Q355GNH\35YR43-2</t>
  </si>
  <si>
    <t>【东方锅炉】管子\φ31.8×6.5(正)\15CrMoG\2S1115-6-1\1000MW超超临界机组</t>
  </si>
  <si>
    <t>【东方锅炉】管子\φ31.8×6.5(反)\15CrMoG\2S1115-6-1\1000MW超超临界机组</t>
  </si>
  <si>
    <t>【东方锅炉】旁路密封片\№2\Q355GNH\35YR43-2</t>
  </si>
  <si>
    <t>【东方锅炉】管子\φ31.8×6.5(反)\15CrMoG\2S1115-1-1\1000MW超超临界机组</t>
  </si>
  <si>
    <t>【东方锅炉】耳板\δ20\20#\1S112-1-2\1000MW超超临界机组</t>
  </si>
  <si>
    <t>【东方锅炉】钢板\δ20\15CrMo\1S112-1-3\1000MW超超临界机组</t>
  </si>
  <si>
    <t>【东方锅炉】旁路密封片\1mm\Q355GNH\199YR43-2</t>
  </si>
  <si>
    <t>【东方锅炉】耳板\δ6\Q245R\1S112-1-6\1000MW超超临界机组</t>
  </si>
  <si>
    <t>【东方锅炉】耳板\δ6\Q245R\1S112-1-8\1000MW超超临界机组</t>
  </si>
  <si>
    <t>【东方锅炉】钢板\δ12\15CrMo\1S112-2-2\1000MW超超临界机组</t>
  </si>
  <si>
    <t>【东方锅炉】钢板\δ6\15CrMo\1S112-2-3\1000MW超超临界机组</t>
  </si>
  <si>
    <t>【东方锅炉】耳板\δ8\Q245R\1S112-2-5\1000MW超超临界机组</t>
  </si>
  <si>
    <t>【东方锅炉】旁路密封片\1.5mm\Q355GNH\31YR43-2</t>
  </si>
  <si>
    <t>【东方锅炉】管子\φ38.1×7\15CrMoG\4S112-3-2\1000MW超超临界机组</t>
  </si>
  <si>
    <t>【东方锅炉】旁路密封片\№1\Q355GNH\89YR43</t>
  </si>
  <si>
    <t>【东方锅炉】旁路密封片\1mm\Q355GNH\89YR43</t>
  </si>
  <si>
    <t>【东方锅炉】旁路密封片\1mm\Q355GNH\28YR43-2</t>
  </si>
  <si>
    <t>【东方锅炉】旁路密封片\1mm\Q355GNH\136YR43</t>
  </si>
  <si>
    <t>【东方锅炉】旁路密封片\1mm\Q355GNH\169YR43-2</t>
  </si>
  <si>
    <t>【东方锅炉】旁路密封片\1.5mm\Q355GNH\43YR43-2</t>
  </si>
  <si>
    <t>【东方锅炉】弯管\φ16×2.5\20(GB3087-1999)\2S7111-24\1000MW超超临界机组</t>
  </si>
  <si>
    <t>【东方锅炉】旁路密封片\1.5mm\Q355GNH\57YR43-2</t>
  </si>
  <si>
    <t>【东方锅炉】旁路密封片\№19\Q355GNH\158YR</t>
  </si>
  <si>
    <t>【东方锅炉】旁路密封片\1mm\Q355GNH\110YR43</t>
  </si>
  <si>
    <t>【东方锅炉】旁路密封片\1.5mm\Q355GNH\63YR43-2</t>
  </si>
  <si>
    <t>【东方锅炉】旁路密封片\1mm\Q355GNH\142YR43-2</t>
  </si>
  <si>
    <t>【东方锅炉】旁路密封片\1mm\Q355GNH\120YR43</t>
  </si>
  <si>
    <t>【东方锅炉】弯管\φ33.4×7.1 №1\15CrMoG\2S7111-16\1000MW超超临界机组</t>
  </si>
  <si>
    <t>【东方锅炉】弯管\φ33.4×9\SA-213T91\2S7111-17\1000MW超超临界机组</t>
  </si>
  <si>
    <t>【东方锅炉】弯管\φ33.4×3.8\15CrMoG\2S7111-18\1000MW超超临界机组</t>
  </si>
  <si>
    <t>【东方锅炉】弯管\φ33.4×3.8\20G\2S7111-18\1000MW超超临界机组</t>
  </si>
  <si>
    <t>【东方锅炉】弯管\φ33.4×7.1 №2\20G\2S7111-16\1000MW超超临界机组</t>
  </si>
  <si>
    <t>【东方锅炉】弯管\φ88.9×17 №1\20G\2S7111-19\1000MW超超临界机组</t>
  </si>
  <si>
    <t>【东方锅炉】弯管\φ88.9×17 №2\15CrMoG\2S7111-19\1000MW超超临界机组</t>
  </si>
  <si>
    <t>【东方锅炉】弯管\φ89×4.5\20(GB3087-1999)\2S7111-20\1000MW超超临界机组</t>
  </si>
  <si>
    <t>【东方锅炉】弯管\φ33.4×3.8 №1\20G\2S7111-18\1000MW超超临界机组</t>
  </si>
  <si>
    <t>【东方锅炉】旁路密封片\H=2500/1.5mm\Q355GNH\290YR43-3</t>
  </si>
  <si>
    <t>【东方锅炉】旁路密封片\1.5mm\Q355GNH\178YR43-1</t>
  </si>
  <si>
    <t>【东方锅炉】旁路密封片\1mm\Q355GNH\122YR43</t>
  </si>
  <si>
    <t>【东方锅炉】旁路密封片\1.5mm\Q355GNH\59YR43-2</t>
  </si>
  <si>
    <t>【东方锅炉】内螺纹管\φ38.1×7.5\15CrMoG\YCL-100\1000MW超超临界机组</t>
  </si>
  <si>
    <t>【东方锅炉】圆弧板\δ3\12Cr1MoV\4S7141-10\1000MW超超临界机组</t>
  </si>
  <si>
    <t>【东方锅炉】管子\φ89×9 №3\20G\2S7142-1\1000MW超超临界机组</t>
  </si>
  <si>
    <t>【东方锅炉】管子\φ89×9 №2\12Cr1MoVG\2S7142-1\1000MW超超临界机组</t>
  </si>
  <si>
    <t>【东方锅炉】管子\φ89×9\12Cr1MoVG\2S7142-2\1000MW超超临界机组</t>
  </si>
  <si>
    <t>【东方锅炉】密封块\№1\15CrMo\2S1111-1-4\1000MW超超临界机组</t>
  </si>
  <si>
    <t>【东方锅炉】密封块\№2\15CrMo\2S1111-1-4\1000MW超超临界机组</t>
  </si>
  <si>
    <t>【东方锅炉】密封块\№4\15CrMo\2S1111-1-4\1000MW超超临界机组</t>
  </si>
  <si>
    <t>【东方锅炉】密封块\№5\15CrMo\2S1111-1-4\1000MW超超临界机组</t>
  </si>
  <si>
    <t>【东方锅炉】密封块\δ4\15CrMo\2S1111-1-8\1000MW超超临界机组</t>
  </si>
  <si>
    <t>【东方锅炉】密封块\δ6\15CrMo\2S1111-1-9\1000MW超超临界机组</t>
  </si>
  <si>
    <t>【东方锅炉】密封块\δ6\15CrMo\2S1111-1-10\1000MW超超临界机组</t>
  </si>
  <si>
    <t>【东方锅炉】密封块\№6\15CrMo\2S1111-1-4\1000MW超超临界机组</t>
  </si>
  <si>
    <t>【东方锅炉】管子\φ31.8×7.5\12Cr1MoVG\16S1111-2-0\1000MW超超临界机组</t>
  </si>
  <si>
    <t>【东方锅炉】管子\φ31.8×7.5\12Cr1MoVG\16S1111-3-0\1000MW超超临界机组</t>
  </si>
  <si>
    <t>【东方锅炉】管子\φ31.8×7.5\12Cr1MoVG\16S1111-4-0\1000MW超超临界机组</t>
  </si>
  <si>
    <t>【东方锅炉】管子\φ31.8×7.5\12Cr1MoVG\16S1111-5-0\1000MW超超临界机组</t>
  </si>
  <si>
    <t>【东方锅炉】管子\φ31.8×7.5\12Cr1MoVG\16S1111-6-0\1000MW超超临界机组</t>
  </si>
  <si>
    <t>【东方锅炉】密封块\δ6\12Cr1MoV\2S1111-6-1\1000MW超超临界机组</t>
  </si>
  <si>
    <t>【东方锅炉】张力板\δ60\12Cr1MoV\2S1111-6-2\1000MW超超临界机组</t>
  </si>
  <si>
    <t>【东方锅炉】耳板\δ32\12Cr1MoV\2S1111-6-4\1000MW超超临界机组</t>
  </si>
  <si>
    <t>【东方锅炉】管子\φ31.8×7.5\12Cr1MoVG\16S1111-7-0\1000MW超超临界机组</t>
  </si>
  <si>
    <t>【东方锅炉】管子\φ31.8×7.5\12Cr1MoVG\23S1111-7-1\1000MW超超临界机组</t>
  </si>
  <si>
    <t>【东方锅炉】密封块\№3\12Cr1MoV\23S1111-1-4\1000MW超超临界机组</t>
  </si>
  <si>
    <t>【东方锅炉】耐磨涂层\L=1390\耐磨防护剂\56N6101-1-2-2\600MW超临界机组</t>
  </si>
  <si>
    <t>【东方锅炉】耐磨片\δ10\12Cr18Ni9\TGP00390\1000MW超超临界机组</t>
  </si>
  <si>
    <t>【东方锅炉】管子\φ31.8×7.5\12Cr1MoVG\16S1111-8-0\1000MW超超临界机组</t>
  </si>
  <si>
    <t>【东方锅炉】管子\φ31.8×7.5\12Cr1MoVG\16S1111-9-0\1000MW超超临界机组</t>
  </si>
  <si>
    <t>【东方锅炉】管子\φ31.8×7.5\12Cr1MoVG\16S1111-10-0\1000MW超超临界机组</t>
  </si>
  <si>
    <t>【东方锅炉】管子\φ31.8×7.5\12Cr1MoVG\16S1111-11-0\1000MW超超临界机组</t>
  </si>
  <si>
    <t>【东方锅炉】管子\φ31.8×7.5\12Cr1MoVG\16S1111-12-0\1000MW超超临界机组</t>
  </si>
  <si>
    <t>【东方锅炉】扁钢\δ9\12Cr1MoV\2S1111-14\1000MW超超临界机组</t>
  </si>
  <si>
    <t>【东方锅炉】管子\φ31.8×6.5\12Cr1MoVG\16S1112-1-0\1000MW超超临界机组</t>
  </si>
  <si>
    <t>【东方锅炉】管子\φ89×5.5\12Cr1MoVG\16S1112-1-0\1000MW超超临界机组</t>
  </si>
  <si>
    <t>【东方锅炉】圆环板\δ6 φ184/φ92\12Cr1MoV\16S1112-1-0\1000MW超超临界机组</t>
  </si>
  <si>
    <t>【东方锅炉】观察孔\A\装配件\DG4864-2006\1000MW超超临界机组</t>
  </si>
  <si>
    <t>【东方锅炉】耐磨板\L=500\装配件\106N6151-6-15\660MW超临界机组</t>
  </si>
  <si>
    <t>【东方锅炉】弯管\φ38.1×7.5\SA-213T2\2S1141-1-24\1000MW超超临界机组</t>
  </si>
  <si>
    <t>【东方锅炉】改进型燃烧器组件\HT-NR3\装配件\GJ×RSQ-0\1000MW超超临界机组</t>
  </si>
  <si>
    <t>【东方锅炉】母管\PN＜6.28 DN80\20#\66M141-0-1\300MW亚临界机组</t>
  </si>
  <si>
    <t>【东方锅炉】母管\PN＜6.28 DN50\20#\66M141-0-2\300MW亚临界机组</t>
  </si>
  <si>
    <t>【东方锅炉】母管\PN＜6.28 DN100\20#\66M141-0-3\300MW亚临界机组</t>
  </si>
  <si>
    <t>【东方锅炉】母管\DN80×25×80\20#\66M141-0\300MW亚临界机组</t>
  </si>
  <si>
    <t>【东方锅炉】母管\DN80×50×80\20#\66M141-0\300MW亚临界机组</t>
  </si>
  <si>
    <t>【东方锅炉】母管\DN50×32×50\20#\66M141-0\300MW亚临界机组</t>
  </si>
  <si>
    <t>【东方锅炉】密封块\№3\15CrMo\20S1153-9\1000MW超超临界机组</t>
  </si>
  <si>
    <t>【东方锅炉】密封块\№2\15CrMo\119M1113-11-1\350MW超临界机组</t>
  </si>
  <si>
    <t>【东方锅炉】密封块\№3\15CrMo\119M1113-11-1\350MW超临界机组</t>
  </si>
  <si>
    <t>【东方锅炉】密封块\№4\15CrMo\119M1113-11-1\350MW超临界机组</t>
  </si>
  <si>
    <t>【东方锅炉】屏过滑动副\80×16.5×12\ZG06Cr25Ni20\1515006P\1000MW超超临界机组</t>
  </si>
  <si>
    <t>【东方锅炉】管屏\φ45×10\装配件\GP-21\1000MW超超临界机组</t>
  </si>
  <si>
    <t>【东方锅炉】管屏\φ45×7.5\装配件\GP-22\1000MW超超临界机组</t>
  </si>
  <si>
    <t>【东方锅炉】管屏\φ38.1×7.5\装配件\GPTYJ-80\1000MW超超临界机组</t>
  </si>
  <si>
    <t>【东方锅炉】管屏\φ31.8×6.5\装配件\GPTYJ-81\1000MW超超临界机组</t>
  </si>
  <si>
    <t>【东方锅炉】弯管\φ38.1×7.5\SA-213T2\2S112-26-0\1000MW超超临界机组</t>
  </si>
  <si>
    <t>【东方锅炉】扁钢\δ6.4×100\15CrMo\BG-136\1000MW超超临界机组</t>
  </si>
  <si>
    <t>【东方锅炉】垂直段管屏\φ57×4.5\SA-213T91\CZGP-21\1000MW超超临界机组</t>
  </si>
  <si>
    <t>【东方锅炉】管组\φ57×4.5\SA-213T91/12Cr1MoVG\DZSPD4-0\1000MW超超临界机组</t>
  </si>
  <si>
    <t>【东方锅炉】密封装置\δ3\装配件\DZDBMF-0\1000MW超超临界机组</t>
  </si>
  <si>
    <t>【东方锅炉】再热器(左)减温器\φ914×52\12Cr1MoVG\JWQZ-0\1000MW超超临界机组</t>
  </si>
  <si>
    <t>【东方锅炉】再热器(右)减温器\φ914×52\12Cr1MoVG\JWQZ-0\1000MW超超临界机组</t>
  </si>
  <si>
    <t>【东方锅炉】连接管\φ914×52\12Cr1MoVG\LJG-0\1000MW超超临界机组</t>
  </si>
  <si>
    <t>【东方锅炉】过渡段\φ914×52/φ1016×94\12Cr1MoVⅢ\DGDD-0\1000MW超超临界机组</t>
  </si>
  <si>
    <t>【东方锅炉】三通\φ914×52/φ219×18\12Cr1MoVⅢ\ZRQST-0\1000MW超超临界机组</t>
  </si>
  <si>
    <t>【东方锅炉】过渡段\φ889×66/φ914×52\12Cr1MoVⅢ\GGDD-0\1000MW超超临界机组</t>
  </si>
  <si>
    <t>【东方锅炉】支吊架\φ914×52\20#\ZDJ-0\1000MW超超临界机组</t>
  </si>
  <si>
    <t>【东方锅炉】非金属膨胀节\Ⅶ ;φ950;L=600\装配件\PZJ-0\1000MW超超临界机组</t>
  </si>
  <si>
    <t>【东方锅炉】热端蓄热元件\AH1150/0.6\SPCC\TYA00043-1-0</t>
  </si>
  <si>
    <t>【东方锅炉】热端蓄热元件\BH1150/0.6\SPCC\TYA00043-2-0</t>
  </si>
  <si>
    <t>【东方锅炉】热端蓄热元件\CH1150/0.6\SPCC\TYA00043-3-0</t>
  </si>
  <si>
    <t>【东方锅炉】热端蓄热元件\DH1150/0.6\SPCC\TYA00043-4-0</t>
  </si>
  <si>
    <t>【东方锅炉】热端蓄热元件\EH1150/0.6\SPCC\TYA00043-5-0</t>
  </si>
  <si>
    <t>【东方锅炉】冷端蓄热元件\AH1050\搪瓷\205YR12-0</t>
  </si>
  <si>
    <t>【东方锅炉】冷端蓄热元件\BH1050\搪瓷\205YR12-0</t>
  </si>
  <si>
    <t>【东方锅炉】冷端蓄热元件\CH1050\搪瓷\205YR12-0</t>
  </si>
  <si>
    <t>【东方锅炉】冷端蓄热元件\DH1050\搪瓷\205YR12-0</t>
  </si>
  <si>
    <t>【东方锅炉】冷端蓄热元件\EH1050\搪瓷\205YR12-0</t>
  </si>
  <si>
    <t>【东方锅炉】密封块\δ4\12Cr1MoV\140M1113-12-5\350MW超临界机组</t>
  </si>
  <si>
    <t>【东方锅炉】密封块\δ4\12Cr1MoV\153M1113-6-2\350MW超临界机组</t>
  </si>
  <si>
    <t>【东方锅炉】密封块\№2\15CrMo\TGP00331\350MW超临界机组</t>
  </si>
  <si>
    <t>【东方锅炉】密封块\№3\15CrMo\TGP00331\350MW超临界机组</t>
  </si>
  <si>
    <t>【东方锅炉】密封块\№4\15CrMo\TGP00331\350MW超临界机组</t>
  </si>
  <si>
    <t>【东方锅炉】密封块\№5\15CrMo\TGP00331\350MW超临界机组</t>
  </si>
  <si>
    <t>【东方锅炉】密封块\№5\15CrMo\23S1111-1-4\1000MW超超临界机组</t>
  </si>
  <si>
    <t>【东方锅炉】密封块\δ4\15CrMo\12N1111-1-6\660MW超超临界机组</t>
  </si>
  <si>
    <t>【东方锅炉】密封块\№2\15CrMo\12N1111-1-9\660MW超超临界机组</t>
  </si>
  <si>
    <t>【东方锅炉】密封块\δ9\20#\99N2131-1-28\660MW超临界机组</t>
  </si>
  <si>
    <t>【东方锅炉】螺栓\35CrMoA\205YR02</t>
  </si>
  <si>
    <t>【东方锅炉】密封块\δ9\20#\99N2131-1-29\660MW超临界机组</t>
  </si>
  <si>
    <t>【东方锅炉】密封块\δ9\20#\99N2131-1-30\660MW超临界机组</t>
  </si>
  <si>
    <t>【东方锅炉】密封块\№2\20#\99N2131-10\660MW超临界机组</t>
  </si>
  <si>
    <t>【东方锅炉】密封件\装配件\205YR61</t>
  </si>
  <si>
    <t>【东方锅炉】密封件\装配件\205YR62</t>
  </si>
  <si>
    <t>【东方锅炉】热端蓄热元件\AH1000/0.5\SPCC\105YR11-1-0</t>
  </si>
  <si>
    <t>【东方锅炉】热端蓄热元件\BH1000/0.5\SPCC\105YR11-2-0</t>
  </si>
  <si>
    <t>【东方锅炉】热端蓄热元件\CH1000/0.5\SPCC\105YR11-3-0</t>
  </si>
  <si>
    <t>【东方锅炉】热端蓄热元件\DH1000/0.5\SPCC\105YR11-4-0</t>
  </si>
  <si>
    <t>【东方锅炉】热端蓄热元件\AH600/0.5\SPCC\105YR11-5-0</t>
  </si>
  <si>
    <t>【东方锅炉】热端蓄热元件\BH600/0.5\SPCC\105YR11-6-0</t>
  </si>
  <si>
    <t>【东方锅炉】热端蓄热元件\CH600/0.5\SPCC\105YR11-7-0</t>
  </si>
  <si>
    <t>【东方锅炉】热端蓄热元件\DH600/0.5\SPCC\105YR11-8-0</t>
  </si>
  <si>
    <t>【东方锅炉】冷端蓄热元件\AH600/1\搪瓷\105YR12-1-0</t>
  </si>
  <si>
    <t>【东方锅炉】冷端蓄热元件\BH600/1\搪瓷\105YR12-2-0</t>
  </si>
  <si>
    <t>【东方锅炉】冷端蓄热元件\CH600/1\搪瓷\105YR12-3-0</t>
  </si>
  <si>
    <t>【东方锅炉】冷端蓄热元件\DH600/1\搪瓷\105YR12-4-0</t>
  </si>
  <si>
    <t>【东方锅炉】密封件\装配件\105YR61</t>
  </si>
  <si>
    <t>【东方锅炉】密封件\装配件\105YR62</t>
  </si>
  <si>
    <t>【东方锅炉】密封件\装配件\253YR61-4-0</t>
  </si>
  <si>
    <t>【东方锅炉】密封件\装配件\193YR62</t>
  </si>
  <si>
    <t>【东方锅炉】密封件\装配件\127YR61</t>
  </si>
  <si>
    <t>【东方锅炉】密封件\装配件\127YR62</t>
  </si>
  <si>
    <t>【东方锅炉】密封件\装配件\253YR61</t>
  </si>
  <si>
    <t>【东方锅炉】密封件\装配件\253YR62</t>
  </si>
  <si>
    <t>【东方锅炉】密封件\装配件\31YR61-8-0/№1</t>
  </si>
  <si>
    <t>【东方锅炉】螺栓\35CrMoA\105YR02</t>
  </si>
  <si>
    <t>【东方锅炉】密封件\装配件\31YR62-13-0/№1</t>
  </si>
  <si>
    <t>【东方锅炉】密封件\装配件\31YR61-8-0/№2</t>
  </si>
  <si>
    <t>【东方锅炉】密封件\装配件\31YR62-13-0/№2</t>
  </si>
  <si>
    <t>【东方锅炉】密封件\装配件\197YR61-4-0</t>
  </si>
  <si>
    <t>【东方锅炉】密封件\装配件\197YR62-13-0</t>
  </si>
  <si>
    <t>【东方锅炉】热端蓄热元件\AH1050/0.5\SPCC\193YR11-1-0</t>
  </si>
  <si>
    <t>【东方锅炉】热端蓄热元件\BH1050/0.5\SPCC\193YR11-2-0</t>
  </si>
  <si>
    <t>【东方锅炉】热端蓄热元件\CH1050/0.5\SPCC\193YR11-3-0</t>
  </si>
  <si>
    <t>【东方锅炉】热端蓄热元件\DH1050/0.5\SPCC\193YR11-4-0</t>
  </si>
  <si>
    <t>【东方锅炉】热端蓄热元件\EH1050/0.5\SPCC\193YR11-5-0</t>
  </si>
  <si>
    <t>【东方锅炉】热端蓄热元件\FH1050/0.5\SPCC\193YR11-6-0</t>
  </si>
  <si>
    <t>【东方锅炉】热端蓄热元件\GH1050/0.5\SPCC\193YR11-7-0</t>
  </si>
  <si>
    <t>【东方锅炉】热端蓄热元件\HH1050/0.5\SPCC\193YR11-8-0</t>
  </si>
  <si>
    <t>【东方锅炉】热端蓄热元件\AH450/0.5\SPCC\193YR11-9-0</t>
  </si>
  <si>
    <t>【东方锅炉】热端蓄热元件\BH450/0.5\SPCC\193YR11-10-0</t>
  </si>
  <si>
    <t>【东方锅炉】热端蓄热元件\CH450/0.5\SPCC\193YR11-11-0</t>
  </si>
  <si>
    <t>【东方锅炉】热端蓄热元件\DH450/0.5\SPCC\193YR11-12-0</t>
  </si>
  <si>
    <t>【东方锅炉】热端蓄热元件\EH450/0.5\SPCC\193YR11-13-0</t>
  </si>
  <si>
    <t>【东方锅炉】热端蓄热元件\FH450/0.5\SPCC\193YR11-14-0</t>
  </si>
  <si>
    <t>【东方锅炉】热端蓄热元件\GH450/0.5\SPCC\193YR11-15-0</t>
  </si>
  <si>
    <t>【东方锅炉】热端蓄热元件\HH450/0.5\SPCC\193YR11-16-0</t>
  </si>
  <si>
    <t>【东方锅炉】冷端蓄热元件\AH1050\搪瓷\193YR12-0</t>
  </si>
  <si>
    <t>【东方锅炉】冷端蓄热元件\BH1050\搪瓷\193YR12-0</t>
  </si>
  <si>
    <t>【东方锅炉】冷端蓄热元件\CH1050\搪瓷\193YR12-0</t>
  </si>
  <si>
    <t>【东方锅炉】冷端蓄热元件\DH1050\搪瓷\193YR12-0</t>
  </si>
  <si>
    <t>【东方锅炉】冷端蓄热元件\EH1050\搪瓷\193YR12-0</t>
  </si>
  <si>
    <t>【东方锅炉】冷端蓄热元件\FH1050\搪瓷\193YR12-0</t>
  </si>
  <si>
    <t>【东方锅炉】冷端蓄热元件\GH1050\搪瓷\193YR12-0</t>
  </si>
  <si>
    <t>【东方锅炉】冷端蓄热元件\HH1050\搪瓷\193YR12-0</t>
  </si>
  <si>
    <t>【东方锅炉】密封件\装配件\31YR61-8-0/№3</t>
  </si>
  <si>
    <t>【东方锅炉】密封件\装配件\31YR62-13-0/№3</t>
  </si>
  <si>
    <t>【东方锅炉】密封件\装配件\31YR61-8-0/№4</t>
  </si>
  <si>
    <t>【东方锅炉】密封件\装配件\31YR62-13-0/№4</t>
  </si>
  <si>
    <t>【东方锅炉】密封件\装配件\89YR61/№3</t>
  </si>
  <si>
    <t>【东方锅炉】密封件\装配件\89YR62</t>
  </si>
  <si>
    <t>【东方锅炉】密封件\装配件\28YR61-8-0/№1</t>
  </si>
  <si>
    <t>【东方锅炉】密封件\装配件\101YR61/№3</t>
  </si>
  <si>
    <t>【东方锅炉】密封件\装配件\101YR62</t>
  </si>
  <si>
    <t>【东方锅炉】密封件\装配件\28YR61-8-0/№2</t>
  </si>
  <si>
    <t>【东方锅炉】密封件\装配件\136YR61/№3</t>
  </si>
  <si>
    <t>【东方锅炉】螺栓\35CrMoA\193YR02</t>
  </si>
  <si>
    <t>【东方锅炉】密封件\装配件\136YR62</t>
  </si>
  <si>
    <t>【东方锅炉】导向轴承油杯密封件\装配件\197YR61-4-0</t>
  </si>
  <si>
    <t>【东方锅炉】螺栓\35CrMoA\193YR61</t>
  </si>
  <si>
    <t>【东方锅炉】推力轴承油杯密封件\装配件\197YR62-13-0</t>
  </si>
  <si>
    <t>【东方锅炉】压板\Q235B\193YR61</t>
  </si>
  <si>
    <t>【东方锅炉】密封件\装配件\34YR61-8-0/№1</t>
  </si>
  <si>
    <t>【东方锅炉】热端蓄热元件\AH1000/0.5\SPCC\127YR11-1-0</t>
  </si>
  <si>
    <t>【东方锅炉】热端蓄热元件\BH1000/0.5\SPCC\127YR11-2-0</t>
  </si>
  <si>
    <t>【东方锅炉】热端蓄热元件\CH1000/0.5\SPCC\127YR11-3-0</t>
  </si>
  <si>
    <t>【东方锅炉】热端蓄热元件\DH1000/0.5\SPCC\127YR11-4-0</t>
  </si>
  <si>
    <t>【东方锅炉】热端蓄热元件\EH1000/0.5\SPCC\127YR11-5-0</t>
  </si>
  <si>
    <t>【东方锅炉】冷端蓄热元件\AH525\搪瓷\127YR12-0</t>
  </si>
  <si>
    <t>【东方锅炉】冷端蓄热元件\BH525\搪瓷\127YR12-0</t>
  </si>
  <si>
    <t>【东方锅炉】冷端蓄热元件\CH525\搪瓷\127YR12-0</t>
  </si>
  <si>
    <t>【东方锅炉】冷端蓄热元件\DH525\搪瓷\127YR12-0</t>
  </si>
  <si>
    <t>【东方锅炉】冷端蓄热元件\EH525\搪瓷\127YR12-0</t>
  </si>
  <si>
    <t>【东方锅炉】密封件\装配件\34YR62-13-0/№1</t>
  </si>
  <si>
    <t>【东方锅炉】密封件\装配件\63YR61-8-0/№1</t>
  </si>
  <si>
    <t>【东方锅炉】密封件\装配件\63YR62-13-0/№1</t>
  </si>
  <si>
    <t>【东方锅炉】密封件\装配件\191YR61-8-0</t>
  </si>
  <si>
    <t>【东方锅炉】密封件\装配件\166YR62-7-0</t>
  </si>
  <si>
    <t>【东方锅炉】密封件\№19\装配件\158YR/№30</t>
  </si>
  <si>
    <t>【东方锅炉】密封件\№19\装配件\158YR/№31</t>
  </si>
  <si>
    <t>【东方锅炉】密封件\装配件\110YR61/№3</t>
  </si>
  <si>
    <t>【东方锅炉】密封件\装配件\110YR62</t>
  </si>
  <si>
    <t>【东方锅炉】密封件\装配件\63YR61-8-0/№2</t>
  </si>
  <si>
    <t>【东方锅炉】螺栓\35CrMoA\127YR02</t>
  </si>
  <si>
    <t>【东方锅炉】密封件\装配件\63YR62-13-0/№2</t>
  </si>
  <si>
    <t>【东方锅炉】导向轴承油杯密封件\装配件\57YR61-8-0</t>
  </si>
  <si>
    <t>【东方锅炉】推力轴承油杯密封件\装配件\166YR62-7-0</t>
  </si>
  <si>
    <t>【东方锅炉】密封件\装配件\120YR61/№3</t>
  </si>
  <si>
    <t>【东方锅炉】密封件\装配件\120YR62</t>
  </si>
  <si>
    <t>【东方锅炉】热端蓄热元件\AH1200/0.5\SPCC\276YR11-1-0</t>
  </si>
  <si>
    <t>【东方锅炉】热端蓄热元件\BH1200/0.5\SPCC\276YR11-2-0</t>
  </si>
  <si>
    <t>【东方锅炉】热端蓄热元件\CH1200/0.5\SPCC\276YR11-3-0</t>
  </si>
  <si>
    <t>【东方锅炉】热端蓄热元件\DH1200/0.5\SPCC\276YR11-4-0</t>
  </si>
  <si>
    <t>【东方锅炉】热端蓄热元件\EH1200/0.5\SPCC\276YR11-5-0</t>
  </si>
  <si>
    <t>【东方锅炉】热端蓄热元件\FH1200/0.5\SPCC\276YR11-6-0</t>
  </si>
  <si>
    <t>【东方锅炉】热端蓄热元件\GH1200/0.5\SPCC\276YR11-7-0</t>
  </si>
  <si>
    <t>【东方锅炉】热端蓄热元件\HH1200/0.5\SPCC\276YR11-8-0</t>
  </si>
  <si>
    <t>【东方锅炉】热端蓄热元件\AH350/0.5\SPCC\276YR11-1-0</t>
  </si>
  <si>
    <t>【东方锅炉】热端蓄热元件\BH350/0.5\SPCC\276YR11-2-0</t>
  </si>
  <si>
    <t>【东方锅炉】热端蓄热元件\CH350/0.5\SPCC\276YR11-3-0</t>
  </si>
  <si>
    <t>【东方锅炉】热端蓄热元件\DH350/0.5\SPCC\276YR11-4-0</t>
  </si>
  <si>
    <t>【东方锅炉】热端蓄热元件\EH350/0.5\SPCC\276YR11-5-0</t>
  </si>
  <si>
    <t>【东方锅炉】热端蓄热元件\FH350/0.5\SPCC\276YR11-6-0</t>
  </si>
  <si>
    <t>【东方锅炉】热端蓄热元件\GH350/0.5\SPCC\276YR11-7-0</t>
  </si>
  <si>
    <t>【东方锅炉】热端蓄热元件\HH350/0.5\SPCC\276YR11-8-0</t>
  </si>
  <si>
    <t>【东方锅炉】冷端蓄热元件\AH1050/0.8\搪瓷\276YR12-0</t>
  </si>
  <si>
    <t>【东方锅炉】冷端蓄热元件\BH1050/0.8\搪瓷\276YR12-0</t>
  </si>
  <si>
    <t>【东方锅炉】冷端蓄热元件\CH1050/0.8\搪瓷\276YR12-0</t>
  </si>
  <si>
    <t>【东方锅炉】冷端蓄热元件\DH1050/0.8\搪瓷\276YR12-0</t>
  </si>
  <si>
    <t>【东方锅炉】冷端蓄热元件\EH1050/0.8\搪瓷\276YR12-0</t>
  </si>
  <si>
    <t>【东方锅炉】冷端蓄热元件\FH1050/0.8\搪瓷\276YR12-0</t>
  </si>
  <si>
    <t>【东方锅炉】冷端蓄热元件\GH1050/0.8\搪瓷\276YR12-0</t>
  </si>
  <si>
    <t>【东方锅炉】冷端蓄热元件\HH1050/0.8\搪瓷\276YR12-0</t>
  </si>
  <si>
    <t>【东方锅炉】冷端蓄热元件\AH1050/0.8篮框\Q355GNH\276YR12-0</t>
  </si>
  <si>
    <t>【东方锅炉】冷端蓄热元件\BH1050/0.8篮框\Q355GNH\276YR12-0</t>
  </si>
  <si>
    <t>【东方锅炉】冷端蓄热元件\CH1050/0.8篮框\Q355GNH\276YR12-0</t>
  </si>
  <si>
    <t>【东方锅炉】冷端蓄热元件\DH1050/0.8篮框\Q355GNH\276YR12-0</t>
  </si>
  <si>
    <t>【东方锅炉】冷端蓄热元件\EH1050/0.8篮框\Q355GNH\276YR12-0</t>
  </si>
  <si>
    <t>【东方锅炉】冷端蓄热元件\FH1050/0.8篮框\Q355GNH\276YR12-0</t>
  </si>
  <si>
    <t>【东方锅炉】冷端蓄热元件\GH1050/0.8篮框\Q355GNH\276YR12-0</t>
  </si>
  <si>
    <t>【东方锅炉】冷端蓄热元件\HH1050/0.8篮框\Q355GNH\276YR12-0</t>
  </si>
  <si>
    <t>【东方锅炉】密封件\装配件\168YR61-3-0</t>
  </si>
  <si>
    <t>【东方锅炉】密封件\装配件\185YR62-13-0</t>
  </si>
  <si>
    <t>【东方锅炉】密封件\装配件\123YR61-5-0</t>
  </si>
  <si>
    <t>【东方锅炉】密封件\装配件\275YR61-3-0</t>
  </si>
  <si>
    <t>【东方锅炉】密封件\装配件\122YR61/№3</t>
  </si>
  <si>
    <t>【东方锅炉】密封件\装配件\122YR62</t>
  </si>
  <si>
    <t>【东方锅炉】密封件\装配件\34YR61-8-0/№2</t>
  </si>
  <si>
    <t>【东方锅炉】密封件\装配件\34YR62-13-0/№2</t>
  </si>
  <si>
    <t>【东方锅炉】密封件\294/850EF\装配件\59YR71/№2</t>
  </si>
  <si>
    <t>【东方锅炉】密封件\294/850EF\装配件\43YR72/№2</t>
  </si>
  <si>
    <t>【东方锅炉】密封板\δ6\20#\89M1115-1-4\300MW亚临界CFB机组</t>
  </si>
  <si>
    <t>【东方锅炉】密封板\δ6\20#\89M1115-1-5\300MW亚临界CFB机组</t>
  </si>
  <si>
    <t>【东方锅炉】密封板\δ6\20#\89M1122-1-12\300MW亚临界CFB机组</t>
  </si>
  <si>
    <t>【东方锅炉】密封板\δ6\20#\89M1122-2-13\300MW亚临界CFB机组</t>
  </si>
  <si>
    <t>【东方锅炉】螺栓\35CrMoA\253YR02-1</t>
  </si>
  <si>
    <t>【东方锅炉】密封板\δ6\20#\89M1122-2-14\300MW亚临界CFB机组</t>
  </si>
  <si>
    <t>【东方锅炉】密封板\δ6\20#\98M1133-1-2\300MW亚临界CFB机组</t>
  </si>
  <si>
    <t>【东方锅炉】密封板\δ10\20#\89M114-21\300MW亚临界CFB机组</t>
  </si>
  <si>
    <t>【东方锅炉】密封板\δ10\20#\89M114-22\300MW亚临界CFB机组</t>
  </si>
  <si>
    <t>【东方锅炉】盖板\δ4\1Cr20Ni14Si2\13N2541-1\600MW超临界机组</t>
  </si>
  <si>
    <t>【东方锅炉】压板\δ4\1Cr20Ni14Si2\13N2541-2\600MW超临界机组</t>
  </si>
  <si>
    <t>【东方锅炉】盖板\δ4\1Cr20Ni14Si2\13N2541-3\600MW超临界机组</t>
  </si>
  <si>
    <t>【东方锅炉】压板\δ4\1Cr20Ni14Si2\13N2541-4\600MW超临界机组</t>
  </si>
  <si>
    <t>【东方锅炉】盖板\δ4\1Cr20Ni14Si2\39N2551-1\600MW超临界机组</t>
  </si>
  <si>
    <t>【东方锅炉】盖板\δ5\SA-240GR304H\13N2542-1\600MW超临界机组</t>
  </si>
  <si>
    <t>【东方锅炉】压板\δ5\SA-240GR304H\13N2542-2\600MW超临界机组</t>
  </si>
  <si>
    <t>【东方锅炉】压板\δ5\SA-240GR304H\13N2542-3\600MW超临界机组</t>
  </si>
  <si>
    <t>【东方锅炉】盖板\δ5\SA-240GR304H\13N2542-4\600MW超临界机组</t>
  </si>
  <si>
    <t>【东方锅炉】盖板\δ5\SA-240GR304H\13N2542-5\600MW超临界机组</t>
  </si>
  <si>
    <t>【东方锅炉】压板\δ5\SA-240GR304H\13N2542-6\600MW超临界机组</t>
  </si>
  <si>
    <t>【东方锅炉】压板\δ5\SA-240GR304H\13N2542-7\600MW超临界机组</t>
  </si>
  <si>
    <t>【东方锅炉】盖板\δ5\SA-240GR304H\13N2542-8\600MW超临界机组</t>
  </si>
  <si>
    <t>【东方锅炉】压板\δ5\SA-240GR304H\13N2542-9\600MW超临界机组</t>
  </si>
  <si>
    <t>【东方锅炉】盖板\δ5\SA-240GR304H\13N2542-10\600MW超临界机组</t>
  </si>
  <si>
    <t>【东方锅炉】盖板\δ5\SA-240GR304H\13N2542-11\600MW超临界机组</t>
  </si>
  <si>
    <t>【东方锅炉】盖板\δ5\SA-240GR304H\13N2542-12\600MW超临界机组</t>
  </si>
  <si>
    <t>【东方锅炉】盖板\δ5\SA-240GR304H\13N2542-13\600MW超临界机组</t>
  </si>
  <si>
    <t>【东方锅炉】盖板\δ5\SA-240GR304H\13N2542-14\600MW超临界机组</t>
  </si>
  <si>
    <t>【东方锅炉】盖板\δ5\SA-240GR304H\13N2542-15\600MW超临界机组</t>
  </si>
  <si>
    <t>【东方锅炉】钢板\δ6\SA-240GR304H\13N2542-16\600MW超临界机组</t>
  </si>
  <si>
    <t>【东方锅炉】钢板\δ6\SA-240GR304H\13N2542-17\600MW超临界机组</t>
  </si>
  <si>
    <t>【东方锅炉】密封板\δ10\12Cr1MoV\23S1113-1-8\1000MW超超临界机组</t>
  </si>
  <si>
    <t>【东方锅炉】钢板\δ6\SA-240GR304H\13N2542-19\600MW超临界机组</t>
  </si>
  <si>
    <t>【东方锅炉】钢板\δ6\SA-240GR304H\13N2542-20\600MW超临界机组</t>
  </si>
  <si>
    <t>【东方锅炉】钢板\δ6\SA-240GR304H\13N2542-21\600MW超临界机组</t>
  </si>
  <si>
    <t>【东方锅炉】钢板\δ6\SA-240GR304H\13N2542-22\600MW超临界机组</t>
  </si>
  <si>
    <t>【东方锅炉】钢板\δ6\SA-240GR304H\13N2542-23\600MW超临界机组</t>
  </si>
  <si>
    <t>【东方锅炉】密封板\δ10(正)\12Cr1MoV\23S1113-1-8\1000MW超超临界机组</t>
  </si>
  <si>
    <t>【东方锅炉】密封板\δ10(反)\12Cr1MoV\23S1113-1-8\1000MW超超临界机组</t>
  </si>
  <si>
    <t>【东方锅炉】支撑板\δ6\SA-240GR304H\13N2542-24\600MW超临界机组</t>
  </si>
  <si>
    <t>【东方锅炉】盖板\δ5\SA-240GR309S\16N2552-1-1\600MW超临界机组</t>
  </si>
  <si>
    <t>【东方锅炉】压板\δ5\SA-240GR309S\16N2552-1-2\600MW超临界机组</t>
  </si>
  <si>
    <t>【东方锅炉】盖板\δ5\SA-240GR309S\16N2552-1-4\600MW超临界机组</t>
  </si>
  <si>
    <t>【东方锅炉】盖板\δ5\SA-240GR309S\16N2552-2-1\600MW超临界机组</t>
  </si>
  <si>
    <t>【东方锅炉】盖板\δ5\SA-240GR309S\16N2552-3-1\600MW超临界机组</t>
  </si>
  <si>
    <t>【东方锅炉】盖板\δ5\SA-240GR309S\16N2552-4-1\600MW超临界机组</t>
  </si>
  <si>
    <t>【东方锅炉】盖板\δ5\SA-240GR309S\16N2552-5-1\600MW超临界机组</t>
  </si>
  <si>
    <t>【东方锅炉】盖板\δ5\SA-240GR309S\16N2552-6-1\600MW超临界机组</t>
  </si>
  <si>
    <t>【东方锅炉】盖板\δ5\SA-240GR309S\16N2552-7-1\600MW超临界机组</t>
  </si>
  <si>
    <t>【东方锅炉】盖板\δ5\SA-240GR309S\16N2552-8-1\600MW超临界机组</t>
  </si>
  <si>
    <t>【东方锅炉】盖板\δ5\SA-240GR309S\16N2552-9-1\600MW超临界机组</t>
  </si>
  <si>
    <t>【东方锅炉】盖板\δ5\SA-240GR309S\16N2552-10-1\600MW超临界机组</t>
  </si>
  <si>
    <t>【东方锅炉】盖板\δ5\SA-240GR309S\16N2552-11-1\600MW超临界机组</t>
  </si>
  <si>
    <t>【东方锅炉】盖板\δ5\SA-240GR309S\16N2552-12-1\600MW超临界机组</t>
  </si>
  <si>
    <t>【东方锅炉】盖板\δ5\SA-240GR309S\16N2552-13-1\600MW超临界机组</t>
  </si>
  <si>
    <t>【东方锅炉】盖板\δ5\SA-240GR309S\16N2552-14-1\600MW超临界机组</t>
  </si>
  <si>
    <t>【东方锅炉】盖板\δ5\SA-240GR309S\16N2552-15-1\600MW超临界机组</t>
  </si>
  <si>
    <t>【东方锅炉】盖板\δ5\SA-240GR309S\16N2552-16-1\600MW超临界机组</t>
  </si>
  <si>
    <t>【东方锅炉】盖板\δ5\SA-240GR309S\16N2552-17-1\600MW超临界机组</t>
  </si>
  <si>
    <t>【东方锅炉】盖板\δ5\SA-240GR309S\16N2552-18-1\600MW超临界机组</t>
  </si>
  <si>
    <t>【东方锅炉】盖板\δ5\SA-240GR309S\16N2552-19-1\600MW超临界机组</t>
  </si>
  <si>
    <t>【东方锅炉】盖板\δ5\SA-240GR309S\16N2552-20-1\600MW超临界机组</t>
  </si>
  <si>
    <t>【东方锅炉】盖板\δ5\SA-240GR309S\16N2552-21-1\600MW超临界机组</t>
  </si>
  <si>
    <t>【东方锅炉】盖板\δ5\SA-240GR309S\16N2552-22-1\600MW超临界机组</t>
  </si>
  <si>
    <t>【东方锅炉】盖板\δ5\SA-240GR309S\16N2552-23-1\600MW超临界机组</t>
  </si>
  <si>
    <t>【东方锅炉】盖板\δ5\SA-240GR309S\16N2552-24-1\600MW超临界机组</t>
  </si>
  <si>
    <t>【东方锅炉】盖板\δ5\SA-240GR304\16N2552-25-1\600MW超临界机组</t>
  </si>
  <si>
    <t>【东方锅炉】盖板\δ5\SA-240GR304\16N2552-25-3\600MW超临界机组</t>
  </si>
  <si>
    <t>【东方锅炉】盖板\δ5\12Cr1MoV\16N2552-26-1\600MW超临界机组</t>
  </si>
  <si>
    <t>【东方锅炉】压板\δ5\12Cr1MoV\16N2552-26-2\600MW超临界机组</t>
  </si>
  <si>
    <t>【东方锅炉】盖板\δ5\12Cr1MoV\16N2552-26-3\600MW超临界机组</t>
  </si>
  <si>
    <t>【东方锅炉】盖板\δ5\12Cr1MoV\16N2552-27-1\600MW超临界机组</t>
  </si>
  <si>
    <t>【东方锅炉】挡板\δ5\SA-240GR309S\16N2552-30-2\600MW超临界机组</t>
  </si>
  <si>
    <t>【东方锅炉】钢板\δ5\SA-240GR309S\16N2552-30-3\600MW超临界机组</t>
  </si>
  <si>
    <t>【东方锅炉】圆钢\φ6\SA-479M316\16N2552-30-4\600MW超临界机组</t>
  </si>
  <si>
    <t>【东方锅炉】密封板\δ10(正)\12Cr1MoV\23S1113-3-1\1000MW超超临界机组</t>
  </si>
  <si>
    <t>【东方锅炉】钢板\δ5 345×27\SA-240GR309S\16N2552-0\600MW超临界机组</t>
  </si>
  <si>
    <t>【东方锅炉】钢板\δ10\SA-240GR309S\16N2552-0\600MW超临界机组</t>
  </si>
  <si>
    <t>【东方锅炉】圆钢\φ10 L=30\SA-479M316\16N2552-0\600MW超临界机组</t>
  </si>
  <si>
    <t>【东方锅炉】圆钢\φ6 L=35\SA-479M316\16N2552-0\600MW超临界机组</t>
  </si>
  <si>
    <t>【东方锅炉】阻流板\δ6\12Cr1MoV\16N2552-31-1\600MW超临界机组</t>
  </si>
  <si>
    <t>【东方锅炉】密封板\δ10(反)\12Cr1MoV\23S1113-3-1\1000MW超超临界机组</t>
  </si>
  <si>
    <t>【东方锅炉】密封板\δ10(正)\12Cr1MoV\24S1113-6-1\1000MW超超临界机组</t>
  </si>
  <si>
    <t>【东方锅炉】钢板\δ6\12Cr1MoV\16N2552-31-4\600MW超临界机组</t>
  </si>
  <si>
    <t>【东方锅炉】密封板\δ10(反)\12Cr1MoV\24S1113-6-1\1000MW超超临界机组</t>
  </si>
  <si>
    <t>【东方锅炉】密封板\δ6 №3\12Cr1MoVg\82M117-1-2\300MW亚临界机组</t>
  </si>
  <si>
    <t>【东方锅炉】密封板\δ6\20#\35J1113-2-2\150MW超高压CFB机组</t>
  </si>
  <si>
    <t>【东方锅炉】密封板\δ6\20#\35J1115-1-9\150MW超高压CFB机组</t>
  </si>
  <si>
    <t>【东方锅炉】密封板\δ6\20#\35J1115A-1-8\150MW超高压CFB机组</t>
  </si>
  <si>
    <t>【东方锅炉】垫板\δ6\12Cr1MoV\16N2552-31-8\600MW超临界机组</t>
  </si>
  <si>
    <t>【东方锅炉】密封板\δ6\20#\35J1115A-2-8\150MW超高压CFB机组</t>
  </si>
  <si>
    <t>【东方锅炉】阻流板\δ6\12Cr1MoV\16N2552-33-1\600MW超临界机组</t>
  </si>
  <si>
    <t>【东方锅炉】阻流板\δ6\12Cr1MoV\16N2552-33-2\600MW超临界机组</t>
  </si>
  <si>
    <t>【东方锅炉】阻流板\δ6\12Cr1MoV\16N2552-33-3\600MW超临界机组</t>
  </si>
  <si>
    <t>【东方锅炉】阻流板\δ6\SA-240GR304\16N2552-35-1\600MW超临界机组</t>
  </si>
  <si>
    <t>【东方锅炉】密封板\δ6\20#\35J1121-2-3\150MW超高压CFB机组</t>
  </si>
  <si>
    <t>【东方锅炉】密封板\δ6\20#\33J1121-3-3\135MW超高压CFB机组</t>
  </si>
  <si>
    <t>【东方锅炉】钢板\δ6\SA-240GR304\16N2552-35-4\600MW超临界机组</t>
  </si>
  <si>
    <t>【东方锅炉】钢板\δ6\SA-240GR304\16N2552-35-5\600MW超临界机组</t>
  </si>
  <si>
    <t>【东方锅炉】钢板\δ6\SA-240GR304\16N2552-35-6\600MW超临界机组</t>
  </si>
  <si>
    <t>【东方锅炉】钢板\δ6\SA-240GR304\16N2552-35-7\600MW超临界机组</t>
  </si>
  <si>
    <t>【东方锅炉】钢板\δ6\SA-240GR304\16N2552-35-8\600MW超临界机组</t>
  </si>
  <si>
    <t>【东方锅炉】钢板\δ6\SA-240GR304\16N2552-35-9\600MW超临界机组</t>
  </si>
  <si>
    <t>【东方锅炉】筒身\φ298.5×58 L=6686.6\SA-335P22\39N2417-1-0\600MW超临界机组</t>
  </si>
  <si>
    <t>【东方锅炉】端盖\φ298.5×58\15CrMo\49N2417-3-1\600MW超临界机组</t>
  </si>
  <si>
    <t>【东方锅炉】管接头\φ45×7\SA-213T91\TGN14509\600MW超临界机组</t>
  </si>
  <si>
    <t>【东方锅炉】管子\φ45×7\SA-213T91\39N2417-1-1\600MW超临界机组</t>
  </si>
  <si>
    <t>【东方锅炉】管子\φ45×7\SA-213T91\39N2417-1-2\600MW超临界机组</t>
  </si>
  <si>
    <t>【东方锅炉】密封板\δ6\20#\33J1121-6-15\135MW超高压CFB机组</t>
  </si>
  <si>
    <t>【东方锅炉】短管\φ125×22.5 R152\15CrMoG\TGN14508\600MW超临界机组</t>
  </si>
  <si>
    <t>【东方锅炉】端盖\φ125×22.5-26\15CrMo\TGN14502\600MW超临界机组</t>
  </si>
  <si>
    <t>【东方锅炉】密封板\δ6\20#\33J1121-6-16\135MW超高压CFB机组</t>
  </si>
  <si>
    <t>【东方锅炉】耳板\d50\15CrMog\DG3462-2003\600MW超临界机组</t>
  </si>
  <si>
    <t>【东方锅炉】钢板\δ6 20×1203\12Cr1MoV\39N2417-1-0\600MW超临界机组</t>
  </si>
  <si>
    <t>【东方锅炉】圆弧板\δ6\12Cr1MoV\13N2417-3-5\600MW超临界机组</t>
  </si>
  <si>
    <t>【东方锅炉】圆弧板\δ6\12Cr1MoV\13N2417-3-6\600MW超临界机组</t>
  </si>
  <si>
    <t>【东方锅炉】圆弧板\δ10\Q235-A\13N2417-3-7\600MW超临界机组</t>
  </si>
  <si>
    <t>【东方锅炉】短管\φ125×22.5\15CrMo\49N2417-3-5\600MW超临界机组</t>
  </si>
  <si>
    <t>【东方锅炉】短管\φ45×7 L=310\SA-213TP347H\39N2417-0\600MW超临界机组</t>
  </si>
  <si>
    <t>【东方锅炉】短管\φ50.8×7.5 L=310\SA-213TP347H\39N2417-0\600MW超临界机组</t>
  </si>
  <si>
    <t>【东方锅炉】管子\φ45×7\SA-213T91\39N215-1-4\600MW超临界机组</t>
  </si>
  <si>
    <t>【东方锅炉】管子\φ45×7\SA-213T91\39N215-1-5\600MW超临界机组</t>
  </si>
  <si>
    <t>【东方锅炉】管子\φ45×7\SA-213T91\39N215-1-6\600MW超临界机组</t>
  </si>
  <si>
    <t>【东方锅炉】热端蓄热元件\AH1000/0.5\SPCC\253YR11-1-0</t>
  </si>
  <si>
    <t>【东方锅炉】热端蓄热元件\BH1000/0.5\SPCC\253YR11-2-0</t>
  </si>
  <si>
    <t>【东方锅炉】热端蓄热元件\CH1000/0.5\SPCC\253YR11-3-0</t>
  </si>
  <si>
    <t>【东方锅炉】热端蓄热元件\DH1000/0.5\SPCC\253YR11-4-0</t>
  </si>
  <si>
    <t>【东方锅炉】热端蓄热元件\EH1000/0.5\SPCC\253YR11-5-0</t>
  </si>
  <si>
    <t>【东方锅炉】热端蓄热元件\FH1000/0.5\SPCC\253YR11-6-0</t>
  </si>
  <si>
    <t>【东方锅炉】热端蓄热元件\GH1000/0.5\SPCC\253YR11-7-0</t>
  </si>
  <si>
    <t>【东方锅炉】热端蓄热元件\HH1000/0.5\SPCC\253YR11-8-0</t>
  </si>
  <si>
    <t>【东方锅炉】热端蓄热元件\AH300/0.5\SPCC\253YR11-9-0</t>
  </si>
  <si>
    <t>【东方锅炉】热端蓄热元件\BH300/0.5\SPCC\253YR11-10-0</t>
  </si>
  <si>
    <t>【东方锅炉】热端蓄热元件\CH300/0.5\SPCC\253YR11-11-0</t>
  </si>
  <si>
    <t>【东方锅炉】热端蓄热元件\DH300/0.5\SPCC\253YR11-12-0</t>
  </si>
  <si>
    <t>【东方锅炉】热端蓄热元件\EH300/0.5\SPCC\253YR11-13-0</t>
  </si>
  <si>
    <t>【东方锅炉】热端蓄热元件\FH300/0.5\SPCC\253YR11-14-0</t>
  </si>
  <si>
    <t>【东方锅炉】热端蓄热元件\GH300/0.5\SPCC\253YR11-15-0</t>
  </si>
  <si>
    <t>【东方锅炉】热端蓄热元件\HH300/0.5\SPCC\253YR11-16-0</t>
  </si>
  <si>
    <t>【东方锅炉】冷端蓄热元件\AH1050\搪瓷\253YR12-0</t>
  </si>
  <si>
    <t>【东方锅炉】冷端蓄热元件\BH1050\搪瓷\253YR12-0</t>
  </si>
  <si>
    <t>【东方锅炉】冷端蓄热元件\CH1050\搪瓷\253YR12-0</t>
  </si>
  <si>
    <t>【东方锅炉】冷端蓄热元件\DH1050\搪瓷\253YR12-0</t>
  </si>
  <si>
    <t>【东方锅炉】冷端蓄热元件\EH1050\搪瓷\253YR12-0</t>
  </si>
  <si>
    <t>【东方锅炉】冷端蓄热元件\FH1050\搪瓷\253YR12-0</t>
  </si>
  <si>
    <t>【东方锅炉】冷端蓄热元件\GH1050\搪瓷\253YR12-0</t>
  </si>
  <si>
    <t>【东方锅炉】冷端蓄热元件\HH1050\搪瓷\253YR12-0</t>
  </si>
  <si>
    <t>【东方锅炉】密封板\δ6\20#\33J1121-6-17\135MW超高压CFB机组</t>
  </si>
  <si>
    <t>【东方锅炉】密封板\δ6\20#\33J1121-7-3\135MW超高压CFB机组</t>
  </si>
  <si>
    <t>【东方锅炉】密封板\δ6\20#\33J1121-7-4\135MW超高压CFB机组</t>
  </si>
  <si>
    <t>【东方锅炉】密封板\δ6\20#\33J1121-6-14\135MW超高压CFB机组</t>
  </si>
  <si>
    <t>【东方锅炉】密封板\δ6\20#\35J1121-6-2\150MW超高压CFB机组</t>
  </si>
  <si>
    <t>【东方锅炉】密封板\δ6\20#\35J1121-7-1\150MW超高压CFB机组</t>
  </si>
  <si>
    <t>【东方锅炉】密封板\δ6\20#\35J1122-1-5\150MW超高压CFB机组</t>
  </si>
  <si>
    <t>【东方锅炉】密封板\δ6\20#\29J1122-2-15\135MW超高压CFB机组</t>
  </si>
  <si>
    <t>【东方锅炉】密封板\δ6\20#\35J1122-2-5\150MW超高压CFB机组</t>
  </si>
  <si>
    <t>【东方锅炉】密封板\δ6\20#\29J1122-1-20\135MW超高压CFB机组</t>
  </si>
  <si>
    <t>【东方锅炉】密封板\δ6\20#\35J1131-2-2\150MW超高压CFB机组</t>
  </si>
  <si>
    <t>【东方锅炉】密封板\δ6 330×350\20#\35J2143-0\150MW超高压CFB机组</t>
  </si>
  <si>
    <t>【东方锅炉】密封板\δ6 800×840\20#\35J2143-0\150MW超高压CFB机组</t>
  </si>
  <si>
    <t>【东方锅炉】螺栓\35CrMoA\253YR02</t>
  </si>
  <si>
    <t>【东方锅炉】密封板\δ6 295×354\20#\35J114-0\150MW超高压CFB机组</t>
  </si>
  <si>
    <t>【东方锅炉】螺栓\35CrMoA\253YR61</t>
  </si>
  <si>
    <t>【东方锅炉】密封板\δ6 589×354\20#\35J114-0\150MW超高压CFB机组</t>
  </si>
  <si>
    <t>【东方锅炉】压板\Q235B\253YR61</t>
  </si>
  <si>
    <t>【东方锅炉】密封板\δ6 750×354\20#\35J114-0\150MW超高压CFB机组</t>
  </si>
  <si>
    <t>【东方锅炉】稳焰齿\δ12\S30815\152M6121-2-8\350MW超临界机组</t>
  </si>
  <si>
    <t>【东方锅炉】耐磨片\δ10\耐磨陶瓷\TGP00389\350MW超临界机组</t>
  </si>
  <si>
    <t>【东方锅炉】密封板\δ6\20#\35J114-18\150MW超高压CFB机组</t>
  </si>
  <si>
    <t>【东方锅炉】螺母\M10-6g\12Cr18Ni9\TGP00559\350MW超临界机组</t>
  </si>
  <si>
    <t>【东方锅炉】螺栓\M10-6H\12Cr18Ni9\TGP00560\350MW超临界机组</t>
  </si>
  <si>
    <t>【东方锅炉】钢板\δ12\12Cr1MoV\2S1143-1-51\1000MW超超临界机组</t>
  </si>
  <si>
    <t>【东方锅炉】钢板\δ20\12Cr1MoV\2S1143-1-52\1000MW超超临界机组</t>
  </si>
  <si>
    <t>【东方锅炉】钢板\δ20 790×350\12Cr1MoV\23S1164-0\1000MW超超临界机组</t>
  </si>
  <si>
    <t>【东方锅炉】钢板\δ6\20#\2S1143-1-53\1000MW超超临界机组</t>
  </si>
  <si>
    <t>【东方锅炉】钢板\δ6\20#\2S1143-1-54\1000MW超超临界机组</t>
  </si>
  <si>
    <t>【东方锅炉】钢板\δ6\20#\2S1143-1-55\1000MW超超临界机组</t>
  </si>
  <si>
    <t>【东方锅炉】折板\δ6\20#\2S1143-1-59\1000MW超超临界机组</t>
  </si>
  <si>
    <t>【东方锅炉】折板\δ6\20#\2S1143-1-60\1000MW超超临界机组</t>
  </si>
  <si>
    <t>【东方锅炉】折板\δ6\20#\2S1143-1-61\1000MW超超临界机组</t>
  </si>
  <si>
    <t>【东方锅炉】张力板\δ60\12Cr1MoV\3S1143-1-3\1000MW超超临界机组</t>
  </si>
  <si>
    <t>【东方锅炉】内螺纹管\φ38.1×7.5\15CrMoG\23S1164-2-2\1000MW超超临界机组</t>
  </si>
  <si>
    <t>【东方锅炉】内螺纹管\φ38.1×7.5\15CrMoG\23S1164-2-3\1000MW超超临界机组</t>
  </si>
  <si>
    <t>【东方锅炉】管子\φ31.8×7.5 №1\12Cr1MoVG\23S1164-2-4\1000MW超超临界机组</t>
  </si>
  <si>
    <t>【东方锅炉】管子\φ31.8×7.5\12Cr1MoVG\23S1164-2-5\1000MW超超临界机组</t>
  </si>
  <si>
    <t>【东方锅炉】管子\φ31.8×7.5\12Cr1MoVG\23S1164-2-6\1000MW超超临界机组</t>
  </si>
  <si>
    <t>【东方锅炉】管子\φ31.8×7.5\12Cr1MoVG\23S1164-2-7\1000MW超超临界机组</t>
  </si>
  <si>
    <t>【东方锅炉】管子\φ31.8×7.5\12Cr1MoVG\23S1164-2-8\1000MW超超临界机组</t>
  </si>
  <si>
    <t>【东方锅炉】管子\φ31.8×7.5 №2\12Cr1MoVG\23S1164-2-4\1000MW超超临界机组</t>
  </si>
  <si>
    <t>【东方锅炉】内螺纹管\φ38.1×7.5\15CrMoG\23S1164-2-10\1000MW超超临界机组</t>
  </si>
  <si>
    <t>【东方锅炉】管子\φ31.8×7.5\12Cr1MoVG\23S1164-2-11\1000MW超超临界机组</t>
  </si>
  <si>
    <t>【东方锅炉】密封板\δ8\20#\35J8214-61\150MW超高压CFB机组</t>
  </si>
  <si>
    <t>【东方锅炉】密封板\δ8\20#\35J8214-62\150MW超高压CFB机组</t>
  </si>
  <si>
    <t>【东方锅炉】密封板\δ8\20#\35J8214-63\150MW超高压CFB机组</t>
  </si>
  <si>
    <t>【东方锅炉】扁钢\δ9\12Cr1MoV\23S1164-3\1000MW超超临界机组</t>
  </si>
  <si>
    <t>【东方锅炉】压块\δ20;19×50\15CrMo\23S1164-0\1000MW超超临界机组</t>
  </si>
  <si>
    <t>【东方锅炉】管子\φ73×12(正)\12Cr1MoVG\22S161-1-0\1000MW超超临界机组</t>
  </si>
  <si>
    <t>【东方锅炉】管子\φ73×12(正)\12Cr1MoVG\22S161-2-0\1000MW超超临界机组</t>
  </si>
  <si>
    <t>【东方锅炉】管子\φ73×12(正)\12Cr1MoVG\22S161-3-0\1000MW超超临界机组</t>
  </si>
  <si>
    <t>【东方锅炉】密封板\δ8\20#\35J8214-64\150MW超高压CFB机组</t>
  </si>
  <si>
    <t>【东方锅炉】管子\φ73×12\12Cr1MoVG\22S161-4-0\1000MW超超临界机组</t>
  </si>
  <si>
    <t>【东方锅炉】管子\φ73×12\12Cr1MoVG\22S161-5-0\1000MW超超临界机组</t>
  </si>
  <si>
    <t>【东方锅炉】钢板\δ12 300×42\15CrMo\23S1164-0\1000MW超超临界机组</t>
  </si>
  <si>
    <t>【东方锅炉】钢板\δ12\15CrMo\13S161-19-1\1000MW超超临界机组</t>
  </si>
  <si>
    <t>【东方锅炉】钢板\δ12\15CrMo\13S161-19-2\1000MW超超临界机组</t>
  </si>
  <si>
    <t>【东方锅炉】圆弧板\δ30\15CrMoR\13S161-20-1\1000MW超超临界机组</t>
  </si>
  <si>
    <t>【东方锅炉】圆弧板\δ6\15CrMoR\13S161-20-2\1000MW超超临界机组</t>
  </si>
  <si>
    <t>【东方锅炉】耳板\δ16\12Cr1MoVR\13S161-21-1\1000MW超超临界机组</t>
  </si>
  <si>
    <t>【东方锅炉】管子\φ73×12(反)\12Cr1MoVG\22S161-1-0\1000MW超超临界机组</t>
  </si>
  <si>
    <t>【东方锅炉】管子\φ73×12(反)\12Cr1MoVG\22S161-2-0\1000MW超超临界机组</t>
  </si>
  <si>
    <t>【东方锅炉】管子\φ73×12(反)\12Cr1MoVG\22S161-3-0\1000MW超超临界机组</t>
  </si>
  <si>
    <t>【东方锅炉】管子\φ45×7.5\SA-213T91\23S211-1-2\1000MW超超临界机组</t>
  </si>
  <si>
    <t>【东方锅炉】密封板\δ8\20#\35J8214-65\150MW超高压CFB机组</t>
  </si>
  <si>
    <t>【东方锅炉】管子\φ45×10\SA-213S30432\23S211-1-1\1000MW超超临界机组</t>
  </si>
  <si>
    <t>【东方锅炉】密封板\δ8\20#\35J8211-1-53\150MW超高压CFB机组</t>
  </si>
  <si>
    <t>【东方锅炉】管子\φ45×13\SA-213T92\23S211-1-3\1000MW超超临界机组</t>
  </si>
  <si>
    <t>【东方锅炉】管子\φ45×7.5\SA-213T91\23S211-1-5\1000MW超超临界机组</t>
  </si>
  <si>
    <t>【东方锅炉】管子\φ45×10\SA-213S30432\23S211-1-4\1000MW超超临界机组</t>
  </si>
  <si>
    <t>【东方锅炉】管子\φ45×13\SA-213T92\23S211-1-6\1000MW超超临界机组</t>
  </si>
  <si>
    <t>【东方锅炉】管子\φ45×7.5\SA-213T91\23S211-1-8\1000MW超超临界机组</t>
  </si>
  <si>
    <t>【东方锅炉】管子\φ45×10\SA-213S30432\23S211-1-7\1000MW超超临界机组</t>
  </si>
  <si>
    <t>【东方锅炉】管子\φ45×13\SA-213T92\23S211-1-9\1000MW超超临界机组</t>
  </si>
  <si>
    <t>【东方锅炉】管子\φ45×7.5(正)\SA-213T91\23S211-1-11\1000MW超超临界机组</t>
  </si>
  <si>
    <t>【东方锅炉】管子\φ45×10\SA-213S30432\23S211-1-10\1000MW超超临界机组</t>
  </si>
  <si>
    <t>【东方锅炉】管子\φ45×13(正)\SA-213T92\23S211-1-12\1000MW超超临界机组</t>
  </si>
  <si>
    <t>【东方锅炉】管子\φ45×7.5(正)\SA-213T91\23S211-1-14\1000MW超超临界机组</t>
  </si>
  <si>
    <t>【东方锅炉】管子\φ45×10\SA-213S30432\23S211-1-13\1000MW超超临界机组</t>
  </si>
  <si>
    <t>【东方锅炉】管子\φ45×13(正)\SA-213T92\23S211-1-15\1000MW超超临界机组</t>
  </si>
  <si>
    <t>【东方锅炉】管子\φ45×7.5(正)\SA-213T91\23S211-1-17\1000MW超超临界机组</t>
  </si>
  <si>
    <t>【东方锅炉】管子\φ45×10\SA-213S30432\23S211-1-16\1000MW超超临界机组</t>
  </si>
  <si>
    <t>【东方锅炉】管子\φ45×13(正)\SA-213T92\23S211-1-18\1000MW超超临界机组</t>
  </si>
  <si>
    <t>【东方锅炉】管子\φ45×7.5(正)\SA-213T91\23S211-1-20\1000MW超超临界机组</t>
  </si>
  <si>
    <t>【东方锅炉】管子\φ45×10\SA-213S30432\23S211-1-19\1000MW超超临界机组</t>
  </si>
  <si>
    <t>【东方锅炉】管子\φ45×13(正)\SA-213T92\23S211-1-21\1000MW超超临界机组</t>
  </si>
  <si>
    <t>【东方锅炉】管子\φ45×7.5(正)\SA-213T91\23S211-1-23\1000MW超超临界机组</t>
  </si>
  <si>
    <t>【东方锅炉】管子\φ45×10\SA-213S30432\23S211-1-22\1000MW超超临界机组</t>
  </si>
  <si>
    <t>【东方锅炉】管子\φ45×13(正)\SA-213T92\23S211-1-24\1000MW超超临界机组</t>
  </si>
  <si>
    <t>【东方锅炉】管子\φ45×7.5\SA-213T91\23S211-1-25\1000MW超超临界机组</t>
  </si>
  <si>
    <t>【东方锅炉】管子\φ45×10\SA-213S30432\23S211-1-25\1000MW超超临界机组</t>
  </si>
  <si>
    <t>【东方锅炉】管子\φ45×13\SA-213T92\23S211-1-25\1000MW超超临界机组</t>
  </si>
  <si>
    <t>【东方锅炉】管子\φ45×7.5\SA-213T91\23S211-1-26\1000MW超超临界机组</t>
  </si>
  <si>
    <t>【东方锅炉】管子\φ45×10\SA-213S30432\23S211-1-26\1000MW超超临界机组</t>
  </si>
  <si>
    <t>【东方锅炉】管子\φ45×13\SA-213T92\23S211-1-26\1000MW超超临界机组</t>
  </si>
  <si>
    <t>【东方锅炉】管子\φ45×7.5\SA-213T91\23S211-1-27\1000MW超超临界机组</t>
  </si>
  <si>
    <t>【东方锅炉】管子\φ45×10\SA-213S30432\23S211-1-27\1000MW超超临界机组</t>
  </si>
  <si>
    <t>【东方锅炉】管子\φ45×13\SA-213T92\23S211-1-27\1000MW超超临界机组</t>
  </si>
  <si>
    <t>【东方锅炉】管子\φ45×7.5\SA-213T91\23S211-1-28\1000MW超超临界机组</t>
  </si>
  <si>
    <t>【东方锅炉】管子\φ45×10\SA-213S30432\23S211-1-28\1000MW超超临界机组</t>
  </si>
  <si>
    <t>【东方锅炉】管子\φ45×13\SA-213T92\23S211-1-28\1000MW超超临界机组</t>
  </si>
  <si>
    <t>【东方锅炉】管子\φ45×7.5\SA-213T91\23S211-1-29\1000MW超超临界机组</t>
  </si>
  <si>
    <t>【东方锅炉】管子\φ45×10\SA-213S30432\23S211-1-29\1000MW超超临界机组</t>
  </si>
  <si>
    <t>【东方锅炉】管子\φ45×13\SA-213T92\23S211-1-29\1000MW超超临界机组</t>
  </si>
  <si>
    <t>【东方锅炉】管子\φ45×7.5\SA-213T91\23S211-1-30\1000MW超超临界机组</t>
  </si>
  <si>
    <t>【东方锅炉】管子\φ45×10\SA-213S30432\23S211-1-30\1000MW超超临界机组</t>
  </si>
  <si>
    <t>【东方锅炉】管子\φ45×13\SA-213T92\23S211-1-30\1000MW超超临界机组</t>
  </si>
  <si>
    <t>【东方锅炉】管子\φ45×7.5\SA-213T91\23S211-1-31\1000MW超超临界机组</t>
  </si>
  <si>
    <t>【东方锅炉】管子\φ45×10\SA-213S30432\23S211-1-31\1000MW超超临界机组</t>
  </si>
  <si>
    <t>【东方锅炉】管子\φ45×13\SA-213T92\23S211-1-31\1000MW超超临界机组</t>
  </si>
  <si>
    <t>【东方锅炉】管子\φ45×7.5\SA-213T91\23S211-1-32\1000MW超超临界机组</t>
  </si>
  <si>
    <t>【东方锅炉】管子\φ45×10\SA-213S30432\23S211-1-32\1000MW超超临界机组</t>
  </si>
  <si>
    <t>【东方锅炉】管子\φ45×13\SA-213T92\23S211-1-32\1000MW超超临界机组</t>
  </si>
  <si>
    <t>【东方锅炉】管子\φ45×7.5\SA-213T91\23S211-1-33\1000MW超超临界机组</t>
  </si>
  <si>
    <t>【东方锅炉】管子\φ45×10\SA-213S30432\23S211-1-33\1000MW超超临界机组</t>
  </si>
  <si>
    <t>【东方锅炉】管子\φ45×13\SA-213T92\23S211-1-33\1000MW超超临界机组</t>
  </si>
  <si>
    <t>【东方锅炉】管子\φ45×7.5\SA-213T91\23S211-1-34\1000MW超超临界机组</t>
  </si>
  <si>
    <t>【东方锅炉】管子\φ45×10\SA-213S30432\23S211-1-34\1000MW超超临界机组</t>
  </si>
  <si>
    <t>【东方锅炉】管子\φ45×13\SA-213T92\23S211-1-34\1000MW超超临界机组</t>
  </si>
  <si>
    <t>【东方锅炉】管子\φ45×7.5(反)\SA-213T91\23S211-1-23\1000MW超超临界机组</t>
  </si>
  <si>
    <t>【东方锅炉】管子\φ45×10\SA-213S30432\23S211-1-35\1000MW超超临界机组</t>
  </si>
  <si>
    <t>【东方锅炉】管子\φ45×13(反)\SA-213T92\23S211-1-24\1000MW超超临界机组</t>
  </si>
  <si>
    <t>【东方锅炉】管子\φ45×7.5(反)\SA-213T91\23S211-1-20\1000MW超超临界机组</t>
  </si>
  <si>
    <t>【东方锅炉】管子\φ45×10\SA-213S30432\23S211-1-36\1000MW超超临界机组</t>
  </si>
  <si>
    <t>【东方锅炉】管子\φ45×13(反)\SA-213T92\23S211-1-21\1000MW超超临界机组</t>
  </si>
  <si>
    <t>【东方锅炉】管子\φ45×7.5(反)\SA-213T91\23S211-1-17\1000MW超超临界机组</t>
  </si>
  <si>
    <t>【东方锅炉】管子\φ45×10\SA-213S30432\23S211-1-37\1000MW超超临界机组</t>
  </si>
  <si>
    <t>【东方锅炉】管子\φ45×13(反)\SA-213T92\23S211-1-18\1000MW超超临界机组</t>
  </si>
  <si>
    <t>【东方锅炉】管子\φ45×7.5(反)\SA-213T91\23S211-1-14\1000MW超超临界机组</t>
  </si>
  <si>
    <t>【东方锅炉】管子\φ45×10\SA-213S30432\23S211-1-38\1000MW超超临界机组</t>
  </si>
  <si>
    <t>【东方锅炉】管子\φ45×13(反)\SA-213T92\23S211-1-15\1000MW超超临界机组</t>
  </si>
  <si>
    <t>【东方锅炉】管子\φ45×7.5(反)\SA-213T91\23S211-1-11\1000MW超超临界机组</t>
  </si>
  <si>
    <t>【东方锅炉】管子\φ45×10\SA-213S30432\23S211-1-39\1000MW超超临界机组</t>
  </si>
  <si>
    <t>【东方锅炉】管子\φ45×13(反)\SA-213T92\23S211-1-12\1000MW超超临界机组</t>
  </si>
  <si>
    <t>【东方锅炉】管子\φ45×11\SA-213TP310HCbN\23S211-1-40\1000MW超超临界机组</t>
  </si>
  <si>
    <t>【东方锅炉】管子\φ45×11\SA-213TP310HCbN\23S211-1-41\1000MW超超临界机组</t>
  </si>
  <si>
    <t>【东方锅炉】管子\φ54×8.5\SA-213T91\23S211-1-43\1000MW超超临界机组</t>
  </si>
  <si>
    <t>【东方锅炉】管子\φ54×13\SA-213TP310HCbN\23S211-1-42\1000MW超超临界机组</t>
  </si>
  <si>
    <t>【东方锅炉】管子\φ54×14\SA-213T92\23S211-1-44\1000MW超超临界机组</t>
  </si>
  <si>
    <t>【东方锅炉】半圆板\δ3\SA-240GR309S\23S211-1-45\1000MW超超临界机组</t>
  </si>
  <si>
    <t>【东方锅炉】半圆板\δ3\SA-240GR309S\19S211-1-32\1000MW超超临界机组</t>
  </si>
  <si>
    <t>【东方锅炉】梳型板\δ6\12Cr1MoV\23S211-1-46\1000MW超超临界机组</t>
  </si>
  <si>
    <t>【东方锅炉】滑动副\δ7\装配件\23S211-1-47\1000MW超超临界机组</t>
  </si>
  <si>
    <t>【东方锅炉】钢板\δ5 3676×60\Q235A\23S211-0\1000MW超超临界机组</t>
  </si>
  <si>
    <t>【东方锅炉】U型板\δ12\06Cr19Ni10\23S211-1-49\1000MW超超临界机组</t>
  </si>
  <si>
    <t>【东方锅炉】钢板\δ6 190×75.5\06Cr19Ni10\23S211-0\1000MW超超临界机组</t>
  </si>
  <si>
    <t>【东方锅炉】钢板\δ16\06Cr19Ni10\23S211-1-50\1000MW超超临界机组</t>
  </si>
  <si>
    <t>【东方锅炉】钢板\δ10 160×88\06Cr19Ni10\23S211-0\1000MW超超临界机组</t>
  </si>
  <si>
    <t>【东方锅炉】瓦型板\δ16\06Cr19Ni10\23S211-1-51\1000MW超超临界机组</t>
  </si>
  <si>
    <t>【东方锅炉】瓦型板\δ16\06Cr19Ni10\23S211-1-52\1000MW超超临界机组</t>
  </si>
  <si>
    <t>【东方锅炉】钢板\δ5 1422×220\06Cr19Ni10\23S211-0\1000MW超超临界机组</t>
  </si>
  <si>
    <t>【东方锅炉】蛇型管\φ57×8.5\12Cr1MoVG\23S2121-1-1\1000MW超超临界机组</t>
  </si>
  <si>
    <t>【东方锅炉】蛇型管\φ57×8.5\12Cr1MoVG\23S2121-1-2\1000MW超超临界机组</t>
  </si>
  <si>
    <t>【东方锅炉】蛇型管\φ57×8.5\12Cr1MoVG\23S2121-1-3\1000MW超超临界机组</t>
  </si>
  <si>
    <t>【东方锅炉】管夹\δ6\1Cr6Si2Mo\23S2121-1-4\1000MW超超临界机组</t>
  </si>
  <si>
    <t>【东方锅炉】管夹\δ6\1Cr6Si2Mo\23S2121-1-5\1000MW超超临界机组</t>
  </si>
  <si>
    <t>【东方锅炉】管夹\δ6\1Cr6Si2Mo\23S2121-1-6\1000MW超超临界机组</t>
  </si>
  <si>
    <t>【东方锅炉】支撑块\№4\ZG12Cr1MoV\TGS22004\1000MW超超临界机组</t>
  </si>
  <si>
    <t>【东方锅炉】支撑块\№6\ZG12Cr18Ni9\TGS22004\1000MW超超临界机组</t>
  </si>
  <si>
    <t>【东方锅炉】密封板\δ8\20#\35J8211-2-33\150MW超高压CFB机组</t>
  </si>
  <si>
    <t>【东方锅炉】密封板\δ8\20#\35J8212-1-2\150MW超高压CFB机组</t>
  </si>
  <si>
    <t>【东方锅炉】密封板\δ10\12Cr1MoV\2S1112-1-3\1000MW超超临界机组</t>
  </si>
  <si>
    <t>【东方锅炉】蛇型管\φ57×8.5\12Cr1MoVG\23S2121-2-1\1000MW超超临界机组</t>
  </si>
  <si>
    <t>【东方锅炉】蛇型管\φ57×8.5\12Cr1MoVG\23S2121-2-2\1000MW超超临界机组</t>
  </si>
  <si>
    <t>【东方锅炉】蛇型管\φ57×8.5\12Cr1MoVG\23S2121-2-3\1000MW超超临界机组</t>
  </si>
  <si>
    <t>【东方锅炉】钢板\δ10\1Cr6Si2Mo\19S2121-7-1\1000MW超超临界机组</t>
  </si>
  <si>
    <t>【东方锅炉】蛇型管\φ57×8.5\12Cr1MoVG\23S2121-6-1\1000MW超超临界机组</t>
  </si>
  <si>
    <t>【东方锅炉】蛇型管\φ57×8.5\12Cr1MoVG\23S2121-6-2\1000MW超超临界机组</t>
  </si>
  <si>
    <t>【东方锅炉】U型板\δ10\12Cr18Ni9\23S2121-8\1000MW超超临界机组</t>
  </si>
  <si>
    <t>【东方锅炉】钢板\δ6 140×50\1Cr6Si2Mo\23S2121-0\1000MW超超临界机组</t>
  </si>
  <si>
    <t>【东方锅炉】钢板\δ6 50×45\1Cr6Si2Mo\23S2121-0\1000MW超超临界机组</t>
  </si>
  <si>
    <t>【东方锅炉】U型板\δ6\1Cr6Si2Mo\19S2121-11-1\1000MW超超临界机组</t>
  </si>
  <si>
    <t>【东方锅炉】钢板\δ6 885×50\1Cr6Si2Mo\23S2121-0\1000MW超超临界机组</t>
  </si>
  <si>
    <t>【东方锅炉】钢板\δ6 901×50\1Cr6Si2Mo\23S2121-0\1000MW超超临界机组</t>
  </si>
  <si>
    <t>【东方锅炉】管子\φ57×10.5\12Cr1MoVG\23S2122-1-1\1000MW超超临界机组</t>
  </si>
  <si>
    <t>【东方锅炉】管子\φ57×9\12Cr1MoVG\23S2122-1-1\1000MW超超临界机组</t>
  </si>
  <si>
    <t>【东方锅炉】管子\φ57×10.5\12Cr1MoVG\23S2122-1-2\1000MW超超临界机组</t>
  </si>
  <si>
    <t>【东方锅炉】管子\φ57×9\12Cr1MoVG\23S2122-1-2\1000MW超超临界机组</t>
  </si>
  <si>
    <t>【东方锅炉】管子\φ57×10.5\12Cr1MoVG\23S2122-1-3\1000MW超超临界机组</t>
  </si>
  <si>
    <t>【东方锅炉】管子\φ57×9\12Cr1MoVG\23S2122-1-3\1000MW超超临界机组</t>
  </si>
  <si>
    <t>【东方锅炉】管夹\δ6\12Cr18Ni9\19S2122-1-1\1000MW超超临界机组</t>
  </si>
  <si>
    <t>【东方锅炉】管夹\δ6\12Cr18Ni9\19S2122-1-2\1000MW超超临界机组</t>
  </si>
  <si>
    <t>【东方锅炉】密封板\δ10\12Cr1MoV\2S1112-1-4\1000MW超超临界机组</t>
  </si>
  <si>
    <t>【东方锅炉】管夹\δ6\12Cr18Ni9\19S2122-1-3\1000MW超超临界机组</t>
  </si>
  <si>
    <t>【东方锅炉】弧型板\δ6\12Cr18Ni9\15S2122-1-8\1000MW超超临界机组</t>
  </si>
  <si>
    <t>【东方锅炉】支撑块\№4\ZG12Cr18Ni9\TGS22004\1000MW超超临界机组</t>
  </si>
  <si>
    <t>【东方锅炉】支撑块\№1\ZG12Cr18Ni9\TGS22004\1000MW超超临界机组</t>
  </si>
  <si>
    <t>【东方锅炉】支撑块\№3\ZG12Cr18Ni9\TGS22004\1000MW超超临界机组</t>
  </si>
  <si>
    <t>【东方锅炉】密封板\δ10\12Cr1MoV\2S1112-1-5\1000MW超超临界机组</t>
  </si>
  <si>
    <t>【东方锅炉】管子\φ57×10.5\12Cr1MoVG\23S2122-2-1\1000MW超超临界机组</t>
  </si>
  <si>
    <t>【东方锅炉】管子\φ57×9\12Cr1MoVG\23S2122-2-1\1000MW超超临界机组</t>
  </si>
  <si>
    <t>【东方锅炉】管子\φ57×10.5\12Cr1MoVG\23S2122-2-2\1000MW超超临界机组</t>
  </si>
  <si>
    <t>【东方锅炉】管子\φ57×9\12Cr1MoVG\23S2122-2-2\1000MW超超临界机组</t>
  </si>
  <si>
    <t>【东方锅炉】管子\φ57×10.5\12Cr1MoVG\23S2122-2-3\1000MW超超临界机组</t>
  </si>
  <si>
    <t>【东方锅炉】管子\φ57×9\12Cr1MoVG\23S2122-2-3\1000MW超超临界机组</t>
  </si>
  <si>
    <t>【东方锅炉】管子\φ57×10.5\12Cr1MoVG\23S2122-5-1\1000MW超超临界机组</t>
  </si>
  <si>
    <t>【东方锅炉】管子\φ57×9\12Cr1MoVG\23S2122-5-1\1000MW超超临界机组</t>
  </si>
  <si>
    <t>【东方锅炉】管子\φ57×10.5\12Cr1MoVG\23S2122-5-2\1000MW超超临界机组</t>
  </si>
  <si>
    <t>【东方锅炉】管子\φ57×9\12Cr1MoVG\23S2122-5-2\1000MW超超临界机组</t>
  </si>
  <si>
    <t>【东方锅炉】管子\φ57×10.5\12Cr1MoVG\23S2122-5-3\1000MW超超临界机组</t>
  </si>
  <si>
    <t>【东方锅炉】管子\φ57×9\12Cr1MoVG\23S2122-5-3\1000MW超超临界机组</t>
  </si>
  <si>
    <t>【东方锅炉】管子\φ57×10.5\12Cr1MoVG\23S2122-6-1\1000MW超超临界机组</t>
  </si>
  <si>
    <t>【东方锅炉】管子\φ57×9\12Cr1MoVG\23S2122-6-1\1000MW超超临界机组</t>
  </si>
  <si>
    <t>【东方锅炉】管子\φ57×10.5\12Cr1MoVG\23S2122-6-2\1000MW超超临界机组</t>
  </si>
  <si>
    <t>【东方锅炉】管子\φ57×9\12Cr1MoVG\23S2122-6-2\1000MW超超临界机组</t>
  </si>
  <si>
    <t>【东方锅炉】管子\φ57×10.5\12Cr1MoVG\23S2122-6-3\1000MW超超临界机组</t>
  </si>
  <si>
    <t>【东方锅炉】管子\φ57×9\12Cr1MoVG\23S2122-6-3\1000MW超超临界机组</t>
  </si>
  <si>
    <t>【东方锅炉】钢板\δ6 140×50\12Cr18Ni9\23S2122-0\1000MW超超临界机组</t>
  </si>
  <si>
    <t>【东方锅炉】钢板\δ6 50×45\12Cr18Ni9\23S2122-0\1000MW超超临界机组</t>
  </si>
  <si>
    <t>【东方锅炉】U型板\δ6\12Cr18Ni9\15S2122-14-1\1000MW超超临界机组</t>
  </si>
  <si>
    <t>【东方锅炉】钢板\δ6 885×50\12Cr18Ni9\23S2122-0\1000MW超超临界机组</t>
  </si>
  <si>
    <t>【东方锅炉】钢板\δ6 901×50\12Cr18Ni9\23S2122-0\1000MW超超临界机组</t>
  </si>
  <si>
    <t>【东方锅炉】半圆板\δ3\12Cr1MoV\23S2123-1-4\1000MW超超临界机组</t>
  </si>
  <si>
    <t>【东方锅炉】梳型板\δ4\12Cr1MoV\19S2123-1-5\1000MW超超临界机组</t>
  </si>
  <si>
    <t>【东方锅炉】滑动块\δ7\装配件\19S2123-1-6\1000MW超超临界机组</t>
  </si>
  <si>
    <t>【东方锅炉】钢板\δ6\06Cr19Ni10\19S2123-1-7\1000MW超超临界机组</t>
  </si>
  <si>
    <t>【东方锅炉】滑动块\δ7\ZG06Cr19Ni10\19S2123-1-8\1000MW超超临界机组</t>
  </si>
  <si>
    <t>【东方锅炉】钢板\δ12 520×80\Q235A\23S2123-0\1000MW超超临界机组</t>
  </si>
  <si>
    <t>【东方锅炉】钢板\δ6 90×19\Q235A\23S2123-0\1000MW超超临界机组</t>
  </si>
  <si>
    <t>【东方锅炉】管子\φ51×10\12Cr1MoVG\23S2123-2-1\1000MW超超临界机组</t>
  </si>
  <si>
    <t>【东方锅炉】管子\φ51×10\12Cr1MoVG\23S2123-2-2\1000MW超超临界机组</t>
  </si>
  <si>
    <t>【东方锅炉】管子\φ51×10\12Cr1MoVG\23S2123-2-3\1000MW超超临界机组</t>
  </si>
  <si>
    <t>【东方锅炉】管子\φ51×10\12Cr1MoVG\23S2123-2-4\1000MW超超临界机组</t>
  </si>
  <si>
    <t>【东方锅炉】管子\φ51×10\12Cr1MoVG\23S2123-2-5\1000MW超超临界机组</t>
  </si>
  <si>
    <t>【东方锅炉】管子\φ51×10\12Cr1MoVG\23S2123-2-6\1000MW超超临界机组</t>
  </si>
  <si>
    <t>【东方锅炉】夹块\δ10\06Cr19Ni10\19S2123-4\1000MW超超临界机组</t>
  </si>
  <si>
    <t>【东方锅炉】固定块\δ29\SA-240GR309S\19S2123-4\1000MW超超临界机组</t>
  </si>
  <si>
    <t>【东方锅炉】钢板\δ6\06Cr19Ni10\19S2123-4\1000MW超超临界机组</t>
  </si>
  <si>
    <t>【东方锅炉】密封板\δ10(正)\12Cr1MoV\2S1112-5-12\1000MW超超临界机组</t>
  </si>
  <si>
    <t>【东方锅炉】密封板\δ10(正)\12Cr1MoV\2S1112-5-13\1000MW超超临界机组</t>
  </si>
  <si>
    <t>【东方锅炉】密封板\δ10\12Cr1MoV\2S1112-5-14\1000MW超超临界机组</t>
  </si>
  <si>
    <t>【东方锅炉】半圆板\δ3\12Cr1MoV\19S2124-3-1\1000MW超超临界机组</t>
  </si>
  <si>
    <t>【东方锅炉】盖板\δ4\12Cr1MoV\19S2124-3-2\1000MW超超临界机组</t>
  </si>
  <si>
    <t>【东方锅炉】钢板\δ80\12Cr18Ni9\23S2124-8-2\1000MW超超临界机组</t>
  </si>
  <si>
    <t>【东方锅炉】密封板\δ10\12Cr1MoV\2S1112-5-15\1000MW超超临界机组</t>
  </si>
  <si>
    <t>【东方锅炉】钢板\δ60\12Cr18Ni9\23S2124-8-4\1000MW超超临界机组</t>
  </si>
  <si>
    <t>【东方锅炉】钢板\δ12\12Cr18Ni9\23S2124-8-5\1000MW超超临界机组</t>
  </si>
  <si>
    <t>【东方锅炉】管子\φ63.5×10(正)\12Cr1MoVG\23S2131-1-1\1000MW超超临界机组</t>
  </si>
  <si>
    <t>【东方锅炉】管子\φ63.5×10(正)\12Cr1MoVG\23S2131-1-2\1000MW超超临界机组</t>
  </si>
  <si>
    <t>【东方锅炉】管子\φ63.5×10(正)\12Cr1MoVG\23S2131-1-3\1000MW超超临界机组</t>
  </si>
  <si>
    <t>【东方锅炉】管子\φ63.5×10\12Cr1MoVG\23S2131-1-4\1000MW超超临界机组</t>
  </si>
  <si>
    <t>【东方锅炉】管子\φ63.5×10(正)\12Cr1MoVG\23S2131-1-5\1000MW超超临界机组</t>
  </si>
  <si>
    <t>【东方锅炉】钢板\δ12\12Cr1MoV\2S2131-1-6\1000MW超超临界机组</t>
  </si>
  <si>
    <t>【东方锅炉】钢板\δ12\12Cr1MoV\2S2131-1-7\1000MW超超临界机组</t>
  </si>
  <si>
    <t>【东方锅炉】钢板\δ12\12Cr1MoV\2S2131-1-8\1000MW超超临界机组</t>
  </si>
  <si>
    <t>【东方锅炉】钢板\δ12\12Cr1MoV\2S2131-1-9\1000MW超超临界机组</t>
  </si>
  <si>
    <t>【东方锅炉】钢板\δ12 10323×39.4\12Cr1MoV\23S2131-0\1000MW超超临界机组</t>
  </si>
  <si>
    <t>【东方锅炉】钢板\δ12 10580×60.2\12Cr1MoV\23S2131-0\1000MW超超临界机组</t>
  </si>
  <si>
    <t>【东方锅炉】钢板\δ12\12Cr1MoV\23S2131-1-6\1000MW超超临界机组</t>
  </si>
  <si>
    <t>【东方锅炉】钢板\δ12\12Cr1MoV\23S2131-1-7\1000MW超超临界机组</t>
  </si>
  <si>
    <t>【东方锅炉】钢板\δ12(正)\12Cr1MoV\23S2131-1-8\1000MW超超临界机组</t>
  </si>
  <si>
    <t>【东方锅炉】钢板\δ12\12Cr1MoV\2S2131-1-13\1000MW超超临界机组</t>
  </si>
  <si>
    <t>【东方锅炉】钢板\δ12\12Cr1MoV\23S2131-1-9\1000MW超超临界机组</t>
  </si>
  <si>
    <t>【东方锅炉】钢板\δ12\12Cr1MoV\23S2131-1-10\1000MW超超临界机组</t>
  </si>
  <si>
    <t>【东方锅炉】钢板\δ12 3600×50.8\12Cr1MoV\23S2131-0\1000MW超超临界机组</t>
  </si>
  <si>
    <t>【东方锅炉】钢板\δ12\12Cr1MoV\19S2131-1-4\1000MW超超临界机组</t>
  </si>
  <si>
    <t>【东方锅炉】钢板\δ12 3419.2×50.8\12Cr1MoV\23S2131-0\1000MW超超临界机组</t>
  </si>
  <si>
    <t>【东方锅炉】钢板\δ12\12Cr1MoV\23S2131-1-11\1000MW超超临界机组</t>
  </si>
  <si>
    <t>【东方锅炉】钢板\δ12 2986.2×50.8\12Cr1MoV\23S2131-0\1000MW超超临界机组</t>
  </si>
  <si>
    <t>【东方锅炉】钢板\δ12 75×74\15CrMo\23S2131-0\1000MW超超临界机组</t>
  </si>
  <si>
    <t>【东方锅炉】圆弧板\δ6\15CrMo\2S2131-1-17\1000MW超超临界机组</t>
  </si>
  <si>
    <t>【东方锅炉】密封块\№1\15CrMo\2S2131-1-18\1000MW超超临界机组</t>
  </si>
  <si>
    <t>【东方锅炉】密封块\№2\15CrMo\2S2131-1-18\1000MW超超临界机组</t>
  </si>
  <si>
    <t>【东方锅炉】密封块\№1\15CrMo\2S2131-1-19\1000MW超超临界机组</t>
  </si>
  <si>
    <t>【东方锅炉】密封块\№3\15CrMo\2S2131-1-19\1000MW超超临界机组</t>
  </si>
  <si>
    <t>【东方锅炉】密封块\φ4\15CrMo\19S2131-1-5\1000MW超超临界机组</t>
  </si>
  <si>
    <t>【东方锅炉】管子\φ63.5×10\12Cr1MoVG\23S2131-2-1\1000MW超超临界机组</t>
  </si>
  <si>
    <t>【东方锅炉】钢板\δ12\12Cr1MoV\23S2131-2-2\1000MW超超临界机组</t>
  </si>
  <si>
    <t>【东方锅炉】钢板\δ12\12Cr1MoV\23S2131-2-3\1000MW超超临界机组</t>
  </si>
  <si>
    <t>【东方锅炉】管子\φ63.5×10(反)\12Cr1MoVG\23S2131-1-5\1000MW超超临界机组</t>
  </si>
  <si>
    <t>【东方锅炉】钢板\δ12(反)\12Cr1MoV\23S2131-1-8\1000MW超超临界机组</t>
  </si>
  <si>
    <t>【东方锅炉】管子\φ63.5×10(正)\12Cr1MoVG\23S2131-3-1\1000MW超超临界机组</t>
  </si>
  <si>
    <t>【东方锅炉】钢板\δ12 №1\12Cr1MoV\19S2131-3-1\1000MW超超临界机组</t>
  </si>
  <si>
    <t>【东方锅炉】钢板\δ12 №1\12Cr1MoV\23S2131-3-2\1000MW超超临界机组</t>
  </si>
  <si>
    <t>【东方锅炉】钢板\δ12 №2\12Cr1MoV\23S2131-3-2\1000MW超超临界机组</t>
  </si>
  <si>
    <t>【东方锅炉】钢板\δ12 №3\12Cr1MoV\23S2131-3-2\1000MW超超临界机组</t>
  </si>
  <si>
    <t>【东方锅炉】钢板\δ12\12Cr1MoV\23S2131-3-3\1000MW超超临界机组</t>
  </si>
  <si>
    <t>【东方锅炉】管子\φ63.5×10\12Cr1MoVG\23S2131-3-4\1000MW超超临界机组</t>
  </si>
  <si>
    <t>【东方锅炉】钢板\δ12 1000×50.8\12Cr1MoV\23S2131-3-0\1000MW超超临界机组</t>
  </si>
  <si>
    <t>【东方锅炉】钢板\δ12 №4\12Cr1MoV\23S2131-3-2\1000MW超超临界机组</t>
  </si>
  <si>
    <t>【东方锅炉】钢板\δ12\12Cr1MoV\23S2131-3-5\1000MW超超临界机组</t>
  </si>
  <si>
    <t>【东方锅炉】钢板\δ12\12Cr1MoV\2S2131-3-7\1000MW超超临界机组</t>
  </si>
  <si>
    <t>【东方锅炉】钢板\δ12\12Cr1MoV\23S2131-3-6\1000MW超超临界机组</t>
  </si>
  <si>
    <t>【东方锅炉】钢板\δ12\12Cr1MoV\2S2131-3-9\1000MW超超临界机组</t>
  </si>
  <si>
    <t>【东方锅炉】钢板\δ12\12Cr1MoV\2S2131-3-10\1000MW超超临界机组</t>
  </si>
  <si>
    <t>【东方锅炉】钢板\δ12 №2\12Cr1MoV\19S2131-3-1\1000MW超超临界机组</t>
  </si>
  <si>
    <t>【东方锅炉】钢板\δ12(反)\12Cr1MoV\23S2131-6-1\1000MW超超临界机组</t>
  </si>
  <si>
    <t>【东方锅炉】管子\φ63.5×10(正)\12Cr1MoVG\23S2131-10-1\1000MW超超临界机组</t>
  </si>
  <si>
    <t>【东方锅炉】钢板\δ12 2631×50.8\12Cr1MoV\23S2131-0\1000MW超超临界机组</t>
  </si>
  <si>
    <t>【东方锅炉】钢板\δ12 2163×23.9\12Cr1MoV\23S2131-0\1000MW超超临界机组</t>
  </si>
  <si>
    <t>【东方锅炉】钢板\δ12 1271×23.9\12Cr1MoV\23S2131-0\1000MW超超临界机组</t>
  </si>
  <si>
    <t>【东方锅炉】耳板\δ10\12Cr1MoVR\23S2131-11\1000MW超超临界机组</t>
  </si>
  <si>
    <t>【东方锅炉】加强板\δ12\15CrMo\2S2131-13\1000MW超超临界机组</t>
  </si>
  <si>
    <t>【东方锅炉】密封板\δ10\12Cr1MoV\2S1112-5-16\1000MW超超临界机组</t>
  </si>
  <si>
    <t>【东方锅炉】密封板\δ10(反)\12Cr1MoV\2S1112-5-12\1000MW超超临界机组</t>
  </si>
  <si>
    <t>【东方锅炉】密封板\δ10(反)\12Cr1MoV\2S1112-5-13\1000MW超超临界机组</t>
  </si>
  <si>
    <t>【东方锅炉】密封板\δ10(正)\12Cr1MoV\TGS11513-0\1000MW超超临界机组</t>
  </si>
  <si>
    <t>【东方锅炉】钢板\δ6 77.3×50\15CrMo\23S2131-0\1000MW超超临界机组</t>
  </si>
  <si>
    <t>【东方锅炉】钢板\δ6 74.8×50\15CrMo\23S2131-0\1000MW超超临界机组</t>
  </si>
  <si>
    <t>【东方锅炉】钢板\δ6 79.7×50\15CrMo\23S2131-0\1000MW超超临界机组</t>
  </si>
  <si>
    <t>【东方锅炉】钢板\δ4\20#\2S2131-17-2\1000MW超超临界机组</t>
  </si>
  <si>
    <t>【东方锅炉】梳型弯板\δ4\20#\2S2131-17-3\1000MW超超临界机组</t>
  </si>
  <si>
    <t>【东方锅炉】梳型弯板\δ4\20#\2S2131-17-4\1000MW超超临界机组</t>
  </si>
  <si>
    <t>【东方锅炉】钢板\δ4\15CrMo\2S2131-17-5\1000MW超超临界机组</t>
  </si>
  <si>
    <t>【东方锅炉】钢板\δ8\15CrMo\2S2131-17-6\1000MW超超临界机组</t>
  </si>
  <si>
    <t>【东方锅炉】钢板\δ4\15CrMo\2S2131-17-7\1000MW超超临界机组</t>
  </si>
  <si>
    <t>【东方锅炉】钢板\δ6 77.2×40\15CrMo\2S2131-18-1\1000MW超超临界机组</t>
  </si>
  <si>
    <t>【东方锅炉】钢板\δ6 75.5×40\15CrMo\2S2131-18-1\1000MW超超临界机组</t>
  </si>
  <si>
    <t>【东方锅炉】钢板\δ6 79×40\15CrMo\2S2131-18-1\1000MW超超临界机组</t>
  </si>
  <si>
    <t>【东方锅炉】梳型弯板\δ4\20#\2S2131-18-5\1000MW超超临界机组</t>
  </si>
  <si>
    <t>【东方锅炉】梳型弯板\δ4\20#\2S2131-18-6\1000MW超超临界机组</t>
  </si>
  <si>
    <t>【东方锅炉】钢板\δ4\15CrMo\2S2131-18-7\1000MW超超临界机组</t>
  </si>
  <si>
    <t>【东方锅炉】钢板\δ8\15CrMo\2S2131-18-8\1000MW超超临界机组</t>
  </si>
  <si>
    <t>【东方锅炉】钢板\δ4\15CrMo\2S2131-18-9\1000MW超超临界机组</t>
  </si>
  <si>
    <t>【东方锅炉】钢板\δ20 16616.7×200\15CrMoR\23S2131-0\1000MW超超临界机组</t>
  </si>
  <si>
    <t>【东方锅炉】钢板\δ12\15CrMoR\23S2131-14-1\1000MW超超临界机组</t>
  </si>
  <si>
    <t>【东方锅炉】钢板\δ9 70×25\SA-240GR309S\23S2131-0\1000MW超超临界机组</t>
  </si>
  <si>
    <t>【东方锅炉】管子\φ63.5×10(反)\12Cr1MoVG\23S2131-1-1\1000MW超超临界机组</t>
  </si>
  <si>
    <t>【东方锅炉】管子\φ63.5×10(反)\12Cr1MoVG\23S2131-1-2\1000MW超超临界机组</t>
  </si>
  <si>
    <t>【东方锅炉】管子\φ63.5×10(反)\12Cr1MoVG\23S2131-1-3\1000MW超超临界机组</t>
  </si>
  <si>
    <t>【东方锅炉】管子\φ63.5×10(反)\12Cr1MoVG\23S2131-3-1\1000MW超超临界机组</t>
  </si>
  <si>
    <t>【东方锅炉】钢板\δ12(正)\12Cr1MoV\23S2131-6-1\1000MW超超临界机组</t>
  </si>
  <si>
    <t>【东方锅炉】管子\φ63.5×10(反)\12Cr1MoVG\23S2131-10-1\1000MW超超临界机组</t>
  </si>
  <si>
    <t>【东方锅炉】管子\φ63.5×10\12Cr1MoVG\23S2132-1-1\1000MW超超临界机组</t>
  </si>
  <si>
    <t>【东方锅炉】管子\φ63.5×10\12Cr1MoVG\23S2132-1-2\1000MW超超临界机组</t>
  </si>
  <si>
    <t>【东方锅炉】管子\φ63.5×10\12Cr1MoVG\23S2132-1-3\1000MW超超临界机组</t>
  </si>
  <si>
    <t>【东方锅炉】管子\φ63.5×10\12Cr1MoVG\23S2132-1-4\1000MW超超临界机组</t>
  </si>
  <si>
    <t>【东方锅炉】管子\φ63.5×10\12Cr1MoVG\23S2132-1-5\1000MW超超临界机组</t>
  </si>
  <si>
    <t>【东方锅炉】密封板\δ10\12Cr1MoV\TGS11513-0\1000MW超超临界机组</t>
  </si>
  <si>
    <t>【东方锅炉】扁钢\δ9 №1\15CrMo\23S2132-1-6\1000MW超超临界机组</t>
  </si>
  <si>
    <t>【东方锅炉】扁钢\δ9 №1\15CrMo\23S2132-1-7\1000MW超超临界机组</t>
  </si>
  <si>
    <t>【东方锅炉】扁钢\δ9 №2\15CrMo\23S2132-1-7\1000MW超超临界机组</t>
  </si>
  <si>
    <t>【东方锅炉】扁钢\δ9 №1\15CrMo\23S2132-1-8\1000MW超超临界机组</t>
  </si>
  <si>
    <t>【东方锅炉】扁钢\δ9\15CrMo\23S2132-1-9\1000MW超超临界机组</t>
  </si>
  <si>
    <t>【东方锅炉】扁钢\δ9\15CrMo\23S2132-1-10\1000MW超超临界机组</t>
  </si>
  <si>
    <t>【东方锅炉】扁钢\δ9\15CrMo\23S2132-1-11\1000MW超超临界机组</t>
  </si>
  <si>
    <t>【东方锅炉】密封板\δ10(反)\12Cr1MoV\TGS11513-0\1000MW超超临界机组</t>
  </si>
  <si>
    <t>【东方锅炉】扁钢\δ9 №2\15CrMo\23S2132-1-8\1000MW超超临界机组</t>
  </si>
  <si>
    <t>【东方锅炉】钢板\δ10\12Cr1MoV\2S2132-1-14\1000MW超超临界机组</t>
  </si>
  <si>
    <t>【东方锅炉】钢板\δ10\12Cr1MoV\2S2132-1-15\1000MW超超临界机组</t>
  </si>
  <si>
    <t>【东方锅炉】钢板\δ10\12Cr1MoV\2S2132-1-16\1000MW超超临界机组</t>
  </si>
  <si>
    <t>【东方锅炉】钢板\δ10\12Cr1MoV\2S2132-1-17\1000MW超超临界机组</t>
  </si>
  <si>
    <t>【东方锅炉】扁钢\δ9 №1\15CrMo\23S2132-1-12\1000MW超超临界机组</t>
  </si>
  <si>
    <t>【东方锅炉】塞块\φ4\15CrMo\2S2132-1-19\1000MW超超临界机组</t>
  </si>
  <si>
    <t>【东方锅炉】钢板\δ6 86×75\15CrMo\23S2132-10\1000MW超超临界机组</t>
  </si>
  <si>
    <t>【东方锅炉】钢板\δ10\15CrMo\23S2132-1-13\1000MW超超临界机组</t>
  </si>
  <si>
    <t>【东方锅炉】钢板\δ10\15CrMo\23S2132-1-14\1000MW超超临界机组</t>
  </si>
  <si>
    <t>【东方锅炉】管子\φ63.5×10\12Cr1MoVG\23S2132-2-1\1000MW超超临界机组</t>
  </si>
  <si>
    <t>【东方锅炉】管子\φ63.5×10\12Cr1MoVG\23S2132-2-2\1000MW超超临界机组</t>
  </si>
  <si>
    <t>【东方锅炉】管子\φ63.5×10\12Cr1MoVG\23S2132-2-3\1000MW超超临界机组</t>
  </si>
  <si>
    <t>【东方锅炉】扁钢\δ9 №3\15CrMo\23S2132-1-8\1000MW超超临界机组</t>
  </si>
  <si>
    <t>【东方锅炉】扁钢\δ9 №4\15CrMo\23S2132-1-8\1000MW超超临界机组</t>
  </si>
  <si>
    <t>【东方锅炉】扁钢\δ9 №2\15CrMo\23S2132-1-6\1000MW超超临界机组</t>
  </si>
  <si>
    <t>【东方锅炉】扁钢\δ9 №2\15CrMo\23S2132-1-12\1000MW超超临界机组</t>
  </si>
  <si>
    <t>【东方锅炉】钢板\δ10\15CrMo\19S2132-2-1\1000MW超超临界机组</t>
  </si>
  <si>
    <t>【东方锅炉】管子\φ63.5×10\12Cr1MoVG\23S2132-3-1\1000MW超超临界机组</t>
  </si>
  <si>
    <t>【东方锅炉】扁钢\δ9 №5\15CrMo\23S2132-1-8\1000MW超超临界机组</t>
  </si>
  <si>
    <t>【东方锅炉】扁钢\δ9 №3\15CrMo\23S2132-1-12\1000MW超超临界机组</t>
  </si>
  <si>
    <t>【东方锅炉】管子\φ63.5×10\15CrMoG\2S2132-2-2\1000MW超超临界机组</t>
  </si>
  <si>
    <t>【东方锅炉】管子\φ63.5×10\15CrMoG\2S2132-2-3\1000MW超超临界机组</t>
  </si>
  <si>
    <t>【东方锅炉】管子\φ63.5×10\15CrMoG\2S2132-2-1\1000MW超超临界机组</t>
  </si>
  <si>
    <t>【东方锅炉】密封板\δ9\12Cr1MoV\TGS11514-0\1000MW超超临界机组</t>
  </si>
  <si>
    <t>【东方锅炉】密封板\δ12\15CrMo\2S2132-20-1\1000MW超超临界机组</t>
  </si>
  <si>
    <t>【东方锅炉】密封板\δ12\15CrMo\2S2132-20-2\1000MW超超临界机组</t>
  </si>
  <si>
    <t>【东方锅炉】扁钢\δ12\15CrMo\2S2132-20-3\1000MW超超临界机组</t>
  </si>
  <si>
    <t>【东方锅炉】密封板\δ12\15CrMo\2S2132-20-4\1000MW超超临界机组</t>
  </si>
  <si>
    <t>【东方锅炉】钢板\δ12\15CrMo\23S2132-20-1\1000MW超超临界机组</t>
  </si>
  <si>
    <t>【东方锅炉】扁钢\δ9 №1\15CrMo\23S2132-20-2\1000MW超超临界机组</t>
  </si>
  <si>
    <t>【东方锅炉】扁钢\δ9 №2\15CrMo\23S2132-20-2\1000MW超超临界机组</t>
  </si>
  <si>
    <t>【东方锅炉】扁钢\δ9 №3\15CrMo\23S2132-20-2\1000MW超超临界机组</t>
  </si>
  <si>
    <t>【东方锅炉】钢板\δ9\15CrMo\23S2132-21-2\1000MW超超临界机组</t>
  </si>
  <si>
    <t>【东方锅炉】钢板\δ9\15CrMo\23S2132-21-3\1000MW超超临界机组</t>
  </si>
  <si>
    <t>【东方锅炉】钢板\δ9\15CrMo\23S2132-21-4\1000MW超超临界机组</t>
  </si>
  <si>
    <t>【东方锅炉】钢板\δ9\15CrMo\23S2132-21-5\1000MW超超临界机组</t>
  </si>
  <si>
    <t>【东方锅炉】扁钢\δ9 №1\15CrMo\23S2132-21-6\1000MW超超临界机组</t>
  </si>
  <si>
    <t>【东方锅炉】扁钢\δ9 №4\15CrMo\23S2132-20-2\1000MW超超临界机组</t>
  </si>
  <si>
    <t>【东方锅炉】扁钢\δ9 №5\15CrMo\23S2132-20-2\1000MW超超临界机组</t>
  </si>
  <si>
    <t>【东方锅炉】扁钢\δ9 №6\15CrMo\23S2132-20-2\1000MW超超临界机组</t>
  </si>
  <si>
    <t>【东方锅炉】扁钢\δ9\15CrMo\23S2132-21-7\1000MW超超临界机组</t>
  </si>
  <si>
    <t>【东方锅炉】扁钢\δ9 №1\15CrMo\23S2132-22-2\1000MW超超临界机组</t>
  </si>
  <si>
    <t>【东方锅炉】钢板\δ9 №1\15CrMo\23S2132-22-3\1000MW超超临界机组</t>
  </si>
  <si>
    <t>【东方锅炉】扁钢\δ9 №1\15CrMo\23S2132-22-4\1000MW超超临界机组</t>
  </si>
  <si>
    <t>【东方锅炉】钢板\δ9 №1\15CrMo\23S2132-22-5\1000MW超超临界机组</t>
  </si>
  <si>
    <t>【东方锅炉】扁钢\δ9 №1\15CrMo\23S2132-22-6\1000MW超超临界机组</t>
  </si>
  <si>
    <t>【东方锅炉】扁钢\δ9 №1\15CrMo\23S2132-22-7\1000MW超超临界机组</t>
  </si>
  <si>
    <t>【东方锅炉】扁钢\δ9 №2\15CrMo\23S2132-21-6\1000MW超超临界机组</t>
  </si>
  <si>
    <t>【东方锅炉】扁钢\δ9 №3\15CrMo\23S2132-21-6\1000MW超超临界机组</t>
  </si>
  <si>
    <t>【东方锅炉】钢板\δ9\15CrMo\23S2132-23-3\1000MW超超临界机组</t>
  </si>
  <si>
    <t>【东方锅炉】钢板\δ9 №1\15CrMo\23S2132-23-4\1000MW超超临界机组</t>
  </si>
  <si>
    <t>【东方锅炉】扁钢\δ9 №4\15CrMo\23S2132-21-6\1000MW超超临界机组</t>
  </si>
  <si>
    <t>【东方锅炉】扁钢\δ9 №2\15CrMo\23S2132-22-6\1000MW超超临界机组</t>
  </si>
  <si>
    <t>【东方锅炉】扁钢\δ9\15CrMo\23S2132-23-5\1000MW超超临界机组</t>
  </si>
  <si>
    <t>【东方锅炉】扁钢\δ9\15CrMo\23S2132-23-6\1000MW超超临界机组</t>
  </si>
  <si>
    <t>【东方锅炉】钢板\δ9 №1\15CrMo\23S2132-24-1\1000MW超超临界机组</t>
  </si>
  <si>
    <t>【东方锅炉】钢板\δ9\15CrMo\23S2132-24-2\1000MW超超临界机组</t>
  </si>
  <si>
    <t>【东方锅炉】钢板\δ9 №1\15CrMo\23S2132-24-3\1000MW超超临界机组</t>
  </si>
  <si>
    <t>【东方锅炉】扁钢\δ9 №2\15CrMo\23S2132-22-2\1000MW超超临界机组</t>
  </si>
  <si>
    <t>【东方锅炉】扁钢\δ9 №2\15CrMo\23S2132-22-4\1000MW超超临界机组</t>
  </si>
  <si>
    <t>【东方锅炉】扁钢\δ9 №3\15CrMo\23S2132-22-4\1000MW超超临界机组</t>
  </si>
  <si>
    <t>【东方锅炉】圆弧板\δ6\15CrMo\2S2132-23-1\1000MW超超临界机组</t>
  </si>
  <si>
    <t>【东方锅炉】钢板\δ9 №2\15CrMo\23S2132-22-3\1000MW超超临界机组</t>
  </si>
  <si>
    <t>【东方锅炉】钢板\δ9 №2\15CrMo\23S2132-22-5\1000MW超超临界机组</t>
  </si>
  <si>
    <t>【东方锅炉】钢板\δ9 №1\15CrMo\23S2132-26-1\1000MW超超临界机组</t>
  </si>
  <si>
    <t>【东方锅炉】钢板\δ9 №1\15CrMo\23S2132-26-2\1000MW超超临界机组</t>
  </si>
  <si>
    <t>【东方锅炉】钢板\δ9 №2\15CrMo\23S2132-24-3\1000MW超超临界机组</t>
  </si>
  <si>
    <t>【东方锅炉】扁钢\δ9\15CrMo\23S2132-30-1\1000MW超超临界机组</t>
  </si>
  <si>
    <t>【东方锅炉】钢板\δ9 №2\15CrMo\23S2132-23-4\1000MW超超临界机组</t>
  </si>
  <si>
    <t>【东方锅炉】扁钢\δ9 №3\15CrMo\23S2132-22-6\1000MW超超临界机组</t>
  </si>
  <si>
    <t>【东方锅炉】扁钢\δ9 №5\15CrMo\23S2132-21-6\1000MW超超临界机组</t>
  </si>
  <si>
    <t>【东方锅炉】钢板\δ9 №3\15CrMo\23S2132-24-3\1000MW超超临界机组</t>
  </si>
  <si>
    <t>【东方锅炉】扁钢\δ9 №4\15CrMo\23S2132-22-4\1000MW超超临界机组</t>
  </si>
  <si>
    <t>【东方锅炉】钢板\δ9 №3\15CrMo\23S2132-22-3\1000MW超超临界机组</t>
  </si>
  <si>
    <t>【东方锅炉】扁钢\δ9 №5\15CrMo\23S2132-22-4\1000MW超超临界机组</t>
  </si>
  <si>
    <t>【东方锅炉】塞块\δ4 №3\15CrMo\2S2132-2-6\1000MW超超临界机组</t>
  </si>
  <si>
    <t>【东方锅炉】耳板\δ10\15CrMo\2S2131-12\1000MW超超临界机组</t>
  </si>
  <si>
    <t>【东方锅炉】吊耳\φ10\15CrMo\2S2132-43\1000MW超超临界机组</t>
  </si>
  <si>
    <t>【东方锅炉】钢板\δ10 70×25\SA-240GR309S\23S2132-0\1000MW超超临界机组</t>
  </si>
  <si>
    <t>【东方锅炉】密封板\δ12\12Cr1MoV\2S2132-44\1000MW超超临界机组</t>
  </si>
  <si>
    <t>【东方锅炉】钢板\δ12\15CrMo\2S2132-45\1000MW超超临界机组</t>
  </si>
  <si>
    <t>【东方锅炉】钢板\δ12\15CrMo\2S2132-46\1000MW超超临界机组</t>
  </si>
  <si>
    <t>【东方锅炉】钢板\δ12\12Cr1MoV\2S2132-47\1000MW超超临界机组</t>
  </si>
  <si>
    <t>【东方锅炉】钢板\δ12\15CrMo\2S2132-48\1000MW超超临界机组</t>
  </si>
  <si>
    <t>【东方锅炉】钢板\δ9\15CrMo\2S2132-49\1000MW超超临界机组</t>
  </si>
  <si>
    <t>【东方锅炉】钢板\δ9 №1\12Cr1MoV\2S2132-50\1000MW超超临界机组</t>
  </si>
  <si>
    <t>【东方锅炉】钢板\δ9 №2\15CrMo\2S2132-50\1000MW超超临界机组</t>
  </si>
  <si>
    <t>【东方锅炉】钢板\δ9 №3\15CrMo\2S2132-50\1000MW超超临界机组</t>
  </si>
  <si>
    <t>【东方锅炉】耳板\δ10\15CrMo\2S2132-51\1000MW超超临界机组</t>
  </si>
  <si>
    <t>【东方锅炉】钢板\δ25 1408.8×75\15CrMo\23S2132-0\1000MW超超临界机组</t>
  </si>
  <si>
    <t>【东方锅炉】钢板\δ25 1351.6×75\15CrMo\23S2132-0\1000MW超超临界机组</t>
  </si>
  <si>
    <t>【东方锅炉】钢板\δ20 50×19\Q245R\23S2132-0\1000MW超超临界机组</t>
  </si>
  <si>
    <t>【东方锅炉】钢板\δ20\15CrMoR\23S2132-38-1\1000MW超超临界机组</t>
  </si>
  <si>
    <t>【东方锅炉】钢板\δ20 16705.2×200\15CrMoR\23S2132-0\1000MW超超临界机组</t>
  </si>
  <si>
    <t>【东方锅炉】钢板\δ20\15CrMoR\23S2132-39-1\1000MW超超临界机组</t>
  </si>
  <si>
    <t>【东方锅炉】钢板\δ25\Q235A\2S2132-53-2\1000MW超超临界机组</t>
  </si>
  <si>
    <t>【东方锅炉】钢板\δ25 16705.2×200\15CrMoR\23S2132-0\1000MW超超临界机组</t>
  </si>
  <si>
    <t>【东方锅炉】钢板\δ20\15CrMoR\23S2132-40-1\1000MW超超临界机组</t>
  </si>
  <si>
    <t>【东方锅炉】钢板\δ20\15CrMoR\23S2132-41-1\1000MW超超临界机组</t>
  </si>
  <si>
    <t>【东方锅炉】塞块\δ4 №2\15CrMo\2S2132-2-6\1000MW超超临界机组</t>
  </si>
  <si>
    <t>【东方锅炉】密封板\δ9(正)\12Cr1MoV\TGS11514-0\1000MW超超临界机组</t>
  </si>
  <si>
    <t>【东方锅炉】密封板\δ9(正)\15CrMo\TGS11514-0\1000MW超超临界机组</t>
  </si>
  <si>
    <t>【东方锅炉】密封板\δ9(反)\12Cr1MoV\TGS11514-0\1000MW超超临界机组</t>
  </si>
  <si>
    <t>【东方锅炉】钢板\δ6 №1\15CrMo\2S2133-2-2\1000MW超超临界机组</t>
  </si>
  <si>
    <t>【东方锅炉】钢板\δ6\15CrMo\23S2133-2-2\1000MW超超临界机组</t>
  </si>
  <si>
    <t>【东方锅炉】钢板\δ6\15CrMo\23S2133-2-3\1000MW超超临界机组</t>
  </si>
  <si>
    <t>【东方锅炉】钢板\δ6\15CrMo\2S2133-2-4\1000MW超超临界机组</t>
  </si>
  <si>
    <t>【东方锅炉】圆弧板\δ6\15CrMo\2S2133-4-1\1000MW超超临界机组</t>
  </si>
  <si>
    <t>【东方锅炉】圆弧板\δ6\15CrMo\2S2133-4-2\1000MW超超临界机组</t>
  </si>
  <si>
    <t>【东方锅炉】密封板\δ9(反)\15CrMo\TGS11514-0\1000MW超超临界机组</t>
  </si>
  <si>
    <t>【东方锅炉】管子\φ57×9\15CrMoG\23S2133-8-1\1000MW超超临界机组</t>
  </si>
  <si>
    <t>【东方锅炉】钢板\δ6\15CrMo\23S2133-8-2\1000MW超超临界机组</t>
  </si>
  <si>
    <t>【东方锅炉】密封板\δ10(正)\12Cr1MoV\2S2133-35\1000MW超超临界机组</t>
  </si>
  <si>
    <t>【东方锅炉】密封板\δ9 1000×500\15CrMo\23S1131-0\1000MW超超临界机组</t>
  </si>
  <si>
    <t>【东方锅炉】密封板\δ6 1000×500\15CrMo\23S1131-0\1000MW超超临界机组</t>
  </si>
  <si>
    <t>【东方锅炉】密封板\δ10(反)\12Cr1MoV\22S1133-5-1\1050MW超超临界机组</t>
  </si>
  <si>
    <t>【东方锅炉】密封板\δ10(正)\12Cr1MoV\23S1134-2-4\1000MW超超临界机组</t>
  </si>
  <si>
    <t>【东方锅炉】密封板\δ10\12Cr1MoV\23S1134-2-5\1000MW超超临界机组</t>
  </si>
  <si>
    <t>【东方锅炉】密封板\δ10(反)\12Cr1MoV\23S1134-2-4\1000MW超超临界机组</t>
  </si>
  <si>
    <t>【东方锅炉】密封板\δ10(正)\12Cr1MoV\23S1134-7-4\1000MW超超临界机组</t>
  </si>
  <si>
    <t>【东方锅炉】密封板\δ10\12Cr1MoV\23S1134-7-5\1000MW超超临界机组</t>
  </si>
  <si>
    <t>【东方锅炉】耳板\δ10\12Cr1MoVR\2S2133-44\1000MW超超临界机组</t>
  </si>
  <si>
    <t>【东方锅炉】螺栓\φ12\35\2S2133-45\1000MW超超临界机组</t>
  </si>
  <si>
    <t>【东方锅炉】折板\δ12(正)\12Cr1MoVR\2S2133-46-1\1000MW超超临界机组</t>
  </si>
  <si>
    <t>【东方锅炉】肋板\δ10\12Cr1MoV\2S2133-46-2\1000MW超超临界机组</t>
  </si>
  <si>
    <t>【东方锅炉】折板\δ12(正)\12Cr1MoVR\2S2133-47-1\1000MW超超临界机组</t>
  </si>
  <si>
    <t>【东方锅炉】折板\δ12(正)\12Cr1MoVR\2S2133-49-1\1000MW超超临界机组</t>
  </si>
  <si>
    <t>【东方锅炉】钢板\δ10 50×40\12Cr1MoVR\23S2133-0\1000MW超超临界机组</t>
  </si>
  <si>
    <t>【东方锅炉】钢板\δ10 70×25\16Cr20Ni14Si2\23S2133-0\1000MW超超临界机组</t>
  </si>
  <si>
    <t>【东方锅炉】耳板\δ10\15CrMoR\2S2133-50\1000MW超超临界机组</t>
  </si>
  <si>
    <t>【东方锅炉】钢板\δ20\15CrMoR\23S2133-28-1\1000MW超超临界机组</t>
  </si>
  <si>
    <t>【东方锅炉】钢板\δ14\15CrMoR\23S2133-29-1\1000MW超超临界机组</t>
  </si>
  <si>
    <t>【东方锅炉】密封板\δ10(反)\12Cr1MoV\2S2133-35\1000MW超超临界机组</t>
  </si>
  <si>
    <t>【东方锅炉】密封板\δ10(反)\12Cr1MoV\23S1134-7-4\1000MW超超临界机组</t>
  </si>
  <si>
    <t>【东方锅炉】密封板\δ10(正)\12Cr1MoV\23S1153-7\1000MW超超临界机组</t>
  </si>
  <si>
    <t>【东方锅炉】密封板\δ10\12Cr1MoV\23S1153-8\1000MW超超临界机组</t>
  </si>
  <si>
    <t>【东方锅炉】密封板\δ10(反)\12Cr1MoV\23S1153-7\1000MW超超临界机组</t>
  </si>
  <si>
    <t>【东方锅炉】密封板\δ10\12Cr1MoV\2S1141-1-25\1000MW超超临界机组</t>
  </si>
  <si>
    <t>【东方锅炉】密封板\δ10\12Cr1MoV\2S1141-1-26\1000MW超超临界机组</t>
  </si>
  <si>
    <t>【东方锅炉】密封板\δ10\12Cr1MoV\2S1141-1-27\1000MW超超临界机组</t>
  </si>
  <si>
    <t>【东方锅炉】密封板\δ10\12Cr1MoV\2S1141-1-28\1000MW超超临界机组</t>
  </si>
  <si>
    <t>【东方锅炉】折板\δ12(反)\12Cr1MoVR\2S2133-46-1\1000MW超超临界机组</t>
  </si>
  <si>
    <t>【东方锅炉】折板\δ12(反)\12Cr1MoVR\2S2133-47-1\1000MW超超临界机组</t>
  </si>
  <si>
    <t>【东方锅炉】折板\δ12(反)\12Cr1MoVR\2S2133-49-1\1000MW超超临界机组</t>
  </si>
  <si>
    <t>【东方锅炉】密封板\δ10\12Cr1MoV\2S1141-1-29\1000MW超超临界机组</t>
  </si>
  <si>
    <t>【东方锅炉】密封板\δ10 №1\12Cr1MoV\2S1141-1-30\1000MW超超临界机组</t>
  </si>
  <si>
    <t>【东方锅炉】密封板\δ10 №2\12Cr1MoV\2S1141-1-30\1000MW超超临界机组</t>
  </si>
  <si>
    <t>【东方锅炉】密封板\δ10 №3\12Cr1MoV\2S1141-1-30\1000MW超超临界机组</t>
  </si>
  <si>
    <t>【东方锅炉】管子\φ38.1×6.5\15CrMoG\23S2141-1-1\1000MW超超临界机组</t>
  </si>
  <si>
    <t>【东方锅炉】管子\φ38.1×6.5\15CrMoG\23S2141-1-2\1000MW超超临界机组</t>
  </si>
  <si>
    <t>【东方锅炉】管子\φ38.1×6.5\15CrMoG\23S2141-1-3\1000MW超超临界机组</t>
  </si>
  <si>
    <t>【东方锅炉】管子\φ38.1×6.5\15CrMoG\23S2141-1-4\1000MW超超临界机组</t>
  </si>
  <si>
    <t>【东方锅炉】密封板\δ10\12Cr1MoV\2S1141-3-10\1000MW超超临界机组</t>
  </si>
  <si>
    <t>【东方锅炉】密封板\δ10\12Cr1MoV\2S1141-3-11\1000MW超超临界机组</t>
  </si>
  <si>
    <t>【东方锅炉】密封板\δ10\12Cr1MoV\2S1142-1-20\1000MW超超临界机组</t>
  </si>
  <si>
    <t>【东方锅炉】密封板\δ10\12Cr1MoV\2S1142-1-21\1000MW超超临界机组</t>
  </si>
  <si>
    <t>【东方锅炉】密封块\δ6 №1\20#\22S2141-1-9\1000MW超超临界机组</t>
  </si>
  <si>
    <t>【东方锅炉】密封块\δ6 №2\20#\22S2141-1-9\1000MW超超临界机组</t>
  </si>
  <si>
    <t>【东方锅炉】密封块\δ6\20#\22S2141-1-10\1000MW超超临界机组</t>
  </si>
  <si>
    <t>【东方锅炉】耳板\δ6\20#\22S2141-1-11\1000MW超超临界机组</t>
  </si>
  <si>
    <t>【东方锅炉】管子\φ38.1×6.5\15CrMoG\23S2141-4-1\1000MW超超临界机组</t>
  </si>
  <si>
    <t>【东方锅炉】管子\φ38.1×6.5\15CrMoG\23S2141-4-2\1000MW超超临界机组</t>
  </si>
  <si>
    <t>【东方锅炉】密封板\δ10\12Cr1MoV\2S1142-1-23\1000MW超超临界机组</t>
  </si>
  <si>
    <t>【东方锅炉】密封板\δ10\12Cr1MoV\2S1142-1-24\1000MW超超临界机组</t>
  </si>
  <si>
    <t>【东方锅炉】张力板\δ60\15CrMo\2S2141-6-1\1000MW超超临界机组</t>
  </si>
  <si>
    <t>【东方锅炉】固定块\δ60\15CrMo\2S2141-6-2\1000MW超超临界机组</t>
  </si>
  <si>
    <t>【东方锅炉】塞块\δ6\15CrMo\2S2141-6-3\1000MW超超临界机组</t>
  </si>
  <si>
    <t>【东方锅炉】耳板\δ32\15CrMo\2S2141-6-4\1000MW超超临界机组</t>
  </si>
  <si>
    <t>【东方锅炉】压板\δ20 50×50\15CrMo\23S2141-0\1000MW超超临界机组</t>
  </si>
  <si>
    <t>【东方锅炉】管子\φ38.1×6.5\15CrMoG\23S2141-7-1\1000MW超超临界机组</t>
  </si>
  <si>
    <t>【东方锅炉】管子\φ38.1×6.5\15CrMoG\23S2141-7-2\1000MW超超临界机组</t>
  </si>
  <si>
    <t>【东方锅炉】密封板\δ10 №1\12Cr1MoV\2S1142-1-25\1000MW超超临界机组</t>
  </si>
  <si>
    <t>【东方锅炉】密封板\δ10 №2\12Cr1MoV\2S1142-1-25\1000MW超超临界机组</t>
  </si>
  <si>
    <t>【东方锅炉】密封块\δ6\20#\2S2141-7-4\1000MW超超临界机组</t>
  </si>
  <si>
    <t>【东方锅炉】密封块\δ6\20#\2S2141-7-5\1000MW超超临界机组</t>
  </si>
  <si>
    <t>【东方锅炉】密封块\δ6(正)\20#\22S2141-7-4\1000MW超超临界机组</t>
  </si>
  <si>
    <t>【东方锅炉】钢板\δ10 194×45\20#\23S2141-0\1000MW超超临界机组</t>
  </si>
  <si>
    <t>【东方锅炉】钢板\δ10 300×45\20#\23S2141-0\1000MW超超临界机组</t>
  </si>
  <si>
    <t>【东方锅炉】钢板\δ6 №1\20#\2S2141-7-7\1000MW超超临界机组</t>
  </si>
  <si>
    <t>【东方锅炉】圆弧板\δ6\15CrMo\22S2141-7-5\1000MW超超临界机组</t>
  </si>
  <si>
    <t>【东方锅炉】圆弧板\δ6\15CrMo\2S2141-7-9\1000MW超超临界机组</t>
  </si>
  <si>
    <t>【东方锅炉】半圆板\δ4\15CrMo\22S2141-7-6\1000MW超超临界机组</t>
  </si>
  <si>
    <t>【东方锅炉】半圆板\δ4\15CrMo\2S2141-7-11\1000MW超超临界机组</t>
  </si>
  <si>
    <t>【东方锅炉】钢板\δ10 №1\15CrMo\22S2141-7-7\1000MW超超临界机组</t>
  </si>
  <si>
    <t>【东方锅炉】钢板\δ10 №2\15CrMo\22S2141-7-7\1000MW超超临界机组</t>
  </si>
  <si>
    <t>【东方锅炉】扁钢\δ6.4\15CrMo\2S2141-7-13\1000MW超超临界机组</t>
  </si>
  <si>
    <t>【东方锅炉】扁钢\δ6.4 №1\15CrMo\22S2141-7-8\1000MW超超临界机组</t>
  </si>
  <si>
    <t>【东方锅炉】扁钢\δ6.4 №2\15CrMo\22S2141-7-8\1000MW超超临界机组</t>
  </si>
  <si>
    <t>【东方锅炉】管子\φ38.1×6.5(正)\15CrMoG\23S2141-7-4\1000MW超超临界机组</t>
  </si>
  <si>
    <t>【东方锅炉】管子\φ38.1×6.5(正)\15CrMoG\23S2141-7-5\1000MW超超临界机组</t>
  </si>
  <si>
    <t>【东方锅炉】密封板\δ10 №3\12Cr1MoV\2S1142-1-25\1000MW超超临界机组</t>
  </si>
  <si>
    <t>【东方锅炉】密封块\δ6(反)\20#\22S2141-7-4\1000MW超超临界机组</t>
  </si>
  <si>
    <t>【东方锅炉】钢板\δ10 300×45\20#\23S2141-10-0\1000MW超超临界机组</t>
  </si>
  <si>
    <t>【东方锅炉】钢板\δ6 №2\20#\2S2141-7-7\1000MW超超临界机组</t>
  </si>
  <si>
    <t>【东方锅炉】钢板\δ10 528.6×45\20#\23S2141-0\1000MW超超临界机组</t>
  </si>
  <si>
    <t>【东方锅炉】管子\φ38.1×6.5\15CrMoG\23S2141-10-1\1000MW超超临界机组</t>
  </si>
  <si>
    <t>【东方锅炉】管子\φ38.1×6.5\15CrMoG\23S2141-10-2\1000MW超超临界机组</t>
  </si>
  <si>
    <t>【东方锅炉】密封板\δ10\12Cr1MoV\2S1142-1-26\1000MW超超临界机组</t>
  </si>
  <si>
    <t>【东方锅炉】密封板\δ10\12Cr1MoV\2S1142-1-27\1000MW超超临界机组</t>
  </si>
  <si>
    <t>【东方锅炉】密封板\δ10\12Cr1MoV\2S1142-1-28\1000MW超超临界机组</t>
  </si>
  <si>
    <t>【东方锅炉】密封板\δ10\12Cr1MoV\2S1142-1-29\1000MW超超临界机组</t>
  </si>
  <si>
    <t>【东方锅炉】钢板\δ6 №3\20#\2S2141-7-7\1000MW超超临界机组</t>
  </si>
  <si>
    <t>【东方锅炉】钢板\δ6 №4\20#\2S2141-7-7\1000MW超超临界机组</t>
  </si>
  <si>
    <t>【东方锅炉】钢板\δ6 332×73.2\15CrMo\23S2141-0\1000MW超超临界机组</t>
  </si>
  <si>
    <t>【东方锅炉】钢板\δ6 165×30\15CrMo\23S2141-0\1000MW超超临界机组</t>
  </si>
  <si>
    <t>【东方锅炉】钢板\δ6\15CrMo\22S2141-13\1000MW超超临界机组</t>
  </si>
  <si>
    <t>【东方锅炉】扁钢\δ6.4\15CrMo\2S2141-14\1000MW超超临界机组</t>
  </si>
  <si>
    <t>【东方锅炉】密封板\δ10\12Cr1MoV\2S1143-1-18\1000MW超超临界机组</t>
  </si>
  <si>
    <t>【东方锅炉】密封板\δ10\12Cr1MoV\2S1143-1-19\1000MW超超临界机组</t>
  </si>
  <si>
    <t>【东方锅炉】密封板\δ10\12Cr1MoV\2S1143-1-20\1000MW超超临界机组</t>
  </si>
  <si>
    <t>【东方锅炉】密封板\δ10\12Cr1MoV\2S1143-1-21\1000MW超超临界机组</t>
  </si>
  <si>
    <t>【东方锅炉】管子\φ38.1×6.5(反)\15CrMoG\23S2141-7-4\1000MW超超临界机组</t>
  </si>
  <si>
    <t>【东方锅炉】管子\φ38.1×6.5(反)\15CrMoG\23S2141-7-5\1000MW超超临界机组</t>
  </si>
  <si>
    <t>【东方锅炉】密封板\δ10\12Cr1MoV\2S1143-1-22\1000MW超超临界机组</t>
  </si>
  <si>
    <t>【东方锅炉】密封板\δ10 №1\12Cr1MoV\2S1143-1-23\1000MW超超临界机组</t>
  </si>
  <si>
    <t>【东方锅炉】管子\φ38.1×6.5\15CrMoG\23S2142-1-1\1000MW超超临界机组</t>
  </si>
  <si>
    <t>【东方锅炉】管子\φ38.1×6.5\15CrMoG\23S2142-1-2\1000MW超超临界机组</t>
  </si>
  <si>
    <t>【东方锅炉】密封板\δ10 №2\12Cr1MoV\2S1143-1-23\1000MW超超临界机组</t>
  </si>
  <si>
    <t>【东方锅炉】密封板\δ10 №3\12Cr1MoV\2S1143-1-23\1000MW超超临界机组</t>
  </si>
  <si>
    <t>【东方锅炉】密封块\δ6\20#\2S2142-1-7\1000MW超超临界机组</t>
  </si>
  <si>
    <t>【东方锅炉】人孔\d550 L1/L2=1200/146.7\装配件\TGS21503-0\1000MW超超临界机组</t>
  </si>
  <si>
    <t>【东方锅炉】管子\φ38.1×6.5 Lz=1388.4\15CrMoG\TGS21503-0\1000MW超超临界机组</t>
  </si>
  <si>
    <t>【东方锅炉】管子\φ38.1×6.5 Lz=1310.6\15CrMoG\TGS21503-0\1000MW超超临界机组</t>
  </si>
  <si>
    <t>【东方锅炉】管子\φ38.1×6.5 Lz=1247.6\15CrMoG\TGS21503-0\1000MW超超临界机组</t>
  </si>
  <si>
    <t>【东方锅炉】管子\φ38.1×6.5 Lz=1208.8\15CrMoG\TGS21503-0\1000MW超超临界机组</t>
  </si>
  <si>
    <t>【东方锅炉】钢板\δ6\15CrMo\TGS21503-0\1000MW超超临界机组</t>
  </si>
  <si>
    <t>【东方锅炉】密封板\δ10(正)\12Cr1MoV\23S1111-7-1\1000MW超超临界机组</t>
  </si>
  <si>
    <t>【东方锅炉】密封板\δ10(反)\12Cr1MoV\23S1111-7-1\1000MW超超临界机组</t>
  </si>
  <si>
    <t>【东方锅炉】密封块\δ6\15CrMo\TGS21501-1\1000MW超超临界机组</t>
  </si>
  <si>
    <t>【东方锅炉】密封板\δ10\12Cr1MoV\2S1143-2-5\1000MW超超临界机组</t>
  </si>
  <si>
    <t>【东方锅炉】张力板\δ60\15CrMo\2S2142-6-1\1000MW超超临界机组</t>
  </si>
  <si>
    <t>【东方锅炉】固定块\δ60\15CrMo\2S2142-6-2\1000MW超超临界机组</t>
  </si>
  <si>
    <t>【东方锅炉】压板\δ20 50×50\20#\23S2142-0\1000MW超超临界机组</t>
  </si>
  <si>
    <t>【东方锅炉】密封板\δ10\12Cr1MoV\2S1143-3\1000MW超超临界机组</t>
  </si>
  <si>
    <t>【东方锅炉】密封板\δ10\12Cr1MoV\2S1143-4\1000MW超超临界机组</t>
  </si>
  <si>
    <t>【东方锅炉】管子\φ38.1×6.5\15CrMoG\2S2142-7-1\1000MW超超临界机组</t>
  </si>
  <si>
    <t>【东方锅炉】管子\φ38.1×6.5\15CrMoG\2S2142-7-2\1000MW超超临界机组</t>
  </si>
  <si>
    <t>【东方锅炉】密封块\δ6 №2\20#\2S2141-1-5\1000MW超超临界机组</t>
  </si>
  <si>
    <t>【东方锅炉】钢板\δ6 №1\20#\2S2142-7-3\1000MW超超临界机组</t>
  </si>
  <si>
    <t>【东方锅炉】钢板\δ6(正)\15CrMo\2S2142-7-4\1000MW超超临界机组</t>
  </si>
  <si>
    <t>【东方锅炉】圆弧板\δ6\15CrMo\2S2142-7-5\1000MW超超临界机组</t>
  </si>
  <si>
    <t>【东方锅炉】密封块\δ4\15CrMo\2S2142-7-6\1000MW超超临界机组</t>
  </si>
  <si>
    <t>【东方锅炉】密封块\δ4\15CrMo\2S2142-7-7\1000MW超超临界机组</t>
  </si>
  <si>
    <t>【东方锅炉】钢板\δ6(反)\15CrMo\2S2142-7-4\1000MW超超临界机组</t>
  </si>
  <si>
    <t>【东方锅炉】张力板\δ60\15CrMo\2S2142-12-1\1000MW超超临界机组</t>
  </si>
  <si>
    <t>【东方锅炉】固定块\δ60\15CrMo\2S2142-12-2\1000MW超超临界机组</t>
  </si>
  <si>
    <t>【东方锅炉】塞块\δ6\15CrMo\2S2142-12-3\1000MW超超临界机组</t>
  </si>
  <si>
    <t>【东方锅炉】耳板\δ32\15CrMo\2S2142-12-4\1000MW超超临界机组</t>
  </si>
  <si>
    <t>【东方锅炉】密封板\δ12\12Cr1MoV\19S2131-11\1000MW超超临界机组</t>
  </si>
  <si>
    <t>【东方锅炉】钢板\δ6\20#\2S2142-14\1000MW超超临界机组</t>
  </si>
  <si>
    <t>【东方锅炉】钢板\δ6\20#\2S2142-15\1000MW超超临界机组</t>
  </si>
  <si>
    <t>【东方锅炉】钢板\δ6 №2\20#\2S2142-7-3\1000MW超超临界机组</t>
  </si>
  <si>
    <t>【东方锅炉】密封板\δ12\12Cr1MoV\2S2131-15\1000MW超超临界机组</t>
  </si>
  <si>
    <t>【东方锅炉】管子\φ38.1×6.5\15CrMoG\23S2143-1-1\1000MW超超临界机组</t>
  </si>
  <si>
    <t>【东方锅炉】密封板\δ12\12Cr1MoV\2S2131-16\1000MW超超临界机组</t>
  </si>
  <si>
    <t>【东方锅炉】密封板\δ12\12Cr1MoV\2S2132-1-12\1000MW超超临界机组</t>
  </si>
  <si>
    <t>【东方锅炉】密封块\δ6(正)\15CrMo\2S2143-1-2\1000MW超超临界机组</t>
  </si>
  <si>
    <t>【东方锅炉】密封块\δ6\15CrMo\2S2143-1-3\1000MW超超临界机组</t>
  </si>
  <si>
    <t>【东方锅炉】耳板\δ6\20#\2S2143-1-4\1000MW超超临界机组</t>
  </si>
  <si>
    <t>【东方锅炉】密封板\δ10(正)\12Cr1MoV\2S2133-36\1000MW超超临界机组</t>
  </si>
  <si>
    <t>【东方锅炉】管子\φ38.1×6.5 Lz=914.4\15CrMoG\TGS21501-0\1000MW超超临界机组</t>
  </si>
  <si>
    <t>【东方锅炉】管子\φ38.1×6.5 Lz=851.2\15CrMoG\TGS21501-0\1000MW超超临界机组</t>
  </si>
  <si>
    <t>【东方锅炉】密封块\δ6(反)\15CrMo\2S2143-1-5\1000MW超超临界机组</t>
  </si>
  <si>
    <t>【东方锅炉】密封块\δ6\15CrMo\2S2143-1-6\1000MW超超临界机组</t>
  </si>
  <si>
    <t>【东方锅炉】弯板\δ6 №1\SA-240GR309S\22S2143-1-2\1000MW超超临界机组</t>
  </si>
  <si>
    <t>【东方锅炉】钢板\δ10\15CrMo\2S2143-6-1\1000MW超超临界机组</t>
  </si>
  <si>
    <t>【东方锅炉】密封块\δ6(正)\15CrMo\2S2143-6-2\1000MW超超临界机组</t>
  </si>
  <si>
    <t>【东方锅炉】张力板\δ60\15CrMo\2S2143-6-5\1000MW超超临界机组</t>
  </si>
  <si>
    <t>【东方锅炉】扁钢\δ6.4\15CrMo\2S2143-6-3\1000MW超超临界机组</t>
  </si>
  <si>
    <t>【东方锅炉】密封板\δ10(正)\12Cr1MoV\2S2133-37\1000MW超超临界机组</t>
  </si>
  <si>
    <t>【东方锅炉】管子\φ38.1×6.5 Lz=724.4\15CrMoG\TGS21501-0\1000MW超超临界机组</t>
  </si>
  <si>
    <t>【东方锅炉】管子\φ38.1×6.5 Lz=661.2\15CrMoG\TGS21501-0\1000MW超超临界机组</t>
  </si>
  <si>
    <t>【东方锅炉】钢板\δ6 №2\20#\2S2143-5-2\1000MW超超临界机组</t>
  </si>
  <si>
    <t>【东方锅炉】钢板\δ6 №1\20#\2S2143-5-2\1000MW超超临界机组</t>
  </si>
  <si>
    <t>【东方锅炉】密封块\δ6 №1\15CrMo\2S2143-5-1\1000MW超超临界机组</t>
  </si>
  <si>
    <t>【东方锅炉】钢板\δ6 378×25\20#\23S2143-0\1000MW超超临界机组</t>
  </si>
  <si>
    <t>【东方锅炉】密封块\δ6 №2\15CrMo\2S2143-5-1\1000MW超超临界机组</t>
  </si>
  <si>
    <t>【东方锅炉】密封块\δ6 №3\15CrMo\2S2143-5-1\1000MW超超临界机组</t>
  </si>
  <si>
    <t>【东方锅炉】钢板\δ6 №3\20#\2S2143-5-2\1000MW超超临界机组</t>
  </si>
  <si>
    <t>【东方锅炉】钢板\δ6\20#\2S2143-5-3\1000MW超超临界机组</t>
  </si>
  <si>
    <t>【东方锅炉】弯板\δ6 №2\15CrMo\22S2143-1-2\1000MW超超临界机组</t>
  </si>
  <si>
    <t>【东方锅炉】管子\φ38.1×6.5\15CrMoG\23S2143-9-1\1000MW超超临界机组</t>
  </si>
  <si>
    <t>【东方锅炉】管子\φ38.1×6.5\15CrMoG\23S2143-9-2\1000MW超超临界机组</t>
  </si>
  <si>
    <t>【东方锅炉】管子\φ38.1×6.5\15CrMoG\23S2143-9-3\1000MW超超临界机组</t>
  </si>
  <si>
    <t>【东方锅炉】管子\φ38.1×6.5\15CrMoG\23S2143-9-4\1000MW超超临界机组</t>
  </si>
  <si>
    <t>【东方锅炉】管子\φ38.1×6.5\15CrMoG\23S2143-9-5\1000MW超超临界机组</t>
  </si>
  <si>
    <t>【东方锅炉】密封板\δ10(正)\12Cr1MoV\2S2133-38\1000MW超超临界机组</t>
  </si>
  <si>
    <t>【东方锅炉】密封板\δ10(正)\12Cr1MoV\2S2133-39\1000MW超超临界机组</t>
  </si>
  <si>
    <t>【东方锅炉】密封板\δ10(正)\12Cr1MoV\2S2133-40\1000MW超超临界机组</t>
  </si>
  <si>
    <t>【东方锅炉】密封板\δ10(正)\12Cr1MoV\2S2133-41\1000MW超超临界机组</t>
  </si>
  <si>
    <t>【东方锅炉】密封板\δ10(正)\12Cr1MoV\2S2133-42\1000MW超超临界机组</t>
  </si>
  <si>
    <t>【东方锅炉】密封板\δ6(正)\12Cr1MoV\2S2133-43\1000MW超超临界机组</t>
  </si>
  <si>
    <t>【东方锅炉】管子\φ38.1×6.5\15CrMoG\23S2143-11-1\1000MW超超临界机组</t>
  </si>
  <si>
    <t>【东方锅炉】管子\φ38.1×6.5\15CrMoG\23S2143-11-2\1000MW超超临界机组</t>
  </si>
  <si>
    <t>【东方锅炉】管子\φ38.1×6.5\15CrMoG\23S2143-11-3\1000MW超超临界机组</t>
  </si>
  <si>
    <t>【东方锅炉】管子\φ38.1×6.5\15CrMoG\23S2143-11-4\1000MW超超临界机组</t>
  </si>
  <si>
    <t>【东方锅炉】管子\φ38.1×6.5\15CrMoG\23S2143-11-5\1000MW超超临界机组</t>
  </si>
  <si>
    <t>【东方锅炉】钢板\δ6 1000×700\15CrMo\23S2143-0\1000MW超超临界机组</t>
  </si>
  <si>
    <t>【东方锅炉】密封板\δ10(反)\12Cr1MoV\2S2133-36\1000MW超超临界机组</t>
  </si>
  <si>
    <t>【东方锅炉】管子\φ38.1×6.5 Lz=2242.4\15CrMoG\TGS21504-0\1000MW超超临界机组</t>
  </si>
  <si>
    <t>【东方锅炉】管子\φ38.1×6.5 Lz=2160.8\15CrMoG\TGS21504-0\1000MW超超临界机组</t>
  </si>
  <si>
    <t>【东方锅炉】管子\φ38.1×6.5 Lz=2084\15CrMoG\TGS21504-0\1000MW超超临界机组</t>
  </si>
  <si>
    <t>【东方锅炉】管子\φ38.1×6.5 Lz=2027.6\15CrMoG\TGS21504-0\1000MW超超临界机组</t>
  </si>
  <si>
    <t>【东方锅炉】钢板\δ6\15CrMo\TGS21504-0\1000MW超超临界机组</t>
  </si>
  <si>
    <t>【东方锅炉】密封板\δ10(反)\12Cr1MoV\2S2133-37\1000MW超超临界机组</t>
  </si>
  <si>
    <t>【东方锅炉】密封板\δ10(反)\12Cr1MoV\2S2133-38\1000MW超超临界机组</t>
  </si>
  <si>
    <t>【东方锅炉】钢板\δ6 1830×28\12Cr1MoV\23S2143-0\1000MW超超临界机组</t>
  </si>
  <si>
    <t>【东方锅炉】钢板\δ6 390×76.2\15CrMo\23S2143-0\1000MW超超临界机组</t>
  </si>
  <si>
    <t>【东方锅炉】钢板\δ6\12Cr1MoV\22S2143-13\1000MW超超临界机组</t>
  </si>
  <si>
    <t>【东方锅炉】钢板\δ6 400×90\12Cr1MoV\23S2143-0\1000MW超超临界机组</t>
  </si>
  <si>
    <t>【东方锅炉】密封块\δ6(反)\15CrMo\2S2143-1-2\1000MW超超临界机组</t>
  </si>
  <si>
    <t>【东方锅炉】密封块\δ6(正)\15CrMo\2S2143-1-5\1000MW超超临界机组</t>
  </si>
  <si>
    <t>【东方锅炉】密封块\δ6(反)\15CrMo\2S2143-6-2\1000MW超超临界机组</t>
  </si>
  <si>
    <t>【东方锅炉】管子\φ38.1×6.5\15CrMoG\23S2145-1-1\1000MW超超临界机组</t>
  </si>
  <si>
    <t>【东方锅炉】管子\φ38.1×6.5\15CrMoG\23S2145-1-2\1000MW超超临界机组</t>
  </si>
  <si>
    <t>【东方锅炉】密封板\δ10(反)\12Cr1MoV\2S2133-39\1000MW超超临界机组</t>
  </si>
  <si>
    <t>【东方锅炉】密封板\δ10(反)\12Cr1MoV\2S2133-40\1000MW超超临界机组</t>
  </si>
  <si>
    <t>【东方锅炉】密封板\δ10(反)\12Cr1MoV\2S2133-41\1000MW超超临界机组</t>
  </si>
  <si>
    <t>【东方锅炉】管子\φ38.1×6.5\15CrMoG\23S2145-5-1\1000MW超超临界机组</t>
  </si>
  <si>
    <t>【东方锅炉】管子\φ38.1×6.5\15CrMoG\23S2145-5-2\1000MW超超临界机组</t>
  </si>
  <si>
    <t>【东方锅炉】管子\φ38.1×6.5(正)\15CrMoG\23S2145-5-3\1000MW超超临界机组</t>
  </si>
  <si>
    <t>【东方锅炉】密封板\δ10(反)\12Cr1MoV\2S2133-42\1000MW超超临界机组</t>
  </si>
  <si>
    <t>【东方锅炉】扁钢\δ6.4 №1\15CrMo\22S2145-5-4\1000MW超超临界机组</t>
  </si>
  <si>
    <t>【东方锅炉】扁钢\δ6.4 №2\15CrMo\22S2145-5-4\1000MW超超临界机组</t>
  </si>
  <si>
    <t>【东方锅炉】半圆板\δ4\15CrMo\22S2145-5-5\1000MW超超临界机组</t>
  </si>
  <si>
    <t>【东方锅炉】钢板\δ10\15CrMo\22S2145-5-6\1000MW超超临界机组</t>
  </si>
  <si>
    <t>【东方锅炉】密封板\δ6(反)\12Cr1MoV\2S2133-43\1000MW超超临界机组</t>
  </si>
  <si>
    <t>【东方锅炉】钢板\δ6 150×61.9\15CrMo\23S2145-0\1000MW超超临界机组</t>
  </si>
  <si>
    <t>【东方锅炉】钢板\δ6 150×105.8\15CrMo\23S2145-0\1000MW超超临界机组</t>
  </si>
  <si>
    <t>【东方锅炉】钢板\δ6 150×60.9\15CrMo\23S2145-0\1000MW超超临界机组</t>
  </si>
  <si>
    <t>【东方锅炉】钢板\δ6 135.4×30\15CrMo\23S2145-0\1000MW超超临界机组</t>
  </si>
  <si>
    <t>【东方锅炉】密封板\δ10(正)\15CrMo\22S2141-1-5\1000MW超超临界机组</t>
  </si>
  <si>
    <t>【东方锅炉】钢板\δ6 300×73.2\15CrMo\23S2145-0\1000MW超超临界机组</t>
  </si>
  <si>
    <t>【东方锅炉】管子\φ38.1×6.5(反)\15CrMoG\23S2145-5-3\1000MW超超临界机组</t>
  </si>
  <si>
    <t>【东方锅炉】管子\φ31.8×6.5(正)\15CrMoG\23S2146-2\1000MW超超临界机组</t>
  </si>
  <si>
    <t>【东方锅炉】钢板\δ6 482×65\20#\23S2146-0\1000MW超超临界机组</t>
  </si>
  <si>
    <t>【东方锅炉】钢板\δ6\20#\23S2146-3\1000MW超超临界机组</t>
  </si>
  <si>
    <t>【东方锅炉】密封块\δ6 №1\15CrMo\23S2146-4\1000MW超超临界机组</t>
  </si>
  <si>
    <t>【东方锅炉】密封块\δ6 №2\15CrMo\23S2146-4\1000MW超超临界机组</t>
  </si>
  <si>
    <t>【东方锅炉】密封块\δ6 №3\15CrMo\23S2146-4\1000MW超超临界机组</t>
  </si>
  <si>
    <t>【东方锅炉】钢板\δ10\15CrMo\23S2146-5\1000MW超超临界机组</t>
  </si>
  <si>
    <t>【东方锅炉】耳板\δ6\20#\23S2146-6\1000MW超超临界机组</t>
  </si>
  <si>
    <t>【东方锅炉】测点块\δ4 φ31.8\15CrMo\TGS15002\1000MW超超临界机组</t>
  </si>
  <si>
    <t>【东方锅炉】扁钢\δ6.4\15CrMo\23S2146-7\1000MW超超临界机组</t>
  </si>
  <si>
    <t>【东方锅炉】人孔\d550 L1/L2=1350/218.4\装配件\TGS11512-0\1000MW超超临界机组</t>
  </si>
  <si>
    <t>【东方锅炉】管子\φ31.8×6.5 Lz=1557.8\15CrMoG\TGS11512-0\1000MW超超临界机组</t>
  </si>
  <si>
    <t>【东方锅炉】管子\φ31.8×6.5 Lz=1534.2\15CrMoG\TGS11512-0\1000MW超超临界机组</t>
  </si>
  <si>
    <t>【东方锅炉】管子\φ31.8×6.5 Lz=1510.6\15CrMoG\TGS11512-0\1000MW超超临界机组</t>
  </si>
  <si>
    <t>【东方锅炉】管子\φ31.8×6.5 Lz=1487\15CrMoG\TGS11512-0\1000MW超超临界机组</t>
  </si>
  <si>
    <t>【东方锅炉】管子\φ31.8×6.5 Lz=1463.4\15CrMoG\TGS11512-0\1000MW超超临界机组</t>
  </si>
  <si>
    <t>【东方锅炉】管子\φ31.8×6.5 Lz=1365.6\15CrMoG\TGS11512-0\1000MW超超临界机组</t>
  </si>
  <si>
    <t>【东方锅炉】密封板\δ10(正)\15CrMo\22S2141-1-6\1000MW超超临界机组</t>
  </si>
  <si>
    <t>【东方锅炉】密封板\δ10(正)\15CrMo\22S2141-1-7\1000MW超超临界机组</t>
  </si>
  <si>
    <t>【东方锅炉】管子\φ31.8×6.5(反)\15CrMoG\23S2146-2\1000MW超超临界机组</t>
  </si>
  <si>
    <t>【东方锅炉】管子\φ31.8×6.5(正)\15CrMoG\23S2146-1\1000MW超超临界机组</t>
  </si>
  <si>
    <t>【东方锅炉】密封板\δ10(正)\15CrMo\22S2141-1-8\1000MW超超临界机组</t>
  </si>
  <si>
    <t>【东方锅炉】U型板\δ10\12Cr1MoV\23S2147-1-1\1000MW超超临界机组</t>
  </si>
  <si>
    <t>【东方锅炉】钢板\δ30\12Cr1MoV\23S2147-1-2\1000MW超超临界机组</t>
  </si>
  <si>
    <t>【东方锅炉】圆弧板\δ10\12Cr1MoV\23S2147-1-3\1000MW超超临界机组</t>
  </si>
  <si>
    <t>【东方锅炉】钢板\δ30\12Cr1MoV\23S2147-1-4\1000MW超超临界机组</t>
  </si>
  <si>
    <t>【东方锅炉】钢板\δ10\12Cr1MoV\23S2147-1-5\1000MW超超临界机组</t>
  </si>
  <si>
    <t>【东方锅炉】管子\φ54×9.5\12Cr1MoVG\23S2147-4-0\1000MW超超临界机组</t>
  </si>
  <si>
    <t>【东方锅炉】管子\φ54×9.5\12Cr1MoVG\23S2147-5-0\1000MW超超临界机组</t>
  </si>
  <si>
    <t>【东方锅炉】钢板\δ40\12Cr1MoV\23S2147-5-1\1000MW超超临界机组</t>
  </si>
  <si>
    <t>【东方锅炉】钢板\δ40\12Cr1MoV\23S2147-5-2\1000MW超超临界机组</t>
  </si>
  <si>
    <t>【东方锅炉】钢板\δ12\12Cr1MoV\23S2147-5-3\1000MW超超临界机组</t>
  </si>
  <si>
    <t>【东方锅炉】管子\φ57×10\12Cr1MoVG\23S2147-5-4\1000MW超超临界机组</t>
  </si>
  <si>
    <t>【东方锅炉】管子\φ54×9.5\12Cr1MoVG\23S2147-6-0\1000MW超超临界机组</t>
  </si>
  <si>
    <t>【东方锅炉】管子\φ57×10\12Cr1MoVG\23S2147-6-1\1000MW超超临界机组</t>
  </si>
  <si>
    <t>【东方锅炉】管子\φ54×9.5\12Cr1MoVG\23S2147-7-0\1000MW超超临界机组</t>
  </si>
  <si>
    <t>【东方锅炉】管子\φ54×9.5\12Cr1MoVG\23S2147-8-0\1000MW超超临界机组</t>
  </si>
  <si>
    <t>【东方锅炉】管子\φ54×9.5\12Cr1MoVG\23S2147-9-1\1000MW超超临界机组</t>
  </si>
  <si>
    <t>【东方锅炉】管子\φ57×10\12Cr1MoVG\23S2147-9-2\1000MW超超临界机组</t>
  </si>
  <si>
    <t>【东方锅炉】管子\φ54×9.5\12Cr1MoVG\23S2147-13-0\1000MW超超临界机组</t>
  </si>
  <si>
    <t>【东方锅炉】管子\φ54×9.5\12Cr1MoVG\23S2147-14-0\1000MW超超临界机组</t>
  </si>
  <si>
    <t>【东方锅炉】管子\φ54×9.5\12Cr1MoVG\23S2147-15-0\1000MW超超临界机组</t>
  </si>
  <si>
    <t>【东方锅炉】管子\φ54×9.5\12Cr1MoVG\23S2147-16-0\1000MW超超临界机组</t>
  </si>
  <si>
    <t>【东方锅炉】管子\φ54×9.5\12Cr1MoVG\23S2147-17-0\1000MW超超临界机组</t>
  </si>
  <si>
    <t>【东方锅炉】管子\φ54×9.5\12Cr1MoVG\23S2147-18-1\1000MW超超临界机组</t>
  </si>
  <si>
    <t>【东方锅炉】U型板\δ10\16Cr20Ni14Si2\23S2147-21-1\1000MW超超临界机组</t>
  </si>
  <si>
    <t>【东方锅炉】U型板\δ10\16Cr20Ni14Si2\23S2147-23-1\1000MW超超临界机组</t>
  </si>
  <si>
    <t>【东方锅炉】耳板\δ50\ZG15CrMo\23S2147-25-2\1000MW超超临界机组</t>
  </si>
  <si>
    <t>【东方锅炉】圆弧板\δ3\12Cr1MoV\23S2147-25-3\1000MW超超临界机组</t>
  </si>
  <si>
    <t>【东方锅炉】测点块\δ4 φ54\12Cr1MoV\TGNS15002\1000MW超超临界机组</t>
  </si>
  <si>
    <t>【东方锅炉】管子\φ54×9.5\12Cr1MoVG\23S2147-31-0\1000MW超超临界机组</t>
  </si>
  <si>
    <t>【东方锅炉】管子\φ54×9.5\12Cr1MoVG\23S2147-34-0\1000MW超超临界机组</t>
  </si>
  <si>
    <t>【东方锅炉】管子\φ54×9.5\12Cr1MoVG\23S2147-38-0\1000MW超超临界机组</t>
  </si>
  <si>
    <t>【东方锅炉】管子\φ54×9.5\12Cr1MoVG\23S2147-39-0\1000MW超超临界机组</t>
  </si>
  <si>
    <t>【东方锅炉】管子\φ54×9.5\12Cr1MoVG\23S2147-40-0\1000MW超超临界机组</t>
  </si>
  <si>
    <t>【东方锅炉】管子\φ54×9.5\12Cr1MoVG\23S2147-41-0\1000MW超超临界机组</t>
  </si>
  <si>
    <t>【东方锅炉】管子\φ54×9.5\12Cr1MoVG\23S2147-42-0\1000MW超超临界机组</t>
  </si>
  <si>
    <t>【东方锅炉】管子\φ54×9.5\12Cr1MoVG\23S2147-43-0\1000MW超超临界机组</t>
  </si>
  <si>
    <t>【东方锅炉】管子\φ54×9.5\12Cr1MoVG\23S2147-44-0\1000MW超超临界机组</t>
  </si>
  <si>
    <t>【东方锅炉】管子\φ54×9.5\12Cr1MoVG\23S2147-45-0\1000MW超超临界机组</t>
  </si>
  <si>
    <t>【东方锅炉】管子\φ54×9.5\12Cr1MoVG\23S2147-46-0\1000MW超超临界机组</t>
  </si>
  <si>
    <t>【东方锅炉】管子\φ54×9.5\12Cr1MoVG\23S2147-50-0\1000MW超超临界机组</t>
  </si>
  <si>
    <t>【东方锅炉】管子\φ54×9.5\12Cr1MoVG\23S2147-51-0\1000MW超超临界机组</t>
  </si>
  <si>
    <t>【东方锅炉】管子\φ54×9.5\12Cr1MoVG\23S2147-52-0\1000MW超超临界机组</t>
  </si>
  <si>
    <t>【东方锅炉】管子\φ54×9.5\12Cr1MoVG\23S2147-53-0\1000MW超超临界机组</t>
  </si>
  <si>
    <t>【东方锅炉】管子\φ54×9.5\12Cr1MoVG\23S2147-54-0\1000MW超超临界机组</t>
  </si>
  <si>
    <t>【东方锅炉】管子\φ54×9.5\12Cr1MoVG\23S2147-57-0\1000MW超超临界机组</t>
  </si>
  <si>
    <t>【东方锅炉】密封板\δ6\15CrMo\22S2141-4-3\1000MW超超临界机组</t>
  </si>
  <si>
    <t>【东方锅炉】U型板\δ10\12Cr1MoV\23S2147-59-1\1000MW超超临界机组</t>
  </si>
  <si>
    <t>【东方锅炉】密封板\δ6\15CrMo\22S2141-4-4\1000MW超超临界机组</t>
  </si>
  <si>
    <t>【东方锅炉】耳板\δ50\ZG15CrMo\23S2147-61-2\1000MW超超临界机组</t>
  </si>
  <si>
    <t>【东方锅炉】圆弧板\δ10\12Cr1MoV\23S2147-61-3\1000MW超超临界机组</t>
  </si>
  <si>
    <t>【东方锅炉】圆弧板\δ12\12Cr1MoV\23S2147-63-2\1000MW超超临界机组</t>
  </si>
  <si>
    <t>【东方锅炉】管子\φ54×15\12Cr1MoVG\23S2147-66-1\1000MW超超临界机组</t>
  </si>
  <si>
    <t>【东方锅炉】密封板\δ10(正)\15CrMo\22S2141-11\1000MW超超临界机组</t>
  </si>
  <si>
    <t>【东方锅炉】密封板\δ6\15CrMo\22S2141-12\1000MW超超临界机组</t>
  </si>
  <si>
    <t>【东方锅炉】密封板\δ10(反)\15CrMo\22S2141-1-5\1000MW超超临界机组</t>
  </si>
  <si>
    <t>【东方锅炉】密封板\δ10(反)\15CrMo\22S2141-1-6\1000MW超超临界机组</t>
  </si>
  <si>
    <t>【东方锅炉】密封板\δ10(反)\15CrMo\22S2141-1-7\1000MW超超临界机组</t>
  </si>
  <si>
    <t>【东方锅炉】密封板\δ10(反)\15CrMo\22S2141-1-8\1000MW超超临界机组</t>
  </si>
  <si>
    <t>【东方锅炉】管子\φ45×10.5 Lz=21564\SA-213TP310HCbN\23S215-1-2\1000MW超超临界机组</t>
  </si>
  <si>
    <t>【东方锅炉】密封板\δ10(反)\15CrMo\22S2141-11\1000MW超超临界机组</t>
  </si>
  <si>
    <t>【东方锅炉】管子\φ45×10.5 Lz=21341.4\SA-213TP310HCbN\23S215-1-3\1000MW超超临界机组</t>
  </si>
  <si>
    <t>【东方锅炉】密封板\δ10(正)\15CrMo\22S2142-1-3\1000MW超超临界机组</t>
  </si>
  <si>
    <t>【东方锅炉】管子\φ45×10 Lz=21053.8\SA-213S30432\23S215-1-4\1000MW超超临界机组</t>
  </si>
  <si>
    <t>【东方锅炉】管子\φ45×10 Lz=20831.2\SA-213S30432\23S215-1-5\1000MW超超临界机组</t>
  </si>
  <si>
    <t>【东方锅炉】管子\φ45×10 Lz=20608.4\SA-213S30432\23S215-1-6\1000MW超超临界机组</t>
  </si>
  <si>
    <t>【东方锅炉】管子\φ45×10 Lz=20163.2\SA-213S30432\23S215-1-8\1000MW超超临界机组</t>
  </si>
  <si>
    <t>【东方锅炉】管子\φ45×10 Lz=19940.8\SA-213S30432\23S215-1-9\1000MW超超临界机组</t>
  </si>
  <si>
    <t>【东方锅炉】管子\φ45×10 Lz=19718.2\SA-213S30432\23S215-1-10\1000MW超超临界机组</t>
  </si>
  <si>
    <t>【东方锅炉】管子\φ45×10 Lz=19495.6\SA-213S30432\23S215-1-11\1000MW超超临界机组</t>
  </si>
  <si>
    <t>【东方锅炉】管子\φ45×10 Lz=19273\SA-213S30432\23S215-1-12\1000MW超超临界机组</t>
  </si>
  <si>
    <t>【东方锅炉】管子\φ45×10 Lz=19050.6\SA-213S30432\23S215-1-13\1000MW超超临界机组</t>
  </si>
  <si>
    <t>【东方锅炉】管子\φ45×10 Lz=18827.8\SA-213S30432\23S215-1-14\1000MW超超临界机组</t>
  </si>
  <si>
    <t>【东方锅炉】管子\φ45×10 Lz=18605.2\SA-213S30432\23S215-1-15\1000MW超超临界机组</t>
  </si>
  <si>
    <t>【东方锅炉】管子\φ45×10 Lz=18382.6\SA-213S30432\23S215-1-16\1000MW超超临界机组</t>
  </si>
  <si>
    <t>【东方锅炉】管子\φ45×10 Lz=18160\SA-213S30432\23S215-1-17\1000MW超超临界机组</t>
  </si>
  <si>
    <t>【东方锅炉】管子\φ45×10 Lz=17937.4\SA-213S30432\23S215-1-18\1000MW超超临界机组</t>
  </si>
  <si>
    <t>【东方锅炉】管子\φ45×10 Lz=17725\SA-213S30432\23S215-1-19\1000MW超超临界机组</t>
  </si>
  <si>
    <t>【东方锅炉】管子\φ45×10 Lz=17389.4\SA-213S30432\23S215-1-20\1000MW超超临界机组</t>
  </si>
  <si>
    <t>【东方锅炉】管子\φ45×10 Lz=17497.2\SA-213S30432\23S215-1-21\1000MW超超临界机组</t>
  </si>
  <si>
    <t>【东方锅炉】管子\φ45×10 Lz=17389.4\SA-213S30432\23S215-1-22\1000MW超超临界机组</t>
  </si>
  <si>
    <t>【东方锅炉】半圆板\δ3\SA-240GR309S\23S215-1-23\1000MW超超临界机组</t>
  </si>
  <si>
    <t>【东方锅炉】半圆板\δ3\SA-240GR309S\19S215-1-24\1000MW超超临界机组</t>
  </si>
  <si>
    <t>【东方锅炉】梳型板\δ8\12Cr1MoV\19S215-1-25\1000MW超超临界机组</t>
  </si>
  <si>
    <t>【东方锅炉】钢板\δ3 2390×100\Q235A\23S215-0\1000MW超超临界机组</t>
  </si>
  <si>
    <t>【东方锅炉】滑动副\δ8\装配件\TGS22003-0\1000MW超超临界机组</t>
  </si>
  <si>
    <t>【东方锅炉】挡块\δ9\ZG16Cr20Ni14Si2\TGS22003-1\1000MW超超临界机组</t>
  </si>
  <si>
    <t>【东方锅炉】滑动块\δ8\ZG16Cr20Ni14Si2\TGS22003-2\1000MW超超临界机组</t>
  </si>
  <si>
    <t>【东方锅炉】管子\φ57×4.5\SA-210C\23S2211-1-2\1000MW超超临界机组</t>
  </si>
  <si>
    <t>【东方锅炉】管子\φ57×4.5\SA-210C\23S2211-1-3\1000MW超超临界机组</t>
  </si>
  <si>
    <t>【东方锅炉】管子\φ57×4.5\SA-210C\23S2211-1-4\1000MW超超临界机组</t>
  </si>
  <si>
    <t>【东方锅炉】管子\φ57×4.5\SA-210C\23S2211-1-5\1000MW超超临界机组</t>
  </si>
  <si>
    <t>【东方锅炉】钢板\δ8\12Cr1MoV\23S2211-1-7\1000MW超超临界机组</t>
  </si>
  <si>
    <t>【东方锅炉】钢板\δ8\12Cr1MoV\23S2211-1-8\1000MW超超临界机组</t>
  </si>
  <si>
    <t>【东方锅炉】钢板\δ8\12Cr1MoV\23S2211-1-9\1000MW超超临界机组</t>
  </si>
  <si>
    <t>【东方锅炉】密封板\δ10(正)\15CrMo\22S2142-1-4\1000MW超超临界机组</t>
  </si>
  <si>
    <t>【东方锅炉】密封板\δ10\15CrMo\TGS21503-0\1000MW超超临界机组</t>
  </si>
  <si>
    <t>【东方锅炉】弧型板\δ6\15CrMo\23S2211-1-10\1000MW超超临界机组</t>
  </si>
  <si>
    <t>【东方锅炉】弧型板\δ10\15CrMo\23S2211-1-11\1000MW超超临界机组</t>
  </si>
  <si>
    <t>【东方锅炉】弧型板\δ3\15CrMo\23S2211-1-12\1000MW超超临界机组</t>
  </si>
  <si>
    <t>【东方锅炉】钢板\δ10\12Cr1MoV\23S2211-2-1\1000MW超超临界机组</t>
  </si>
  <si>
    <t>【东方锅炉】管子\φ57×4.5\SA-210C\23S2211-3-2\1000MW超超临界机组</t>
  </si>
  <si>
    <t>【东方锅炉】管子\φ57×4.5\SA-210C\23S2211-3-3\1000MW超超临界机组</t>
  </si>
  <si>
    <t>【东方锅炉】管子\φ57×4.5\SA-210C\23S2211-3-4\1000MW超超临界机组</t>
  </si>
  <si>
    <t>【东方锅炉】管子\φ57×4.5\SA-210C\23S2211-3-5\1000MW超超临界机组</t>
  </si>
  <si>
    <t>【东方锅炉】管子\φ57×4.5\SA-210C\23S2211-5-2\1000MW超超临界机组</t>
  </si>
  <si>
    <t>【东方锅炉】管子\φ57×4.5\SA-210C\23S2211-5-3\1000MW超超临界机组</t>
  </si>
  <si>
    <t>【东方锅炉】管子\φ57×4.5\SA-210C\23S2211-5-4\1000MW超超临界机组</t>
  </si>
  <si>
    <t>【东方锅炉】管子\φ57×4.5\SA-210C\23S2211-5-5\1000MW超超临界机组</t>
  </si>
  <si>
    <t>【东方锅炉】钢板\δ8\12Cr1MoV\23S2211-5-7\1000MW超超临界机组</t>
  </si>
  <si>
    <t>【东方锅炉】密封板\δ10(正)\15CrMo\TGS21503-0\1000MW超超临界机组</t>
  </si>
  <si>
    <t>【东方锅炉】U型板\δ6\12Cr1MoV\23S2211-7-1\1000MW超超临界机组</t>
  </si>
  <si>
    <t>【东方锅炉】钢板\δ6 140×50\12Cr1MoV\23S2211-0\1000MW超超临界机组</t>
  </si>
  <si>
    <t>【东方锅炉】钢板\δ6 50×45\12Cr1MoV\23S2211-0\1000MW超超临界机组</t>
  </si>
  <si>
    <t>【东方锅炉】U型板\δ6\12Cr1MoV\23S2211-8-1\1000MW超超临界机组</t>
  </si>
  <si>
    <t>【东方锅炉】钢板\δ6 100×50\12Cr1MoV\23S2211-0\1000MW超超临界机组</t>
  </si>
  <si>
    <t>【东方锅炉】U型板\δ10\12Cr1MoV\23S2211-11\1000MW超超临界机组</t>
  </si>
  <si>
    <t>【东方锅炉】管子\φ57×4.5\15CrMoG\23S2212-1-2\1000MW超超临界机组</t>
  </si>
  <si>
    <t>【东方锅炉】管子\φ57×4.5\15CrMoG\23S2212-1-3\1000MW超超临界机组</t>
  </si>
  <si>
    <t>【东方锅炉】管子\φ57×4.5\15CrMoG\23S2212-1-4\1000MW超超临界机组</t>
  </si>
  <si>
    <t>【东方锅炉】管子\φ57×4.5\15CrMoG\23S2212-1-5\1000MW超超临界机组</t>
  </si>
  <si>
    <t>【东方锅炉】钢板\δ8\1Cr6Si2Mo\23S2212-1-7\1000MW超超临界机组</t>
  </si>
  <si>
    <t>【东方锅炉】钢板\δ8\1Cr6Si2Mo\23S2212-1-8\1000MW超超临界机组</t>
  </si>
  <si>
    <t>【东方锅炉】弧型板\δ6\12Cr1MoV\23S2212-1-9\1000MW超超临界机组</t>
  </si>
  <si>
    <t>【东方锅炉】弧型板\δ10\12Cr1MoV\23S2212-1-10\1000MW超超临界机组</t>
  </si>
  <si>
    <t>【东方锅炉】弧型板\δ3\12Cr1MoV\23S2212-1-11\1000MW超超临界机组</t>
  </si>
  <si>
    <t>【东方锅炉】钢板\δ10\1Cr6Si2Mo\23S2212-2-1\1000MW超超临界机组</t>
  </si>
  <si>
    <t>【东方锅炉】管子\φ57×4.5\15CrMoG\23S2212-3-2\1000MW超超临界机组</t>
  </si>
  <si>
    <t>【东方锅炉】管子\φ57×4.5\15CrMoG\23S2212-3-3\1000MW超超临界机组</t>
  </si>
  <si>
    <t>【东方锅炉】管子\φ57×4.5\15CrMoG\23S2212-3-4\1000MW超超临界机组</t>
  </si>
  <si>
    <t>【东方锅炉】管子\φ57×4.5\15CrMoG\23S2212-3-5\1000MW超超临界机组</t>
  </si>
  <si>
    <t>【东方锅炉】U型板\δ6\1Cr6Si2Mo\23S2212-6-1\1000MW超超临界机组</t>
  </si>
  <si>
    <t>【东方锅炉】U型板\δ6\1Cr6Si2Mo\23S2212-7-1\1000MW超超临界机组</t>
  </si>
  <si>
    <t>【东方锅炉】钢板\δ6 100×50\1Cr6Si2Mo\23S2212-0\1000MW超超临界机组</t>
  </si>
  <si>
    <t>【东方锅炉】U型板\δ10\1Cr6Si2Mo\23S2212-10\1000MW超超临界机组</t>
  </si>
  <si>
    <t>【东方锅炉】密封板\δ10(反)\15CrMo\TGS21503-0\1000MW超超临界机组</t>
  </si>
  <si>
    <t>【东方锅炉】管子\φ57×4.5\SA-213T91\23S2213-1-1\1000MW超超临界机组</t>
  </si>
  <si>
    <t>【东方锅炉】管子\φ57×4.5\12Cr1MoVG\23S2213-1-1\1000MW超超临界机组</t>
  </si>
  <si>
    <t>【东方锅炉】管子\φ57×4.5\SA-213T91\23S2213-1-2\1000MW超超临界机组</t>
  </si>
  <si>
    <t>【东方锅炉】管子\φ57×4.5\12Cr1MoVG\23S2213-1-2\1000MW超超临界机组</t>
  </si>
  <si>
    <t>【东方锅炉】管子\φ57×4.5\SA-213T91\23S2213-1-3\1000MW超超临界机组</t>
  </si>
  <si>
    <t>【东方锅炉】管子\φ57×4.5\12Cr1MoVG\23S2213-1-3\1000MW超超临界机组</t>
  </si>
  <si>
    <t>【东方锅炉】管子\φ57×4.5\SA-213T91\23S2213-1-4\1000MW超超临界机组</t>
  </si>
  <si>
    <t>【东方锅炉】管子\φ57×4.5\12Cr1MoVG\23S2213-1-4\1000MW超超临界机组</t>
  </si>
  <si>
    <t>【东方锅炉】管子\φ57×4.5\SA-213T91\23S2213-1-5\1000MW超超临界机组</t>
  </si>
  <si>
    <t>【东方锅炉】管子\φ57×4.5\12Cr1MoVG\23S2213-1-5\1000MW超超临界机组</t>
  </si>
  <si>
    <t>【东方锅炉】管子\φ57×4.5\SA-213TP347H\23S2213-1-6\1000MW超超临界机组</t>
  </si>
  <si>
    <t>【东方锅炉】管子\φ57×4.5\SA-213T91\23S2213-1-6\1000MW超超临界机组</t>
  </si>
  <si>
    <t>【东方锅炉】管子\φ57×4.5\12Cr1MoVG\23S2213-1-6\1000MW超超临界机组</t>
  </si>
  <si>
    <t>【东方锅炉】钢板\δ8\SA-240GR309S\23S2213-1-7\1000MW超超临界机组</t>
  </si>
  <si>
    <t>【东方锅炉】钢板\δ8\SA-240GR309S\23S2213-1-8\1000MW超超临界机组</t>
  </si>
  <si>
    <t>【东方锅炉】弧型板\δ6\12Cr18Ni9\23S2213-1-9\1000MW超超临界机组</t>
  </si>
  <si>
    <t>【东方锅炉】弧型板\δ10\12Cr18Ni9\23S2213-1-10\1000MW超超临界机组</t>
  </si>
  <si>
    <t>【东方锅炉】钢板\δ8\SA-240GR309S\23S2213-1-11\1000MW超超临界机组</t>
  </si>
  <si>
    <t>【东方锅炉】密封板\δ10(反)\15CrMo\22S2142-1-3\1000MW超超临界机组</t>
  </si>
  <si>
    <t>【东方锅炉】钢板\δ10\12Cr18Ni9\23S2213-2-1\1000MW超超临界机组</t>
  </si>
  <si>
    <t>【东方锅炉】管子\φ57×4.5\SA-213T91\23S2213-3-1\1000MW超超临界机组</t>
  </si>
  <si>
    <t>【东方锅炉】管子\φ57×4.5\12Cr1MoVG\23S2213-3-1\1000MW超超临界机组</t>
  </si>
  <si>
    <t>【东方锅炉】管子\φ57×4.5\SA-213T91\23S2213-3-2\1000MW超超临界机组</t>
  </si>
  <si>
    <t>【东方锅炉】管子\φ57×4.5\12Cr1MoVG\23S2213-3-2\1000MW超超临界机组</t>
  </si>
  <si>
    <t>【东方锅炉】管子\φ57×4.5\SA-213T91\23S2213-3-3\1000MW超超临界机组</t>
  </si>
  <si>
    <t>【东方锅炉】管子\φ57×4.5\12Cr1MoVG\23S2213-3-3\1000MW超超临界机组</t>
  </si>
  <si>
    <t>【东方锅炉】管子\φ57×4.5\SA-213T91\23S2213-3-4\1000MW超超临界机组</t>
  </si>
  <si>
    <t>【东方锅炉】管子\φ57×4.5\12Cr1MoVG\23S2213-3-4\1000MW超超临界机组</t>
  </si>
  <si>
    <t>【东方锅炉】管子\φ57×4.5\SA-213T91\23S2213-3-5\1000MW超超临界机组</t>
  </si>
  <si>
    <t>【东方锅炉】管子\φ57×4.5\12Cr1MoVG\23S2213-3-5\1000MW超超临界机组</t>
  </si>
  <si>
    <t>【东方锅炉】管子\φ57×4.5\SA-213TP347H\23S2213-3-6\1000MW超超临界机组</t>
  </si>
  <si>
    <t>【东方锅炉】管子\φ57×4.5\SA-213T91\23S2213-3-6\1000MW超超临界机组</t>
  </si>
  <si>
    <t>【东方锅炉】管子\φ57×4.5\12Cr1MoVG\23S2213-3-6\1000MW超超临界机组</t>
  </si>
  <si>
    <t>【东方锅炉】管子\φ57×4.5\SA-213T91\23S2213-5-1\1000MW超超临界机组</t>
  </si>
  <si>
    <t>【东方锅炉】管子\φ57×4.5\12Cr1MoVG\23S2213-5-1\1000MW超超临界机组</t>
  </si>
  <si>
    <t>【东方锅炉】管子\φ57×4.5\SA-213T91\23S2213-5-2\1000MW超超临界机组</t>
  </si>
  <si>
    <t>【东方锅炉】管子\φ57×4.5\12Cr1MoVG\23S2213-5-2\1000MW超超临界机组</t>
  </si>
  <si>
    <t>【东方锅炉】管子\φ57×4.5\SA-213T91\23S2213-5-3\1000MW超超临界机组</t>
  </si>
  <si>
    <t>【东方锅炉】管子\φ57×4.5\12Cr1MoVG\23S2213-5-3\1000MW超超临界机组</t>
  </si>
  <si>
    <t>【东方锅炉】管子\φ57×4.5\SA-213T91\23S2213-5-4\1000MW超超临界机组</t>
  </si>
  <si>
    <t>【东方锅炉】管子\φ57×4.5\12Cr1MoVG\23S2213-5-4\1000MW超超临界机组</t>
  </si>
  <si>
    <t>【东方锅炉】管子\φ57×4.5\SA-213T91\23S2213-5-5\1000MW超超临界机组</t>
  </si>
  <si>
    <t>【东方锅炉】管子\φ57×4.5\12Cr1MoVG\23S2213-5-5\1000MW超超临界机组</t>
  </si>
  <si>
    <t>【东方锅炉】管子\φ57×4.5\SA-213TP347H\23S2213-5-6\1000MW超超临界机组</t>
  </si>
  <si>
    <t>【东方锅炉】管子\φ57×4.5\SA-213T91\23S2213-5-6\1000MW超超临界机组</t>
  </si>
  <si>
    <t>【东方锅炉】管子\φ57×4.5\12Cr1MoVG\23S2213-5-6\1000MW超超临界机组</t>
  </si>
  <si>
    <t>【东方锅炉】钢板\δ8\SA-240GR309S\23S2213-5-7\1000MW超超临界机组</t>
  </si>
  <si>
    <t>【东方锅炉】管子\φ57×4.5\SA-213T91\23S2213-6-1\1000MW超超临界机组</t>
  </si>
  <si>
    <t>【东方锅炉】管子\φ57×4.5\12Cr1MoVG\23S2213-6-1\1000MW超超临界机组</t>
  </si>
  <si>
    <t>【东方锅炉】管子\φ57×4.5\SA-213T91\23S2213-6-2\1000MW超超临界机组</t>
  </si>
  <si>
    <t>【东方锅炉】管子\φ57×4.5\12Cr1MoVG\23S2213-6-2\1000MW超超临界机组</t>
  </si>
  <si>
    <t>【东方锅炉】管子\φ57×4.5\SA-213T91\23S2213-6-3\1000MW超超临界机组</t>
  </si>
  <si>
    <t>【东方锅炉】管子\φ57×4.5\12Cr1MoVG\23S2213-6-3\1000MW超超临界机组</t>
  </si>
  <si>
    <t>【东方锅炉】管子\φ57×4.5\SA-213T91\23S2213-6-4\1000MW超超临界机组</t>
  </si>
  <si>
    <t>【东方锅炉】管子\φ57×4.5\12Cr1MoVG\23S2213-6-4\1000MW超超临界机组</t>
  </si>
  <si>
    <t>【东方锅炉】管子\φ57×4.5\SA-213T91\23S2213-6-5\1000MW超超临界机组</t>
  </si>
  <si>
    <t>【东方锅炉】管子\φ57×4.5\12Cr1MoVG\23S2213-6-5\1000MW超超临界机组</t>
  </si>
  <si>
    <t>【东方锅炉】管子\φ57×4.5\SA-213TP347H\23S2213-6-6\1000MW超超临界机组</t>
  </si>
  <si>
    <t>【东方锅炉】管子\φ57×4.5\SA-213T91\23S2213-6-6\1000MW超超临界机组</t>
  </si>
  <si>
    <t>【东方锅炉】管子\φ57×4.5\12Cr1MoVG\23S2213-6-6\1000MW超超临界机组</t>
  </si>
  <si>
    <t>【东方锅炉】U型板\δ6\SA-240GR309S\23S2213-9-1\1000MW超超临界机组</t>
  </si>
  <si>
    <t>【东方锅炉】钢板\δ6 140×50\SA-240GR309S\23S2213-0\1000MW超超临界机组</t>
  </si>
  <si>
    <t>【东方锅炉】钢板\δ6 50×45\SA-240GR309S\23S2213-0\1000MW超超临界机组</t>
  </si>
  <si>
    <t>【东方锅炉】U型板\δ10\SA-240GR309S\23S2213-10\1000MW超超临界机组</t>
  </si>
  <si>
    <t>【东方锅炉】管子\φ57×4.5\SA-213TP347H\23S2214-1-1\1000MW超超临界机组</t>
  </si>
  <si>
    <t>【东方锅炉】管子\φ57×4.5\SA-213T91\23S2214-1-1\1000MW超超临界机组</t>
  </si>
  <si>
    <t>【东方锅炉】管子\φ57×4.5\SA-213TP347H\23S2214-1-2\1000MW超超临界机组</t>
  </si>
  <si>
    <t>【东方锅炉】管子\φ57×4.5\SA-213T91\23S2214-1-2\1000MW超超临界机组</t>
  </si>
  <si>
    <t>【东方锅炉】管子\φ57×4.5\SA-213TP347H\23S2214-1-3\1000MW超超临界机组</t>
  </si>
  <si>
    <t>【东方锅炉】管子\φ57×4.5\SA-213T91\23S2214-1-3\1000MW超超临界机组</t>
  </si>
  <si>
    <t>【东方锅炉】管子\φ57×4.5\SA-213TP347H\23S2214-1-4\1000MW超超临界机组</t>
  </si>
  <si>
    <t>【东方锅炉】管子\φ57×4.5\SA-213T91\23S2214-1-4\1000MW超超临界机组</t>
  </si>
  <si>
    <t>【东方锅炉】管子\φ57×4.5\SA-213TP347H\23S2214-1-5\1000MW超超临界机组</t>
  </si>
  <si>
    <t>【东方锅炉】管子\φ57×4.5\SA-213T91\23S2214-1-5\1000MW超超临界机组</t>
  </si>
  <si>
    <t>【东方锅炉】管子\φ57×4.5\SA-213TP347H\23S2214-1-6\1000MW超超临界机组</t>
  </si>
  <si>
    <t>【东方锅炉】管子\φ57×4.5\SA-213T91\23S2214-1-6\1000MW超超临界机组</t>
  </si>
  <si>
    <t>【东方锅炉】管子\φ57×4.5\SA-213TP347H\23S2214-1-7\1000MW超超临界机组</t>
  </si>
  <si>
    <t>【东方锅炉】管子\φ57×4.5\SA-213T91\23S2214-1-7\1000MW超超临界机组</t>
  </si>
  <si>
    <t>【东方锅炉】管子\φ57×4.5\SA-213TP347H\23S2214-1-8\1000MW超超临界机组</t>
  </si>
  <si>
    <t>【东方锅炉】管子\φ57×4.5\SA-213T91\23S2214-1-8\1000MW超超临界机组</t>
  </si>
  <si>
    <t>【东方锅炉】管子\φ57×4.5\SA-213TP347H\23S2214-1-9\1000MW超超临界机组</t>
  </si>
  <si>
    <t>【东方锅炉】管子\φ57×4.5\SA-213T91\23S2214-1-9\1000MW超超临界机组</t>
  </si>
  <si>
    <t>【东方锅炉】管子\φ57×4.5\SA-213TP347H\23S2214-1-10\1000MW超超临界机组</t>
  </si>
  <si>
    <t>【东方锅炉】管子\φ57×4.5\SA-213T91\23S2214-1-10\1000MW超超临界机组</t>
  </si>
  <si>
    <t>【东方锅炉】管子\φ57×4.5\SA-213TP347H\23S2214-1-11\1000MW超超临界机组</t>
  </si>
  <si>
    <t>【东方锅炉】管子\φ57×4.5\SA-213T91\23S2214-1-11\1000MW超超临界机组</t>
  </si>
  <si>
    <t>【东方锅炉】管子\φ57×4.5\SA-213TP347H\23S2214-1-12\1000MW超超临界机组</t>
  </si>
  <si>
    <t>【东方锅炉】管子\φ57×4.5\SA-213T91\23S2214-1-12\1000MW超超临界机组</t>
  </si>
  <si>
    <t>【东方锅炉】钢板\δ12 1013×80\Q235A\23S2214-0\1000MW超超临界机组</t>
  </si>
  <si>
    <t>【东方锅炉】钢板\δ6 95×19\Q235A\23S2214-0\1000MW超超临界机组</t>
  </si>
  <si>
    <t>【东方锅炉】滑动块\δ7\装配件\TGS22006\1000MW超超临界机组</t>
  </si>
  <si>
    <t>【东方锅炉】钢板\δ6\12Cr18Ni9\TGS22006\1000MW超超临界机组</t>
  </si>
  <si>
    <t>【东方锅炉】滑动块\δ7\ZG12Cr18Ni9\TGS22006\1000MW超超临界机组</t>
  </si>
  <si>
    <t>【东方锅炉】圆弧板\δ3\12Cr1MoV\23S2214-1-13\1000MW超超临界机组</t>
  </si>
  <si>
    <t>【东方锅炉】梳型板\δ4\12Cr1MoV\23S2214-1-14\1000MW超超临界机组</t>
  </si>
  <si>
    <t>【东方锅炉】管子\φ57×4.5\SA-213TP347H\23S2214-2-1\1000MW超超临界机组</t>
  </si>
  <si>
    <t>【东方锅炉】管子\φ57×4.5\SA-213T91\23S2214-2-1\1000MW超超临界机组</t>
  </si>
  <si>
    <t>【东方锅炉】管子\φ57×4.5\SA-213TP347H\23S2214-2-2\1000MW超超临界机组</t>
  </si>
  <si>
    <t>【东方锅炉】管子\φ57×4.5\SA-213T91\23S2214-2-2\1000MW超超临界机组</t>
  </si>
  <si>
    <t>【东方锅炉】管子\φ57×4.5\SA-213TP347H\23S2214-2-3\1000MW超超临界机组</t>
  </si>
  <si>
    <t>【东方锅炉】管子\φ57×4.5\SA-213T91\23S2214-2-3\1000MW超超临界机组</t>
  </si>
  <si>
    <t>【东方锅炉】管子\φ57×4.5\SA-213TP347H\23S2214-2-4\1000MW超超临界机组</t>
  </si>
  <si>
    <t>【东方锅炉】管子\φ57×4.5\SA-213T91\23S2214-2-4\1000MW超超临界机组</t>
  </si>
  <si>
    <t>【东方锅炉】管子\φ57×4.5\SA-213TP347H\23S2214-2-5\1000MW超超临界机组</t>
  </si>
  <si>
    <t>【东方锅炉】管子\φ57×4.5\SA-213T91\23S2214-2-5\1000MW超超临界机组</t>
  </si>
  <si>
    <t>【东方锅炉】管子\φ57×4.5\SA-213TP347H\23S2214-2-6\1000MW超超临界机组</t>
  </si>
  <si>
    <t>【东方锅炉】管子\φ57×4.5\SA-213T91\23S2214-2-6\1000MW超超临界机组</t>
  </si>
  <si>
    <t>【东方锅炉】管子\φ57×4.5\SA-213TP347H\23S2214-2-7\1000MW超超临界机组</t>
  </si>
  <si>
    <t>【东方锅炉】管子\φ57×4.5\SA-213T91\23S2214-2-7\1000MW超超临界机组</t>
  </si>
  <si>
    <t>【东方锅炉】管子\φ57×4.5\SA-213TP347H\23S2214-2-8\1000MW超超临界机组</t>
  </si>
  <si>
    <t>【东方锅炉】管子\φ57×4.5\SA-213T91\23S2214-2-8\1000MW超超临界机组</t>
  </si>
  <si>
    <t>【东方锅炉】管子\φ57×4.5\SA-213TP347H\23S2214-2-9\1000MW超超临界机组</t>
  </si>
  <si>
    <t>【东方锅炉】管子\φ57×4.5\SA-213T91\23S2214-2-9\1000MW超超临界机组</t>
  </si>
  <si>
    <t>【东方锅炉】管子\φ57×4.5\SA-213TP347H\23S2214-2-10\1000MW超超临界机组</t>
  </si>
  <si>
    <t>【东方锅炉】管子\φ57×4.5\SA-213T91\23S2214-2-10\1000MW超超临界机组</t>
  </si>
  <si>
    <t>【东方锅炉】管子\φ57×4.5\SA-213TP347H\23S2214-2-11\1000MW超超临界机组</t>
  </si>
  <si>
    <t>【东方锅炉】管子\φ57×4.5\SA-213T91\23S2214-2-11\1000MW超超临界机组</t>
  </si>
  <si>
    <t>【东方锅炉】管子\φ57×4.5\SA-213TP347H\23S2214-2-12\1000MW超超临界机组</t>
  </si>
  <si>
    <t>【东方锅炉】管子\φ57×4.5\SA-213T91\23S2214-2-12\1000MW超超临界机组</t>
  </si>
  <si>
    <t>【东方锅炉】管子\φ57×4.5\SA-213TP347H\23S2214-4-1\1000MW超超临界机组</t>
  </si>
  <si>
    <t>【东方锅炉】管子\φ57×4.5\SA-213T91\23S2214-4-1\1000MW超超临界机组</t>
  </si>
  <si>
    <t>【东方锅炉】管子\φ57×4.5\SA-213TP347H\23S2214-4-2\1000MW超超临界机组</t>
  </si>
  <si>
    <t>【东方锅炉】管子\φ57×4.5\SA-213T91\23S2214-4-2\1000MW超超临界机组</t>
  </si>
  <si>
    <t>【东方锅炉】管子\φ57×4.5\SA-213TP347H\23S2214-4-3\1000MW超超临界机组</t>
  </si>
  <si>
    <t>【东方锅炉】管子\φ57×4.5\SA-213T91\23S2214-4-3\1000MW超超临界机组</t>
  </si>
  <si>
    <t>【东方锅炉】管子\φ57×4.5\SA-213TP347H\23S2214-4-4\1000MW超超临界机组</t>
  </si>
  <si>
    <t>【东方锅炉】管子\φ57×4.5\SA-213T91\23S2214-4-4\1000MW超超临界机组</t>
  </si>
  <si>
    <t>【东方锅炉】管子\φ57×4.5\SA-213TP347H\23S2214-4-5\1000MW超超临界机组</t>
  </si>
  <si>
    <t>【东方锅炉】管子\φ57×4.5\SA-213T91\23S2214-4-5\1000MW超超临界机组</t>
  </si>
  <si>
    <t>【东方锅炉】管子\φ57×4.5\SA-213TP347H\23S2214-4-6\1000MW超超临界机组</t>
  </si>
  <si>
    <t>【东方锅炉】管子\φ57×4.5\SA-213T91\23S2214-4-6\1000MW超超临界机组</t>
  </si>
  <si>
    <t>【东方锅炉】管子\φ57×4.5\SA-213TP347H\23S2214-4-7\1000MW超超临界机组</t>
  </si>
  <si>
    <t>【东方锅炉】管子\φ57×4.5\SA-213T91\23S2214-4-7\1000MW超超临界机组</t>
  </si>
  <si>
    <t>【东方锅炉】管子\φ57×4.5\SA-213TP347H\23S2214-4-8\1000MW超超临界机组</t>
  </si>
  <si>
    <t>【东方锅炉】管子\φ57×4.5\SA-213T91\23S2214-4-8\1000MW超超临界机组</t>
  </si>
  <si>
    <t>【东方锅炉】管子\φ57×4.5\SA-213TP347H\23S2214-4-9\1000MW超超临界机组</t>
  </si>
  <si>
    <t>【东方锅炉】管子\φ57×4.5\SA-213T91\23S2214-4-9\1000MW超超临界机组</t>
  </si>
  <si>
    <t>【东方锅炉】管子\φ57×4.5\SA-213TP347H\23S2214-4-10\1000MW超超临界机组</t>
  </si>
  <si>
    <t>【东方锅炉】管子\φ57×4.5\SA-213T91\23S2214-4-10\1000MW超超临界机组</t>
  </si>
  <si>
    <t>【东方锅炉】管子\φ57×4.5\SA-213TP347H\23S2214-4-11\1000MW超超临界机组</t>
  </si>
  <si>
    <t>【东方锅炉】管子\φ57×4.5\SA-213T91\23S2214-4-11\1000MW超超临界机组</t>
  </si>
  <si>
    <t>【东方锅炉】管子\φ57×4.5\SA-213TP347H\23S2214-4-12\1000MW超超临界机组</t>
  </si>
  <si>
    <t>【东方锅炉】管子\φ57×4.5\SA-213T91\23S2214-4-12\1000MW超超临界机组</t>
  </si>
  <si>
    <t>【东方锅炉】管子\φ57×4.5\SA-213TP347H\23S2214-6-1\1000MW超超临界机组</t>
  </si>
  <si>
    <t>【东方锅炉】管子\φ57×4.5\SA-213T91\23S2214-6-1\1000MW超超临界机组</t>
  </si>
  <si>
    <t>【东方锅炉】管子\φ57×4.5\SA-213TP347H\23S2214-6-2\1000MW超超临界机组</t>
  </si>
  <si>
    <t>【东方锅炉】管子\φ57×4.5\SA-213T91\23S2214-6-2\1000MW超超临界机组</t>
  </si>
  <si>
    <t>【东方锅炉】管子\φ57×4.5\SA-213TP347H\23S2214-6-3\1000MW超超临界机组</t>
  </si>
  <si>
    <t>【东方锅炉】管子\φ57×4.5\SA-213T91\23S2214-6-3\1000MW超超临界机组</t>
  </si>
  <si>
    <t>【东方锅炉】管子\φ57×4.5\SA-213TP347H\23S2214-6-4\1000MW超超临界机组</t>
  </si>
  <si>
    <t>【东方锅炉】管子\φ57×4.5\SA-213T91\23S2214-6-4\1000MW超超临界机组</t>
  </si>
  <si>
    <t>【东方锅炉】管子\φ57×4.5\SA-213TP347H\23S2214-6-5\1000MW超超临界机组</t>
  </si>
  <si>
    <t>【东方锅炉】管子\φ57×4.5\SA-213T91\23S2214-6-5\1000MW超超临界机组</t>
  </si>
  <si>
    <t>【东方锅炉】管子\φ57×4.5\SA-213TP347H\23S2214-6-6\1000MW超超临界机组</t>
  </si>
  <si>
    <t>【东方锅炉】管子\φ57×4.5\SA-213T91\23S2214-6-6\1000MW超超临界机组</t>
  </si>
  <si>
    <t>【东方锅炉】管子\φ57×4.5\SA-213TP347H\23S2214-6-7\1000MW超超临界机组</t>
  </si>
  <si>
    <t>【东方锅炉】管子\φ57×4.5\SA-213T91\23S2214-6-7\1000MW超超临界机组</t>
  </si>
  <si>
    <t>【东方锅炉】管子\φ57×4.5\SA-213TP347H\23S2214-6-8\1000MW超超临界机组</t>
  </si>
  <si>
    <t>【东方锅炉】管子\φ57×4.5\SA-213T91\23S2214-6-8\1000MW超超临界机组</t>
  </si>
  <si>
    <t>【东方锅炉】管子\φ57×4.5\SA-213TP347H\23S2214-6-9\1000MW超超临界机组</t>
  </si>
  <si>
    <t>【东方锅炉】管子\φ57×4.5\SA-213T91\23S2214-6-9\1000MW超超临界机组</t>
  </si>
  <si>
    <t>【东方锅炉】管子\φ57×4.5\SA-213TP347H\23S2214-6-10\1000MW超超临界机组</t>
  </si>
  <si>
    <t>【东方锅炉】管子\φ57×4.5\SA-213T91\23S2214-6-10\1000MW超超临界机组</t>
  </si>
  <si>
    <t>【东方锅炉】管子\φ57×4.5\SA-213TP347H\23S2214-6-11\1000MW超超临界机组</t>
  </si>
  <si>
    <t>【东方锅炉】管子\φ57×4.5\SA-213T91\23S2214-6-11\1000MW超超临界机组</t>
  </si>
  <si>
    <t>【东方锅炉】管子\φ57×4.5\SA-213TP347H\23S2214-6-12\1000MW超超临界机组</t>
  </si>
  <si>
    <t>【东方锅炉】管子\φ57×4.5\SA-213T91\23S2214-6-12\1000MW超超临界机组</t>
  </si>
  <si>
    <t>【东方锅炉】夹块\δ10\ZG12Cr18Ni9\TGS22009\1000MW超超临界机组</t>
  </si>
  <si>
    <t>【东方锅炉】固定块\δ25\16Cr20Ni14Si2\TGS22009\1000MW超超临界机组</t>
  </si>
  <si>
    <t>【东方锅炉】挡块\δ6\12Cr18Ni9\TGS22009\1000MW超超临界机组</t>
  </si>
  <si>
    <t>【东方锅炉】测点块\δ4 φ57\SA-213T91\TGS15002\1000MW超超临界机组</t>
  </si>
  <si>
    <t>【东方锅炉】管子\φ57×5\SA-213TP310HCbN\23S223-1-1\1000MW超超临界机组</t>
  </si>
  <si>
    <t>【东方锅炉】密封板\δ10(反)\15CrMo\22S2142-1-4\1000MW超超临界机组</t>
  </si>
  <si>
    <t>【东方锅炉】管子\φ57×4.5\SA-213T91\23S223-1-1\1000MW超超临界机组</t>
  </si>
  <si>
    <t>【东方锅炉】管子\φ51×4\SA-213S30432\23S223-1-2\1000MW超超临界机组</t>
  </si>
  <si>
    <t>【东方锅炉】管子\φ51×4\SA-213TP310HCbN\23S223-1-2\1000MW超超临界机组</t>
  </si>
  <si>
    <t>【东方锅炉】密封板\δ10(正)\15CrMo\22S2142-14\1000MW超超临界机组</t>
  </si>
  <si>
    <t>【东方锅炉】管子\φ51×4\SA-213T91\23S223-1-2\1000MW超超临界机组</t>
  </si>
  <si>
    <t>【东方锅炉】管子\φ51×4\SA-213S30432\23S223-1-3\1000MW超超临界机组</t>
  </si>
  <si>
    <t>【东方锅炉】管子\φ51×4\SA-213TP310HCbN\23S223-1-3\1000MW超超临界机组</t>
  </si>
  <si>
    <t>【东方锅炉】管子\φ51×4\SA-213T91\23S223-1-3\1000MW超超临界机组</t>
  </si>
  <si>
    <t>【东方锅炉】管子\φ51×4\SA-213S30432\23S223-1-4\1000MW超超临界机组</t>
  </si>
  <si>
    <t>【东方锅炉】管子\φ51×4\SA-213T91\23S223-1-4\1000MW超超临界机组</t>
  </si>
  <si>
    <t>【东方锅炉】管子\φ51×4\SA-213S30432\23S223-1-5\1000MW超超临界机组</t>
  </si>
  <si>
    <t>【东方锅炉】管子\φ51×4\SA-213T91\23S223-1-5\1000MW超超临界机组</t>
  </si>
  <si>
    <t>【东方锅炉】管子\φ51×4\SA-213S30432\23S223-1-6\1000MW超超临界机组</t>
  </si>
  <si>
    <t>【东方锅炉】管子\φ51×4\SA-213T91\23S223-1-6\1000MW超超临界机组</t>
  </si>
  <si>
    <t>【东方锅炉】管子\φ51×4\SA-213S30432\23S223-1-7\1000MW超超临界机组</t>
  </si>
  <si>
    <t>【东方锅炉】管子\φ51×4\SA-213T91\23S223-1-7\1000MW超超临界机组</t>
  </si>
  <si>
    <t>【东方锅炉】管子\φ51×4\SA-213S30432\23S223-1-8\1000MW超超临界机组</t>
  </si>
  <si>
    <t>【东方锅炉】管子\φ51×4\SA-213T91\23S223-1-8\1000MW超超临界机组</t>
  </si>
  <si>
    <t>【东方锅炉】管子\φ51×4\SA-213S30432\23S223-1-9\1000MW超超临界机组</t>
  </si>
  <si>
    <t>【东方锅炉】管子\φ51×4\SA-213T91\23S223-1-9\1000MW超超临界机组</t>
  </si>
  <si>
    <t>【东方锅炉】管子\φ51×4\SA-213S30432\23S223-1-10\1000MW超超临界机组</t>
  </si>
  <si>
    <t>【东方锅炉】管子\φ51×4\SA-213T91\23S223-1-10\1000MW超超临界机组</t>
  </si>
  <si>
    <t>【东方锅炉】管子\φ51×4\SA-213S30432\23S223-1-11\1000MW超超临界机组</t>
  </si>
  <si>
    <t>【东方锅炉】管子\φ51×4\SA-213T91\23S223-1-11\1000MW超超临界机组</t>
  </si>
  <si>
    <t>【东方锅炉】管子\φ51×4\SA-213S30432\23S223-1-12\1000MW超超临界机组</t>
  </si>
  <si>
    <t>【东方锅炉】管子\φ51×4\SA-213T91\23S223-1-12\1000MW超超临界机组</t>
  </si>
  <si>
    <t>【东方锅炉】管子\φ51×4\SA-213S30432\23S223-1-13\1000MW超超临界机组</t>
  </si>
  <si>
    <t>【东方锅炉】管子\φ51×4\SA-213T91\23S223-1-13\1000MW超超临界机组</t>
  </si>
  <si>
    <t>【东方锅炉】管子\φ51×4\SA-213S30432\23S223-1-14\1000MW超超临界机组</t>
  </si>
  <si>
    <t>【东方锅炉】管子\φ51×4\SA-213T91\23S223-1-14\1000MW超超临界机组</t>
  </si>
  <si>
    <t>【东方锅炉】管子\φ51×4\SA-213S30432\23S223-1-15\1000MW超超临界机组</t>
  </si>
  <si>
    <t>【东方锅炉】管子\φ51×4\SA-213T91\23S223-1-15\1000MW超超临界机组</t>
  </si>
  <si>
    <t>【东方锅炉】管子\φ51×4\SA-213S30432\23S223-1-16\1000MW超超临界机组</t>
  </si>
  <si>
    <t>【东方锅炉】密封板\δ10(反)\15CrMo\22S2142-14\1000MW超超临界机组</t>
  </si>
  <si>
    <t>【东方锅炉】管夹\[20α\装配件\22S223-1-17\1000MW超超临界机组</t>
  </si>
  <si>
    <t>【东方锅炉】密封板\δ6\15CrMo\22S2143-9-6\1000MW超超临界机组</t>
  </si>
  <si>
    <t>【东方锅炉】钢板\δ3 2880×60\Q235A\23S223-0\1000MW超超临界机组</t>
  </si>
  <si>
    <t>【东方锅炉】滑动副\δ7\装配件\TGS22002-0\1000MW超超临界机组</t>
  </si>
  <si>
    <t>【东方锅炉】挡块\δ6\ZG16Cr20Ni14Si2\TGS22002-1\1000MW超超临界机组</t>
  </si>
  <si>
    <t>【东方锅炉】滑动块\δ7\ZG16Cr20Ni14Si2\TGS22002-2\1000MW超超临界机组</t>
  </si>
  <si>
    <t>【东方锅炉】半圆板\№1\SA-240GR309S\23S223-1-18\1000MW超超临界机组</t>
  </si>
  <si>
    <t>【东方锅炉】梳型板\δ6\12Cr18Ni9\23S223-1-19\1000MW超超临界机组</t>
  </si>
  <si>
    <t>【东方锅炉】弧型板\δ12\12Cr18Ni9\23S223-1-20\1000MW超超临界机组</t>
  </si>
  <si>
    <t>【东方锅炉】钢板\δ12\12Cr18Ni9\23S223-1-21\1000MW超超临界机组</t>
  </si>
  <si>
    <t>【东方锅炉】钢板\δ6 100×60\12Cr18Ni9\23S223-1-0\1000MW超超临界机组</t>
  </si>
  <si>
    <t>【东方锅炉】半圆板\№2\SA-240GR309S\23S223-1-18\1000MW超超临界机组</t>
  </si>
  <si>
    <t>【东方锅炉】弧型板\δ12\12Cr18Ni9\23S223-1-22\1000MW超超临界机组</t>
  </si>
  <si>
    <t>【东方锅炉】密封板\δ6\15CrMo\22S2143-9-7\1000MW超超临界机组</t>
  </si>
  <si>
    <t>【东方锅炉】密封板\δ6\15CrMo\22S2143-9-8\1000MW超超临界机组</t>
  </si>
  <si>
    <t>【东方锅炉】盖板\δ5(正)\12Cr18Ni9\22S254-1-17\1000MW超超临界机组</t>
  </si>
  <si>
    <t>【东方锅炉】盖板\δ5 №1(正)\12Cr18Ni9\22S254-1-18\1000MW超超临界机组</t>
  </si>
  <si>
    <t>【东方锅炉】盖板\δ5 №1(正)\12Cr18Ni9\22S254-1-20\1000MW超超临界机组</t>
  </si>
  <si>
    <t>【东方锅炉】盖板\δ5 №1(正)\12Cr18Ni9\22S254-1-21\1000MW超超临界机组</t>
  </si>
  <si>
    <t>【东方锅炉】盖板\δ5(反)\12Cr18Ni9\22S254-1-17\1000MW超超临界机组</t>
  </si>
  <si>
    <t>【东方锅炉】盖板\δ5 №1(反)\12Cr18Ni9\22S254-1-18\1000MW超超临界机组</t>
  </si>
  <si>
    <t>【东方锅炉】盖板\δ5 №1(反)\12Cr18Ni9\22S254-1-20\1000MW超超临界机组</t>
  </si>
  <si>
    <t>【东方锅炉】盖板\δ5 №1(反)\12Cr18Ni9\22S254-1-21\1000MW超超临界机组</t>
  </si>
  <si>
    <t>【东方锅炉】盖板\δ5\1Cr6Si2Mo\22S254-2-1\1000MW超超临界机组</t>
  </si>
  <si>
    <t>【东方锅炉】盖板\δ5(正)\1Cr6Si2Mo\22S254-2-7\1000MW超超临界机组</t>
  </si>
  <si>
    <t>【东方锅炉】盖板\δ5 №2(正)\1Cr6Si2Mo\22S254-1-18\1000MW超超临界机组</t>
  </si>
  <si>
    <t>【东方锅炉】盖板\δ5 №2(正)\1Cr6Si2Mo\22S254-1-20\1000MW超超临界机组</t>
  </si>
  <si>
    <t>【东方锅炉】盖板\δ5 №2(正)\1Cr6Si2Mo\22S254-1-21\1000MW超超临界机组</t>
  </si>
  <si>
    <t>【东方锅炉】盖板\δ5(反)\1Cr6Si2Mo\22S254-2-7\1000MW超超临界机组</t>
  </si>
  <si>
    <t>【东方锅炉】盖板\δ5 №2(反)\1Cr6Si2Mo\22S254-1-18\1000MW超超临界机组</t>
  </si>
  <si>
    <t>【东方锅炉】盖板\δ5 №2(反)\1Cr6Si2Mo\22S254-1-20\1000MW超超临界机组</t>
  </si>
  <si>
    <t>【东方锅炉】盖板\δ5 №2(反)\1Cr6Si2Mo\22S254-1-21\1000MW超超临界机组</t>
  </si>
  <si>
    <t>【东方锅炉】盖板\δ5\SA-240GR309S\22S255-1-4\1000MW超超临界机组</t>
  </si>
  <si>
    <t>【东方锅炉】盖板\δ5 №1\12Cr18Ni9\22S255-2-6\1000MW超超临界机组</t>
  </si>
  <si>
    <t>【东方锅炉】盖板\δ5(正)\12Cr18Ni9\22S255-2-10\1000MW超超临界机组</t>
  </si>
  <si>
    <t>【东方锅炉】盖板\δ5(正)\12Cr18Ni9\22S255-2-11\1000MW超超临界机组</t>
  </si>
  <si>
    <t>【东方锅炉】盖板\δ5(反)\12Cr18Ni9\22S255-2-10\1000MW超超临界机组</t>
  </si>
  <si>
    <t>【东方锅炉】盖板\δ5(反)\12Cr18Ni9\22S255-2-11\1000MW超超临界机组</t>
  </si>
  <si>
    <t>【东方锅炉】挡板\δ5\装配件\22S255-13-1\1000MW超超临界机组</t>
  </si>
  <si>
    <t>【东方锅炉】挡板\δ5\装配件\22S255-13-2\1000MW超超临界机组</t>
  </si>
  <si>
    <t>【东方锅炉】挡板\δ5\装配件\22S255-13-3\1000MW超超临界机组</t>
  </si>
  <si>
    <t>【东方锅炉】挡板\δ5\装配件\22S255-13-4\1000MW超超临界机组</t>
  </si>
  <si>
    <t>【东方锅炉】挡板\δ5\装配件\22S255-13-5\1000MW超超临界机组</t>
  </si>
  <si>
    <t>【东方锅炉】挡板\δ5\装配件\22S255-13-6\1000MW超超临界机组</t>
  </si>
  <si>
    <t>【东方锅炉】固定块\δ6\装配件\19S2551-1-15\1000MW超超临界机组</t>
  </si>
  <si>
    <t>【东方锅炉】钢板\δ5 25×12\SA-240GR309S\23S2551-0\1000MW超超临界机组</t>
  </si>
  <si>
    <t>【东方锅炉】三通\DN69.6×89×69.6\12Cr1MoVⅢ\13S2611-1-1\1000MW超超临界机组</t>
  </si>
  <si>
    <t>【东方锅炉】三通\DN61×69.6×61\12Cr1MoVⅢ\22S2611-5-1\1000MW超超临界机组</t>
  </si>
  <si>
    <t>【东方锅炉】三通\DN89×89×89\12Cr1MoVⅢ\22S2611-28\1000MW超超临界机组</t>
  </si>
  <si>
    <t>【东方锅炉】圆弧板\δ6 φ406.4\12Cr1MoV\TGS15004\1000MW超超临界机组</t>
  </si>
  <si>
    <t>【东方锅炉】支撑块\δ30\15CrMo\2S2613-1-1\1000MW超超临界机组</t>
  </si>
  <si>
    <t>【东方锅炉】钢板\δ12 350×50\15CrMo\23S2613-0\1000MW超超临界机组</t>
  </si>
  <si>
    <t>【东方锅炉】钢板\δ12 350×188\15CrMo\23S2613-0\1000MW超超临界机组</t>
  </si>
  <si>
    <t>【东方锅炉】钢板\δ12\15CrMo\22S2613-4-1\1000MW超超临界机组</t>
  </si>
  <si>
    <t>【东方锅炉】密封板\δ6\15CrMo\22S2143-9-9\1000MW超超临界机组</t>
  </si>
  <si>
    <t>【东方锅炉】圆弧板\δ6 φ660.4\12Cr1MoV\TGS15004\1000MW超超临界机组</t>
  </si>
  <si>
    <t>【东方锅炉】钢板\δ30 100×50\12Cr1MoV\23S2613-0\1000MW超超临界机组</t>
  </si>
  <si>
    <t>【东方锅炉】密封板\δ6\12Cr1MoV\22S2143-9-10\1000MW超超临界机组</t>
  </si>
  <si>
    <t>【东方锅炉】密封板\δ6\12Cr1MoV\22S2143-10-1\1000MW超超临界机组</t>
  </si>
  <si>
    <t>【东方锅炉】圆弧板\δ6\12Cr1MoV\22S2615-7-1\1000MW超超临界机组</t>
  </si>
  <si>
    <t>【东方锅炉】挡块\δ30 100×50\SA-182F91\22S2617-2-0\1000MW超超临界机组</t>
  </si>
  <si>
    <t>【东方锅炉】圆弧板\δ10\SA-387GR91\22S2617-3-1\1000MW超超临界机组</t>
  </si>
  <si>
    <t>【东方锅炉】密封板\δ10\15CrMo\22S2143-11-10\1000MW超超临界机组</t>
  </si>
  <si>
    <t>【东方锅炉】圆弧板\δ10\SA-387GR91\22S2617-5-1\1000MW超超临界机组</t>
  </si>
  <si>
    <t>【东方锅炉】挡块\δ30 100×50\SA-182F91\22S2617-8-0\1000MW超超临界机组</t>
  </si>
  <si>
    <t>【东方锅炉】圆弧板\δ6\SA-387GR91\22S2621-2-1\1000MW超超临界机组</t>
  </si>
  <si>
    <t>【东方锅炉】挡块\δ30 100×50\SA-182F91\22S2621-3-0\1000MW超超临界机组</t>
  </si>
  <si>
    <t>【东方锅炉】圆弧板\δ10\SA-387GR91\22S2621-4-1\1000MW超超临界机组</t>
  </si>
  <si>
    <t>【东方锅炉】密封板\δ10(正)\15CrMo\TGS21504-0\1000MW超超临界机组</t>
  </si>
  <si>
    <t>【东方锅炉】圆弧板\δ6\SA-387GR91\22S2631-1-1\1000MW超超临界机组</t>
  </si>
  <si>
    <t>【东方锅炉】密封板\δ10(反)\15CrMo\TGS21504-0\1000MW超超临界机组</t>
  </si>
  <si>
    <t>【东方锅炉】圆弧板\δ30\SA-387GR91\22S2631-6-1\1000MW超超临界机组</t>
  </si>
  <si>
    <t>【东方锅炉】钢板\δ20 200×200\SA-387GR91\23S2631-0\1000MW超超临界机组</t>
  </si>
  <si>
    <t>【东方锅炉】钢板\δ10\SA-387GR91\22S2631-8-1\1000MW超超临界机组</t>
  </si>
  <si>
    <t>【东方锅炉】钢板\δ10\SA-387GR91\22S2631-8-2\1000MW超超临界机组</t>
  </si>
  <si>
    <t>【东方锅炉】圆弧板\δ30\SA-387GR91\22S2633-2-1\1000MW超超临界机组</t>
  </si>
  <si>
    <t>【东方锅炉】钢板\δ20 300×300\SA-387GR91\23S2631-0\1000MW超超临界机组</t>
  </si>
  <si>
    <t>【东方锅炉】钢板\δ10\SA-387GR91\23S2633-6-1\1000MW超超临界机组</t>
  </si>
  <si>
    <t>【东方锅炉】钢板\δ10\SA-387GR91\23S2633-6-2\1000MW超超临界机组</t>
  </si>
  <si>
    <t>【东方锅炉】圆弧板\δ10\SA-387GR91\23S2633-8-1\1000MW超超临界机组</t>
  </si>
  <si>
    <t>【东方锅炉】蛇型管\φ57×8.5\SA-210C\23S311-1-2\1000MW超超临界机组</t>
  </si>
  <si>
    <t>【东方锅炉】蛇型管\φ57×8.5\SA-210C\23S311-1-3\1000MW超超临界机组</t>
  </si>
  <si>
    <t>【东方锅炉】管夹\δ6\20#\23S311-1-4\1000MW超超临界机组</t>
  </si>
  <si>
    <t>【东方锅炉】管夹\δ6\20#\23S311-1-5\1000MW超超临界机组</t>
  </si>
  <si>
    <t>【东方锅炉】支撑板\δ12\12Cr1MoV\23S311-1-6\1000MW超超临界机组</t>
  </si>
  <si>
    <t>【东方锅炉】钢板\δ10 101×35\12Cr1MoV\23S311-0\1000MW超超临界机组</t>
  </si>
  <si>
    <t>【东方锅炉】密封板\δ6\15CrMo\22S2145-1-3\1000MW超超临界机组</t>
  </si>
  <si>
    <t>【东方锅炉】钢板\δ6 215×50\20#\23S311-0\1000MW超超临界机组</t>
  </si>
  <si>
    <t>【东方锅炉】吊板\δ16\12Cr1MoV\19S311-1-20\1000MW超超临界机组</t>
  </si>
  <si>
    <t>【东方锅炉】钢板\δ10\20#\19S311-1-21\1000MW超超临界机组</t>
  </si>
  <si>
    <t>【东方锅炉】钢板\δ10\20#\19S311-2-1\1000MW超超临界机组</t>
  </si>
  <si>
    <t>【东方锅炉】支撑板\δ12\12Cr1MoV\23S311-3-2\1000MW超超临界机组</t>
  </si>
  <si>
    <t>【东方锅炉】吊板\δ20\12Cr1MoV\19S311-9\1000MW超超临界机组</t>
  </si>
  <si>
    <t>【东方锅炉】钢板\δ6 670×50\20#\23S311-0\1000MW超超临界机组</t>
  </si>
  <si>
    <t>【东方锅炉】吊板\δ20\12Cr1MoV\23S311-5\1000MW超超临界机组</t>
  </si>
  <si>
    <t>【东方锅炉】钢板\δ6 1355.8×50\20#\23S311-0\1000MW超超临界机组</t>
  </si>
  <si>
    <t>【东方锅炉】蛇型管\φ57×8.5\SA-210C\23S312-1-2\1000MW超超临界机组</t>
  </si>
  <si>
    <t>【东方锅炉】蛇型管\φ57×8.5\SA-210C\23S312-1-3\1000MW超超临界机组</t>
  </si>
  <si>
    <t>【东方锅炉】管夹\δ6\20#\23S312-1-4\1000MW超超临界机组</t>
  </si>
  <si>
    <t>【东方锅炉】蛇型管\φ57×8.5\SA-210C\23S312-5-2\1000MW超超临界机组</t>
  </si>
  <si>
    <t>【东方锅炉】蛇型管\φ57×8.5\SA-210C\23S312-5-3\1000MW超超临界机组</t>
  </si>
  <si>
    <t>【东方锅炉】蛇型管\φ57×8.5\SA-210C\23S312-8-2\1000MW超超临界机组</t>
  </si>
  <si>
    <t>【东方锅炉】蛇型管\φ57×8.5\SA-210C\23S312-8-3\1000MW超超临界机组</t>
  </si>
  <si>
    <t>【东方锅炉】管夹\δ6\12Cr1MoV\23S312-10-5\1000MW超超临界机组</t>
  </si>
  <si>
    <t>【东方锅炉】管夹\δ6\12Cr1MoV\23S312-10-6\1000MW超超临界机组</t>
  </si>
  <si>
    <t>【东方锅炉】管夹\δ6\12Cr1MoV\23S312-10-7\1000MW超超临界机组</t>
  </si>
  <si>
    <t>【东方锅炉】支撑块\№5\ZG12Cr18Ni9\TG21031-2005\1000MW超超临界机组</t>
  </si>
  <si>
    <t>【东方锅炉】支撑块\№6\ZG12Cr18Ni9\TG21031-2005\1000MW超超临界机组</t>
  </si>
  <si>
    <t>【东方锅炉】密封板\δ6\15CrMo\22S2145-1-4\1000MW超超临界机组</t>
  </si>
  <si>
    <t>【东方锅炉】弧型板\δ6\12Cr1MoV\23S312-10-9\1000MW超超临界机组</t>
  </si>
  <si>
    <t>【东方锅炉】钢板\δ10\12Cr1MoV\23S312-12-1\1000MW超超临界机组</t>
  </si>
  <si>
    <t>【东方锅炉】管夹\δ6\12Cr1MoV\23S312-13-5\1000MW超超临界机组</t>
  </si>
  <si>
    <t>【东方锅炉】管子\φ57×8.5 №1\SA-210C\23S312-15\1000MW超超临界机组</t>
  </si>
  <si>
    <t>【东方锅炉】管子\φ57×8.5 №2\SA-210C\23S312-15\1000MW超超临界机组</t>
  </si>
  <si>
    <t>【东方锅炉】管子\φ57×8.5 №3\SA-210C\23S312-15\1000MW超超临界机组</t>
  </si>
  <si>
    <t>【东方锅炉】管子\φ57×8.5 №4\SA-210C\23S312-15\1000MW超超临界机组</t>
  </si>
  <si>
    <t>【东方锅炉】管子\φ57×8.5 №5\SA-210C\23S312-15\1000MW超超临界机组</t>
  </si>
  <si>
    <t>【东方锅炉】管子\φ57×8.5 №6\SA-210C\23S312-15\1000MW超超临界机组</t>
  </si>
  <si>
    <t>【东方锅炉】管子\φ57×8.5 №7\SA-210C\23S312-15\1000MW超超临界机组</t>
  </si>
  <si>
    <t>【东方锅炉】管子\φ57×8.5 №8\SA-210C\23S312-15\1000MW超超临界机组</t>
  </si>
  <si>
    <t>【东方锅炉】密封板\δ6\15CrMo\22S2145-3-1\1000MW超超临界机组</t>
  </si>
  <si>
    <t>【东方锅炉】U型板\δ10\12Cr1MoV\23S312-18\1000MW超超临界机组</t>
  </si>
  <si>
    <t>【东方锅炉】钢板\δ6 50×44\12Cr1MoV\23S312-0\1000MW超超临界机组</t>
  </si>
  <si>
    <t>【东方锅炉】U型板\δ6\12Cr1MoV\23S312-19-1\1000MW超超临界机组</t>
  </si>
  <si>
    <t>【东方锅炉】钢板\δ6 150×50\12Cr1MoV\23S312-0\1000MW超超临界机组</t>
  </si>
  <si>
    <t>【东方锅炉】孔板\δ6\20#\15S33-1-1\1000MW超超临界机组</t>
  </si>
  <si>
    <t>【东方锅炉】孔板\δ6\20#\13S33-1-2\1000MW超超临界机组</t>
  </si>
  <si>
    <t>【东方锅炉】钢板\δ6\20#\13S33-1-3\1000MW超超临界机组</t>
  </si>
  <si>
    <t>【东方锅炉】钢板\δ6 300×75\20#\13S33-1-4\1000MW超超临界机组</t>
  </si>
  <si>
    <t>【东方锅炉】钢板\δ6\20#\13S33-1-4\1000MW超超临界机组</t>
  </si>
  <si>
    <t>【东方锅炉】密封板\δ6\15CrMo\22S2145-9\1000MW超超临界机组</t>
  </si>
  <si>
    <t>【东方锅炉】垫板\δ6\20#\15S33-1-2\1000MW超超临界机组</t>
  </si>
  <si>
    <t>【东方锅炉】孔板\δ6\20#\15S33-3-1\1000MW超超临界机组</t>
  </si>
  <si>
    <t>【东方锅炉】孔板\δ6\20#\13S33-3-2\1000MW超超临界机组</t>
  </si>
  <si>
    <t>【东方锅炉】孔板\δ6\20#\13S33-3-3\1000MW超超临界机组</t>
  </si>
  <si>
    <t>【东方锅炉】钢板\δ6 296×75\20#\13S33-3-4\1000MW超超临界机组</t>
  </si>
  <si>
    <t>【东方锅炉】钢板\δ6\20#\13S33-3-4\1000MW超超临界机组</t>
  </si>
  <si>
    <t>【东方锅炉】钢板\δ6\20#\13S33-3-5\1000MW超超临界机组</t>
  </si>
  <si>
    <t>【东方锅炉】钢板\δ6\20#\13S33-3-6\1000MW超超临界机组</t>
  </si>
  <si>
    <t>【东方锅炉】钢板\δ6\20#\13S33-3-7\1000MW超超临界机组</t>
  </si>
  <si>
    <t>【东方锅炉】孔板\δ6\20#\15S33-4-1\1000MW超超临界机组</t>
  </si>
  <si>
    <t>【东方锅炉】孔板\δ6\20#\13S33-4-2\1000MW超超临界机组</t>
  </si>
  <si>
    <t>【东方锅炉】盖板\δ6\20#\23S33-1\1000MW超超临界机组</t>
  </si>
  <si>
    <t>【东方锅炉】盖板\δ6 №3\20#\23S33-2\1000MW超超临界机组</t>
  </si>
  <si>
    <t>【东方锅炉】盖板\δ6\20#\23S33-7\1000MW超超临界机组</t>
  </si>
  <si>
    <t>【东方锅炉】盖板\δ4\12Cr1MoV\23S33-12\1000MW超超临界机组</t>
  </si>
  <si>
    <t>【东方锅炉】密封板\δ6\15CrMo\22S2145-10\1000MW超超临界机组</t>
  </si>
  <si>
    <t>【东方锅炉】肋板\δ10 270×120\Q235B\DG4502-2016\1000MW超超临界机组</t>
  </si>
  <si>
    <t>【东方锅炉】摇臂\δ24\20#\23S665-1\1000MW超超临界机组</t>
  </si>
  <si>
    <t>【东方锅炉】角钢\δ6\Q235A\8S665-4-1\1000MW超超临界机组</t>
  </si>
  <si>
    <t>【东方锅炉】钢板\δ10\Q235A\8S665-2-2\1000MW超超临界机组</t>
  </si>
  <si>
    <t>【东方锅炉】指针\δ6\06Cr19Ni10\TG66507-2006\1000MW超超临界机组</t>
  </si>
  <si>
    <t>【东方锅炉】钢板\δ20\Q235A\23S665-2-1\1000MW超超临界机组</t>
  </si>
  <si>
    <t>【东方锅炉】钢板\δ20\Q235A\23S665-2-2\1000MW超超临界机组</t>
  </si>
  <si>
    <t>【东方锅炉】钢板\δ6\Q235A\23S665-2-3\1000MW超超临界机组</t>
  </si>
  <si>
    <t>【东方锅炉】垫板\δ2\Q215A\23S665-3\1000MW超超临界机组</t>
  </si>
  <si>
    <t>【东方锅炉】肋板\δ8\Q235A\23S665-4-1\1000MW超超临界机组</t>
  </si>
  <si>
    <t>【东方锅炉】槽钢\20a\Q235A\23S665-4-2\1000MW超超临界机组</t>
  </si>
  <si>
    <t>【东方锅炉】弯头\DN200 R203 90°\20#\23S665-0\1000MW超超临界机组</t>
  </si>
  <si>
    <t>【东方锅炉】法兰\φ345\Q235A\20S666A-1-1\1000MW超超临界机组</t>
  </si>
  <si>
    <t>【东方锅炉】密封板\δ9\12Cr1MoV\TGA00692-0\350MW超临界机组</t>
  </si>
  <si>
    <t>【东方锅炉】密封板\δ9(正)\12Cr1MoV\TGA00692-0\350MW超临界机组</t>
  </si>
  <si>
    <t>【东方锅炉】法兰\δ10\Q235A\TG66605.02-2007\1000MW超超临界机组</t>
  </si>
  <si>
    <t>【东方锅炉】轴承\δ6\Q215A\TG66605.04-2007\1000MW超超临界机组</t>
  </si>
  <si>
    <t>【东方锅炉】密封压盖\δ6\Q235A\TG66605.05-2007\1000MW超超临界机组</t>
  </si>
  <si>
    <t>【东方锅炉】挡板\δ6\Q235A\TG66605.06-2007\1000MW超超临界机组</t>
  </si>
  <si>
    <t>【东方锅炉】垫圈\δ6\Q235A\TG66605.07-2007\1000MW超超临界机组</t>
  </si>
  <si>
    <t>【东方锅炉】密封板\δ9(正)\15CrMo\TGA00692-0\350MW超临界机组</t>
  </si>
  <si>
    <t>【东方锅炉】压盖\δ6\Q235A\TG66605.08-2007\1000MW超超临界机组</t>
  </si>
  <si>
    <t>【东方锅炉】密封板\δ9(反)\12Cr1MoV\TGA00692-0\350MW超临界机组</t>
  </si>
  <si>
    <t>【东方锅炉】面板\δ6\Q235A\TG66605.12-2007\1000MW超超临界机组</t>
  </si>
  <si>
    <t>【东方锅炉】钢板\δ5 112×110\Q235A\23S665-0\1000MW超超临界机组</t>
  </si>
  <si>
    <t>【东方锅炉】钢板\δ5\Q235A\TG66605.13-2007\1000MW超超临界机组</t>
  </si>
  <si>
    <t>【东方锅炉】钢板\δ5\Q235A\TG66605.14-2007\1000MW超超临界机组</t>
  </si>
  <si>
    <t>【东方锅炉】钢板\δ6\Q235A\TG66605.15-2007\1000MW超超临界机组</t>
  </si>
  <si>
    <t>【东方锅炉】垫圈\δ6\Q235A\TG66605.17-2007\1000MW超超临界机组</t>
  </si>
  <si>
    <t>【东方锅炉】密封板\δ9(反)\15CrMo\TGA00692-0\350MW超临界机组</t>
  </si>
  <si>
    <t>【东方锅炉】摆杆\δ6\Q235A\TG66605.18-2007\1000MW超超临界机组</t>
  </si>
  <si>
    <t>【东方锅炉】密封板\δ10\12Cr1MoV\TGA00672-0\350MW超临界机组</t>
  </si>
  <si>
    <t>【东方锅炉】槽钢\10a\Q235A\20S666A-6-1\1000MW超超临界机组</t>
  </si>
  <si>
    <t>【东方锅炉】槽钢\10a\Q235A\20S666A-6-2\1000MW超超临界机组</t>
  </si>
  <si>
    <t>【东方锅炉】密封板\δ10(正)\12Cr1MoV\TGA00672-0\350MW超临界机组</t>
  </si>
  <si>
    <t>【东方锅炉】密封板\δ10(反)\12Cr1MoV\TGA00672-0\350MW超临界机组</t>
  </si>
  <si>
    <t>【东方锅炉】密封板\δ10\12Cr1MoV\TGA00671-0\350MW超临界机组</t>
  </si>
  <si>
    <t>【东方锅炉】三通\φ33.4×φ33.4×φ33.4 №1\20Ⅲ\2S7111-2\1000MW超超临界机组</t>
  </si>
  <si>
    <t>【东方锅炉】三通\φ60.3×φ60.3×φ60.3\15CrMoⅢ\2S7111-3\1000MW超超临界机组</t>
  </si>
  <si>
    <t>【东方锅炉】三通\φ73×φ73×φ73\20Ⅲ\2S7111-4\1000MW超超临界机组</t>
  </si>
  <si>
    <t>【东方锅炉】三通\φ48.3×φ48.3×φ48.3\15CrMoⅢ\22S7111-2\1000MW超超临界机组</t>
  </si>
  <si>
    <t>【东方锅炉】三通\φ88.9×φ88.9×φ88.9\15CrMoⅢ\19S7111-1\1000MW超超临界机组</t>
  </si>
  <si>
    <t>【东方锅炉】三通\φ33.4×φ33.4×φ33.4\12Cr1MoVⅢ\22S7111-3\1000MW超超临界机组</t>
  </si>
  <si>
    <t>【东方锅炉】三通\φ60.3×φ33.4×φ60.3\15CrMoⅢ\2S7111-5\1000MW超超临界机组</t>
  </si>
  <si>
    <t>【东方锅炉】密封板\δ10(正)\12Cr1MoV\TGA00671-0\350MW超临界机组</t>
  </si>
  <si>
    <t>【东方锅炉】三通\φ33.4×φ33.4×φ33.4\SA-182F91\2S7111-8\1000MW超超临界机组</t>
  </si>
  <si>
    <t>【东方锅炉】过渡管\φ73×15.6/φ88.9×17\20Ⅲ\2S7111-11\1000MW超超临界机组</t>
  </si>
  <si>
    <t>【东方锅炉】密封板\δ10(反)\12Cr1MoV\TGA00671-0\350MW超临界机组</t>
  </si>
  <si>
    <t>【东方锅炉】过渡管\φ33.4×7.1/φ60.3×9.7\15CrMoⅢ\2S7111-13\1000MW超超临界机组</t>
  </si>
  <si>
    <t>【东方锅炉】密封板\δ10(正)\12Cr1MoV\170M1153-3\350MW超临界机组</t>
  </si>
  <si>
    <t>【东方锅炉】密封板\δ10(正)\12Cr1MoV\170M1153-4\350MW超临界机组</t>
  </si>
  <si>
    <t>【东方锅炉】密封板\δ10\12Cr1MoV\170M1153-5\350MW超临界机组</t>
  </si>
  <si>
    <t>【东方锅炉】密封板\δ10\12Cr1MoV\170M1153-6\350MW超临界机组</t>
  </si>
  <si>
    <t>【东方锅炉】密封板\δ10(反)\12Cr1MoV\170M1153-3\350MW超临界机组</t>
  </si>
  <si>
    <t>【东方锅炉】密封板\δ10(反)\12Cr1MoV\170M1153-4\350MW超临界机组</t>
  </si>
  <si>
    <t>【东方锅炉】密封板\δ10\12Cr1MoV\119M1141-4\350MW超临界机组</t>
  </si>
  <si>
    <t>【东方锅炉】密封板\δ10\12Cr1MoV\119M1141-5\350MW超临界机组</t>
  </si>
  <si>
    <t>【东方锅炉】密封板\δ10\12Cr1MoV\140M1143-4\350MW超临界机组</t>
  </si>
  <si>
    <t>【东方锅炉】密封板\δ6\12Cr1MoV\208M1112-1-2\350MW超临界机组</t>
  </si>
  <si>
    <t>【东方锅炉】密封板\δ10(正)\12Cr1MoV\TGA00383-0\350MW超临界机组</t>
  </si>
  <si>
    <t>【东方锅炉】密封板\δ10\12Cr1MoV\TGA00383-0\350MW超临界机组</t>
  </si>
  <si>
    <t>【东方锅炉】弯管\φ33.4×9\SA-213TP347H\22S7111-8\1000MW超超临界机组</t>
  </si>
  <si>
    <t>【东方锅炉】弯管\φ33.4×3.8 №2\SA-213T91\2S7111-18\1000MW超超临界机组</t>
  </si>
  <si>
    <t>【东方锅炉】密封板\δ10(反)\12Cr1MoV\TGA00383-0\350MW超临界机组</t>
  </si>
  <si>
    <t>【东方锅炉】密封板\δ6.4\12Cr1MoV\140M1112-1-6\350MW超临界机组</t>
  </si>
  <si>
    <t>【东方锅炉】密封板\δ6.4\12Cr1MoV\140M1112-1-7\350MW超临界机组</t>
  </si>
  <si>
    <t>【东方锅炉】密封板\δ6.4\12Cr1MoV\140M1112-1-8\350MW超临界机组</t>
  </si>
  <si>
    <t>【东方锅炉】密封板\δ6.4\12Cr1MoV\140M1112-1-9\350MW超临界机组</t>
  </si>
  <si>
    <t>【东方锅炉】密封板\δ6.4\12Cr1MoV\140M1112-1-10\350MW超临界机组</t>
  </si>
  <si>
    <t>【东方锅炉】密封板\δ6.4\12Cr1MoV\140M1112-1-11\350MW超临界机组</t>
  </si>
  <si>
    <t>【东方锅炉】弯管\φ33.4×7\15CrMoG\22S7111-6\1000MW超超临界机组</t>
  </si>
  <si>
    <t>【东方锅炉】密封板\δ6.4\12Cr1MoV\140M1112-1-12\350MW超临界机组</t>
  </si>
  <si>
    <t>【东方锅炉】密封板\δ6.4\12Cr1MoV\159M1112-1-9\350MW超临界机组</t>
  </si>
  <si>
    <t>【东方锅炉】密封板\δ10\12Cr1MoV\159M1112-1-10\350MW超临界机组</t>
  </si>
  <si>
    <t>【东方锅炉】弯管\φ33.4×3.8\SA-213TP347H\22S7111-11\1000MW超超临界机组</t>
  </si>
  <si>
    <t>【东方锅炉】过渡管\φ48.3×7.9/φ60.3×9.7\15CrMoⅢ\2S7111-12\1000MW超超临界机组</t>
  </si>
  <si>
    <t>【东方锅炉】密封板\δ6.4\12Cr1MoV\159M1112-1-11\350MW超临界机组</t>
  </si>
  <si>
    <t>【东方锅炉】钢板\δ4 2000×25\15CrMo\23S7111-0\1000MW超超临界机组</t>
  </si>
  <si>
    <t>【东方锅炉】钢板\δ4 100×25\15CrMo\23S7111-0\1000MW超超临界机组</t>
  </si>
  <si>
    <t>【东方锅炉】钢板\δ4 2000×200\15CrMo\23S7111-0\1000MW超超临界机组</t>
  </si>
  <si>
    <t>【东方锅炉】弯管\φ33.4×3.8 №3\15CrMoG\2S7111-18\1000MW超超临界机组</t>
  </si>
  <si>
    <t>【东方锅炉】密封板\δ10\12Cr1MoV\159M1112-1-12\350MW超临界机组</t>
  </si>
  <si>
    <t>【东方锅炉】槽钢\10a\Q235A\23S7111-0\1000MW超超临界机组</t>
  </si>
  <si>
    <t>【东方锅炉】三通\φ33.4×φ33.4×φ33.4\SA-182F91\23S7111-1\1000MW超超临界机组</t>
  </si>
  <si>
    <t>【东方锅炉】弯管\φ33.4×7\SA-213TP347H\23S7111-2\1000MW超超临界机组</t>
  </si>
  <si>
    <t>【东方锅炉】弯管\φ48.3×8\SA-213T91\22S7111-15\1000MW超超临界机组</t>
  </si>
  <si>
    <t>【东方锅炉】弯管\φ48.3×12\SA-213T91\22S7111-16\1000MW超超临界机组</t>
  </si>
  <si>
    <t>【东方锅炉】弯管\φ48.3×10\SA-213TP347H\22S7111-17\1000MW超超临界机组</t>
  </si>
  <si>
    <t>【东方锅炉】弯管\φ33.4×9 №1\SA-213T91\22S7111-18\1000MW超超临界机组</t>
  </si>
  <si>
    <t>【东方锅炉】弯管\φ33.4×9 №2\SA-213TP347H\22S7111-18\1000MW超超临界机组</t>
  </si>
  <si>
    <t>【东方锅炉】弯管\φ33.4×3.8 №1\SA-213T91\22S7111-19\1000MW超超临界机组</t>
  </si>
  <si>
    <t>【东方锅炉】弯管\φ33.4×3.8 №2\SA-213TP347H\22S7111-19\1000MW超超临界机组</t>
  </si>
  <si>
    <t>【东方锅炉】密封板\δ6.4\12Cr1MoV\159M1112-1-13\350MW超临界机组</t>
  </si>
  <si>
    <t>【东方锅炉】密封板\δ6.4\12Cr1MoV\159M1112-1-14\350MW超临界机组</t>
  </si>
  <si>
    <t>【东方锅炉】密封板\δ6.4\12Cr1MoV\159M1112-1-15\350MW超临界机组</t>
  </si>
  <si>
    <t>【东方锅炉】密封板\δ6.4\12Cr1MoV\159M1112-1-16\350MW超临界机组</t>
  </si>
  <si>
    <t>【东方锅炉】密封板\δ6.4\12Cr1MoV\159M1112-1-17\350MW超临界机组</t>
  </si>
  <si>
    <t>【东方锅炉】密封板\δ10(正)\12Cr1MoV\28S1111-7-1\1000MW超超临界机组</t>
  </si>
  <si>
    <t>【东方锅炉】密封板\δ10(反)\12Cr1MoV\28S1111-7-1\1000MW超超临界机组</t>
  </si>
  <si>
    <t>【东方锅炉】密封板\δ10\12Cr1MoV\151N1111-16-3\660MW超超临界机组</t>
  </si>
  <si>
    <t>【东方锅炉】密封板\δ9\12Cr1MoV\151N1112-1-3\660MW超超临界机组</t>
  </si>
  <si>
    <t>【东方锅炉】密封板\δ6\12Cr1MoV\151N1112-1-4\660MW超超临界机组</t>
  </si>
  <si>
    <t>【东方锅炉】密封板\δ6\12Cr1MoV\151N1112-1-5\660MW超超临界机组</t>
  </si>
  <si>
    <t>【东方锅炉】密封板\δ6\12Cr1MoV\151N1112-1-6\660MW超超临界机组</t>
  </si>
  <si>
    <t>【东方锅炉】密封板\δ6\12Cr1MoV\151N1112-1-7\660MW超超临界机组</t>
  </si>
  <si>
    <t>【东方锅炉】密封板\δ6\20#\89M1115-2-2\300MW亚临界机组</t>
  </si>
  <si>
    <t>【东方锅炉】密封板\δ6\20#\122M1115-1-4\300MW亚临界机组</t>
  </si>
  <si>
    <t>【东方锅炉】密封板\δ6\20#\89M1131-1-2\300MW亚临界机组</t>
  </si>
  <si>
    <t>【东方锅炉】密封板\δ6\20#\89M1132-4-2\300MW亚临界机组</t>
  </si>
  <si>
    <t>【东方锅炉】密封板\δ6\20#\89M1132-4-3\300MW亚临界机组</t>
  </si>
  <si>
    <t>【东方锅炉】密封板\δ6\20#\89M1133-1-2\300MW亚临界机组</t>
  </si>
  <si>
    <t>【东方锅炉】热电偶插座\φ60\20Ⅲ\13S7122-1-1\1000MW超超临界机组</t>
  </si>
  <si>
    <t>【东方锅炉】弯管\φ16×2.5\20G\DG4740-2012\1000MW超超临界机组</t>
  </si>
  <si>
    <t>【东方锅炉】三通\PN20 DN10\20Ⅲ\DG3207-2012\1000MW超超临界机组</t>
  </si>
  <si>
    <t>【东方锅炉】弯头\φ168×7\20#\13S7122-2-5\1000MW超超临界机组</t>
  </si>
  <si>
    <t>【东方锅炉】密封板\δ6\20#\89M114-6-4\300MW亚临界机组</t>
  </si>
  <si>
    <t>【东方锅炉】孔板\δ8\20#\13S7122-2-6\1000MW超超临界机组</t>
  </si>
  <si>
    <t>【东方锅炉】防雨罩\φ650/φ275\Q235A\15S7122-2\1000MW超超临界机组</t>
  </si>
  <si>
    <t>【东方锅炉】三通\φ133×φ133×φ133\12Cr1MoVⅢ\23S7122-1\1000MW超超临界机组</t>
  </si>
  <si>
    <t>【东方锅炉】过渡管\φ133×8/φ89×4.5\20G\13S7123-4\1000MW超超临界机组</t>
  </si>
  <si>
    <t>【东方锅炉】过渡管\φ168×9/φ133×8\20G\13S7123-2\1000MW超超临界机组</t>
  </si>
  <si>
    <t>【东方锅炉】密封板\δ6\20#\89M114-6-5\300MW亚临界机组</t>
  </si>
  <si>
    <t>【东方锅炉】密封板\δ6\20#\89M114-6-6\300MW亚临界机组</t>
  </si>
  <si>
    <t>【东方锅炉】密封板\δ6\12Cr1MoV\TGM11006-0\330MW亚临界机组</t>
  </si>
  <si>
    <t>【东方锅炉】过渡管\φ108×5/φ57×3.5\20G\13S7123-3\1000MW超超临界机组</t>
  </si>
  <si>
    <t>【东方锅炉】管座\φ57/φ49\20#\23S7122-2-1\1000MW超超临界机组</t>
  </si>
  <si>
    <t>【东方锅炉】法兰\50-63(系列1)-4.5\20Ⅲ\DG3132-2005\1000MW超超临界机组</t>
  </si>
  <si>
    <t>【东方锅炉】法兰盖\50-63(系列1)\20#\DG3156-2005\1000MW超超临界机组</t>
  </si>
  <si>
    <t>【东方锅炉】双头螺柱\M20-6g×110\35\DG3005-2012\1000MW超超临界机组</t>
  </si>
  <si>
    <t>【东方锅炉】密封板\δ6\12Cr1MoVR\TGM11008-0\330MW亚临界机组</t>
  </si>
  <si>
    <t>【东方锅炉】三通\DN127×71×127\15CrMoⅢ\TGS24023\1000MW超超临界机组</t>
  </si>
  <si>
    <t>【东方锅炉】过渡管\φ89×9/φ159×16\15CrMoⅢ\3S7141-2\1000MW超超临界机组</t>
  </si>
  <si>
    <t>【东方锅炉】密封板\δ6\12Cr1MoV\TGM11002-0\330MW亚临界机组</t>
  </si>
  <si>
    <t>【东方锅炉】密封板\δ6\12Cr1MoV\41M1123-4-6\300MW亚临界机组</t>
  </si>
  <si>
    <t>【东方锅炉】过渡管\φ168×24/φ273×50 L=340\15CrMoⅢ\22S7141-5\1000MW超超临界机组</t>
  </si>
  <si>
    <t>【东方锅炉】三通\DN93×63×93\15CrMoⅢ\23S7141-6\1000MW超超临界机组</t>
  </si>
  <si>
    <t>【东方锅炉】过渡管\φ89×13/φ133×20 L=200\15CrMoⅢ\23S7141-7\1000MW超超临界机组</t>
  </si>
  <si>
    <t>【东方锅炉】密封板\δ6\15CrMo\66M1111-2-3\300MW亚临界机组</t>
  </si>
  <si>
    <t>【东方锅炉】管子\φ89×13\15CrMoG\23S7141-9\1000MW超超临界机组</t>
  </si>
  <si>
    <t>【东方锅炉】管子\φ89×13\15CrMoG\23S7141-10\1000MW超超临界机组</t>
  </si>
  <si>
    <t>【东方锅炉】管子\φ89×13\15CrMoG\23S7141-11\1000MW超超临界机组</t>
  </si>
  <si>
    <t>【东方锅炉】圆弧板\δ3\12Cr1MoV\4S7141-9\1000MW超超临界机组</t>
  </si>
  <si>
    <t>【东方锅炉】圆弧板\δ3\12Cr1MoV\22S7141-8\1000MW超超临界机组</t>
  </si>
  <si>
    <t>【东方锅炉】耳板\δ30\Q245R\22S7142-5-1\1000MW超超临界机组</t>
  </si>
  <si>
    <t>【东方锅炉】密封板\δ6\15CrMo\66M1111-2-5\300MW亚临界机组</t>
  </si>
  <si>
    <t>【东方锅炉】弯头\PN6.4 DN125 90°\20#\23S7142-0\1000MW超超临界机组</t>
  </si>
  <si>
    <t>【东方锅炉】弯头\PN6.4 DN80 90°\20#\23S7142-0\1000MW超超临界机组</t>
  </si>
  <si>
    <t>【东方锅炉】弯头\PN6.4 DN50 90°\20#\23S7142-0\1000MW超超临界机组</t>
  </si>
  <si>
    <t>【东方锅炉】密封板\δ6\15CrMo\66M1114-1-3\300MW亚临界机组</t>
  </si>
  <si>
    <t>【东方锅炉】密封板\δ6\15CrMo\66M1114-1-7\300MW亚临界机组</t>
  </si>
  <si>
    <t>【东方锅炉】密封板\δ6\15CrMo\66M1114-2-2\300MW亚临界机组</t>
  </si>
  <si>
    <t>【东方锅炉】过渡管\25×3/38×3.5\20(GB3087-1999)\DG3223-2000\1000MW超超临界机组</t>
  </si>
  <si>
    <t>【东方锅炉】法兰\WN125(B)-63 M S=6\20Ⅲ\HG/T20592-2009\1000MW超超临界机组</t>
  </si>
  <si>
    <t>【东方锅炉】法兰\WN50(B)-63 M S=3.5\20Ⅲ\HG/T20592-2009\1000MW超超临界机组</t>
  </si>
  <si>
    <t>【东方锅炉】法兰\WN25(B)-63 M S=3\20Ⅲ\HG/T20592-2009\1000MW超超临界机组</t>
  </si>
  <si>
    <t>【东方锅炉】法兰\WN20(B)-63 M S=3\20Ⅲ\HG/T20592-2009\1000MW超超临界机组</t>
  </si>
  <si>
    <t>【东方锅炉】垫圈\DN20\20#\DG3119-2006\1000MW超超临界机组</t>
  </si>
  <si>
    <t>【东方锅炉】插管\L=193\20Ⅲ\DG4757-2013\1000MW超超临界机组</t>
  </si>
  <si>
    <t>【东方锅炉】斜座\R67\20Ⅲ\DG4751-2013\1000MW超超临界机组</t>
  </si>
  <si>
    <t>【东方锅炉】斜座\R29\20Ⅲ\DG4751-2013\1000MW超超临界机组</t>
  </si>
  <si>
    <t>【东方锅炉】密封板\δ6\15CrMo\66M1115-1-6\300MW亚临界机组</t>
  </si>
  <si>
    <t>【东方锅炉】密封板\δ6\15CrMo\66M1125-3-7\300MW亚临界机组</t>
  </si>
  <si>
    <t>【东方锅炉】密封板\δ6.4\15CrMo\99N1112-1-3\660MW超临界机组</t>
  </si>
  <si>
    <t>【东方锅炉】密封板\δ6.4\15CrMo\99N1112-1-4\660MW超临界机组</t>
  </si>
  <si>
    <t>【东方锅炉】密封板\δ6.4\15CrMo\99N1112-1-5\660MW超临界机组</t>
  </si>
  <si>
    <t>【东方锅炉】密封板\δ6.4\15CrMo\99N1112-1-6\660MW超临界机组</t>
  </si>
  <si>
    <t>【东方锅炉】螺栓\M10-6g/32-40\Q235B\DG3002-2016\1000MW超超临界机组</t>
  </si>
  <si>
    <t>【东方锅炉】密封板\δ6.4\15CrMo\99N1112-1-7\660MW超临界机组</t>
  </si>
  <si>
    <t>【东方锅炉】密封板\δ6.4\15CrMo\99N1112-4-10\660MW超临界机组</t>
  </si>
  <si>
    <t>【东方锅炉】钢板\δ3 13000×3500\Q215A\23S813-0\1000MW超超临界机组</t>
  </si>
  <si>
    <t>【东方锅炉】连接件\110×100×70\Q235B\TGN21519-1\1000MW超超临界机组</t>
  </si>
  <si>
    <t>【东方锅炉】指针\S=200\12Cr18Ni9\TGN21519-2\1000MW超超临界机组</t>
  </si>
  <si>
    <t>【东方锅炉】指针头\φ18\12Cr18Ni9\TGN21519-3\1000MW超超临界机组</t>
  </si>
  <si>
    <t>【东方锅炉】指针尾\φ18\12Cr18Ni9\TGN21519-4\1000MW超超临界机组</t>
  </si>
  <si>
    <t>【东方锅炉】指示牌\n=16\12Cr18Ni9\TGN21519-5\1000MW超超临界机组</t>
  </si>
  <si>
    <t>【东方锅炉】指针\S=400\12Cr18Ni9\TGN21519-2\1000MW超超临界机组</t>
  </si>
  <si>
    <t>【东方锅炉】指针\S=500\12Cr18Ni9\TGN21519-2\1000MW超超临界机组</t>
  </si>
  <si>
    <t>【东方锅炉】密封板\δ6.4\15CrMo\99N1112-4-11\660MW超临界机组</t>
  </si>
  <si>
    <t>【东方锅炉】支腿\δ5\Q235A\23S8124-1\1000MW超超临界机组</t>
  </si>
  <si>
    <t>【东方锅炉】支撑钉\H250\Q235B\DG4860-2016\1000MW超超临界机组</t>
  </si>
  <si>
    <t>【东方锅炉】支撑钉\H200\Q235B\DG4860-2016\1000MW超超临界机组</t>
  </si>
  <si>
    <t>【东方锅炉】压板\φ67\Q215A\DG4861-2016\1000MW超超临界机组</t>
  </si>
  <si>
    <t>【东方锅炉】隔板\δ3\装配件\22S813-1-0\1000MW超超临界机组</t>
  </si>
  <si>
    <t>【东方锅炉】钢板\δ3\SA-240GR309S\22S813-1-0\1000MW超超临界机组</t>
  </si>
  <si>
    <t>【东方锅炉】钢板\δ12\SA-240GR309S\22S813-1-0\1000MW超超临界机组</t>
  </si>
  <si>
    <t>【东方锅炉】隔板\δ3\SA-240GR309S\22S813-2\1000MW超超临界机组</t>
  </si>
  <si>
    <t>【东方锅炉】隔板\δ3\装配件\22S813-3-0\1000MW超超临界机组</t>
  </si>
  <si>
    <t>【东方锅炉】钢板\δ3\SA-240GR309S\22S813-3-0\1000MW超超临界机组</t>
  </si>
  <si>
    <t>【东方锅炉】钢板\δ12\SA-240GR309S\22S813-3-0\1000MW超超临界机组</t>
  </si>
  <si>
    <t>【东方锅炉】隔板\δ3\装配件\23S813-1-0\1000MW超超临界机组</t>
  </si>
  <si>
    <t>【东方锅炉】钢板\δ3\12Cr18Ni9\23S813-1-0\1000MW超超临界机组</t>
  </si>
  <si>
    <t>【东方锅炉】钢板\δ12\12Cr18Ni9\23S813-1-0\1000MW超超临界机组</t>
  </si>
  <si>
    <t>【东方锅炉】隔板\δ3\12Cr18Ni9\23S813-2\1000MW超超临界机组</t>
  </si>
  <si>
    <t>【东方锅炉】隔板\δ3\装配件\23S813-3-0\1000MW超超临界机组</t>
  </si>
  <si>
    <t>【东方锅炉】钢板\δ3\12Cr18Ni9\23S813-3-0\1000MW超超临界机组</t>
  </si>
  <si>
    <t>【东方锅炉】钢板\δ12\12Cr18Ni9\23S813-3-0\1000MW超超临界机组</t>
  </si>
  <si>
    <t>【东方锅炉】隔板\δ3\12Cr18Ni9\23S813-4\1000MW超超临界机组</t>
  </si>
  <si>
    <t>【东方锅炉】隔板\δ3\装配件\23S813-5-0\1000MW超超临界机组</t>
  </si>
  <si>
    <t>【东方锅炉】钢板\δ3\12Cr18Ni9\23S813-5-0\1000MW超超临界机组</t>
  </si>
  <si>
    <t>【东方锅炉】钢板\δ12\12Cr18Ni9\23S813-5-0\1000MW超超临界机组</t>
  </si>
  <si>
    <t>【东方锅炉】隔板\δ3\装配件\22S813-9-0\1000MW超超临界机组</t>
  </si>
  <si>
    <t>【东方锅炉】钢板\δ3\SA-240GR309S\22S813-9-0\1000MW超超临界机组</t>
  </si>
  <si>
    <t>【东方锅炉】钢板\δ12\SA-240GR309S\22S813-9-0\1000MW超超临界机组</t>
  </si>
  <si>
    <t>【东方锅炉】隔板\δ3\SA-240GR309S\22S813-10\1000MW超超临界机组</t>
  </si>
  <si>
    <t>【东方锅炉】隔板\δ3\装配件\22S813-11-0\1000MW超超临界机组</t>
  </si>
  <si>
    <t>【东方锅炉】钢板\δ3\SA-240GR309S\22S813-11-0\1000MW超超临界机组</t>
  </si>
  <si>
    <t>【东方锅炉】钢板\δ12\SA-240GR309S\22S813-11-0\1000MW超超临界机组</t>
  </si>
  <si>
    <t>【东方锅炉】隔板\δ3\装配件\22S813-12-0\1000MW超超临界机组</t>
  </si>
  <si>
    <t>【东方锅炉】钢板\δ3\12Cr18Ni9\22S813-12-0\1000MW超超临界机组</t>
  </si>
  <si>
    <t>【东方锅炉】钢板\δ12\12Cr18Ni9\22S813-12-0\1000MW超超临界机组</t>
  </si>
  <si>
    <t>【东方锅炉】隔板\δ3\12Cr18Ni9\22S813-13\1000MW超超临界机组</t>
  </si>
  <si>
    <t>【东方锅炉】隔板\δ3\装配件\22S813-14-0\1000MW超超临界机组</t>
  </si>
  <si>
    <t>【东方锅炉】钢板\δ3\12Cr18Ni9\22S813-14-0\1000MW超超临界机组</t>
  </si>
  <si>
    <t>【东方锅炉】钢板\δ12\12Cr18Ni9\22S813-14-0\1000MW超超临界机组</t>
  </si>
  <si>
    <t>【东方锅炉】隔板\δ3\12Cr18Ni9\22S813-15\1000MW超超临界机组</t>
  </si>
  <si>
    <t>【东方锅炉】隔板\δ3\装配件\22S813-16-0\1000MW超超临界机组</t>
  </si>
  <si>
    <t>【东方锅炉】钢板\δ3\12Cr18Ni9\22S813-16-0\1000MW超超临界机组</t>
  </si>
  <si>
    <t>【东方锅炉】钢板\δ12\12Cr18Ni9\22S813-16-0\1000MW超超临界机组</t>
  </si>
  <si>
    <t>【东方锅炉】隔板\δ3\装配件\22S813-17-0\1000MW超超临界机组</t>
  </si>
  <si>
    <t>【东方锅炉】钢板\δ3\12Cr1MoV\22S813-17-0\1000MW超超临界机组</t>
  </si>
  <si>
    <t>【东方锅炉】钢板\δ12\12Cr1MoV\22S813-17-0\1000MW超超临界机组</t>
  </si>
  <si>
    <t>【东方锅炉】隔板\δ3\12Cr1MoV\22S813-18\1000MW超超临界机组</t>
  </si>
  <si>
    <t>【东方锅炉】隔板\δ3\12Cr1MoV\22S813-19\1000MW超超临界机组</t>
  </si>
  <si>
    <t>【东方锅炉】耳板\δ12 №1\SA-240GR309S\22S813-20\1000MW超超临界机组</t>
  </si>
  <si>
    <t>【东方锅炉】钢板\3×15 L=50\SA-240GR309S\23S813-0\1000MW超超临界机组</t>
  </si>
  <si>
    <t>【东方锅炉】销轴\№1\SA-240GR309S\22S813-21\1000MW超超临界机组</t>
  </si>
  <si>
    <t>【东方锅炉】连接板\δ6 №1\SA-240GR309S\22S813-22\1000MW超超临界机组</t>
  </si>
  <si>
    <t>【东方锅炉】钢板\δ3 200×100\SA-240GR309S\23S813-0\1000MW超超临界机组</t>
  </si>
  <si>
    <t>【东方锅炉】垫板\δ6 №1\SA-240GR309S\22S813-23\1000MW超超临界机组</t>
  </si>
  <si>
    <t>【东方锅炉】钢板\δ22.7 150×24\SA-240GR309S\23S813-0\1000MW超超临界机组</t>
  </si>
  <si>
    <t>【东方锅炉】圆钢\№1\SA-240GR309S\22S813-24\1000MW超超临界机组</t>
  </si>
  <si>
    <t>【东方锅炉】圆弧板\δ4 №1\SA-240GR309S\22S813-25\1000MW超超临界机组</t>
  </si>
  <si>
    <t>【东方锅炉】耳板\δ12 №2\12Cr18Ni9\22S813-20\1000MW超超临界机组</t>
  </si>
  <si>
    <t>【东方锅炉】钢板\3×15 L=50\12Cr18Ni9\23S813-0\1000MW超超临界机组</t>
  </si>
  <si>
    <t>【东方锅炉】密封板\δ6.4\15CrMo\99N1112-4-12\660MW超临界机组</t>
  </si>
  <si>
    <t>【东方锅炉】密封板\δ10\15CrMo\99N1112-4-13\660MW超临界机组</t>
  </si>
  <si>
    <t>【东方锅炉】钢板\δ3 200×100\12Cr18Ni9\23S813-0\1000MW超超临界机组</t>
  </si>
  <si>
    <t>【东方锅炉】密封板\δ10\15CrMo\99N1112-4-14\660MW超临界机组</t>
  </si>
  <si>
    <t>【东方锅炉】钢板\δ22.7 150×24\12Cr18Ni9\23S813-0\1000MW超超临界机组</t>
  </si>
  <si>
    <t>【东方锅炉】密封板\δ6.4\15CrMo\99N1112-4-15\660MW超临界机组</t>
  </si>
  <si>
    <t>【东方锅炉】圆弧板\δ4 №2\12Cr18Ni9\22S813-25\1000MW超超临界机组</t>
  </si>
  <si>
    <t>【东方锅炉】角钢\∠100×32×3 L=90\12Cr18Ni9\23S813-0\1000MW超超临界机组</t>
  </si>
  <si>
    <t>【东方锅炉】耳板\δ12 №3\12Cr1MoV\22S813-20\1000MW超超临界机组</t>
  </si>
  <si>
    <t>【东方锅炉】钢板\3×15 L=50\12Cr1MoV\23S813-0\1000MW超超临界机组</t>
  </si>
  <si>
    <t>【东方锅炉】密封板\δ6.4\15CrMo\99N1112-4-16\660MW超临界机组</t>
  </si>
  <si>
    <t>【东方锅炉】密封板\δ6.4\15CrMo\99N1112-4-17\660MW超临界机组</t>
  </si>
  <si>
    <t>【东方锅炉】钢板\δ3 200×100\12Cr1MoV\23S813-0\1000MW超超临界机组</t>
  </si>
  <si>
    <t>【东方锅炉】密封板\δ6.4\15CrMo\99N1112-4-18\660MW超临界机组</t>
  </si>
  <si>
    <t>【东方锅炉】钢板\δ22.7 150×24\12Cr1MoV\23S813-0\1000MW超超临界机组</t>
  </si>
  <si>
    <t>【东方锅炉】密封板\δ6.4\15CrMo\99N1112-4-19\660MW超临界机组</t>
  </si>
  <si>
    <t>【东方锅炉】圆弧板\δ4 №3\12Cr1MoV\22S813-25\1000MW超超临界机组</t>
  </si>
  <si>
    <t>【东方锅炉】密封板\δ6.4 №1\15CrMo\99N1112-16\660MW超临界机组</t>
  </si>
  <si>
    <t>【东方锅炉】钢板\δ3 150×60\15CrMo\23S813-0\1000MW超超临界机组</t>
  </si>
  <si>
    <t>【东方锅炉】连接板\δ6 №1\SA-240GR309S\22S813-26\1000MW超超临界机组</t>
  </si>
  <si>
    <t>【东方锅炉】密封板\δ6.4 №2\15CrMo\99N1112-16\660MW超临界机组</t>
  </si>
  <si>
    <t>【东方锅炉】密封板\δ10\12Cr1MoV\99N1113-4-5\660MW超临界机组</t>
  </si>
  <si>
    <t>【东方锅炉】密封板\δ10\12Cr1MoV\TGA00387-0\660MW超临界机组</t>
  </si>
  <si>
    <t>【东方锅炉】支腿\№1\Q235A\20S8182-1\1000MW超超临界机组</t>
  </si>
  <si>
    <t>【东方锅炉】支腿\№2\Q235A\20S8182-1\1000MW超超临界机组</t>
  </si>
  <si>
    <t>【东方锅炉】支撑钉\№2\Q235A\TG81065-2007\1000MW超超临界机组</t>
  </si>
  <si>
    <t>【东方锅炉】钢板\δ5 36700×370\Q235A\23S8182-0\1000MW超超临界机组</t>
  </si>
  <si>
    <t>【东方锅炉】钢板\δ5 37100×320\Q235A\23S8182-0\1000MW超超临界机组</t>
  </si>
  <si>
    <t>【东方锅炉】钢板\δ5\Q235A\2S8123-2-1\1000MW超超临界机组</t>
  </si>
  <si>
    <t>【东方锅炉】肋板\δ5\Q235A\23S8182-1-1\1000MW超超临界机组</t>
  </si>
  <si>
    <t>【东方锅炉】钢板\δ5 22000×550\Q235A\23S8182-0\1000MW超超临界机组</t>
  </si>
  <si>
    <t>【东方锅炉】钢板\δ5 22500×246\Q235A\23S8182-0\1000MW超超临界机组</t>
  </si>
  <si>
    <t>【东方锅炉】钢板\δ5\Q235A\2S8123-3-1\1000MW超超临界机组</t>
  </si>
  <si>
    <t>【东方锅炉】密封板\δ10(正)\12Cr1MoV\TGA00387-0\660MW超临界机组</t>
  </si>
  <si>
    <t>【东方锅炉】肋板\δ5\Q235A\23S8182-2-1\1000MW超超临界机组</t>
  </si>
  <si>
    <t>【东方锅炉】钢板\δ5 20000×550\Q235A\23S8182-0\1000MW超超临界机组</t>
  </si>
  <si>
    <t>【东方锅炉】钢板\δ5 20500×246\Q235A\23S8182-0\1000MW超超临界机组</t>
  </si>
  <si>
    <t>【东方锅炉】密封板\δ10\12Cr1MoV\TGA00384-0\660MW超临界机组</t>
  </si>
  <si>
    <t>【东方锅炉】钢板\δ5 16000×550\Q235A\23S8182-0\1000MW超超临界机组</t>
  </si>
  <si>
    <t>【东方锅炉】钢板\δ5 16500×246\Q235A\23S8182-0\1000MW超超临界机组</t>
  </si>
  <si>
    <t>【东方锅炉】折板\№1 L=18.8m\Q235A\22S8182-3-1\1000MW超超临界机组</t>
  </si>
  <si>
    <t>【东方锅炉】钢板\δ5 49000×370\Q235A\23S8182-0\1000MW超超临界机组</t>
  </si>
  <si>
    <t>【东方锅炉】钢板\δ5 49100×330\Q235A\23S8182-0\1000MW超超临界机组</t>
  </si>
  <si>
    <t>【东方锅炉】肋板\δ5\Q235A\23S8183-1-1\1000MW超超临界机组</t>
  </si>
  <si>
    <t>【东方锅炉】钢板\δ5 49000×610\Q235A\23S8183-0\1000MW超超临界机组</t>
  </si>
  <si>
    <t>【东方锅炉】钢板\δ5\Q235A\23S8183-2-1\1000MW超超临界机组</t>
  </si>
  <si>
    <t>【东方锅炉】折板\L=52m\Q235A\23S8183-2-2\1000MW超超临界机组</t>
  </si>
  <si>
    <t>【东方锅炉】钢板\δ5 41000×520\Q235A\23S8183-0\1000MW超超临界机组</t>
  </si>
  <si>
    <t>【东方锅炉】钢板\δ5 41100×330\Q235A\23S8183-0\1000MW超超临界机组</t>
  </si>
  <si>
    <t>【东方锅炉】折板\L=44m\Q235A\23S8183-3-1\1000MW超超临界机组</t>
  </si>
  <si>
    <t>【东方锅炉】钢板\δ5 58500×610\Q235A\23S8183-0\1000MW超超临界机组</t>
  </si>
  <si>
    <t>【东方锅炉】钢板\δ5 59000×330\Q235A\23S8183-0\1000MW超超临界机组</t>
  </si>
  <si>
    <t>【东方锅炉】密封板\δ10(正)\12Cr1MoV\TGA00384-0\660MW超临界机组</t>
  </si>
  <si>
    <t>【东方锅炉】钢板\δ5 7714×900\Q235A\23S8183-0\1000MW超超临界机组</t>
  </si>
  <si>
    <t>【东方锅炉】肋板\δ5\Q235A\23S8183-4-1\1000MW超超临界机组</t>
  </si>
  <si>
    <t>【东方锅炉】肋板\δ5\Q235A\23S8183-4-2\1000MW超超临界机组</t>
  </si>
  <si>
    <t>【东方锅炉】折板\δ5\Q235A\23S8183-4-3\1000MW超超临界机组</t>
  </si>
  <si>
    <t>【东方锅炉】钢板\δ5 7444×315\Q235A\23S8183-0\1000MW超超临界机组</t>
  </si>
  <si>
    <t>【东方锅炉】观察孔\B\装配件\DG4864-2006\1000MW超超临界机组</t>
  </si>
  <si>
    <t>【东方锅炉】观察孔\φ220\装配件\DG4864-2006\1000MW超超临界机组</t>
  </si>
  <si>
    <t>【东方锅炉】密封板\δ10(反)\12Cr1MoV\TGA00384-0\660MW超临界机组</t>
  </si>
  <si>
    <t>【东方锅炉】管子\φ31.8×8\12Cr1MoVG\140M1111-1-1\350MW超临界机组</t>
  </si>
  <si>
    <t>【东方锅炉】管子\φ31.8×8\12Cr1MoVG\140M1111-0\350MW超临界机组</t>
  </si>
  <si>
    <t>【东方锅炉】管子\φ31.8×8(正)\12Cr1MoVG\140M1111-1-2\350MW超临界机组</t>
  </si>
  <si>
    <t>【东方锅炉】管子\φ38.1×7\15CrMoG\140M112-13-5\350MW超临界机组</t>
  </si>
  <si>
    <t>【东方锅炉】钢板\δ6 175×50\15CrMo\140M112-0\350MW超临界机组</t>
  </si>
  <si>
    <t>【东方锅炉】密封块\δ6\15CrMo\140M112-13-6\350MW超临界机组</t>
  </si>
  <si>
    <t>【东方锅炉】管子\φ38.1×7 №1\15CrMoG\140M112-14-1\350MW超临界机组</t>
  </si>
  <si>
    <t>【东方锅炉】管子\φ38.1×7 №2\15CrMoG\140M112-14-1\350MW超临界机组</t>
  </si>
  <si>
    <t>【东方锅炉】管子\φ38.1×7 №3\15CrMoG\140M112-14-1\350MW超临界机组</t>
  </si>
  <si>
    <t>【东方锅炉】管子\φ38.1×7 №4\15CrMoG\140M112-14-1\350MW超临界机组</t>
  </si>
  <si>
    <t>【东方锅炉】管子\φ38.1×7 №5\15CrMoG\140M112-14-1\350MW超临界机组</t>
  </si>
  <si>
    <t>【东方锅炉】管子\φ38.1×7 №6\15CrMoG\140M112-14-1\350MW超临界机组</t>
  </si>
  <si>
    <t>【东方锅炉】管子\φ38.1×7 №7\15CrMoG\140M112-14-1\350MW超临界机组</t>
  </si>
  <si>
    <t>【东方锅炉】管子\φ38.1×7 №8\15CrMoG\140M112-14-1\350MW超临界机组</t>
  </si>
  <si>
    <t>【东方锅炉】管子\φ38.1×7 №9\15CrMoG\140M112-14-1\350MW超临界机组</t>
  </si>
  <si>
    <t>【东方锅炉】管子\φ38.1×7 №10\15CrMoG\140M112-14-1\350MW超临界机组</t>
  </si>
  <si>
    <t>【东方锅炉】管子\φ38.1×7 №11\15CrMoG\140M112-14-1\350MW超临界机组</t>
  </si>
  <si>
    <t>【东方锅炉】管子\φ38.1×7 №12\15CrMoG\140M112-14-1\350MW超临界机组</t>
  </si>
  <si>
    <t>【东方锅炉】管子\φ38.1×7 №13\15CrMoG\140M112-14-1\350MW超临界机组</t>
  </si>
  <si>
    <t>【东方锅炉】管子\φ38.1×7 №14\15CrMoG\140M112-14-1\350MW超临界机组</t>
  </si>
  <si>
    <t>【东方锅炉】管子\φ38.1×7 №15\15CrMoG\140M112-14-1\350MW超临界机组</t>
  </si>
  <si>
    <t>【东方锅炉】扁钢\9×165.1\15CrMo\140M112-0\350MW超临界机组</t>
  </si>
  <si>
    <t>【东方锅炉】扁钢\6.4×16.9\15CrMo\140M112-0\350MW超临界机组</t>
  </si>
  <si>
    <t>【东方锅炉】人孔\φ550 L1/L2=1600/200\装配件\TGA00692-0\350MW超临界机组</t>
  </si>
  <si>
    <t>【东方锅炉】管子\φ38.1×7 Lz=1821\15CrMoG\TGA00692-0\350MW超临界机组</t>
  </si>
  <si>
    <t>【东方锅炉】管子\φ38.1×7 Lz=1811.2\15CrMoG\TGA00692-0\350MW超临界机组</t>
  </si>
  <si>
    <t>【东方锅炉】管子\φ38.1×7 Lz=1801.2\15CrMoG\TGA00692-0\350MW超临界机组</t>
  </si>
  <si>
    <t>【东方锅炉】管子\φ38.1×7 Lz=1791.2\15CrMoG\TGA00692-0\350MW超临界机组</t>
  </si>
  <si>
    <t>【东方锅炉】管子\φ38.1×7 Lz=1781.4\15CrMoG\TGA00692-0\350MW超临界机组</t>
  </si>
  <si>
    <t>【东方锅炉】管子\φ38.1×7 Lz=1615\15CrMoG\TGA00692-0\350MW超临界机组</t>
  </si>
  <si>
    <t>【东方锅炉】密封板\δ9\12Cr1MoV\99N1113-8-1\660MW超临界机组</t>
  </si>
  <si>
    <t>【东方锅炉】密封板\δ6.4\12Cr1MoV\TGA00385-0\660MW超临界机组</t>
  </si>
  <si>
    <t>【东方锅炉】密封板\δ9\12Cr1MoV\99N1113-11-7\660MW超临界机组</t>
  </si>
  <si>
    <t>【东方锅炉】密封块\δ4 №1\15CrMo\TGA00675-1\350MW超临界机组</t>
  </si>
  <si>
    <t>【东方锅炉】扁钢\6.4×27.1\15CrMo\140M112-0\350MW超临界机组</t>
  </si>
  <si>
    <t>【东方锅炉】密封板\δ9\15CrMo\99N1113-11-7\660MW超临界机组</t>
  </si>
  <si>
    <t>【东方锅炉】密封板\δ9\12Cr1MoV\99N1113-11-8\660MW超临界机组</t>
  </si>
  <si>
    <t>【东方锅炉】耳板\δ6\Q245R\140M112-15-1\350MW超临界机组</t>
  </si>
  <si>
    <t>【东方锅炉】钢板\δ6 250×26\15CrMo\140M112-0\350MW超临界机组</t>
  </si>
  <si>
    <t>【东方锅炉】钢板\δ20 400×200\15CrMo\140M112-0\350MW超临界机组</t>
  </si>
  <si>
    <t>【东方锅炉】钢板\δ20 300×100\15CrMo\140M112-0\350MW超临界机组</t>
  </si>
  <si>
    <t>【东方锅炉】钢板\δ6 100×100\15CrMo\140M112-0\350MW超临界机组</t>
  </si>
  <si>
    <t>【东方锅炉】钢板\δ6 150×80\15CrMo\140M112-0\350MW超临界机组</t>
  </si>
  <si>
    <t>【东方锅炉】钢板\δ6 200×26\15CrMo\140M112-0\350MW超临界机组</t>
  </si>
  <si>
    <t>【东方锅炉】钢板\δ6 300×26\15CrMo\140M112-0\350MW超临界机组</t>
  </si>
  <si>
    <t>【东方锅炉】钢板\δ6 130×26\15CrMo\140M112-0\350MW超临界机组</t>
  </si>
  <si>
    <t>【东方锅炉】钢板\δ6 127×26\15CrMo\140M112-0\350MW超临界机组</t>
  </si>
  <si>
    <t>【东方锅炉】管子\φ38.1×7\15CrMoG\140M112-17-3\350MW超临界机组</t>
  </si>
  <si>
    <t>【东方锅炉】管子\φ38.1×7\15CrMoG\140M112-17-4\350MW超临界机组</t>
  </si>
  <si>
    <t>【东方锅炉】密封块\δ4\15CrMo\140M112-17-5\350MW超临界机组</t>
  </si>
  <si>
    <t>【东方锅炉】钢板\δ9 800×400\15CrMo\140M112-0\350MW超临界机组</t>
  </si>
  <si>
    <t>【东方锅炉】钢板\δ6 456×26\15CrMo\140M112-0\350MW超临界机组</t>
  </si>
  <si>
    <t>【东方锅炉】钢板\δ20 650×200\15CrMo\140M112-0\350MW超临界机组</t>
  </si>
  <si>
    <t>【东方锅炉】管子\φ38.1×7\15CrMoG\140M112-20-5\350MW超临界机组</t>
  </si>
  <si>
    <t>【东方锅炉】钢板\δ6.4\15CrMo\140M112-20-6\350MW超临界机组</t>
  </si>
  <si>
    <t>【东方锅炉】管子\φ38.1×7\15CrMoG\140M112-21-2\350MW超临界机组</t>
  </si>
  <si>
    <t>【东方锅炉】管子\φ38.1×7 №1\15CrMoG\140M112-21-4\350MW超临界机组</t>
  </si>
  <si>
    <t>【东方锅炉】管子\φ38.1×7 №2\15CrMoG\140M112-21-4\350MW超临界机组</t>
  </si>
  <si>
    <t>【东方锅炉】管子\φ38.1×7 №3\15CrMoG\140M112-21-4\350MW超临界机组</t>
  </si>
  <si>
    <t>【东方锅炉】管子\φ38.1×7\15CrMoG\140M112-21-7\350MW超临界机组</t>
  </si>
  <si>
    <t>【东方锅炉】扁钢\9×128\15CrMo\140M112-0\350MW超临界机组</t>
  </si>
  <si>
    <t>【东方锅炉】扁钢\9×173.8\15CrMo\140M112-0\350MW超临界机组</t>
  </si>
  <si>
    <t>【东方锅炉】管子\φ38.1×7\15CrMoG\140M112-21-9\350MW超临界机组</t>
  </si>
  <si>
    <t>【东方锅炉】管子\φ38.1×7\15CrMoG\140M112-21-10\350MW超临界机组</t>
  </si>
  <si>
    <t>【东方锅炉】管子\φ38.1×7\15CrMoG\140M112-21-11\350MW超临界机组</t>
  </si>
  <si>
    <t>【东方锅炉】钢板\δ9\15CrMo\140M112-21-12\350MW超临界机组</t>
  </si>
  <si>
    <t>【东方锅炉】钢板\δ9\15CrMo\140M112-21-13\350MW超临界机组</t>
  </si>
  <si>
    <t>【东方锅炉】钢板\δ9\15CrMo\140M112-21-14\350MW超临界机组</t>
  </si>
  <si>
    <t>【东方锅炉】扁钢\6.4×17.9\15CrMo\140M112-0\350MW超临界机组</t>
  </si>
  <si>
    <t>【东方锅炉】管子\φ38.1×7 №1\15CrMoG\140M112-21-16\350MW超临界机组</t>
  </si>
  <si>
    <t>【东方锅炉】管子\φ38.1×7 №2\15CrMoG\140M112-21-16\350MW超临界机组</t>
  </si>
  <si>
    <t>【东方锅炉】管子\φ38.1×7 №3\15CrMoG\140M112-21-16\350MW超临界机组</t>
  </si>
  <si>
    <t>【东方锅炉】管子\φ38.1×7 №4\15CrMoG\140M112-21-16\350MW超临界机组</t>
  </si>
  <si>
    <t>【东方锅炉】管子\φ38.1×7\15CrMoG\140M112-21-17\350MW超临界机组</t>
  </si>
  <si>
    <t>【东方锅炉】管子\φ38.1×7\15CrMoG\140M112-21-18\350MW超临界机组</t>
  </si>
  <si>
    <t>【东方锅炉】管子\φ38.1×7\15CrMoG\140M112-21-19\350MW超临界机组</t>
  </si>
  <si>
    <t>【东方锅炉】扁钢\9×200\15CrMo\140M112-0\350MW超临界机组</t>
  </si>
  <si>
    <t>【东方锅炉】钢板\δ9\15CrMo\140M112-21-20\350MW超临界机组</t>
  </si>
  <si>
    <t>【东方锅炉】扁钢\9×240\15CrMo\140M112-0\350MW超临界机组</t>
  </si>
  <si>
    <t>【东方锅炉】钢板\δ6 174×50\15CrMo\140M112-0\350MW超临界机组</t>
  </si>
  <si>
    <t>【东方锅炉】钢板\δ6 5000×50\15CrMo\140M112-0\350MW超临界机组</t>
  </si>
  <si>
    <t>【东方锅炉】钢板\δ6\20#\152M112-16-1\350MW超临界机组</t>
  </si>
  <si>
    <t>【东方锅炉】钢板\δ6\20#\152M112-16-2\350MW超临界机组</t>
  </si>
  <si>
    <t>【东方锅炉】钢板\δ6 5000×8.5\20#\140M112-0\350MW超临界机组</t>
  </si>
  <si>
    <t>【东方锅炉】钢板\δ9 800×400\15CrMo\152M112-19-0\350MW超临界机组</t>
  </si>
  <si>
    <t>【东方锅炉】钢板\δ6.4\15CrMo\140M112-25\350MW超临界机组</t>
  </si>
  <si>
    <t>【东方锅炉】扁钢\6.4×33\15CrMo\140M112-0\350MW超临界机组</t>
  </si>
  <si>
    <t>【东方锅炉】管子\φ31.8×7\12Cr1MoVG\203M1152-1-1\350MW超临界机组</t>
  </si>
  <si>
    <t>【东方锅炉】管子\φ31.8×7\12Cr1MoVG\203M1152-1-2\350MW超临界机组</t>
  </si>
  <si>
    <t>【东方锅炉】耳板\δ6\15CrMo\203M1152-1-3\350MW超临界机组</t>
  </si>
  <si>
    <t>【东方锅炉】密封块\δ6\15CrMo\203M1152-1-4\350MW超临界机组</t>
  </si>
  <si>
    <t>【东方锅炉】密封块\δ6\15CrMo\203M1152-1-5\350MW超临界机组</t>
  </si>
  <si>
    <t>【东方锅炉】扁钢\6.4×25.8\15CrMo\140M1152-0\350MW超临界机组</t>
  </si>
  <si>
    <t>【东方锅炉】扁钢\6.4×9.5\15CrMo\140M1152-0\350MW超临界机组</t>
  </si>
  <si>
    <t>【东方锅炉】扁钢\6.4×19\15CrMo\140M1152-0\350MW超临界机组</t>
  </si>
  <si>
    <t>【东方锅炉】管子\φ31.8×7\12Cr1MoVG\203M1152-4-1\350MW超临界机组</t>
  </si>
  <si>
    <t>【东方锅炉】管子\φ31.8×7\12Cr1MoVG\203M1152-4-2\350MW超临界机组</t>
  </si>
  <si>
    <t>【东方锅炉】密封块\δ6\15CrMo\203M1152-7-1\350MW超临界机组</t>
  </si>
  <si>
    <t>【东方锅炉】钢板\δ6.4\15CrMo\203M1152-8\350MW超临界机组</t>
  </si>
  <si>
    <t>【东方锅炉】钢板\δ6.4\15CrMo\203M1152-9\350MW超临界机组</t>
  </si>
  <si>
    <t>【东方锅炉】管子\φ31.8×8(反)\12Cr1MoVG\140M1113-5-2\350MW超临界机组</t>
  </si>
  <si>
    <t>【东方锅炉】管子\φ31.8×8(正)\12Cr1MoVG\140M1113-11-2\350MW超临界机组</t>
  </si>
  <si>
    <t>【东方锅炉】管子\φ31.8×9\15CrMoG\140M1113-0\350MW超临界机组</t>
  </si>
  <si>
    <t>【东方锅炉】密封板\δ9\15CrMo\99N1113-11-8\660MW超临界机组</t>
  </si>
  <si>
    <t>【东方锅炉】管子\φ31.8×8 Lz=1963\12Cr1MoVG\TGA00672-0\350MW超临界机组</t>
  </si>
  <si>
    <t>【东方锅炉】管子\φ31.8×8 Lz=1913.8\12Cr1MoVG\TGA00672-0\350MW超临界机组</t>
  </si>
  <si>
    <t>【东方锅炉】密封板\δ9\12Cr1MoV\99N1113-11-9\660MW超临界机组</t>
  </si>
  <si>
    <t>【东方锅炉】密封板\δ9\15CrMo\99N1113-11-9\660MW超临界机组</t>
  </si>
  <si>
    <t>【东方锅炉】钢板\δ6.4 616×38\12Cr1MoV\140M1113-0\350MW超临界机组</t>
  </si>
  <si>
    <t>【东方锅炉】密封块\δ4\12Cr1MoV\TGA00672-0\350MW超临界机组</t>
  </si>
  <si>
    <t>【东方锅炉】密封板\δ9\12Cr1MoV\99N1113-11-10\660MW超临界机组</t>
  </si>
  <si>
    <t>【东方锅炉】密封板\δ9\15CrMo\99N1113-11-10\660MW超临界机组</t>
  </si>
  <si>
    <t>【东方锅炉】管子\φ31.8×8 Lz=4785.6\12Cr1MoVG\TGA00672-0\350MW超临界机组</t>
  </si>
  <si>
    <t>【东方锅炉】管子\φ31.8×8 Lz=4736.4\12Cr1MoVG\TGA00672-0\350MW超临界机组</t>
  </si>
  <si>
    <t>【东方锅炉】密封板\δ9 №1\12Cr1MoV\99N1131-25-2\660MW超临界机组</t>
  </si>
  <si>
    <t>【东方锅炉】管子\φ31.8×8 Lz=2665\12Cr1MoVG\TGA00672-0\350MW超临界机组</t>
  </si>
  <si>
    <t>【东方锅炉】管子\φ31.8×8 Lz=2615.8\12Cr1MoVG\TGA00672-0\350MW超临界机组</t>
  </si>
  <si>
    <t>【东方锅炉】密封板\δ9\12Cr1MoV\99N1131-25-1\660MW超临界机组</t>
  </si>
  <si>
    <t>【东方锅炉】管子\φ31.8×8 Lz=2465\12Cr1MoVG\TGA00672-0\350MW超临界机组</t>
  </si>
  <si>
    <t>【东方锅炉】管子\φ31.8×8 Lz=2415.8\12Cr1MoVG\TGA00672-0\350MW超临界机组</t>
  </si>
  <si>
    <t>【东方锅炉】人孔\d550 L1/L2=2820.6/541.4\装配件\TGA00671-0\350MW超临界机组</t>
  </si>
  <si>
    <t>【东方锅炉】密封板\δ9 №2\12Cr1MoV\99N1131-25-2\660MW超临界机组</t>
  </si>
  <si>
    <t>【东方锅炉】密封板\δ9\12Cr1MoV\99N112-24-1\660MW超临界机组</t>
  </si>
  <si>
    <t>【东方锅炉】扁钢\6.4×38\12Cr1MoV\140M1113-0\350MW超临界机组</t>
  </si>
  <si>
    <t>【东方锅炉】密封块\δ4\12Cr1MoV\TGA00671-0\350MW超临界机组</t>
  </si>
  <si>
    <t>【东方锅炉】密封板\δ9\15CrMo\99N112-24-1\660MW超临界机组</t>
  </si>
  <si>
    <t>【东方锅炉】耳板\δ6\15CrMo\119M1113-11-2\350MW超临界机组</t>
  </si>
  <si>
    <t>【东方锅炉】扁钢\6.4×31.7\15CrMo\140M1113-0\350MW超临界机组</t>
  </si>
  <si>
    <t>【东方锅炉】密封板\δ9\12Cr1MoV\99N1131-24-1\660MW超临界机组</t>
  </si>
  <si>
    <t>【东方锅炉】钢板\δ6 2220.3×65\15CrMo\140M1113-0\350MW超临界机组</t>
  </si>
  <si>
    <t>【东方锅炉】密封板\δ9 №1\15CrMo\99N1131-24-2\660MW超临界机组</t>
  </si>
  <si>
    <t>【东方锅炉】密封板\δ9 №1\12Cr1MoV\99N1131-24-3\660MW超临界机组</t>
  </si>
  <si>
    <t>【东方锅炉】密封块\δ6\15CrMo\140M1113-6-1\350MW超临界机组</t>
  </si>
  <si>
    <t>【东方锅炉】钢板\δ12 571.5×100\20#\140M1113-0\350MW超临界机组</t>
  </si>
  <si>
    <t>【东方锅炉】钢板\δ6 50×10\20#\140M1113-0\350MW超临界机组</t>
  </si>
  <si>
    <t>【东方锅炉】钢板\δ20\15CrMo\140M1113-12-1\350MW超临界机组</t>
  </si>
  <si>
    <t>【东方锅炉】钢板\δ12\20#\140M1113-12-3\350MW超临界机组</t>
  </si>
  <si>
    <t>【东方锅炉】钢板\δ12 474×656\20#\140M1113-0\350MW超临界机组</t>
  </si>
  <si>
    <t>【东方锅炉】钢板\δ20 210×32\15CrMo\140M1113-0\350MW超临界机组</t>
  </si>
  <si>
    <t>【东方锅炉】钢板\δ20\20#\140M1113-12-4\350MW超临界机组</t>
  </si>
  <si>
    <t>【东方锅炉】密封板\δ9 №2\15CrMo\99N1131-24-2\660MW超临界机组</t>
  </si>
  <si>
    <t>【东方锅炉】钢板\δ12\15CrMo\140M1113-12-6\350MW超临界机组</t>
  </si>
  <si>
    <t>【东方锅炉】管子\φ31.8×9(正)\15CrMoG\142M1113-2-1\350MW超临界机组</t>
  </si>
  <si>
    <t>【东方锅炉】管子\φ31.8×8\12Cr1MoVG\170M1153-1\350MW超临界机组</t>
  </si>
  <si>
    <t>【东方锅炉】管子\φ31.8×8\12Cr1MoVG\170M1153-2\350MW超临界机组</t>
  </si>
  <si>
    <t>【东方锅炉】密封板\δ9 №2\12Cr1MoV\99N1131-24-3\660MW超临界机组</t>
  </si>
  <si>
    <t>【东方锅炉】密封板\δ10 №1\12Cr1MoV\99N1131-31-2\660MW超临界机组</t>
  </si>
  <si>
    <t>【东方锅炉】密封板\δ10\12Cr1MoV\99N1131-31-1\660MW超临界机组</t>
  </si>
  <si>
    <t>【东方锅炉】密封板\δ10 №2\12Cr1MoV\99N1131-31-2\660MW超临界机组</t>
  </si>
  <si>
    <t>【东方锅炉】钢板\δ6 450×38\12Cr1MoV\140M1153-0\350MW超临界机组</t>
  </si>
  <si>
    <t>【东方锅炉】密封板\δ10\15CrMo\99N1141-1-16\660MW超临界机组</t>
  </si>
  <si>
    <t>【东方锅炉】钢板\δ6 65×61.6\15CrMo\140M1153-0\350MW超临界机组</t>
  </si>
  <si>
    <t>【东方锅炉】钢板\δ6 121×65\15CrMo\140M1153-0\350MW超临界机组</t>
  </si>
  <si>
    <t>【东方锅炉】管子\φ31.8×9(反)\15CrMoG\142M1113-2-1\350MW超临界机组</t>
  </si>
  <si>
    <t>【东方锅炉】密封板\δ10\15CrMo\99N1141-1-17\660MW超临界机组</t>
  </si>
  <si>
    <t>【东方锅炉】密封板\δ10\15CrMo\99N1141-1-18\660MW超临界机组</t>
  </si>
  <si>
    <t>【东方锅炉】管子\φ31.8×8(正)\12Cr1MoVG\140M1113-5-2\350MW超临界机组</t>
  </si>
  <si>
    <t>【东方锅炉】管子\φ31.8×8(反)\12Cr1MoVG\140M1113-11-2\350MW超临界机组</t>
  </si>
  <si>
    <t>【东方锅炉】管子\φ31.8×8\12Cr1MoVG\184M1161-1-2\350MW超临界机组</t>
  </si>
  <si>
    <t>【东方锅炉】管子\φ31.8×8\12Cr1MoVG\184M1161-1-3\350MW超临界机组</t>
  </si>
  <si>
    <t>【东方锅炉】管子\φ31.8×8\12Cr1MoVG\184M1161-1-4\350MW超临界机组</t>
  </si>
  <si>
    <t>【东方锅炉】管子\φ31.8×8\12Cr1MoVG\184M1161-1-5\350MW超临界机组</t>
  </si>
  <si>
    <t>【东方锅炉】管子\φ31.8×8\12Cr1MoVG\184M1161-1-6\350MW超临界机组</t>
  </si>
  <si>
    <t>【东方锅炉】管子\φ31.8×8\12Cr1MoVG\184M1161-1-7\350MW超临界机组</t>
  </si>
  <si>
    <t>【东方锅炉】内螺纹管\φ38.1×7.5\SA-213T2\184M1161-1-8\350MW超临界机组</t>
  </si>
  <si>
    <t>【东方锅炉】内螺纹管\φ38.1×7.5\SA-213T2\184M1161-1-9\350MW超临界机组</t>
  </si>
  <si>
    <t>【东方锅炉】内螺纹管\φ38.1×7.5\SA-213T2\184M1161-1-10\350MW超临界机组</t>
  </si>
  <si>
    <t>【东方锅炉】内螺纹管\φ38.1×7.5\SA-213T2\184M1161-1-11\350MW超临界机组</t>
  </si>
  <si>
    <t>【东方锅炉】内螺纹管\φ38.1×7.5\SA-213T2\184M1161-1-12\350MW超临界机组</t>
  </si>
  <si>
    <t>【东方锅炉】内螺纹管\φ38.1×7.5\SA-213T2\184M1161-1-13\350MW超临界机组</t>
  </si>
  <si>
    <t>【东方锅炉】内螺纹管\φ38.1×7.5\SA-213T2\184M1161-1-14\350MW超临界机组</t>
  </si>
  <si>
    <t>【东方锅炉】内螺纹管\φ38.1×7.5\SA-213T2\184M1161-1-15\350MW超临界机组</t>
  </si>
  <si>
    <t>【东方锅炉】扁钢\6.4×15.8\12Cr1MoV\140M1161-0\350MW超临界机组</t>
  </si>
  <si>
    <t>【东方锅炉】密封板\δ10\12Cr1MoV\119M1141-1-16\350MW超临界机组</t>
  </si>
  <si>
    <t>【东方锅炉】密封板\δ10\12Cr1MoV\119M1141-1-17\350MW超临界机组</t>
  </si>
  <si>
    <t>【东方锅炉】管子\φ31.8×8\12Cr1MoVG\184M1161-1-37\350MW超临界机组</t>
  </si>
  <si>
    <t>【东方锅炉】内螺纹管\φ38.1×7.5\SA-213T2\184M1161-1-17\350MW超临界机组</t>
  </si>
  <si>
    <t>【东方锅炉】内螺纹管\φ38.1×7.5\SA-213T2\184M1161-1-18\350MW超临界机组</t>
  </si>
  <si>
    <t>【东方锅炉】内螺纹管\φ38.1×7.5\SA-213T2\184M1161-1-19\350MW超临界机组</t>
  </si>
  <si>
    <t>【东方锅炉】内螺纹管\φ38.1×7.5\SA-213T2\184M1161-1-20\350MW超临界机组</t>
  </si>
  <si>
    <t>【东方锅炉】内螺纹管\φ38.1×7.5\SA-213T2\184M1161-1-21\350MW超临界机组</t>
  </si>
  <si>
    <t>【东方锅炉】内螺纹管\φ38.1×7.5\SA-213T2\184M1161-1-22\350MW超临界机组</t>
  </si>
  <si>
    <t>【东方锅炉】内螺纹管\φ38.1×7.5\SA-213T2\184M1161-1-23\350MW超临界机组</t>
  </si>
  <si>
    <t>【东方锅炉】内螺纹管\φ38.1×7.5\SA-213T2\184M1161-1-24\350MW超临界机组</t>
  </si>
  <si>
    <t>【东方锅炉】管子\φ31.8×8\12Cr1MoVG\184M1161-1-25\350MW超临界机组</t>
  </si>
  <si>
    <t>【东方锅炉】管子\φ31.8×8\12Cr1MoVG\184M1161-1-26\350MW超临界机组</t>
  </si>
  <si>
    <t>【东方锅炉】管子\φ31.8×8\12Cr1MoVG\184M1161-1-27\350MW超临界机组</t>
  </si>
  <si>
    <t>【东方锅炉】耳板\δ6\15CrMo\140M1141-1-25\350MW超临界机组</t>
  </si>
  <si>
    <t>【东方锅炉】耳板\δ10 №1\15CrMo\140M1141-1-26\350MW超临界机组</t>
  </si>
  <si>
    <t>【东方锅炉】钢板\δ6 75×26\15CrMo\140M1141-0\350MW超临界机组</t>
  </si>
  <si>
    <t>【东方锅炉】钢板\δ6 225×26\15CrMo\140M1141-0\350MW超临界机组</t>
  </si>
  <si>
    <t>【东方锅炉】钢板\δ12\15CrMo\140M1141-1-27\350MW超临界机组</t>
  </si>
  <si>
    <t>【东方锅炉】钢板\δ12\15CrMo\140M1141-1-28\350MW超临界机组</t>
  </si>
  <si>
    <t>【东方锅炉】钢板\δ20\15CrMo\140M1141-1-29\350MW超临界机组</t>
  </si>
  <si>
    <t>【东方锅炉】钢板\δ20 920×300\15CrMo\140M1141-0\350MW超临界机组</t>
  </si>
  <si>
    <t>【东方锅炉】钢板\δ6\20#\184M1161-1-28\350MW超临界机组</t>
  </si>
  <si>
    <t>【东方锅炉】钢板\δ6\20#\119M1141-1-54\350MW超临界机组</t>
  </si>
  <si>
    <t>【东方锅炉】衬垫\δ2.5\XB450\184M1161-1-29\350MW超临界机组</t>
  </si>
  <si>
    <t>【东方锅炉】衬垫\δ2.5\XB450\119M1141-1-56\350MW超临界机组</t>
  </si>
  <si>
    <t>【东方锅炉】钢板\δ6\20#\184M1161-1-30\350MW超临界机组</t>
  </si>
  <si>
    <t>【东方锅炉】钢板\δ6\20#\119M1141-1-58\350MW超临界机组</t>
  </si>
  <si>
    <t>【东方锅炉】套管\φ22×3 L=75\20(GB3087-1999)\184M1161-1-0\350MW超临界机组</t>
  </si>
  <si>
    <t>【东方锅炉】耳板\δ20 №1\20#\119M1141-1-59\350MW超临界机组</t>
  </si>
  <si>
    <t>【东方锅炉】耳板\δ20 №2\15CrMo\119M1141-1-59\350MW超临界机组</t>
  </si>
  <si>
    <t>【东方锅炉】测点块\δ4\15CrMo\140M1141-1-30\350MW超临界机组</t>
  </si>
  <si>
    <t>【东方锅炉】耳板\δ10 №2\15CrMo\140M1141-1-26\350MW超临界机组</t>
  </si>
  <si>
    <t>【东方锅炉】钢板\δ6\20#\184M1161-1-31\350MW超临界机组</t>
  </si>
  <si>
    <t>【东方锅炉】衬垫\δ2.5\XB450\184M1161-1-32\350MW超临界机组</t>
  </si>
  <si>
    <t>【东方锅炉】钢板\δ6\20#\184M1161-1-33\350MW超临界机组</t>
  </si>
  <si>
    <t>【东方锅炉】钢板\δ6\20#\184M1161-1-34\350MW超临界机组</t>
  </si>
  <si>
    <t>【东方锅炉】衬垫\δ2.5\XB450\184M1161-1-35\350MW超临界机组</t>
  </si>
  <si>
    <t>【东方锅炉】钢板\δ6\20#\184M1161-1-36\350MW超临界机组</t>
  </si>
  <si>
    <t>【东方锅炉】内螺纹管\φ38.1×7.5\SA-213T2\184M1161-2-2\350MW超临界机组</t>
  </si>
  <si>
    <t>【东方锅炉】内螺纹管\φ38.1×7.5\SA-213T2\184M1161-2-3\350MW超临界机组</t>
  </si>
  <si>
    <t>【东方锅炉】内螺纹管\φ38.1×7.5\SA-213T2\184M1161-2-4\350MW超临界机组</t>
  </si>
  <si>
    <t>【东方锅炉】内螺纹管\φ38.1×7.5\SA-213T2\184M1161-2-5\350MW超临界机组</t>
  </si>
  <si>
    <t>【东方锅炉】内螺纹管\φ38.1×7.5\SA-213T2\184M1161-2-6\350MW超临界机组</t>
  </si>
  <si>
    <t>【东方锅炉】内螺纹管\φ38.1×7.5\SA-213T2\184M1161-2-7\350MW超临界机组</t>
  </si>
  <si>
    <t>【东方锅炉】内螺纹管\φ38.1×7.5\SA-213T2\184M1161-2-8\350MW超临界机组</t>
  </si>
  <si>
    <t>【东方锅炉】内螺纹管\φ38.1×7.5\SA-213T2\184M1161-2-9\350MW超临界机组</t>
  </si>
  <si>
    <t>【东方锅炉】内螺纹管\φ38.1×7.5\SA-213T2\184M1161-2-10\350MW超临界机组</t>
  </si>
  <si>
    <t>【东方锅炉】内螺纹管\φ38.1×7.5\SA-213T2\184M1161-2-11\350MW超临界机组</t>
  </si>
  <si>
    <t>【东方锅炉】内螺纹管\φ38.1×7.5\SA-213T2\184M1161-2-14\350MW超临界机组</t>
  </si>
  <si>
    <t>【东方锅炉】内螺纹管\φ38.1×7.5\SA-213T2\184M1161-2-15\350MW超临界机组</t>
  </si>
  <si>
    <t>【东方锅炉】内螺纹管\φ38.1×7.5\SA-213T2\184M1161-2-16\350MW超临界机组</t>
  </si>
  <si>
    <t>【东方锅炉】内螺纹管\φ38.1×7.5\SA-213T2\184M1161-2-17\350MW超临界机组</t>
  </si>
  <si>
    <t>【东方锅炉】内螺纹管\φ38.1×7.5\SA-213T2\184M1161-2-18\350MW超临界机组</t>
  </si>
  <si>
    <t>【东方锅炉】套管\φ22×3 L=75\20(GB3087-1999)\184M1161-2-0\350MW超临界机组</t>
  </si>
  <si>
    <t>【东方锅炉】压块\δ20 50×20\20#\184M1161-2-0\350MW超临界机组</t>
  </si>
  <si>
    <t>【东方锅炉】密封块\№2\12Cr1MoV\119M1141-1-60\350MW超临界机组</t>
  </si>
  <si>
    <t>【东方锅炉】张力板\δ60\12Cr1MoV\140M1143-1-15\350MW超临界机组</t>
  </si>
  <si>
    <t>【东方锅炉】固定块\δ50\12Cr1MoV\140M1143-1-16\350MW超临界机组</t>
  </si>
  <si>
    <t>【东方锅炉】耳板\δ32\12Cr1MoV\140M1143-1-17\350MW超临界机组</t>
  </si>
  <si>
    <t>【东方锅炉】钢板\δ6\20#\184M1161-2-19\350MW超临界机组</t>
  </si>
  <si>
    <t>【东方锅炉】衬垫\δ2.5\XB450\184M1161-2-20\350MW超临界机组</t>
  </si>
  <si>
    <t>【东方锅炉】钢板\δ6\20#\184M1161-2-21\350MW超临界机组</t>
  </si>
  <si>
    <t>【东方锅炉】钢板\δ6\20#\184M1161-2-22\350MW超临界机组</t>
  </si>
  <si>
    <t>【东方锅炉】衬垫\δ2.5\XB450\184M1161-2-23\350MW超临界机组</t>
  </si>
  <si>
    <t>【东方锅炉】钢板\δ6\20#\184M1161-2-24\350MW超临界机组</t>
  </si>
  <si>
    <t>【东方锅炉】钢板\δ6\20#\184M1161-2-25\350MW超临界机组</t>
  </si>
  <si>
    <t>【东方锅炉】衬垫\δ2.5\XB450\184M1161-2-26\350MW超临界机组</t>
  </si>
  <si>
    <t>【东方锅炉】钢板\δ6\20#\184M1161-2-27\350MW超临界机组</t>
  </si>
  <si>
    <t>【东方锅炉】管子\φ31.8×8\12Cr1MoVG\184M1161-3-4\350MW超临界机组</t>
  </si>
  <si>
    <t>【东方锅炉】套管\φ22×3 L=75\20(GB3087-1999)\184M1161-3-0\350MW超临界机组</t>
  </si>
  <si>
    <t>【东方锅炉】钢板\δ6\20#\184M1161-3-5\350MW超临界机组</t>
  </si>
  <si>
    <t>【东方锅炉】衬垫\δ2.5\XB450\184M1161-3-6\350MW超临界机组</t>
  </si>
  <si>
    <t>【东方锅炉】钢板\δ6\20#\184M1161-3-7\350MW超临界机组</t>
  </si>
  <si>
    <t>【东方锅炉】内螺纹管\φ38.1×7.5\SA-213T2\119M1141-3-1\350MW超临界机组</t>
  </si>
  <si>
    <t>【东方锅炉】内螺纹管\φ38.1×7.5\SA-213T2\119M1141-3-2\350MW超临界机组</t>
  </si>
  <si>
    <t>【东方锅炉】密封板\δ10\15CrMo\99N1141-6\660MW超临界机组</t>
  </si>
  <si>
    <t>【东方锅炉】密封板\δ10\15CrMo\99N1141-7\660MW超临界机组</t>
  </si>
  <si>
    <t>【东方锅炉】扁钢\6.4×18.5\12Cr1MoV\140M1161-0\350MW超临界机组</t>
  </si>
  <si>
    <t>【东方锅炉】耳板\δ6\15CrMo\119M1141-6\350MW超临界机组</t>
  </si>
  <si>
    <t>【东方锅炉】销\φ20\12Cr1MoV\119M1141-7\350MW超临界机组</t>
  </si>
  <si>
    <t>【东方锅炉】密封板\δ10\15CrMo\99N1141-8\660MW超临界机组</t>
  </si>
  <si>
    <t>【东方锅炉】扁钢\6.4×19\12Cr1MoV\184M1161-0\350MW超临界机组</t>
  </si>
  <si>
    <t>【东方锅炉】管子\φ31.8×7\12Cr1MoVG\184M1162-1-2\350MW超临界机组</t>
  </si>
  <si>
    <t>【东方锅炉】管子\φ31.8×7\12Cr1MoVG\184M1162-1-3\350MW超临界机组</t>
  </si>
  <si>
    <t>【东方锅炉】管子\φ31.8×7\12Cr1MoVG\184M1162-1-4\350MW超临界机组</t>
  </si>
  <si>
    <t>【东方锅炉】管子\φ31.8×7\12Cr1MoVG\184M1162-1-5\350MW超临界机组</t>
  </si>
  <si>
    <t>【东方锅炉】管子\φ31.8×7\12Cr1MoVG\184M1162-1-6\350MW超临界机组</t>
  </si>
  <si>
    <t>【东方锅炉】管子\φ31.8×7\12Cr1MoVG\184M1162-1-7\350MW超临界机组</t>
  </si>
  <si>
    <t>【东方锅炉】管子\φ31.8×7\12Cr1MoVG\184M1162-1-12\350MW超临界机组</t>
  </si>
  <si>
    <t>【东方锅炉】管子\φ31.8×7\12Cr1MoVG\184M1162-1-9\350MW超临界机组</t>
  </si>
  <si>
    <t>【东方锅炉】管子\φ31.8×7\12Cr1MoVG\184M1162-1-10\350MW超临界机组</t>
  </si>
  <si>
    <t>【东方锅炉】管子\φ31.8×7\12Cr1MoVG\184M1162-1-11\350MW超临界机组</t>
  </si>
  <si>
    <t>【东方锅炉】套管\φ22×3 L=75\20(GB3087-1999)\184M1162-1-0\350MW超临界机组</t>
  </si>
  <si>
    <t>【东方锅炉】套管\φ22×3 L=75\20(GB3087-1999)\184M1162-2-0\350MW超临界机组</t>
  </si>
  <si>
    <t>【东方锅炉】压块\δ20 50×20\20#\184M1162-2-0\350MW超临界机组</t>
  </si>
  <si>
    <t>【东方锅炉】管子\φ31.8×7\12Cr1MoVG\184M1162-3-4\350MW超临界机组</t>
  </si>
  <si>
    <t>【东方锅炉】套管\φ22×3 L=75\20(GB3087-1999)\184M1162-3-0\350MW超临界机组</t>
  </si>
  <si>
    <t>【东方锅炉】扁钢\6.4×19\12Cr1MoV\184M1162-0\350MW超临界机组</t>
  </si>
  <si>
    <t>【东方锅炉】管子\φ31.8×8\12Cr1MoVG\184M1163-1-2\350MW超临界机组</t>
  </si>
  <si>
    <t>【东方锅炉】内螺纹管\φ38.1×7.5\SA-213T2\184M1163-1-3\350MW超临界机组</t>
  </si>
  <si>
    <t>【东方锅炉】内螺纹管\φ38.1×7.5\SA-213T2\184M1163-1-4\350MW超临界机组</t>
  </si>
  <si>
    <t>【东方锅炉】内螺纹管\φ38.1×7.5\SA-213T2\184M1163-1-5\350MW超临界机组</t>
  </si>
  <si>
    <t>【东方锅炉】内螺纹管\φ38.1×7.5\SA-213T2\184M1163-1-6\350MW超临界机组</t>
  </si>
  <si>
    <t>【东方锅炉】内螺纹管\φ38.1×7.5\SA-213T2\184M1163-1-7\350MW超临界机组</t>
  </si>
  <si>
    <t>【东方锅炉】内螺纹管\φ38.1×7.5\SA-213T2\184M1163-1-8\350MW超临界机组</t>
  </si>
  <si>
    <t>【东方锅炉】内螺纹管\φ38.1×7.5\SA-213T2\184M1163-1-9\350MW超临界机组</t>
  </si>
  <si>
    <t>【东方锅炉】内螺纹管\φ38.1×7.5\SA-213T2\184M1163-1-10\350MW超临界机组</t>
  </si>
  <si>
    <t>【东方锅炉】内螺纹管\φ38.1×7.5\SA-213T2\184M1163-1-11\350MW超临界机组</t>
  </si>
  <si>
    <t>【东方锅炉】内螺纹管\φ38.1×7.5\SA-213T2\184M1163-1-12\350MW超临界机组</t>
  </si>
  <si>
    <t>【东方锅炉】内螺纹管\φ38.1×7.5\SA-213T2\184M1163-1-14\350MW超临界机组</t>
  </si>
  <si>
    <t>【东方锅炉】内螺纹管\φ38.1×7.5\SA-213T2\184M1163-1-15\350MW超临界机组</t>
  </si>
  <si>
    <t>【东方锅炉】内螺纹管\φ38.1×7.5\SA-213T2\184M1163-1-16\350MW超临界机组</t>
  </si>
  <si>
    <t>【东方锅炉】压块\δ20 50×20\20#\184M1163-1-0\350MW超临界机组</t>
  </si>
  <si>
    <t>【东方锅炉】耳板\δ10 №1\15CrMo\140M1143-1-11\350MW超临界机组</t>
  </si>
  <si>
    <t>【东方锅炉】耳板\δ10 №2\15CrMo\140M1143-1-11\350MW超临界机组</t>
  </si>
  <si>
    <t>【东方锅炉】钢板\δ12\15CrMo\140M1143-1-12\350MW超临界机组</t>
  </si>
  <si>
    <t>【东方锅炉】钢板\δ12\15CrMo\140M1143-1-13\350MW超临界机组</t>
  </si>
  <si>
    <t>【东方锅炉】钢板\δ20\15CrMo\140M1143-1-14\350MW超临界机组</t>
  </si>
  <si>
    <t>【东方锅炉】钢板\δ6\20#\184M1163-1-19\350MW超临界机组</t>
  </si>
  <si>
    <t>【东方锅炉】衬垫\δ2.5\XB450\184M1163-1-20\350MW超临界机组</t>
  </si>
  <si>
    <t>【东方锅炉】钢板\δ6\20#\184M1163-1-21\350MW超临界机组</t>
  </si>
  <si>
    <t>【东方锅炉】套管\φ22×3 L=75\20(GB3087-1999)\184M1163-1-0\350MW超临界机组</t>
  </si>
  <si>
    <t>【东方锅炉】固定块\δ60\12Cr1MoV\140M1143-1-16\350MW超临界机组</t>
  </si>
  <si>
    <t>【东方锅炉】耳板\δ6\15CrMo\140M1143-1-18\350MW超临界机组</t>
  </si>
  <si>
    <t>【东方锅炉】钢板\δ6\20#\184M1163-1-22\350MW超临界机组</t>
  </si>
  <si>
    <t>【东方锅炉】衬垫\δ2.5\XB450\184M1163-1-23\350MW超临界机组</t>
  </si>
  <si>
    <t>【东方锅炉】钢板\δ6\20#\184M1163-1-24\350MW超临界机组</t>
  </si>
  <si>
    <t>【东方锅炉】管子\φ31.8×8\12Cr1MoVG\184M1163-2-3\350MW超临界机组</t>
  </si>
  <si>
    <t>【东方锅炉】内螺纹管\φ38.1×7.5\SA-213T2\184M1163-2-4\350MW超临界机组</t>
  </si>
  <si>
    <t>【东方锅炉】内螺纹管\φ38.1×7.5\SA-213T2\184M1163-2-5\350MW超临界机组</t>
  </si>
  <si>
    <t>【东方锅炉】内螺纹管\φ38.1×7.5\SA-213T2\184M1163-2-6\350MW超临界机组</t>
  </si>
  <si>
    <t>【东方锅炉】内螺纹管\φ38.1×7.5\SA-213T2\184M1163-2-7\350MW超临界机组</t>
  </si>
  <si>
    <t>【东方锅炉】扁钢\6.4×13.4\12Cr1MoV\140M1163-0\350MW超临界机组</t>
  </si>
  <si>
    <t>【东方锅炉】套管\φ22×3 L=75\20(GB3087-1999)\184M1163-2-0\350MW超临界机组</t>
  </si>
  <si>
    <t>【东方锅炉】内螺纹管\φ38.1×7.5\SA-213T2\140M1143-3-1\350MW超临界机组</t>
  </si>
  <si>
    <t>【东方锅炉】内螺纹管\φ38.1×7.5\SA-213T2\140M1143-3-2\350MW超临界机组</t>
  </si>
  <si>
    <t>【东方锅炉】密封板\δ10\15CrMo\99N1142-1-22\660MW超临界机组</t>
  </si>
  <si>
    <t>【东方锅炉】密封板\δ10\15CrMo\99N1142-1-23\660MW超临界机组</t>
  </si>
  <si>
    <t>【东方锅炉】套管\φ22×3 L=75\20(GB3087-1999)\184M1164-1-0\350MW超临界机组</t>
  </si>
  <si>
    <t>【东方锅炉】套管\φ22×3 L=75\20(GB3087-1999)\184M1164-2-0\350MW超临界机组</t>
  </si>
  <si>
    <t>【东方锅炉】压块\δ20 50×20\20#\184M1164-2-0\350MW超临界机组</t>
  </si>
  <si>
    <t>【东方锅炉】管子\φ219×30\12Cr1MoVG\163M0661-1-0\350MW超临界机组</t>
  </si>
  <si>
    <t>【东方锅炉】圆弧板\δ6\12Cr1MoV\163M0661-1-1\350MW超临界机组</t>
  </si>
  <si>
    <t>【东方锅炉】管子\φ219×30\12Cr1MoVG\163M0661-2-0\350MW超临界机组</t>
  </si>
  <si>
    <t>【东方锅炉】圆弧板\δ6\12Cr1MoV\163M0661-3-1\350MW超临界机组</t>
  </si>
  <si>
    <t>【东方锅炉】圆弧板\δ30\12Cr1MoV\163M0661-9-2\350MW超临界机组</t>
  </si>
  <si>
    <t>【东方锅炉】圆弧板\δ30\12Cr1MoV\163M0661-10-1\350MW超临界机组</t>
  </si>
  <si>
    <t>【东方锅炉】圆弧板\δ30\12Cr1MoV\163M0661-19-1\350MW超临界机组</t>
  </si>
  <si>
    <t>【东方锅炉】钢板\δ20 210×140\15CrMo\163M0661A-3-0\350MW超临界机组</t>
  </si>
  <si>
    <t>【东方锅炉】钢板\δ10\15CrMo\163M0661-20-1\350MW超临界机组</t>
  </si>
  <si>
    <t>【东方锅炉】钢板\δ10\15CrMo\163M0661-20-2\350MW超临界机组</t>
  </si>
  <si>
    <t>【东方锅炉】钢板\δ20 210×140\15CrMo\163M0661-21-0\350MW超临界机组</t>
  </si>
  <si>
    <t>【东方锅炉】端盖\φ325×50-Ⅰ\12Cr1MoVⅢ\DG3307-2008\350MW超临界机组</t>
  </si>
  <si>
    <t>【东方锅炉】端盖\φ168\12Cr1MoVⅢ\163M0661-27-1\350MW超临界机组</t>
  </si>
  <si>
    <t>【东方锅炉】钢板\δ20 210×140\15CrMo\163M0661-20-0\350MW超临界机组</t>
  </si>
  <si>
    <t>【东方锅炉】管子\φ63.5×6\20G\184M0662-2-2\350MW超临界机组</t>
  </si>
  <si>
    <t>【东方锅炉】管子\φ63.5×6\20G\163M0662-2-2\350MW超临界机组</t>
  </si>
  <si>
    <t>【东方锅炉】管子\φ31.8×7\12Cr1MoVG\184M1112-1-0\350MW超临界机组</t>
  </si>
  <si>
    <t>【东方锅炉】管子\φ31.8×7\12Cr1MoVG\208M1112-1-1\350MW超临界机组</t>
  </si>
  <si>
    <t>【东方锅炉】扁钢\6.4×25.8\12Cr1MoV\140M1112-0\350MW超临界机组</t>
  </si>
  <si>
    <t>【东方锅炉】密封板\δ10\15CrMo\99N1142-1-24\660MW超临界机组</t>
  </si>
  <si>
    <t>【东方锅炉】套管\φ95×7\12Cr1MoVG\140M1112-1-20\350MW超临界机组</t>
  </si>
  <si>
    <t>【东方锅炉】钢板\δ6\12Cr1MoV\184M1112-1-1\350MW超临界机组</t>
  </si>
  <si>
    <t>【东方锅炉】钢板\δ6 158×44\12Cr1MoV\140M1112-0\350MW超临界机组</t>
  </si>
  <si>
    <t>【东方锅炉】钢板\δ6\15CrMo\184M1112-1-2\350MW超临界机组</t>
  </si>
  <si>
    <t>【东方锅炉】钢板\δ6\15CrMo\208M1112-1-3\350MW超临界机组</t>
  </si>
  <si>
    <t>【东方锅炉】钢板\δ6\15CrMo\208M1112-1-4\350MW超临界机组</t>
  </si>
  <si>
    <t>【东方锅炉】密封板\δ10\15CrMo\99N1142-1-25\660MW超临界机组</t>
  </si>
  <si>
    <t>【东方锅炉】耳板\δ6\15CrMo\140M1111-1-3\350MW超临界机组</t>
  </si>
  <si>
    <t>【东方锅炉】密封板\δ10\15CrMo\99N1142-1-26\660MW超临界机组</t>
  </si>
  <si>
    <t>【东方锅炉】密封块\δ6 №1\15CrMo\119M1111-1-4\350MW超临界机组</t>
  </si>
  <si>
    <t>【东方锅炉】密封块\№1\12Cr1MoV\TGP00331\350MW超临界机组</t>
  </si>
  <si>
    <t>【东方锅炉】密封板\δ10\15CrMo\99N1142-4\660MW超临界机组</t>
  </si>
  <si>
    <t>【东方锅炉】密封板\δ10\15CrMo\99N1142-5\660MW超临界机组</t>
  </si>
  <si>
    <t>【东方锅炉】密封板\δ10\15CrMo\99N1142-6\660MW超临界机组</t>
  </si>
  <si>
    <t>【东方锅炉】密封板\δ10\15CrMo\99N1143-1-20\660MW超临界机组</t>
  </si>
  <si>
    <t>【东方锅炉】钢板\δ6 379×50\15CrMo\140M1111-0\350MW超临界机组</t>
  </si>
  <si>
    <t>【东方锅炉】钢板\δ6 2130.4×25\15CrMo\140M1111-0\350MW超临界机组</t>
  </si>
  <si>
    <t>【东方锅炉】密封块\δ4\15CrMo\119M1111-1-5\350MW超临界机组</t>
  </si>
  <si>
    <t>【东方锅炉】钢板\δ6(正)\15CrMo\119M1111-1-6\350MW超临界机组</t>
  </si>
  <si>
    <t>【东方锅炉】钢板\δ6(正)\15CrMo\119M1111-1-7\350MW超临界机组</t>
  </si>
  <si>
    <t>【东方锅炉】密封板\δ10\15CrMo\99N1143-1-21\660MW超临界机组</t>
  </si>
  <si>
    <t>【东方锅炉】密封块\№1\15CrMo\TGP00334\350MW超临界机组</t>
  </si>
  <si>
    <t>【东方锅炉】耳板\δ18\15CrMo\TGP00333\350MW超临界机组</t>
  </si>
  <si>
    <t>【东方锅炉】测点块\δ4 φ31.8\12Cr1MoV\TGS15002\350MW超临界机组</t>
  </si>
  <si>
    <t>【东方锅炉】密封块\δ6 №2\15CrMo\119M1111-1-4\350MW超临界机组</t>
  </si>
  <si>
    <t>【东方锅炉】密封板\δ10\15CrMo\99N1143-1-22\660MW超临界机组</t>
  </si>
  <si>
    <t>【东方锅炉】密封板\δ10\15CrMo\99N1143-4\660MW超临界机组</t>
  </si>
  <si>
    <t>【东方锅炉】管子\φ31.8×8(反)\12Cr1MoVG\140M1111-1-2\350MW超临界机组</t>
  </si>
  <si>
    <t>【东方锅炉】钢板\δ6 2486×25\15CrMo\140M1111-0\350MW超临界机组</t>
  </si>
  <si>
    <t>【东方锅炉】钢板\δ6 2791×25\15CrMo\140M1111-0\350MW超临界机组</t>
  </si>
  <si>
    <t>【东方锅炉】钢板\δ6 2537×25\15CrMo\140M1111-0\350MW超临界机组</t>
  </si>
  <si>
    <t>【东方锅炉】钢板\δ6 2842×25\15CrMo\140M1111-0\350MW超临界机组</t>
  </si>
  <si>
    <t>【东方锅炉】耳板\δ32\12Cr1MoV\140M1111-3-1\350MW超临界机组</t>
  </si>
  <si>
    <t>【东方锅炉】密封块\δ6\12Cr1MoV\140M1111-3-2\350MW超临界机组</t>
  </si>
  <si>
    <t>【东方锅炉】张力板\δ60\12Cr1MoV\140M1111-3-3\350MW超临界机组</t>
  </si>
  <si>
    <t>【东方锅炉】固定块\δ60\12Cr1MoV\140M1111-3-4\350MW超临界机组</t>
  </si>
  <si>
    <t>【东方锅炉】观察孔\L1/L2=8229.1/5496.7\装配件\TGA00383-0\350MW超临界机组</t>
  </si>
  <si>
    <t>【东方锅炉】管子\φ31.8×8 Lz=8253.5\12Cr1MoVG\TGA00383-0\350MW超临界机组</t>
  </si>
  <si>
    <t>【东方锅炉】管子\φ31.8×8 Lz=8244.9\12Cr1MoVG\TGA00383-0\350MW超临界机组</t>
  </si>
  <si>
    <t>【东方锅炉】密封板\δ10\15CrMo\99N1143-5\660MW超临界机组</t>
  </si>
  <si>
    <t>【东方锅炉】密封板\δ10\15CrMo\99N1143-6\660MW超临界机组</t>
  </si>
  <si>
    <t>【东方锅炉】密封板\δ10\15CrMo\99N1144-4\660MW超临界机组</t>
  </si>
  <si>
    <t>【东方锅炉】密封板\δ10\15CrMo\99N2131-3-4\660MW超临界机组</t>
  </si>
  <si>
    <t>【东方锅炉】扁钢\δ10 №1\12Cr1MoV\119M1111-7\350MW超临界机组</t>
  </si>
  <si>
    <t>【东方锅炉】扁钢\δ10 №2\12Cr1MoV\119M1111-7\350MW超临界机组</t>
  </si>
  <si>
    <t>【东方锅炉】密封板\δ12\15CrMo\99N2131-13\660MW超临界机组</t>
  </si>
  <si>
    <t>【东方锅炉】钢板\δ6\15CrMo\119M1111-8\350MW超临界机组</t>
  </si>
  <si>
    <t>【东方锅炉】钢板\δ6\15CrMo\119M1111-9\350MW超临界机组</t>
  </si>
  <si>
    <t>【东方锅炉】密封板\δ12\15CrMo\99N2131-14\660MW超临界机组</t>
  </si>
  <si>
    <t>【东方锅炉】管子\φ31.8×8\12Cr1MoVG\140M1112-1-1\350MW超临界机组</t>
  </si>
  <si>
    <t>【东方锅炉】管子\φ31.8×8\12Cr1MoVG\140M1112-1-2\350MW超临界机组</t>
  </si>
  <si>
    <t>【东方锅炉】管子\φ31.8×8\12Cr1MoVG\140M1112-1-3\350MW超临界机组</t>
  </si>
  <si>
    <t>【东方锅炉】管子\φ31.8×8\12Cr1MoVG\140M1112-1-4\350MW超临界机组</t>
  </si>
  <si>
    <t>【东方锅炉】管子\φ31.8×8\12Cr1MoVG\140M1112-1-5\350MW超临界机组</t>
  </si>
  <si>
    <t>【东方锅炉】密封板\δ12\15CrMo\99N2131-15\660MW超临界机组</t>
  </si>
  <si>
    <t>【东方锅炉】密封板\δ12\15CrMo\99N2132-40\660MW超临界机组</t>
  </si>
  <si>
    <t>【东方锅炉】密封板\δ6 №1\15CrMo\99N2133-9\660MW超临界机组</t>
  </si>
  <si>
    <t>【东方锅炉】密封板\δ6 №1\15CrMo\99N2133-10\660MW超临界机组</t>
  </si>
  <si>
    <t>【东方锅炉】密封板\δ10 №1\15CrMo\99N2133-11\660MW超临界机组</t>
  </si>
  <si>
    <t>【东方锅炉】密封板\δ10\15CrMo\99N2133-12\660MW超临界机组</t>
  </si>
  <si>
    <t>【东方锅炉】密封板\δ6\15CrMo\99N2133-13\660MW超临界机组</t>
  </si>
  <si>
    <t>【东方锅炉】钢板\δ6\12Cr1MoV\140M1112-1-13\350MW超临界机组</t>
  </si>
  <si>
    <t>【东方锅炉】钢板\δ6 192×24\12Cr1MoV\140M1112-0\350MW超临界机组</t>
  </si>
  <si>
    <t>【东方锅炉】钢板\δ6\12Cr1MoV\140M1112-1-14\350MW超临界机组</t>
  </si>
  <si>
    <t>【东方锅炉】钢板\δ6 218×24\12Cr1MoV\140M1112-0\350MW超临界机组</t>
  </si>
  <si>
    <t>【东方锅炉】钢板\δ6\12Cr1MoV\140M1112-1-15\350MW超临界机组</t>
  </si>
  <si>
    <t>【东方锅炉】钢板\δ6\12Cr1MoV\140M1112-1-16\350MW超临界机组</t>
  </si>
  <si>
    <t>【东方锅炉】钢板\δ6\12Cr1MoV\140M1112-1-17\350MW超临界机组</t>
  </si>
  <si>
    <t>【东方锅炉】钢板\δ6\12Cr1MoV\140M1112-1-18\350MW超临界机组</t>
  </si>
  <si>
    <t>【东方锅炉】圆环板\δ6 φ184/φ98\12Cr1MoV\140M1112-1-0\350MW超临界机组</t>
  </si>
  <si>
    <t>【东方锅炉】密封块\δ4 №1\12Cr1MoV\140M1112-1-21\350MW超临界机组</t>
  </si>
  <si>
    <t>【东方锅炉】密封块\δ4 №2\12Cr1MoV\140M1112-1-21\350MW超临界机组</t>
  </si>
  <si>
    <t>【东方锅炉】密封块\№1\12Cr1MoV\140M1112-1-22\350MW超临界机组</t>
  </si>
  <si>
    <t>【东方锅炉】密封块\№2\12Cr1MoV\140M1112-1-22\350MW超临界机组</t>
  </si>
  <si>
    <t>【东方锅炉】密封块\№3\12Cr1MoV\140M1112-1-22\350MW超临界机组</t>
  </si>
  <si>
    <t>【东方锅炉】钢板\δ14 1624.3×199\Q345B\140M1112-0\350MW超临界机组</t>
  </si>
  <si>
    <t>【东方锅炉】钢板\δ10 1624.3×234\Q345B\140M1112-0\350MW超临界机组</t>
  </si>
  <si>
    <t>【东方锅炉】密封板\δ6 №1\15CrMo\99N2133-14\660MW超临界机组</t>
  </si>
  <si>
    <t>【东方锅炉】肋板\δ10\Q345B\119M1112-1-20\350MW超临界机组</t>
  </si>
  <si>
    <t>【东方锅炉】耳板\δ6\15CrMoR\140M1112-1-24\350MW超临界机组</t>
  </si>
  <si>
    <t>【东方锅炉】耳板\δ6\15CrMoR\140M1112-1-25\350MW超临界机组</t>
  </si>
  <si>
    <t>【东方锅炉】密封板\δ6\15CrMo\99N2133-15\660MW超临界机组</t>
  </si>
  <si>
    <t>【东方锅炉】密封板\δ6 №1\15CrMo\99N2133-16\660MW超临界机组</t>
  </si>
  <si>
    <t>【东方锅炉】密封板\δ6 №2\15CrMo\99N2133-9\660MW超临界机组</t>
  </si>
  <si>
    <t>【东方锅炉】支撑板\δ16\Q345B\119M1112-1-15\350MW超临界机组</t>
  </si>
  <si>
    <t>【东方锅炉】钢板\δ14 1798.8×199\Q345B\140M1112-0\350MW超临界机组</t>
  </si>
  <si>
    <t>【东方锅炉】钢板\δ10 1798.8×234\Q345B\140M1112-0\350MW超临界机组</t>
  </si>
  <si>
    <t>【东方锅炉】钢板\δ14 2713.2×199\Q345B\140M1112-0\350MW超临界机组</t>
  </si>
  <si>
    <t>【东方锅炉】钢板\δ10 2713.2×234\Q345B\140M1112-0\350MW超临界机组</t>
  </si>
  <si>
    <t>【东方锅炉】钢板\δ14 2256×199\Q345B\140M1112-0\350MW超临界机组</t>
  </si>
  <si>
    <t>【东方锅炉】钢板\δ10 2256×234\Q345B\140M1112-0\350MW超临界机组</t>
  </si>
  <si>
    <t>【东方锅炉】管子\φ31.8×8(左)\12Cr1MoVG\159M1112-1-1\350MW超临界机组</t>
  </si>
  <si>
    <t>【东方锅炉】管子\φ31.8×8\12Cr1MoVG\159M1112-1-2\350MW超临界机组</t>
  </si>
  <si>
    <t>【东方锅炉】管子\φ31.8×8\12Cr1MoVG\159M1112-1-3\350MW超临界机组</t>
  </si>
  <si>
    <t>【东方锅炉】管子\φ31.8×8\12Cr1MoVG\159M1112-1-4\350MW超临界机组</t>
  </si>
  <si>
    <t>【东方锅炉】管子\φ31.8×8\12Cr1MoVG\159M1112-1-5\350MW超临界机组</t>
  </si>
  <si>
    <t>【东方锅炉】管子\φ31.8×8\12Cr1MoVG\159M1112-1-6\350MW超临界机组</t>
  </si>
  <si>
    <t>【东方锅炉】管子\φ31.8×8\12Cr1MoVG\159M1112-1-7\350MW超临界机组</t>
  </si>
  <si>
    <t>【东方锅炉】管子\φ31.8×8\12Cr1MoVG\159M1112-1-8\350MW超临界机组</t>
  </si>
  <si>
    <t>【东方锅炉】密封板\δ6 №2\15CrMo\99N2133-10\660MW超临界机组</t>
  </si>
  <si>
    <t>【东方锅炉】密封板\δ10 №2\15CrMo\99N2133-11\660MW超临界机组</t>
  </si>
  <si>
    <t>【东方锅炉】密封板\δ6 №2\15CrMo\99N2133-14\660MW超临界机组</t>
  </si>
  <si>
    <t>【东方锅炉】密封板\δ6 №2\15CrMo\99N2133-16\660MW超临界机组</t>
  </si>
  <si>
    <t>【东方锅炉】密封板\δ10 №1\15CrMo\99N2141-1-5\660MW超临界机组</t>
  </si>
  <si>
    <t>【东方锅炉】密封板\δ10 №1\15CrMo\99N2141-1-6\660MW超临界机组</t>
  </si>
  <si>
    <t>【东方锅炉】密封板\δ10 №1\15CrMo\99N2141-1-7\660MW超临界机组</t>
  </si>
  <si>
    <t>【东方锅炉】密封板\δ10 №1\15CrMo\99N2141-1-8\660MW超临界机组</t>
  </si>
  <si>
    <t>【东方锅炉】密封板\δ10 №1\15CrMo\99N2141-3-2\660MW超临界机组</t>
  </si>
  <si>
    <t>【东方锅炉】支撑板\δ16\Q345B\140M1112-5-18\350MW超临界机组</t>
  </si>
  <si>
    <t>【东方锅炉】钢板\δ8\12Cr1MoV\140M1112-5-19\350MW超临界机组</t>
  </si>
  <si>
    <t>【东方锅炉】钢板\δ8\12Cr1MoV\140M1112-5-20\350MW超临界机组</t>
  </si>
  <si>
    <t>【东方锅炉】钢板\δ8\12Cr1MoV\140M1112-5-21\350MW超临界机组</t>
  </si>
  <si>
    <t>【东方锅炉】钢板\δ8\12Cr1MoV\140M1112-5-22\350MW超临界机组</t>
  </si>
  <si>
    <t>【东方锅炉】密封块\δ6 №1\15CrMo\140M1112-5-23\350MW超临界机组</t>
  </si>
  <si>
    <t>【东方锅炉】密封块\δ6 №2\15CrMo\140M1112-5-23\350MW超临界机组</t>
  </si>
  <si>
    <t>【东方锅炉】钢板\δ6\15CrMo\140M1112-5-24\350MW超临界机组</t>
  </si>
  <si>
    <t>【东方锅炉】弯板\δ6\15CrMo\140M1112-5-25\350MW超临界机组</t>
  </si>
  <si>
    <t>【东方锅炉】钢板\δ10\15CrMo\140M1112-5-26\350MW超临界机组</t>
  </si>
  <si>
    <t>【东方锅炉】钢板\δ10\15CrMo\140M1112-5-27\350MW超临界机组</t>
  </si>
  <si>
    <t>【东方锅炉】密封板\δ10 №1\15CrMo\99N2141-3-3\660MW超临界机组</t>
  </si>
  <si>
    <t>【东方锅炉】管子\φ76.2×20\12Cr1MoVG\140M1112-10-0\350MW超临界机组</t>
  </si>
  <si>
    <t>【东方锅炉】密封板\δ10 №2\15CrMo\99N2141-3-3\660MW超临界机组</t>
  </si>
  <si>
    <t>【东方锅炉】圆弧板\δ6\15CrMo\140M1112-10-2\350MW超临界机组</t>
  </si>
  <si>
    <t>【东方锅炉】管子\φ76.2×20\12Cr1MoVG\140M1112-11-0\350MW超临界机组</t>
  </si>
  <si>
    <t>【东方锅炉】管子\φ76.2×20\12Cr1MoVG\140M1112-12-0\350MW超临界机组</t>
  </si>
  <si>
    <t>【东方锅炉】测点块\δ4 φ76.2\12Cr1MoV\TGS15002\350MW超临界机组</t>
  </si>
  <si>
    <t>【东方锅炉】管子\φ31.8×7.5\12Cr1MoVG\23S1111-1-1\1000MW超超临界机组</t>
  </si>
  <si>
    <t>【东方锅炉】管子\φ31.8×7.5(正)\12Cr1MoVG\23S1111-1-2\1000MW超超临界机组</t>
  </si>
  <si>
    <t>【东方锅炉】密封板\δ10 №2\15CrMo\99N2141-3-2\660MW超临界机组</t>
  </si>
  <si>
    <t>【东方锅炉】密封板\δ6\15CrMo\99N2141-5-6\660MW超临界机组</t>
  </si>
  <si>
    <t>【东方锅炉】密封板\δ6\15CrMo\99N2141-5-7\660MW超临界机组</t>
  </si>
  <si>
    <t>【东方锅炉】密封板\δ6\15CrMo\99N2141-5-8\660MW超临界机组</t>
  </si>
  <si>
    <t>【东方锅炉】耳板\δ6\15CrMo\23S1111-1-3\1000MW超超临界机组</t>
  </si>
  <si>
    <t>【东方锅炉】密封块\№1\15CrMo\23S1111-1-4\1000MW超超临界机组</t>
  </si>
  <si>
    <t>【东方锅炉】密封块\№2\15CrMo\23S1111-1-4\1000MW超超临界机组</t>
  </si>
  <si>
    <t>【东方锅炉】钢板\δ6\15CrMo\23S1111-1-5\1000MW超超临界机组</t>
  </si>
  <si>
    <t>【东方锅炉】钢板\δ6 379×63\15CrMo\28S1111-0\1000MW超超临界机组</t>
  </si>
  <si>
    <t>【东方锅炉】钢板\δ6 1521×25\15CrMo\28S1111-0\1000MW超超临界机组</t>
  </si>
  <si>
    <t>【东方锅炉】密封块\№4\15CrMo\23S1111-1-4\1000MW超超临界机组</t>
  </si>
  <si>
    <t>【东方锅炉】钢板\δ6\15CrMo\23S1111-1-6\1000MW超超临界机组</t>
  </si>
  <si>
    <t>【东方锅炉】钢板\δ6 2762.5×25\15CrMo\28S1111-0\1000MW超超临界机组</t>
  </si>
  <si>
    <t>【东方锅炉】钢板\δ6\15CrMo\23S1111-1-7\1000MW超超临界机组</t>
  </si>
  <si>
    <t>【东方锅炉】密封板\δ10 №2\15CrMo\99N2141-1-5\660MW超临界机组</t>
  </si>
  <si>
    <t>【东方锅炉】密封块\δ4\15CrMo\23S1111-1-8\1000MW超超临界机组</t>
  </si>
  <si>
    <t>【东方锅炉】密封块\δ4\15CrMo\28S1111-1-1\1000MW超超临界机组</t>
  </si>
  <si>
    <t>【东方锅炉】密封块\δ4\15CrMo\28S1111-1-2\1000MW超超临界机组</t>
  </si>
  <si>
    <t>【东方锅炉】钢板\δ6 2664×25\15CrMo\28S1111-0\1000MW超超临界机组</t>
  </si>
  <si>
    <t>【东方锅炉】钢板\δ6 2921×25\15CrMo\28S1111-0\1000MW超超临界机组</t>
  </si>
  <si>
    <t>【东方锅炉】管子\φ31.8×7.5(反)\12Cr1MoVG\23S1111-1-2\1000MW超超临界机组</t>
  </si>
  <si>
    <t>【东方锅炉】钢板\δ6 2794×25\15CrMo\28S1111-0\1000MW超超临界机组</t>
  </si>
  <si>
    <t>【东方锅炉】钢板\δ6 2410×25\15CrMo\28S1111-0\1000MW超超临界机组</t>
  </si>
  <si>
    <t>【东方锅炉】钢板\δ6 2667×25\15CrMo\28S1111-0\1000MW超超临界机组</t>
  </si>
  <si>
    <t>【东方锅炉】密封块\δ4\12Cr1MoV\28S1111-6-1\1000MW超超临界机组</t>
  </si>
  <si>
    <t>【东方锅炉】张力板\δ60\12Cr1MoV\23S1111-6-2\1000MW超超临界机组</t>
  </si>
  <si>
    <t>【东方锅炉】固定块\δ60\12Cr1MoV\3S1111-1-1\1000MW超超临界机组</t>
  </si>
  <si>
    <t>【东方锅炉】耳板\δ32\12Cr1MoV\24S1111-6-1\1000MW超超临界机组</t>
  </si>
  <si>
    <t>【东方锅炉】观察孔\L1/L2=720/232.4\装配件\28S1111-7-1\1000MW超超临界机组</t>
  </si>
  <si>
    <t>【东方锅炉】管子\φ31.8×7.5\12Cr1MoVG\28S1111-7-1\1000MW超超临界机组</t>
  </si>
  <si>
    <t>【东方锅炉】钢板\δ4 514.4×40.6\15CrMo\28S1111-0\1000MW超超临界机组</t>
  </si>
  <si>
    <t>【东方锅炉】密封板\δ10 №2\15CrMo\99N2141-1-6\660MW超临界机组</t>
  </si>
  <si>
    <t>【东方锅炉】密封板\δ10 №2\15CrMo\99N2141-1-7\660MW超临界机组</t>
  </si>
  <si>
    <t>【东方锅炉】密封板\δ10 №2\15CrMo\99N2141-1-8\660MW超临界机组</t>
  </si>
  <si>
    <t>【东方锅炉】扁钢\δ8\12Cr1MoV\28S1111-23\1000MW超超临界机组</t>
  </si>
  <si>
    <t>【东方锅炉】圆筒\φ141×6\12Cr1MoVG\2S1112-1-10\1000MW超超临界机组</t>
  </si>
  <si>
    <t>【东方锅炉】支撑板\δ16\12Cr1MoV\30S1112-1-1\1000MW超超临界机组</t>
  </si>
  <si>
    <t>【东方锅炉】钢板\δ45\12Cr1MoV\30S1112-1-2\1000MW超超临界机组</t>
  </si>
  <si>
    <t>【东方锅炉】钢板\δ14 2857×199\12Cr1MoV\30S1112-1-3\1000MW超超临界机组</t>
  </si>
  <si>
    <t>【东方锅炉】钢板\δ10 2857×234\12Cr1MoV\30S1112-1-3\1000MW超超临界机组</t>
  </si>
  <si>
    <t>【东方锅炉】钢板\δ16\12Cr1MoV\30S1112-1-4\1000MW超超临界机组</t>
  </si>
  <si>
    <t>【东方锅炉】肋板\δ10\12Cr1MoV\30S1112-1-5\1000MW超超临界机组</t>
  </si>
  <si>
    <t>【东方锅炉】钢板\δ12 120×100\12Cr1MoV\28S1112-0\1000MW超超临界机组</t>
  </si>
  <si>
    <t>【东方锅炉】异种钢接头\φ51×8.5/φ51×9\12Cr1MoVG/SA-213TP310HCbN\16S9811-1-0\1000MW超超临界机组</t>
  </si>
  <si>
    <t>【东方锅炉】异种钢接头\φ51×11.5/φ51×12\SA-213T92/SA-213TP310HCbN\16S9811-2-0\1000MW超超临界机组</t>
  </si>
  <si>
    <t>【东方锅炉】异种钢接头\φ45×7.5/φ45×7.5\12Cr1MoVG/SA-213TP310HCbN\26S9811-1-0\1000MW超超临界机组</t>
  </si>
  <si>
    <t>【东方锅炉】异种钢接头\φ45×11/φ45×10.5\SA-213T92/SA-213TP310HCbN\16S9811-4-0\1000MW超超临界机组</t>
  </si>
  <si>
    <t>【东方锅炉】密封板\δ10 №1\15CrMo\99N2141-20\660MW超临界机组</t>
  </si>
  <si>
    <t>【东方锅炉】异种钢接头\φ45×7.5/φ45×7.5\12Cr1MoVG/SA-213S30432\16S9811-5-0\1000MW超超临界机组</t>
  </si>
  <si>
    <t>【东方锅炉】异种钢接头\φ45×11/φ45×10\SA-213T92/SA-213S30432\16S9811-6-0\1000MW超超临界机组</t>
  </si>
  <si>
    <t>【东方锅炉】密封板\δ10 №2\15CrMo\99N2141-20\660MW超临界机组</t>
  </si>
  <si>
    <t>【东方锅炉】异种钢接头\φ54×8.5/φ54×8.5\SA-213T91/SA-213TP310HCbN\16S9811-7-0\1000MW超超临界机组</t>
  </si>
  <si>
    <t>【东方锅炉】密封板\δ10 №1\15CrMo\99N2143-6-8\660MW超临界机组</t>
  </si>
  <si>
    <t>【东方锅炉】密封板\δ10 №1\15CrMo\99N2143-6-9\660MW超临界机组</t>
  </si>
  <si>
    <t>【东方锅炉】异种钢接头\φ54×14/φ54×14\SA-213T92/SA-213TP310HCbN\16S9811-8-0\1000MW超超临界机组</t>
  </si>
  <si>
    <t>【东方锅炉】密封板\δ10 №1\15CrMo\99N2143-6-10\660MW超临界机组</t>
  </si>
  <si>
    <t>【东方锅炉】密封板\δ10 №2\15CrMo\99N2143-6-8\660MW超临界机组</t>
  </si>
  <si>
    <t>【东方锅炉】异种钢接头\φ45×7.5/φ45×7\SA-213T91/SA-213TP310HCbN\26S9811-2-0\1000MW超超临界机组</t>
  </si>
  <si>
    <t>【东方锅炉】密封板\δ10 №2\15CrMo\99N2143-6-9\660MW超临界机组</t>
  </si>
  <si>
    <t>【东方锅炉】密封板\δ10 №2\15CrMo\99N2143-6-10\660MW超临界机组</t>
  </si>
  <si>
    <t>【东方锅炉】异种钢接头\φ45×13/φ45×10\SA-213TP310HCbN/SA-213S30432\26S9811-3-0\1000MW超超临界机组</t>
  </si>
  <si>
    <t>【东方锅炉】密封板\δ10\15CrMo\99N2143-6-18\660MW超临界机组</t>
  </si>
  <si>
    <t>【东方锅炉】异种钢接头\φ45×7.5/φ45×7\SA-213T91/SA-213S30432\16S9811-11-0\1000MW超超临界机组</t>
  </si>
  <si>
    <t>【东方锅炉】异种钢接头\φ45×13/φ45×13\SA-213T92/SA-213TP310HCbN\26S9811-4-0\1000MW超超临界机组</t>
  </si>
  <si>
    <t>【东方锅炉】密封板\δ10 №1\15CrMo\99N2143-6-19\660MW超临界机组</t>
  </si>
  <si>
    <t>【东方锅炉】异种钢接头\φ57×4.5/φ57×4\SA-213T91/SA-213TP310HCbN\16S9811-13-0\1000MW超超临界机组</t>
  </si>
  <si>
    <t>【东方锅炉】密封板\δ10 №1\15CrMo\99N2143-6-20\660MW超临界机组</t>
  </si>
  <si>
    <t>【东方锅炉】异种钢接头\φ57×6/φ57×6\SA-213T92/SA-213TP310HCbN\16S9811-14-0\1000MW超超临界机组</t>
  </si>
  <si>
    <t>【东方锅炉】密封板\δ10 №1\15CrMo\99N2143-6-21\660MW超临界机组</t>
  </si>
  <si>
    <t>【东方锅炉】密封板\δ10 №1\15CrMo\99N2143-6-22\660MW超临界机组</t>
  </si>
  <si>
    <t>【东方锅炉】异种钢接头\φ51×4/φ51×3.5\SA-213T91/SA-213TP310HCbN\16S9811-15-0\1000MW超超临界机组</t>
  </si>
  <si>
    <t>【东方锅炉】异种钢接头\φ51×4/φ51×4\SA-213S30432/SA-213TP310HCbN\26S9811-5-0\1000MW超超临界机组</t>
  </si>
  <si>
    <t>【东方锅炉】密封板\δ6 917×75\15CrMo\99N2143-0\660MW超临界机组</t>
  </si>
  <si>
    <t>【东方锅炉】密封板\δ10 №2\15CrMo\99N2143-6-19\660MW超临界机组</t>
  </si>
  <si>
    <t>【东方锅炉】异种钢接头\φ51×4/φ51×3.5\SA-213T91/SA-213S30432\16S9811-17-0\1000MW超超临界机组</t>
  </si>
  <si>
    <t>【东方锅炉】密封板\δ10 №2\15CrMo\99N2143-6-20\660MW超临界机组</t>
  </si>
  <si>
    <t>【东方锅炉】异种钢接头\φ57×5.5/φ57×5.5\SA-213T92/SA-213S30432\16S9811-18-0\1000MW超超临界机组</t>
  </si>
  <si>
    <t>【东方锅炉】密封板\δ10 №2\15CrMo\99N2143-6-21\660MW超临界机组</t>
  </si>
  <si>
    <t>【东方锅炉】密封板\δ10 №2\15CrMo\99N2143-6-22\660MW超临界机组</t>
  </si>
  <si>
    <t>【东方锅炉】异种钢接头\φ57×4.5/φ57×4.5\SA-213T91/SA-213T92\26S9811-6-0\1000MW超超临界机组</t>
  </si>
  <si>
    <t>【东方锅炉】密封板\δ6\15CrMo\99N2143-7-7\660MW超临界机组</t>
  </si>
  <si>
    <t>【东方锅炉】异种钢接头\φ57×4.5/φ57×4.5\SA-213T91/12Cr1MoVG\16S9811-20-0\1000MW超超临界机组</t>
  </si>
  <si>
    <t>【东方锅炉】管子\φ31.8×7\12Cr1MoVG\151N1111-1-1\660MW超超临界机组</t>
  </si>
  <si>
    <t>【东方锅炉】密封板\δ6\15CrMo\99N2143-7-8\660MW超临界机组</t>
  </si>
  <si>
    <t>【东方锅炉】管子\φ31.8×7\12Cr1MoVG\151N1111-1-2\660MW超超临界机组</t>
  </si>
  <si>
    <t>【东方锅炉】耳板\δ6\15CrMo\151N1111-1-3\660MW超超临界机组</t>
  </si>
  <si>
    <t>【东方锅炉】密封块\δ6 №1\15CrMo\151N1111-1-4\660MW超超临界机组</t>
  </si>
  <si>
    <t>【东方锅炉】密封板\δ6\15CrMo\99N2143-7-9\660MW超临界机组</t>
  </si>
  <si>
    <t>【东方锅炉】密封块\№3\15CrMo\12N1111-1-4\660MW超超临界机组</t>
  </si>
  <si>
    <t>【东方锅炉】密封块\№4\15CrMo\12N1111-1-4\660MW超超临界机组</t>
  </si>
  <si>
    <t>【东方锅炉】密封块\№5\15CrMo\12N1111-1-4\660MW超超临界机组</t>
  </si>
  <si>
    <t>【东方锅炉】钢板\δ6\15CrMo\151N1111-1-5\660MW超超临界机组</t>
  </si>
  <si>
    <t>【东方锅炉】钢板\δ6 1216×25\15CrMo\151N1111-0\660MW超超临界机组</t>
  </si>
  <si>
    <t>【东方锅炉】密封板\δ6\15CrMo\99N2143-7-10\660MW超临界机组</t>
  </si>
  <si>
    <t>【东方锅炉】钢板\δ6 734.5×50\15CrMo\151N1111-0\660MW超超临界机组</t>
  </si>
  <si>
    <t>【东方锅炉】管子\φ31.8×7\12Cr1MoVG\151N1111-1-6\660MW超超临界机组</t>
  </si>
  <si>
    <t>【东方锅炉】钢板\δ6 1903.6×25\15CrMo\151N1111-0\660MW超超临界机组</t>
  </si>
  <si>
    <t>【东方锅炉】密封块\δ4\15CrMo\151N1111-1-7\660MW超超临界机组</t>
  </si>
  <si>
    <t>【东方锅炉】梳型板\δ6\SA-240GR309S\151N1111-1-8\660MW超超临界机组</t>
  </si>
  <si>
    <t>【东方锅炉】钢板\δ6 1825.6×25\15CrMo\151N1111-0\660MW超超临界机组</t>
  </si>
  <si>
    <t>【东方锅炉】钢板\δ6 2130.8×25\15CrMo\151N1111-0\660MW超超临界机组</t>
  </si>
  <si>
    <t>【东方锅炉】梳型板\δ6\SA-240GR309S\151N1111-2-1\660MW超超临界机组</t>
  </si>
  <si>
    <t>【东方锅炉】钢板\δ6 1774.8×25\15CrMo\151N1111-0\660MW超超临界机组</t>
  </si>
  <si>
    <t>【东方锅炉】梳型板\δ6\SA-240GR309S\151N1111-6-1\660MW超超临界机组</t>
  </si>
  <si>
    <t>【东方锅炉】钢板\δ6 2080×25\15CrMo\151N1111-0\660MW超超临界机组</t>
  </si>
  <si>
    <t>【东方锅炉】管子\φ31.8×7 Lz=10846.4\12Cr1MoVG\TGA00383-0\660MW超超临界机组</t>
  </si>
  <si>
    <t>【东方锅炉】管子\φ31.8×7 Lz=10837.8\12Cr1MoVG\TGA00383-0\660MW超超临界机组</t>
  </si>
  <si>
    <t>【东方锅炉】密封板\δ6\15CrMo\99N2143-7-11\660MW超临界机组</t>
  </si>
  <si>
    <t>【东方锅炉】密封块\δ6\15CrMo\151N1111-13-1\660MW超超临界机组</t>
  </si>
  <si>
    <t>【东方锅炉】密封块\δ6 №2\15CrMo\151N1111-1-4\660MW超超临界机组</t>
  </si>
  <si>
    <t>【东方锅炉】管子\φ31.8×7\12Cr1MoVG\151N1111-16-2\660MW超超临界机组</t>
  </si>
  <si>
    <t>【东方锅炉】密封板\δ6\15CrMo\99N2143-7-12\660MW超临界机组</t>
  </si>
  <si>
    <t>【东方锅炉】钢板\δ6\20#\12N1111-11\660MW超超临界机组</t>
  </si>
  <si>
    <t>【东方锅炉】钢板\δ6\20#\107N1111-11\660MW超超临界机组</t>
  </si>
  <si>
    <t>【东方锅炉】密封板\δ6\15CrMo\99N2143-8-6\660MW超临界机组</t>
  </si>
  <si>
    <t>【东方锅炉】密封板\δ6\15CrMo\99N2143-8-7\660MW超临界机组</t>
  </si>
  <si>
    <t>【东方锅炉】密封板\δ10\15CrMo\99N2143-8-8\660MW超临界机组</t>
  </si>
  <si>
    <t>【东方锅炉】张力板\δ60\15CrMo\12N1111-5-1\660MW超超临界机组</t>
  </si>
  <si>
    <t>【东方锅炉】固定块\δ60\15CrMo\12N1111-5-2\660MW超超临界机组</t>
  </si>
  <si>
    <t>【东方锅炉】钢板\δ20 50×20\20#\151N1111-0\660MW超超临界机组</t>
  </si>
  <si>
    <t>【东方锅炉】耳板\δ32\15CrMo\117N1111-5-1\660MW超超临界机组</t>
  </si>
  <si>
    <t>【东方锅炉】管子\φ31.8×6.5\12Cr1MoVG\151N1112-1-1\660MW超超临界机组</t>
  </si>
  <si>
    <t>【东方锅炉】管子\φ31.8×6.5\12Cr1MoVG\151N1112-1-2\660MW超超临界机组</t>
  </si>
  <si>
    <t>【东方锅炉】密封板\δ10 №1\15CrMo\99N2143-8-9\660MW超临界机组</t>
  </si>
  <si>
    <t>【东方锅炉】密封板\δ10 №1\15CrMo\99N2143-8-10\660MW超临界机组</t>
  </si>
  <si>
    <t>【东方锅炉】密封板\δ10 №1\15CrMo\99N2143-8-11\660MW超临界机组</t>
  </si>
  <si>
    <t>【东方锅炉】密封板\δ10 №2\15CrMo\99N2143-8-9\660MW超临界机组</t>
  </si>
  <si>
    <t>【东方锅炉】密封板\δ10 №2\15CrMo\99N2143-8-10\660MW超临界机组</t>
  </si>
  <si>
    <t>【东方锅炉】钢板\δ6\15CrMo\12N1112-1-8\660MW超超临界机组</t>
  </si>
  <si>
    <t>【东方锅炉】钢板\δ6 228×24\15CrMo\151N1112-0\660MW超超临界机组</t>
  </si>
  <si>
    <t>【东方锅炉】钢板\δ6\15CrMo\12N1112-1-9\660MW超超临界机组</t>
  </si>
  <si>
    <t>【东方锅炉】钢板\δ6 218×24\15CrMo\151N1112-0\660MW超超临界机组</t>
  </si>
  <si>
    <t>【东方锅炉】钢板\δ6\15CrMo\12N1112-1-10\660MW超超临界机组</t>
  </si>
  <si>
    <t>【东方锅炉】钢板\δ6\15CrMo\12N1112-1-11\660MW超超临界机组</t>
  </si>
  <si>
    <t>【东方锅炉】钢板\δ6\15CrMo\107N1112-1-4\660MW超超临界机组</t>
  </si>
  <si>
    <t>【东方锅炉】钢板\δ6\15CrMo\107N1112-1-5\660MW超超临界机组</t>
  </si>
  <si>
    <t>【东方锅炉】压盖\φ75\Q235A\TGA01175-4\660MW超超临界机组</t>
  </si>
  <si>
    <t>【东方锅炉】支座\φ75\Q235A\TGA01175-5-1\660MW超超临界机组</t>
  </si>
  <si>
    <t>【东方锅炉】钢板\δ6\Q235A\TGA01175-6-1\660MW超超临界机组</t>
  </si>
  <si>
    <t>【东方锅炉】钢板\δ6 110×110\Q235A\151N1112-0\660MW超超临界机组</t>
  </si>
  <si>
    <t>【东方锅炉】钢板\δ6\Q235A\TGA01175-6-2\660MW超超临界机组</t>
  </si>
  <si>
    <t>【东方锅炉】钢板\δ6\Q235A\TGA01175-6-3\660MW超超临界机组</t>
  </si>
  <si>
    <t>【东方锅炉】钢板\δ6\Q235A\TGA01175-6-4\660MW超超临界机组</t>
  </si>
  <si>
    <t>【东方锅炉】挡圈\25\Q235A\TGA01175-8\660MW超超临界机组</t>
  </si>
  <si>
    <t>【东方锅炉】摆杆\δ10\Q235A\TGA01175-9\660MW超超临界机组</t>
  </si>
  <si>
    <t>【东方锅炉】圆钢\φ14 L=15\Q235A\151N1112-0\660MW超超临界机组</t>
  </si>
  <si>
    <t>【东方锅炉】密封板\δ10 №2\15CrMo\99N2143-8-11\660MW超临界机组</t>
  </si>
  <si>
    <t>【东方锅炉】异种钢接头\φ51×12.5/φ51×12.5\SA-213T92/SA-213TP310HCbN\151N9811-1-0\660MW超超临界机组</t>
  </si>
  <si>
    <t>【东方锅炉】密封板\δ6\15CrMo\99N2143-8-12\660MW超临界机组</t>
  </si>
  <si>
    <t>【东方锅炉】密封板\δ9\12Cr1MoV\99N2146-1-22\660MW超临界机组</t>
  </si>
  <si>
    <t>【东方锅炉】异种钢接头\φ45×12.5/φ45×12.5\SA-213T92/SA-213S30432\151N9811-2-0\660MW超超临界机组</t>
  </si>
  <si>
    <t>【东方锅炉】密封板\δ9 №1\12Cr1MoV\99N2146-1-23\660MW超临界机组</t>
  </si>
  <si>
    <t>【东方锅炉】密封板\δ9 №1\15CrMo\99N2146-1-24\660MW超临界机组</t>
  </si>
  <si>
    <t>【东方锅炉】异种钢接头\φ45×12.5/φ45×10\SA-213S30432/SA-213TP310HCbN\151N9811-3-0\660MW超超临界机组</t>
  </si>
  <si>
    <t>【东方锅炉】密封板\δ9 №1\15CrMo\99N2146-1-25\660MW超临界机组</t>
  </si>
  <si>
    <t>【东方锅炉】异种钢接头\φ51×8/φ51×8\SA-213T91/SA-213TP310HCbN\151N9811-4-0\660MW超超临界机组</t>
  </si>
  <si>
    <t>【东方锅炉】密封板\δ9 №1\15CrMo\99N2146-1-26\660MW超临界机组</t>
  </si>
  <si>
    <t>【东方锅炉】密封板\δ9 №1\15CrMo\99N2146-1-27\660MW超临界机组</t>
  </si>
  <si>
    <t>【东方锅炉】异种钢接头\φ45×7/φ45×7\SA-213T91/SA-213TP310HCbN\151N9811-5-0\660MW超超临界机组</t>
  </si>
  <si>
    <t>【东方锅炉】异种钢接头\φ45×7/φ45×7\SA-213T91/SA-213S30432\151N9811-6-0\660MW超超临界机组</t>
  </si>
  <si>
    <t>【东方锅炉】异种钢接头\φ51×4.5/φ51×4.5\SA-213T92/SA-213S30432\151N9811-7-0\660MW超超临界机组</t>
  </si>
  <si>
    <t>【东方锅炉】密封板\δ9 №2\12Cr1MoV\99N2146-1-23\660MW超临界机组</t>
  </si>
  <si>
    <t>【东方锅炉】密封板\δ9 №2\15CrMo\99N2146-1-24\660MW超临界机组</t>
  </si>
  <si>
    <t>【东方锅炉】异种钢接头\φ51×4/φ51×3.5\SA-213T91/SA-213TP310HCbN\151N9811-8-0\660MW超超临界机组</t>
  </si>
  <si>
    <t>【东方锅炉】异种钢接头\φ51×4.5/φ51×3.5\SA-213S30432/SA-213TP310HCbN\151N9811-9-0\660MW超超临界机组</t>
  </si>
  <si>
    <t>【东方锅炉】异种钢接头\φ51×4/φ51×3.5\SA-213T91/SA-213S30432\151N9811-10-0\660MW超超临界机组</t>
  </si>
  <si>
    <t>【东方锅炉】异种钢接头\φ57×4.5/φ57×4\SA-213T92/SA-213TP310HCbN\151N9811-11-0\660MW超超临界机组</t>
  </si>
  <si>
    <t>【东方锅炉】异种钢接头\φ57×4/φ57×4\SA-213T91/SA-213TP310HCbN\151N9811-12-0\660MW超超临界机组</t>
  </si>
  <si>
    <t>【东方锅炉】密封板\δ9 №2\15CrMo\99N2146-1-25\660MW超临界机组</t>
  </si>
  <si>
    <t>【东方锅炉】异种钢接头\φ51×12/φ51×11.5\SA-213TP310HCbN/SA-213T92\151N9811-13-0\660MW超超临界机组</t>
  </si>
  <si>
    <t>【东方锅炉】异种钢接头\φ45×10.5/φ45×10\SA-213T92/SA-213TP310HCbN\151N9811-14-0\660MW超超临界机组</t>
  </si>
  <si>
    <t>【东方锅炉】密封板\δ9 №2\15CrMo\99N2146-1-26\660MW超临界机组</t>
  </si>
  <si>
    <t>【东方锅炉】异种钢接头\φ45×10.5/φ45×10.5\SA-213T92/SA-213S30432\151N9811-15-0\660MW超超临界机组</t>
  </si>
  <si>
    <t>【东方锅炉】密封板\δ9 №2\15CrMo\99N2146-1-27\660MW超临界机组</t>
  </si>
  <si>
    <t>【东方锅炉】异种钢接头\φ51×8/φ51×8\12Cr1MoVG/SA-213TP310HCbN\151N9811-16-0\660MW超超临界机组</t>
  </si>
  <si>
    <t>【东方锅炉】密封板\δ6\12Cr1MoV\36M11-10-9\300MW亚临界机组</t>
  </si>
  <si>
    <t>【东方锅炉】异种钢接头\φ45×7.5/φ45×7.5\12Cr1MoVG/SA-213TP310HCbN\151N9811-17-0\660MW超超临界机组</t>
  </si>
  <si>
    <t>【东方锅炉】异种钢接头\φ45×7.5/φ45×7.5\12Cr1MoVG/SA-213S30432\151N9811-18-0\660MW超超临界机组</t>
  </si>
  <si>
    <t>【东方锅炉】异种钢接头\φ57×4.5/φ57×4.5\SA-213T91/12Cr1MoVG\151N9811-19-0\660MW超超临界机组</t>
  </si>
  <si>
    <t>【东方锅炉】异种钢接头\φ57×4.5/φ57×4.5\SA-210C/15CrMoG\151N9811-20-0\660MW超超临界机组</t>
  </si>
  <si>
    <t>【东方锅炉】管子\φ57×6.5(左)\SA-210C\104M1112-1-1\300MW亚临界机组</t>
  </si>
  <si>
    <t>【东方锅炉】管子\φ57×6.5(左)\SA-210C\104M1112-1-2\300MW亚临界机组</t>
  </si>
  <si>
    <t>【东方锅炉】管子\φ57×6.5(左)\SA-210C\104M1112-1-3\300MW亚临界机组</t>
  </si>
  <si>
    <t>【东方锅炉】管子\φ57×6.5(左)\SA-210C\104M1112-1-4\300MW亚临界机组</t>
  </si>
  <si>
    <t>【东方锅炉】管子\φ57×6.5(左)\SA-210C\104M1112-1-5\300MW亚临界机组</t>
  </si>
  <si>
    <t>【东方锅炉】管子\φ57×6.5 №1(左)\SA-210C\104M1112-1-6\300MW亚临界机组</t>
  </si>
  <si>
    <t>【东方锅炉】管子\φ57×6.5 №2(左)\SA-210C\104M1112-1-6\300MW亚临界机组</t>
  </si>
  <si>
    <t>【东方锅炉】管子\φ57×6.5 №3(左)\SA-210C\104M1112-1-6\300MW亚临界机组</t>
  </si>
  <si>
    <t>【东方锅炉】管子\φ57×6.5 №4(左)\SA-210C\104M1112-1-6\300MW亚临界机组</t>
  </si>
  <si>
    <t>【东方锅炉】管子\φ57×6.5 №5(左)\SA-210C\104M1112-1-6\300MW亚临界机组</t>
  </si>
  <si>
    <t>【东方锅炉】管子\φ57×6.5 №6(左)\SA-210C\104M1112-1-6\300MW亚临界机组</t>
  </si>
  <si>
    <t>【东方锅炉】管子\φ57×6.5 №7(左)\SA-210C\104M1112-1-6\300MW亚临界机组</t>
  </si>
  <si>
    <t>【东方锅炉】管子\φ57×6.5 №8(左)\SA-210C\104M1112-1-6\300MW亚临界机组</t>
  </si>
  <si>
    <t>【东方锅炉】管子\φ57×6.5 №9(左)\SA-210C\104M1112-1-6\300MW亚临界机组</t>
  </si>
  <si>
    <t>【东方锅炉】管子\φ57×6.5 №10(左)\SA-210C\104M1112-1-6\300MW亚临界机组</t>
  </si>
  <si>
    <t>【东方锅炉】管子\φ57×6.5 №11(左)\SA-210C\104M1112-1-6\300MW亚临界机组</t>
  </si>
  <si>
    <t>【东方锅炉】管子\φ57×6.5 №12(左)\SA-210C\104M1112-1-6\300MW亚临界机组</t>
  </si>
  <si>
    <t>【东方锅炉】管子\φ57×6.5 №13(左)\SA-210C\104M1112-1-6\300MW亚临界机组</t>
  </si>
  <si>
    <t>【东方锅炉】管子\φ57×6.5 №14(左)\SA-210C\104M1112-1-6\300MW亚临界机组</t>
  </si>
  <si>
    <t>【东方锅炉】管子\φ57×6.5 №15(左)\SA-210C\104M1112-1-6\300MW亚临界机组</t>
  </si>
  <si>
    <t>【东方锅炉】密封块\δ4\20#\89M1113-1-4\300MW亚临界机组</t>
  </si>
  <si>
    <t>【东方锅炉】吊耳\δ50\Q245R\104M1112-1-7\300MW亚临界机组</t>
  </si>
  <si>
    <t>【东方锅炉】密封板\δ10\S30815\GB-58 №1\350MW超临界机组</t>
  </si>
  <si>
    <t>【东方锅炉】扁钢\6×30\20#\104M1112-0\300MW亚临界机组</t>
  </si>
  <si>
    <t>【东方锅炉】扁钢\6×15\20#\104M1112-0\300MW亚临界机组</t>
  </si>
  <si>
    <t>【东方锅炉】扁钢\6×28\20#\104M1112-0\300MW亚临界机组</t>
  </si>
  <si>
    <t>【东方锅炉】扁钢\6×33\20#\104M1112-0\300MW亚临界机组</t>
  </si>
  <si>
    <t>【东方锅炉】扁钢\6×38\20#\104M1112-0\300MW亚临界机组</t>
  </si>
  <si>
    <t>【东方锅炉】扁钢\6×48\20#\104M1112-0\300MW亚临界机组</t>
  </si>
  <si>
    <t>【东方锅炉】扁钢\6×59.5\20#\104M1112-0\300MW亚临界机组</t>
  </si>
  <si>
    <t>【东方锅炉】钢板\δ6 1000×1000\20#\104M1112-1-0\300MW亚临界机组</t>
  </si>
  <si>
    <t>【东方锅炉】耳板\δ25\Q245R\104M1112-1-8\300MW亚临界机组</t>
  </si>
  <si>
    <t>【东方锅炉】管子\φ57×6.5\SA-210C\104M1112-2-1\300MW亚临界机组</t>
  </si>
  <si>
    <t>【东方锅炉】管子\φ57×6.5(左)\SA-210C\104M1112-2-2\300MW亚临界机组</t>
  </si>
  <si>
    <t>【东方锅炉】管子\φ57×6.5(左)\SA-210C\104M1112-2-3\300MW亚临界机组</t>
  </si>
  <si>
    <t>【东方锅炉】管子\φ57×6.5(左)\SA-210C\104M1112-2-4\300MW亚临界机组</t>
  </si>
  <si>
    <t>【东方锅炉】管子\φ57×6.5(左)\SA-210C\104M1112-2-5\300MW亚临界机组</t>
  </si>
  <si>
    <t>【东方锅炉】管子\φ57×6.5 №1(左)\SA-210C\104M1112-2-6\300MW亚临界机组</t>
  </si>
  <si>
    <t>【东方锅炉】管子\φ57×6.5 №2(左)\SA-210C\104M1112-2-6\300MW亚临界机组</t>
  </si>
  <si>
    <t>【东方锅炉】管子\φ57×6.5 №3(左)\SA-210C\104M1112-2-6\300MW亚临界机组</t>
  </si>
  <si>
    <t>【东方锅炉】管子\φ57×6.5 №4(左)\SA-210C\104M1112-2-6\300MW亚临界机组</t>
  </si>
  <si>
    <t>【东方锅炉】管子\φ57×6.5 №5(左)\SA-210C\104M1112-2-6\300MW亚临界机组</t>
  </si>
  <si>
    <t>【东方锅炉】管子\φ57×6.5 №6(左)\SA-210C\104M1112-2-6\300MW亚临界机组</t>
  </si>
  <si>
    <t>【东方锅炉】管子\φ57×6.5(左)\SA-210C\104M1112-2-7\300MW亚临界机组</t>
  </si>
  <si>
    <t>【东方锅炉】管子\φ57×6.5 №1(左)\SA-210C\104M1112-2-8\300MW亚临界机组</t>
  </si>
  <si>
    <t>【东方锅炉】管子\φ57×6.5 №2(左)\SA-210C\104M1112-2-8\300MW亚临界机组</t>
  </si>
  <si>
    <t>【东方锅炉】管子\φ57×6.5 №3(左)\SA-210C\104M1112-2-8\300MW亚临界机组</t>
  </si>
  <si>
    <t>【东方锅炉】管子\φ57×6.5(左)\SA-210C\104M1112-2-9\300MW亚临界机组</t>
  </si>
  <si>
    <t>【东方锅炉】管子\φ57×6.5(左)\SA-210C\104M1112-2-10\300MW亚临界机组</t>
  </si>
  <si>
    <t>【东方锅炉】管子\φ57×6.5 №1(左)\SA-210C\104M1112-2-11\300MW亚临界机组</t>
  </si>
  <si>
    <t>【东方锅炉】管子\φ57×6.5 №2(左)\SA-210C\104M1112-2-11\300MW亚临界机组</t>
  </si>
  <si>
    <t>【东方锅炉】管子\φ57×6.5 №3(左)\SA-210C\104M1112-2-11\300MW亚临界机组</t>
  </si>
  <si>
    <t>【东方锅炉】管子\φ57×6.5 №4(左)\SA-210C\104M1112-2-11\300MW亚临界机组</t>
  </si>
  <si>
    <t>【东方锅炉】管子\φ57×6.5 №5(左)\SA-210C\104M1112-2-11\300MW亚临界机组</t>
  </si>
  <si>
    <t>【东方锅炉】管子\φ57×6.5 №6(左)\SA-210C\104M1112-2-11\300MW亚临界机组</t>
  </si>
  <si>
    <t>【东方锅炉】扁钢\6×43\20#\104M1112-0\300MW亚临界机组</t>
  </si>
  <si>
    <t>【东方锅炉】扁钢\6×26.4\20#\104M1112-0\300MW亚临界机组</t>
  </si>
  <si>
    <t>【东方锅炉】扁钢\6×21.7\20#\104M1112-0\300MW亚临界机组</t>
  </si>
  <si>
    <t>【东方锅炉】扁钢\6×36.2\20#\104M1112-0\300MW亚临界机组</t>
  </si>
  <si>
    <t>【东方锅炉】扁钢\6×62.9\20#\104M1112-0\300MW亚临界机组</t>
  </si>
  <si>
    <t>【东方锅炉】扁钢\6×54.1\20#\104M1112-0\300MW亚临界机组</t>
  </si>
  <si>
    <t>【东方锅炉】钢板\δ6 1000×1000\20#\104M1112-2-0\300MW亚临界机组</t>
  </si>
  <si>
    <t>【东方锅炉】管子\φ57×6.5(右)\SA-210C\104M1112-5-1\300MW亚临界机组</t>
  </si>
  <si>
    <t>【东方锅炉】扁钢\6×98.5\20#\104M1112-0\300MW亚临界机组</t>
  </si>
  <si>
    <t>【东方锅炉】扁钢\6×11.5\20#\104M1112-0\300MW亚临界机组</t>
  </si>
  <si>
    <t>【东方锅炉】管子\φ57×6.5(左)\SA-210C\104M1112-5-1\300MW亚临界机组</t>
  </si>
  <si>
    <t>【东方锅炉】钢板\δ6 1000×1000\20#\104M1112-9-0\300MW亚临界机组</t>
  </si>
  <si>
    <t>【东方锅炉】管子\φ57×6.5\SA-210C\104M1112-10-1\300MW亚临界机组</t>
  </si>
  <si>
    <t>【东方锅炉】扁钢\6×36.5\20#\104M1112-0\300MW亚临界机组</t>
  </si>
  <si>
    <t>【东方锅炉】钢板\δ6 1000×1000\20#\104M1112-10-0\300MW亚临界机组</t>
  </si>
  <si>
    <t>【东方锅炉】管子\φ57×6.5(右)\SA-210C\104M1112-1-1\300MW亚临界机组</t>
  </si>
  <si>
    <t>【东方锅炉】管子\φ57×6.5(右)\SA-210C\104M1112-1-2\300MW亚临界机组</t>
  </si>
  <si>
    <t>【东方锅炉】管子\φ57×6.5(右)\SA-210C\104M1112-1-3\300MW亚临界机组</t>
  </si>
  <si>
    <t>【东方锅炉】管子\φ57×6.5(右)\SA-210C\104M1112-1-4\300MW亚临界机组</t>
  </si>
  <si>
    <t>【东方锅炉】管子\φ57×6.5(右)\SA-210C\104M1112-1-5\300MW亚临界机组</t>
  </si>
  <si>
    <t>【东方锅炉】管子\φ57×6.5 №1(右)\SA-210C\104M1112-1-6\300MW亚临界机组</t>
  </si>
  <si>
    <t>【东方锅炉】管子\φ57×6.5 №2(右)\SA-210C\104M1112-1-6\300MW亚临界机组</t>
  </si>
  <si>
    <t>【东方锅炉】管子\φ57×6.5 №3(右)\SA-210C\104M1112-1-6\300MW亚临界机组</t>
  </si>
  <si>
    <t>【东方锅炉】管子\φ57×6.5 №4(右)\SA-210C\104M1112-1-6\300MW亚临界机组</t>
  </si>
  <si>
    <t>【东方锅炉】管子\φ57×6.5 №5(右)\SA-210C\104M1112-1-6\300MW亚临界机组</t>
  </si>
  <si>
    <t>【东方锅炉】管子\φ57×6.5 №6(右)\SA-210C\104M1112-1-6\300MW亚临界机组</t>
  </si>
  <si>
    <t>【东方锅炉】管子\φ57×6.5 №7(右)\SA-210C\104M1112-1-6\300MW亚临界机组</t>
  </si>
  <si>
    <t>【东方锅炉】管子\φ57×6.5 №8(右)\SA-210C\104M1112-1-6\300MW亚临界机组</t>
  </si>
  <si>
    <t>【东方锅炉】管子\φ57×6.5 №9(右)\SA-210C\104M1112-1-6\300MW亚临界机组</t>
  </si>
  <si>
    <t>【东方锅炉】管子\φ57×6.5 №10(右)\SA-210C\104M1112-1-6\300MW亚临界机组</t>
  </si>
  <si>
    <t>【东方锅炉】管子\φ57×6.5 №11(右)\SA-210C\104M1112-1-6\300MW亚临界机组</t>
  </si>
  <si>
    <t>【东方锅炉】管子\φ57×6.5 №12(右)\SA-210C\104M1112-1-6\300MW亚临界机组</t>
  </si>
  <si>
    <t>【东方锅炉】管子\φ57×6.5 №13(右)\SA-210C\104M1112-1-6\300MW亚临界机组</t>
  </si>
  <si>
    <t>【东方锅炉】管子\φ57×6.5 №14(右)\SA-210C\104M1112-1-6\300MW亚临界机组</t>
  </si>
  <si>
    <t>【东方锅炉】管子\φ57×6.5 №15(右)\SA-210C\104M1112-1-6\300MW亚临界机组</t>
  </si>
  <si>
    <t>【东方锅炉】管子\φ57×6.5(右)\SA-210C\104M1112-2-2\300MW亚临界机组</t>
  </si>
  <si>
    <t>【东方锅炉】管子\φ57×6.5(右)\SA-210C\104M1112-2-3\300MW亚临界机组</t>
  </si>
  <si>
    <t>【东方锅炉】管子\φ57×6.5(右)\SA-210C\104M1112-2-4\300MW亚临界机组</t>
  </si>
  <si>
    <t>【东方锅炉】管子\φ57×6.5(右)\SA-210C\104M1112-2-5\300MW亚临界机组</t>
  </si>
  <si>
    <t>【东方锅炉】管子\φ57×6.5 №1(右)\SA-210C\104M1112-2-6\300MW亚临界机组</t>
  </si>
  <si>
    <t>【东方锅炉】管子\φ57×6.5 №2(右)\SA-210C\104M1112-2-6\300MW亚临界机组</t>
  </si>
  <si>
    <t>【东方锅炉】管子\φ57×6.5 №3(右)\SA-210C\104M1112-2-6\300MW亚临界机组</t>
  </si>
  <si>
    <t>【东方锅炉】管子\φ57×6.5 №4(右)\SA-210C\104M1112-2-6\300MW亚临界机组</t>
  </si>
  <si>
    <t>【东方锅炉】管子\φ57×6.5 №5(右)\SA-210C\104M1112-2-6\300MW亚临界机组</t>
  </si>
  <si>
    <t>【东方锅炉】管子\φ57×6.5 №6(右)\SA-210C\104M1112-2-6\300MW亚临界机组</t>
  </si>
  <si>
    <t>【东方锅炉】管子\φ57×6.5(右)\SA-210C\104M1112-2-7\300MW亚临界机组</t>
  </si>
  <si>
    <t>【东方锅炉】管子\φ57×6.5 №1(右)\SA-210C\104M1112-2-8\300MW亚临界机组</t>
  </si>
  <si>
    <t>【东方锅炉】管子\φ57×6.5 №2(右)\SA-210C\104M1112-2-8\300MW亚临界机组</t>
  </si>
  <si>
    <t>【东方锅炉】管子\φ57×6.5 №3(右)\SA-210C\104M1112-2-8\300MW亚临界机组</t>
  </si>
  <si>
    <t>【东方锅炉】管子\φ57×6.5(右)\SA-210C\104M1112-2-9\300MW亚临界机组</t>
  </si>
  <si>
    <t>【东方锅炉】管子\φ57×6.5(右)\SA-210C\104M1112-2-10\300MW亚临界机组</t>
  </si>
  <si>
    <t>【东方锅炉】管子\φ57×6.5 №1(右)\SA-210C\104M1112-2-11\300MW亚临界机组</t>
  </si>
  <si>
    <t>【东方锅炉】管子\φ57×6.5 №2(右)\SA-210C\104M1112-2-11\300MW亚临界机组</t>
  </si>
  <si>
    <t>【东方锅炉】管子\φ57×6.5 №3(右)\SA-210C\104M1112-2-11\300MW亚临界机组</t>
  </si>
  <si>
    <t>【东方锅炉】管子\φ57×6.5 №4(右)\SA-210C\104M1112-2-11\300MW亚临界机组</t>
  </si>
  <si>
    <t>【东方锅炉】管子\φ57×6.5 №5(右)\SA-210C\104M1112-2-11\300MW亚临界机组</t>
  </si>
  <si>
    <t>【东方锅炉】管子\φ57×6.5 №6(右)\SA-210C\104M1112-2-11\300MW亚临界机组</t>
  </si>
  <si>
    <t>【东方锅炉】管子\φ57×6.5 L=8971\SA-210C\104M1115-1-0\300MW亚临界机组</t>
  </si>
  <si>
    <t>【东方锅炉】管子\φ57×6.5\SA-210C\104M1115-1-1\300MW亚临界机组</t>
  </si>
  <si>
    <t>【东方锅炉】管子\φ57×6.5\SA-210C\104M1115-1-2\300MW亚临界机组</t>
  </si>
  <si>
    <t>【东方锅炉】密封板\δ6\20#\104M1115-1-3\300MW亚临界机组</t>
  </si>
  <si>
    <t>【东方锅炉】钢板\δ6 3912×62\20#\104M1115-1-0\300MW亚临界机组</t>
  </si>
  <si>
    <t>【东方锅炉】管子\φ57×6.5\SA-210C\104M1115-1-4\300MW亚临界机组</t>
  </si>
  <si>
    <t>【东方锅炉】钢板\δ6 500×95.5\20#\104M1115-1-0\300MW亚临界机组</t>
  </si>
  <si>
    <t>【东方锅炉】管子\φ57×6.5\SA-210C\104M1115-0\300MW亚临界机组</t>
  </si>
  <si>
    <t>【东方锅炉】管子\φ57×6.5\SA-210C\104M1115-2-1\300MW亚临界机组</t>
  </si>
  <si>
    <t>【东方锅炉】钢板\δ6 3912×62\20#\104M1115-2-0\300MW亚临界机组</t>
  </si>
  <si>
    <t>【东方锅炉】密封板\δ10\S30815\GB-61 №2\350MW超临界机组</t>
  </si>
  <si>
    <t>【东方锅炉】钢板\δ6 4062×74.5\20#\104M1115-2-0\300MW亚临界机组</t>
  </si>
  <si>
    <t>【东方锅炉】管子\φ57×6.5\SA-210C\122M1115-1-1\300MW亚临界机组</t>
  </si>
  <si>
    <t>【东方锅炉】管子\φ57×6.5\SA-210C\122M1115-1-2\300MW亚临界机组</t>
  </si>
  <si>
    <t>【东方锅炉】管子\φ57×6.5\SA-210C\122M1115-1-3\300MW亚临界机组</t>
  </si>
  <si>
    <t>【东方锅炉】钢板\δ6 3912×62\20#\122M1115-1-0\300MW亚临界机组</t>
  </si>
  <si>
    <t>【东方锅炉】钢板\δ6 4062×74.5\20#\122M1115-1-0\300MW亚临界机组</t>
  </si>
  <si>
    <t>【东方锅炉】密封板\δ6\20#\104M1115-3-1\300MW亚临界机组</t>
  </si>
  <si>
    <t>【东方锅炉】密封板\M16\16Cr20Ni14Si2\GB-47 №1\660MW超临界机组</t>
  </si>
  <si>
    <t>【东方锅炉】钢板\δ6 500×1000\20#\122M1115-1-0\300MW亚临界机组</t>
  </si>
  <si>
    <t>【东方锅炉】法兰\φ500;δ10\1Cr18Ni9Ti\122M1115-1-5\300MW亚临界机组</t>
  </si>
  <si>
    <t>【东方锅炉】管子\φ57×6.5\SA-210C\104M1115-4-1\300MW亚临界机组</t>
  </si>
  <si>
    <t>【东方锅炉】密封板\δ6\20#\104M1115-4-2\300MW亚临界机组</t>
  </si>
  <si>
    <t>【东方锅炉】钢板\δ6 2945×68\20#\104M1115-4-0\300MW亚临界机组</t>
  </si>
  <si>
    <t>【东方锅炉】钢板\δ6 4062×74.5\20#\104M1115-4-0\300MW亚临界机组</t>
  </si>
  <si>
    <t>【东方锅炉】管子\φ57×6.5\SA-210C\104M1115-4-3\300MW亚临界机组</t>
  </si>
  <si>
    <t>【东方锅炉】管子\φ57×6.5\SA-210C\104M1115-4-4\300MW亚临界机组</t>
  </si>
  <si>
    <t>【东方锅炉】钢板\δ6 400×500\20#\104M1115-4-0\300MW亚临界机组</t>
  </si>
  <si>
    <t>【东方锅炉】钢板\δ6 3912×62\20#\104M1115-5-0\300MW亚临界机组</t>
  </si>
  <si>
    <t>【东方锅炉】钢板\δ6 4062×74.5\20#\104M1115-5-0\300MW亚临界机组</t>
  </si>
  <si>
    <t>【东方锅炉】钢板\δ6 4062×74.5\20#\104M1115-6-0\300MW亚临界机组</t>
  </si>
  <si>
    <t>【东方锅炉】钢板\δ6 4062×74.5\20#\104M1115-7-0\300MW亚临界机组</t>
  </si>
  <si>
    <t>【东方锅炉】管子\φ57×6.5(正)\SA-210C\104M1123-1-1\300MW亚临界机组</t>
  </si>
  <si>
    <t>【东方锅炉】密封块\δ4 №1\20#\104M1123-1-2\300MW亚临界机组</t>
  </si>
  <si>
    <t>【东方锅炉】管子\φ57×6.5\SA-210C\104M1123-2-1\300MW亚临界机组</t>
  </si>
  <si>
    <t>【东方锅炉】管子\φ57×6.5\SA-210C\104M1123-2-2\300MW亚临界机组</t>
  </si>
  <si>
    <t>【东方锅炉】管子\φ57×6.5\SA-210C\104M1123-2-3\300MW亚临界机组</t>
  </si>
  <si>
    <t>【东方锅炉】管子\φ57×6.5(正)\SA-210C\104M1123-2-4\300MW亚临界机组</t>
  </si>
  <si>
    <t>【东方锅炉】管子\φ57×6.5(正)\SA-210C\104M1123-2-5\300MW亚临界机组</t>
  </si>
  <si>
    <t>【东方锅炉】管子\φ57×6.5\SA-210C\104M1123-2-6\300MW亚临界机组</t>
  </si>
  <si>
    <t>【东方锅炉】管子\φ57×6.5(正)\SA-210C\104M1123-2-7\300MW亚临界机组</t>
  </si>
  <si>
    <t>【东方锅炉】管子\φ57×6.5(正)\SA-210C\104M1123-2-8\300MW亚临界机组</t>
  </si>
  <si>
    <t>【东方锅炉】管子\φ57×6.5\SA-210C\104M1123-2-9\300MW亚临界机组</t>
  </si>
  <si>
    <t>【东方锅炉】管子\φ57×6.5(正)\SA-210C\104M1123-2-10\300MW亚临界机组</t>
  </si>
  <si>
    <t>【东方锅炉】管子\φ57×6.5(正)\SA-210C\104M1123-2-11\300MW亚临界机组</t>
  </si>
  <si>
    <t>【东方锅炉】管子\φ57×6.5\SA-210C\104M1123-2-12\300MW亚临界机组</t>
  </si>
  <si>
    <t>【东方锅炉】管子\φ57×6.5\SA-210C\104M1123-2-13\300MW亚临界机组</t>
  </si>
  <si>
    <t>【东方锅炉】管子\φ57×6.5(正)\SA-210C\104M1123-2-14\300MW亚临界机组</t>
  </si>
  <si>
    <t>【东方锅炉】管子\φ57×6.5(正)\SA-210C\104M1123-2-15\300MW亚临界机组</t>
  </si>
  <si>
    <t>【东方锅炉】管子\φ57×6.5\SA-210C\104M1123-2-16\300MW亚临界机组</t>
  </si>
  <si>
    <t>【东方锅炉】管子\φ57×6.5(正)\SA-210C\104M1123-2-17\300MW亚临界机组</t>
  </si>
  <si>
    <t>【东方锅炉】密封块\δ4 №2\20#\104M1123-1-2\300MW亚临界机组</t>
  </si>
  <si>
    <t>【东方锅炉】密封块\δ4\20#\104M1123-2-18\300MW亚临界机组</t>
  </si>
  <si>
    <t>【东方锅炉】密封板\δ6\20#\104M1123-2-20\300MW亚临界机组</t>
  </si>
  <si>
    <t>【东方锅炉】密封板\δ6\20#\104M1123-2-21\300MW亚临界机组</t>
  </si>
  <si>
    <t>【东方锅炉】钢板\δ6 2200×500\20#\104M1123-2-0\300MW亚临界机组</t>
  </si>
  <si>
    <t>【东方锅炉】密封板\δ6\20#\104M1123-2-22\300MW亚临界机组</t>
  </si>
  <si>
    <t>【东方锅炉】密封板\δ6\20#\104M1123-2-23\300MW亚临界机组</t>
  </si>
  <si>
    <t>【东方锅炉】钢板\δ6 400×300\20#\104M1123-2-0\300MW亚临界机组</t>
  </si>
  <si>
    <t>【东方锅炉】密封板\δ6\20#\104M1123-2-24\300MW亚临界机组</t>
  </si>
  <si>
    <t>【东方锅炉】管子\φ57×6.5(反)\SA-210C\104M1123-2-4\300MW亚临界机组</t>
  </si>
  <si>
    <t>【东方锅炉】管子\φ57×6.5(反)\SA-210C\104M1123-2-5\300MW亚临界机组</t>
  </si>
  <si>
    <t>【东方锅炉】管子\φ57×6.5(反)\SA-210C\104M1123-2-7\300MW亚临界机组</t>
  </si>
  <si>
    <t>【东方锅炉】管子\φ57×6.5(反)\SA-210C\104M1123-2-8\300MW亚临界机组</t>
  </si>
  <si>
    <t>【东方锅炉】管子\φ57×6.5(反)\SA-210C\104M1123-2-10\300MW亚临界机组</t>
  </si>
  <si>
    <t>【东方锅炉】管子\φ57×6.5(反)\SA-210C\104M1123-2-11\300MW亚临界机组</t>
  </si>
  <si>
    <t>【东方锅炉】管子\φ57×6.5\SA-210C\104M1123-3-1\300MW亚临界机组</t>
  </si>
  <si>
    <t>【东方锅炉】管子\φ57×6.5(反)\SA-210C\104M1123-2-14\300MW亚临界机组</t>
  </si>
  <si>
    <t>【东方锅炉】管子\φ57×6.5(反)\SA-210C\104M1123-2-15\300MW亚临界机组</t>
  </si>
  <si>
    <t>【东方锅炉】管子\φ57×6.5(反)\SA-210C\104M1123-3-2\300MW亚临界机组</t>
  </si>
  <si>
    <t>【东方锅炉】密封板\δ6\20#\104M1123-3-3\300MW亚临界机组</t>
  </si>
  <si>
    <t>【东方锅炉】钢板\δ6 2200×500\20#\104M1123-3-0\300MW亚临界机组</t>
  </si>
  <si>
    <t>【东方锅炉】钢板\δ6 400×300\20#\104M1123-3-0\300MW亚临界机组</t>
  </si>
  <si>
    <t>【东方锅炉】密封板\δ6\20#\104M1123-3-4\300MW亚临界机组</t>
  </si>
  <si>
    <t>【东方锅炉】管子\φ57×6.5(反)\SA-210C\104M1123-1-1\300MW亚临界机组</t>
  </si>
  <si>
    <t>【东方锅炉】管子\φ57×6.5(反)\SA-210C\104M1123-2-17\300MW亚临界机组</t>
  </si>
  <si>
    <t>【东方锅炉】管子\φ57×6.5(正)\SA-210C\104M1123-3-2\300MW亚临界机组</t>
  </si>
  <si>
    <t>【东方锅炉】管子\φ57×6.5\SA-210C\104M1131-2-1\300MW亚临界机组</t>
  </si>
  <si>
    <t>【东方锅炉】密封板\φ540×3.5\16Cr20Ni14Si2\GB-48 №1\660MW超临界机组</t>
  </si>
  <si>
    <t>【东方锅炉】管子\φ57×6.5\SA-210C\104M1131-8-1\300MW亚临界机组</t>
  </si>
  <si>
    <t>【东方锅炉】扁钢\6×39\20#\104M1131-0\300MW亚临界机组</t>
  </si>
  <si>
    <t>【东方锅炉】管子\φ57×6.5(正)\SA-210C\104M1131-9-1\300MW亚临界机组</t>
  </si>
  <si>
    <t>【东方锅炉】管子\φ57×6.5(反)\SA-210C\104M1131-9-1\300MW亚临界机组</t>
  </si>
  <si>
    <t>【东方锅炉】密封板\δ6\20#\104M1131-11-1\300MW亚临界机组</t>
  </si>
  <si>
    <t>【东方锅炉】扁钢\6×11\20#\104M1131-0\300MW亚临界机组</t>
  </si>
  <si>
    <t>【东方锅炉】管子\φ57×6.5\SA-210C\104M1132-8-1\300MW亚临界机组</t>
  </si>
  <si>
    <t>【东方锅炉】管子\φ57×6.5(反)\SA-210C\104M1132-11-1\300MW亚临界机组</t>
  </si>
  <si>
    <t>【东方锅炉】密封板\δ10\16Cr20Ni14Si2\GB-49 №2\660MW超临界机组</t>
  </si>
  <si>
    <t>【东方锅炉】扁钢\6×45\20#\104M1132-0\300MW亚临界机组</t>
  </si>
  <si>
    <t>【东方锅炉】密封板\δ10\16Cr20Ni14Si2\GB-50 №2\660MW超临界机组</t>
  </si>
  <si>
    <t>【东方锅炉】管子\φ57×6.5(正)\SA-210C\104M1132-11-1\300MW亚临界机组</t>
  </si>
  <si>
    <t>【东方锅炉】扁钢\6×54.5\20#\104M1132-0\300MW亚临界机组</t>
  </si>
  <si>
    <t>【东方锅炉】管子\φ57×6.5\SA-210C\104M1133-2-1\300MW亚临界机组</t>
  </si>
  <si>
    <t>【东方锅炉】密封板\δ10\Q235A\GB-51 №1\660MW超临界机组</t>
  </si>
  <si>
    <t>【东方锅炉】管子\φ57×6.5\SA-210C\104M1133-4-1\300MW亚临界机组</t>
  </si>
  <si>
    <t>【东方锅炉】密封块\δ4\20#\89M1133-4-3\300MW亚临界机组</t>
  </si>
  <si>
    <t>【东方锅炉】管子\φ57×6.5\SA-210C\104M1133-5-1\300MW亚临界机组</t>
  </si>
  <si>
    <t>【东方锅炉】内螺纹管\φ82.55×12.7\SA-210C\104M114-1-1\300MW亚临界机组</t>
  </si>
  <si>
    <t>【东方锅炉】管子\φ57×6.5\SA-210C\104M114-1-1\300MW亚临界机组</t>
  </si>
  <si>
    <t>【东方锅炉】扁钢\δ10\20#\104m114-1-2\300MW亚临界机组</t>
  </si>
  <si>
    <t>【东方锅炉】扁钢\δ10\20#\104m114-1-3\300MW亚临界机组</t>
  </si>
  <si>
    <t>【东方锅炉】管子\φ57×6.5\SA-210C\104M114-8-1\300MW亚临界机组</t>
  </si>
  <si>
    <t>【东方锅炉】管子\φ57×6.5\SA-210C\104M114-8-2\300MW亚临界机组</t>
  </si>
  <si>
    <t>【东方锅炉】管子\φ57×6.5\SA-210C\104M114-8-3\300MW亚临界机组</t>
  </si>
  <si>
    <t>【东方锅炉】扁钢\6×117\20#\104M114-0\300MW亚临界机组</t>
  </si>
  <si>
    <t>【东方锅炉】扁钢\6×125.5\20#\104M114-0\300MW亚临界机组</t>
  </si>
  <si>
    <t>【东方锅炉】扁钢\6×58.5\20#\104M114-0\300MW亚临界机组</t>
  </si>
  <si>
    <t>【东方锅炉】密封板\δ10\Q235A\GB-52 №2\660MW超临界机组</t>
  </si>
  <si>
    <t>【东方锅炉】密封板\δ10\Q235A\GB-53\660MW超临界机组</t>
  </si>
  <si>
    <t>【东方锅炉】密封板\δ10\Q235A\GB-54 №1\660MW超临界机组</t>
  </si>
  <si>
    <t>【东方锅炉】钢板\δ22 460×2362\20#\104M114-8-0\300MW亚临界机组</t>
  </si>
  <si>
    <t>【东方锅炉】塞块\δ4\20#\89M114-6-7\300MW亚临界机组</t>
  </si>
  <si>
    <t>【东方锅炉】钢板\δ22 460×2536\20#\104M114-10-0\300MW亚临界机组</t>
  </si>
  <si>
    <t>【东方锅炉】梳型板\δ6\Q235A\89M114-13\300MW亚临界机组</t>
  </si>
  <si>
    <t>【东方锅炉】梳型板\δ6\Q235A\89M114-15\300MW亚临界机组</t>
  </si>
  <si>
    <t>【东方锅炉】梳型板\δ6\Q235A\89M114-17\300MW亚临界机组</t>
  </si>
  <si>
    <t>【东方锅炉】梳型板\δ6\Q235A\89M114-19\300MW亚临界机组</t>
  </si>
  <si>
    <t>【东方锅炉】钢板\δ6 164×150\20#\104M114-0\300MW亚临界机组</t>
  </si>
  <si>
    <t>【东方锅炉】耳板\δ30\Q245R\104M161-22-3\300MW亚临界机组</t>
  </si>
  <si>
    <t>【东方锅炉】耳板\d45 R163\Q245R\DG3463-2015\300MW亚临界机组</t>
  </si>
  <si>
    <t>【东方锅炉】钢板\δ12 118×100\20#\104M161-22-4\300MW亚临界机组</t>
  </si>
  <si>
    <t>【东方锅炉】钢板\δ12 150×100\20#\104M161-22-4\300MW亚临界机组</t>
  </si>
  <si>
    <t>【东方锅炉】耳板\d30 R163\Q245R\DG3463-2015\300MW亚临界机组</t>
  </si>
  <si>
    <t>【东方锅炉】耳板\d35 R163\Q245R\DG3463-2015\300MW亚临界机组</t>
  </si>
  <si>
    <t>【东方锅炉】钢板\δ12 118×100\20#\104M161-22-5\300MW亚临界机组</t>
  </si>
  <si>
    <t>【东方锅炉】钢板\δ12 150×100\20#\104M161-22-5\300MW亚临界机组</t>
  </si>
  <si>
    <t>【东方锅炉】耳板\δ24\Q245R\104M161-22-7\300MW亚临界机组</t>
  </si>
  <si>
    <t>【东方锅炉】耳板\d45\Q245R\DG3461-2015\300MW亚临界机组</t>
  </si>
  <si>
    <t>【东方锅炉】管子\φ63.5×8\SA-210C\104M17-0\300MW亚临界机组</t>
  </si>
  <si>
    <t>【东方锅炉】管子\φ63.5×8(正)\SA-210C\89M17-1-1\300MW亚临界机组</t>
  </si>
  <si>
    <t>【东方锅炉】管子\φ63.5×8(正)\SA-210C\89M17-1-2\300MW亚临界机组</t>
  </si>
  <si>
    <t>【东方锅炉】扁钢\6×25.5\20#\104M17-0\300MW亚临界机组</t>
  </si>
  <si>
    <t>【东方锅炉】扁钢\6×12.8\20#\104M17-0\300MW亚临界机组</t>
  </si>
  <si>
    <t>【东方锅炉】密封块\δ4 №1\Q235A\89M17-1-3\300MW亚临界机组</t>
  </si>
  <si>
    <t>【东方锅炉】密封块\δ4 №2\Q235A\89M17-1-3\300MW亚临界机组</t>
  </si>
  <si>
    <t>【东方锅炉】圆弧板\δ6\Q235A\89M17-1-4\300MW亚临界机组</t>
  </si>
  <si>
    <t>【东方锅炉】扁钢\6×78.8\20#\104M17-0\300MW亚临界机组</t>
  </si>
  <si>
    <t>【东方锅炉】管子\φ63.5×8 №1\SA-210C\89M17-5-1\300MW亚临界机组</t>
  </si>
  <si>
    <t>【东方锅炉】管子\φ63.5×8 №2\SA-210C\89M17-5-1\300MW亚临界机组</t>
  </si>
  <si>
    <t>【东方锅炉】管子\φ63.5×8 №3\SA-210C\89M17-5-1\300MW亚临界机组</t>
  </si>
  <si>
    <t>【东方锅炉】管子\φ63.5×8 №4\SA-210C\89M17-5-1\300MW亚临界机组</t>
  </si>
  <si>
    <t>【东方锅炉】管子\φ63.5×8 №5\SA-210C\89M17-5-1\300MW亚临界机组</t>
  </si>
  <si>
    <t>【东方锅炉】管子\φ63.5×8 №6\SA-210C\89M17-5-1\300MW亚临界机组</t>
  </si>
  <si>
    <t>【东方锅炉】管子\φ63.5×8 №7\SA-210C\89M17-5-1\300MW亚临界机组</t>
  </si>
  <si>
    <t>【东方锅炉】管子\φ63.5×8 №8\SA-210C\89M17-5-1\300MW亚临界机组</t>
  </si>
  <si>
    <t>【东方锅炉】管子\φ63.5×8 №9\SA-210C\89M17-5-1\300MW亚临界机组</t>
  </si>
  <si>
    <t>【东方锅炉】管子\φ63.5×8 №10\SA-210C\89M17-5-1\300MW亚临界机组</t>
  </si>
  <si>
    <t>【东方锅炉】管子\φ63.5×8 №11\SA-210C\89M17-5-1\300MW亚临界机组</t>
  </si>
  <si>
    <t>【东方锅炉】管子\φ63.5×8 №12\SA-210C\89M17-5-1\300MW亚临界机组</t>
  </si>
  <si>
    <t>【东方锅炉】管子\φ63.5×8 №13\SA-210C\89M17-5-1\300MW亚临界机组</t>
  </si>
  <si>
    <t>【东方锅炉】管子\φ63.5×8 №14\SA-210C\89M17-5-1\300MW亚临界机组</t>
  </si>
  <si>
    <t>【东方锅炉】管子\φ63.5×8 №15\SA-210C\89M17-5-1\300MW亚临界机组</t>
  </si>
  <si>
    <t>【东方锅炉】管子\φ63.5×8 №16\SA-210C\89M17-5-1\300MW亚临界机组</t>
  </si>
  <si>
    <t>【东方锅炉】管子\φ63.5×8 №17\SA-210C\89M17-5-1\300MW亚临界机组</t>
  </si>
  <si>
    <t>【东方锅炉】管子\φ63.5×8 №18\SA-210C\89M17-5-1\300MW亚临界机组</t>
  </si>
  <si>
    <t>【东方锅炉】管子\φ63.5×8 №19\SA-210C\89M17-5-1\300MW亚临界机组</t>
  </si>
  <si>
    <t>【东方锅炉】管子\φ63.5×8 №20\SA-210C\89M17-5-1\300MW亚临界机组</t>
  </si>
  <si>
    <t>【东方锅炉】管子\φ63.5×8 №21\SA-210C\89M17-5-1\300MW亚临界机组</t>
  </si>
  <si>
    <t>【东方锅炉】钢板\δ6\20#\89M17-5-2\300MW亚临界机组</t>
  </si>
  <si>
    <t>【东方锅炉】管子\φ63.5×8 №1\SA-210C\89M17-6-1\300MW亚临界机组</t>
  </si>
  <si>
    <t>【东方锅炉】管子\φ63.5×8 №2\SA-210C\89M17-6-1\300MW亚临界机组</t>
  </si>
  <si>
    <t>【东方锅炉】管子\φ63.5×8 №3\SA-210C\89M17-6-1\300MW亚临界机组</t>
  </si>
  <si>
    <t>【东方锅炉】管子\φ63.5×8 №4\SA-210C\89M17-6-1\300MW亚临界机组</t>
  </si>
  <si>
    <t>【东方锅炉】管子\φ63.5×8 №5\SA-210C\89M17-6-1\300MW亚临界机组</t>
  </si>
  <si>
    <t>【东方锅炉】管子\φ63.5×8 №6\SA-210C\89M17-6-1\300MW亚临界机组</t>
  </si>
  <si>
    <t>【东方锅炉】管子\φ63.5×8 №7\SA-210C\89M17-6-1\300MW亚临界机组</t>
  </si>
  <si>
    <t>【东方锅炉】管子\φ63.5×8 №8\SA-210C\89M17-6-1\300MW亚临界机组</t>
  </si>
  <si>
    <t>【东方锅炉】管子\φ63.5×8 №9\SA-210C\89M17-6-1\300MW亚临界机组</t>
  </si>
  <si>
    <t>【东方锅炉】管子\φ63.5×8 №10\SA-210C\89M17-6-1\300MW亚临界机组</t>
  </si>
  <si>
    <t>【东方锅炉】管子\φ63.5×8 №11\SA-210C\89M17-6-1\300MW亚临界机组</t>
  </si>
  <si>
    <t>【东方锅炉】管子\φ63.5×8 №12\SA-210C\89M17-6-1\300MW亚临界机组</t>
  </si>
  <si>
    <t>【东方锅炉】管子\φ63.5×8 №13\SA-210C\89M17-6-1\300MW亚临界机组</t>
  </si>
  <si>
    <t>【东方锅炉】管子\φ63.5×8 №14\SA-210C\89M17-6-1\300MW亚临界机组</t>
  </si>
  <si>
    <t>【东方锅炉】管子\φ63.5×8 №15\SA-210C\89M17-6-1\300MW亚临界机组</t>
  </si>
  <si>
    <t>【东方锅炉】管子\φ63.5×8 №16\SA-210C\89M17-6-1\300MW亚临界机组</t>
  </si>
  <si>
    <t>【东方锅炉】管子\φ63.5×8 №17\SA-210C\89M17-6-1\300MW亚临界机组</t>
  </si>
  <si>
    <t>【东方锅炉】管子\φ63.5×8 №18\SA-210C\89M17-6-1\300MW亚临界机组</t>
  </si>
  <si>
    <t>【东方锅炉】管子\φ63.5×8 №19\SA-210C\89M17-6-1\300MW亚临界机组</t>
  </si>
  <si>
    <t>【东方锅炉】管子\φ63.5×8 №20\SA-210C\89M17-6-1\300MW亚临界机组</t>
  </si>
  <si>
    <t>【东方锅炉】管子\φ63.5×8(反)\SA-210C\89M17-1-1\300MW亚临界机组</t>
  </si>
  <si>
    <t>【东方锅炉】管子\φ63.5×8(反)\SA-210C\89M17-1-2\300MW亚临界机组</t>
  </si>
  <si>
    <t>【东方锅炉】钢板\δ6 200×78.8\20#\104M17-0\300MW亚临界机组</t>
  </si>
  <si>
    <t>【东方锅炉】钢板\δ6 200×12.5\20#\104M17-0\300MW亚临界机组</t>
  </si>
  <si>
    <t>【东方锅炉】钢板\δ4\1Cr20Ni14Si2\89M211-1-5\300MW亚临界机组</t>
  </si>
  <si>
    <t>【东方锅炉】钢板\δ4 25×25\1Cr20Ni14Si2\104M211-0\300MW亚临界机组</t>
  </si>
  <si>
    <t>【东方锅炉】U型板\δ6\1Cr20Ni14Si2\89M211-1-6\300MW亚临界机组</t>
  </si>
  <si>
    <t>【东方锅炉】固定块\δ9\ZG1Cr20Ni14Si2\89M211-1-8\300MW亚临界机组</t>
  </si>
  <si>
    <t>【东方锅炉】钢板\δ4\1Cr20Ni14Si2\89M211-1-9\300MW亚临界机组</t>
  </si>
  <si>
    <t>【东方锅炉】管子\φ51×6.5\12Cr1MoVG\89M211-2-1\300MW亚临界机组</t>
  </si>
  <si>
    <t>【东方锅炉】密封板\δ10\Q235A\GB-55 №2\660MW超临界机组</t>
  </si>
  <si>
    <t>【东方锅炉】管子\φ51×6.5\12Cr1MoVG\89M211-2-2\300MW亚临界机组</t>
  </si>
  <si>
    <t>【东方锅炉】密封板\δ10\Q235A\GB-56 №1\660MW超临界机组</t>
  </si>
  <si>
    <t>【东方锅炉】管子\φ51×6.5\12Cr1MoVG\89M211-2-3\300MW亚临界机组</t>
  </si>
  <si>
    <t>【东方锅炉】密封板\δ10\Q235A\GB-57 №2\660MW超临界机组</t>
  </si>
  <si>
    <t>【东方锅炉】管子\φ51×6.5\12Cr1MoVG\89M211-2-4\300MW亚临界机组</t>
  </si>
  <si>
    <t>【东方锅炉】煤粉入口接管\φ580×10\装配件\106N6151-6-10\660MW超临界机组</t>
  </si>
  <si>
    <t>【东方锅炉】管子\φ51×6.5\12Cr1MoVG\89M211-3-1\300MW亚临界机组</t>
  </si>
  <si>
    <t>【东方锅炉】煤粉喷嘴\φ645\ZG8Cr26Ni4Mn3NRe\106N6151-2-6/№1\660MW超临界机组</t>
  </si>
  <si>
    <t>【东方锅炉】管子\φ51×6.5\12Cr1MoVG\89M211-3-2\300MW亚临界机组</t>
  </si>
  <si>
    <t>【东方锅炉】煤粉喷嘴\φ350×3.1\ZG8Cr26Ni4Mn3NRe\106N6151-2-6/№2\660MW超临界机组</t>
  </si>
  <si>
    <t>【东方锅炉】管子\φ51×6.5\12Cr1MoVG\89M211-3-3\300MW亚临界机组</t>
  </si>
  <si>
    <t>【东方锅炉】煤粉浓缩器\HT-NR3\装配件\1517257P-2-0\1000MW超超临界机组</t>
  </si>
  <si>
    <t>【东方锅炉】管子\φ51×6.5\12Cr1MoVG\89M211-3-4\300MW亚临界机组</t>
  </si>
  <si>
    <t>【东方锅炉】煤粉浓缩器\L=1320\装配件\152M6121-1-1\350MW超临界机组</t>
  </si>
  <si>
    <t>【东方锅炉】管子\φ51×6.5\12Cr1MoVG\89M211-4-1\300MW亚临界机组</t>
  </si>
  <si>
    <t>【东方锅炉】煤粉浓缩器\L=1258\Q235A\102M61-8-2\330MW亚临界机组</t>
  </si>
  <si>
    <t>【东方锅炉】管子\φ51×6.5\12Cr1MoVG\89M211-4-2\300MW亚临界机组</t>
  </si>
  <si>
    <t>【东方锅炉】煤粉浓缩器\L=1258\装配件\129M61-8-2\330MW亚临界机组</t>
  </si>
  <si>
    <t>【东方锅炉】管子\φ51×6.5\12Cr1MoVG\89M211-4-3\300MW亚临界机组</t>
  </si>
  <si>
    <t>【东方锅炉】煤粉浓缩器\L=1258\装配件\127M61-6-2\300MW亚临界机组</t>
  </si>
  <si>
    <t>【东方锅炉】管子\φ51×6.5\12Cr1MoVG\89M211-4-4\300MW亚临界机组</t>
  </si>
  <si>
    <t>【东方锅炉】煤粉均分器\L=1105\装配件\106N6151-6-0\660MW超临界机组</t>
  </si>
  <si>
    <t>【东方锅炉】蛇型管\φ51×6.5\SA-213T91\89M211-5-1\300MW亚临界机组</t>
  </si>
  <si>
    <t>【东方锅炉】蛇型管\φ51×6.5\SA-213T91\89M211-5-2\300MW亚临界机组</t>
  </si>
  <si>
    <t>【东方锅炉】蛇型管\φ51×6.5\SA-213T91\89M211-5-3\300MW亚临界机组</t>
  </si>
  <si>
    <t>【东方锅炉】蛇型管\φ51×6.5\SA-213T91\89M211-5-4\300MW亚临界机组</t>
  </si>
  <si>
    <t>【东方锅炉】蛇型管\φ51×6.5\SA-213T91\89M211-6-1\300MW亚临界机组</t>
  </si>
  <si>
    <t>【东方锅炉】蛇型管\φ51×6.5\SA-213T91\89M211-6-2\300MW亚临界机组</t>
  </si>
  <si>
    <t>【东方锅炉】蛇型管\φ51×6.5\SA-213T91\89M211-6-3\300MW亚临界机组</t>
  </si>
  <si>
    <t>【东方锅炉】蛇型管\φ51×6.5\SA-213T91\89M211-6-4\300MW亚临界机组</t>
  </si>
  <si>
    <t>【东方锅炉】蛇型管\φ51×6.5\SA-213T91\89M211-7-1\300MW亚临界机组</t>
  </si>
  <si>
    <t>【东方锅炉】蛇型管\φ51×6.5\SA-213T91\89M211-7-2\300MW亚临界机组</t>
  </si>
  <si>
    <t>【东方锅炉】蛇型管\φ51×6.5\SA-213T91\89M211-7-3\300MW亚临界机组</t>
  </si>
  <si>
    <t>【东方锅炉】蛇型管\φ51×6.5\SA-213T91\89M211-7-4\300MW亚临界机组</t>
  </si>
  <si>
    <t>【东方锅炉】蛇型管\φ51×6.5\SA-213T91\89M211-8-1\300MW亚临界机组</t>
  </si>
  <si>
    <t>【东方锅炉】蛇型管\φ51×6.5\SA-213T91\89M211-8-2\300MW亚临界机组</t>
  </si>
  <si>
    <t>【东方锅炉】蛇型管\φ51×6.5\SA-213T91\89M211-8-3\300MW亚临界机组</t>
  </si>
  <si>
    <t>【东方锅炉】蛇型管\φ51×6.5\SA-213T91\89M211-8-4\300MW亚临界机组</t>
  </si>
  <si>
    <t>【东方锅炉】管子\φ51×6.5\12Cr1MoVG\89M211-10\300MW亚临界机组</t>
  </si>
  <si>
    <t>【东方锅炉】管子\φ51×6.5\12Cr1MoVG\89M211-11\300MW亚临界机组</t>
  </si>
  <si>
    <t>【东方锅炉】管子\φ51×6.5\12Cr1MoVG\89M211-12\300MW亚临界机组</t>
  </si>
  <si>
    <t>【东方锅炉】管子\φ51×6.5\12Cr1MoVG\89M211-13\300MW亚临界机组</t>
  </si>
  <si>
    <t>【东方锅炉】管子\φ51×6.5\12Cr1MoVG\89M211-14\300MW亚临界机组</t>
  </si>
  <si>
    <t>【东方锅炉】管子\φ51×6.5\12Cr1MoVG\89M211-15\300MW亚临界机组</t>
  </si>
  <si>
    <t>【东方锅炉】管子\φ51×6.5\12Cr1MoVG\89M211-16\300MW亚临界机组</t>
  </si>
  <si>
    <t>【东方锅炉】管子\φ51×6.5\SA-213T91\104M211-1\300MW亚临界机组</t>
  </si>
  <si>
    <t>【东方锅炉】管子\φ51×6.5\SA-213T91\104M211-2\300MW亚临界机组</t>
  </si>
  <si>
    <t>【东方锅炉】管子\φ51×6.5\SA-213T91\104M211-3\300MW亚临界机组</t>
  </si>
  <si>
    <t>【东方锅炉】管子\φ51×6.5\SA-213T91\104M211-4\300MW亚临界机组</t>
  </si>
  <si>
    <t>【东方锅炉】管子\φ51×6.5\SA-213T91\104M211-5\300MW亚临界机组</t>
  </si>
  <si>
    <t>【东方锅炉】管子\φ51×6.5\SA-213T91\104M211-6\300MW亚临界机组</t>
  </si>
  <si>
    <t>【东方锅炉】管子\φ51×6.5\SA-213T91\104M211-7\300MW亚临界机组</t>
  </si>
  <si>
    <t>【东方锅炉】管子\φ51×6.5\SA-213T91\104M211-8\300MW亚临界机组</t>
  </si>
  <si>
    <t>【东方锅炉】管子\φ51×6.5\15CrMoG\104M212-1-1\300MW亚临界机组</t>
  </si>
  <si>
    <t>【东方锅炉】螺柱\M16\Q235A\106N6151-6-5\660MW超临界机组</t>
  </si>
  <si>
    <t>【东方锅炉】管子\φ51×6.5\15CrMoG\104M212-1-2\300MW亚临界机组</t>
  </si>
  <si>
    <t>【东方锅炉】管子\φ51×6.5\15CrMoG\104M212-1-3\300MW亚临界机组</t>
  </si>
  <si>
    <t>【东方锅炉】螺栓\35#\205YR61 No.25</t>
  </si>
  <si>
    <t>【东方锅炉】管子\φ51×6.5\15CrMoG\104M212-1-4\300MW亚临界机组</t>
  </si>
  <si>
    <t>【东方锅炉】螺栓\35#\105YR61 No.25</t>
  </si>
  <si>
    <t>【东方锅炉】钢板\δ4\1Cr6Si2Mo\89M212-3-5\300MW亚临界机组</t>
  </si>
  <si>
    <t>【东方锅炉】U型板\δ6\1Cr6Si2Mo\89M212-1-6\300MW亚临界机组</t>
  </si>
  <si>
    <t>【东方锅炉】固定块\δ12\ZG1Cr20Ni14Si2\89M212-1-8\300MW亚临界机组</t>
  </si>
  <si>
    <t>【东方锅炉】管子\φ51×6.5\15CrMoG\104M212-2-1\300MW亚临界机组</t>
  </si>
  <si>
    <t>【东方锅炉】螺栓\35#\127YR61 No.25</t>
  </si>
  <si>
    <t>【东方锅炉】管子\φ51×6.5\15CrMoG\104M212-2-2\300MW亚临界机组</t>
  </si>
  <si>
    <t>【东方锅炉】螺栓\35CrMoA\275YR61-6</t>
  </si>
  <si>
    <t>【东方锅炉】管子\φ51×6.5\15CrMoG\104M212-2-3\300MW亚临界机组</t>
  </si>
  <si>
    <t>【东方锅炉】管子\φ51×6.5\15CrMoG\104M212-2-4\300MW亚临界机组</t>
  </si>
  <si>
    <t>【东方锅炉】蛇型管\φ51×6.5\15CrMoG\89M212-3-1\300MW亚临界机组</t>
  </si>
  <si>
    <t>【东方锅炉】蛇型管\φ51×6.5\15CrMoG\89M212-3-2\300MW亚临界机组</t>
  </si>
  <si>
    <t>【东方锅炉】蛇型管\φ51×6.5\15CrMoG\89M212-3-3\300MW亚临界机组</t>
  </si>
  <si>
    <t>【东方锅炉】蛇型管\φ51×6.5\15CrMoG\89M212-3-4\300MW亚临界机组</t>
  </si>
  <si>
    <t>【东方锅炉】蛇型管\φ51×6.5\15CrMoG\89M212-4-1\300MW亚临界机组</t>
  </si>
  <si>
    <t>【东方锅炉】蛇型管\φ51×6.5\15CrMoG\89M212-4-2\300MW亚临界机组</t>
  </si>
  <si>
    <t>【东方锅炉】蛇型管\φ51×6.5\15CrMoG\89M212-4-3\300MW亚临界机组</t>
  </si>
  <si>
    <t>【东方锅炉】蛇型管\φ51×6.5\15CrMoG\89M212-4-4\300MW亚临界机组</t>
  </si>
  <si>
    <t>【东方锅炉】蛇型管\φ51×6.5\15CrMoG\89M212-5-1\300MW亚临界机组</t>
  </si>
  <si>
    <t>【东方锅炉】蛇型管\φ51×6.5\15CrMoG\89M212-5-2\300MW亚临界机组</t>
  </si>
  <si>
    <t>【东方锅炉】蛇型管\φ51×6.5\15CrMoG\89M212-5-3\300MW亚临界机组</t>
  </si>
  <si>
    <t>【东方锅炉】蛇型管\φ51×6.5\15CrMoG\89M212-5-4\300MW亚临界机组</t>
  </si>
  <si>
    <t>【东方锅炉】蛇型管\φ51×6.5\15CrMoG\89M212-6-1\300MW亚临界机组</t>
  </si>
  <si>
    <t>【东方锅炉】蛇型管\φ51×6.5\15CrMoG\89M212-6-2\300MW亚临界机组</t>
  </si>
  <si>
    <t>【东方锅炉】蛇型管\φ51×6.5\15CrMoG\89M212-6-3\300MW亚临界机组</t>
  </si>
  <si>
    <t>【东方锅炉】蛇型管\φ51×6.5\15CrMoG\89M212-6-4\300MW亚临界机组</t>
  </si>
  <si>
    <t>【东方锅炉】管子\φ51×6.5\SA-210C\89M212-7\300MW亚临界机组</t>
  </si>
  <si>
    <t>【东方锅炉】管子\φ51×6.5\SA-210C\89M212-8\300MW亚临界机组</t>
  </si>
  <si>
    <t>【东方锅炉】管子\φ51×6.5\SA-210C\89M212-9\300MW亚临界机组</t>
  </si>
  <si>
    <t>【东方锅炉】管子\φ51×6.5\SA-210C\89M212-10\300MW亚临界机组</t>
  </si>
  <si>
    <t>【东方锅炉】管子\φ51×6.5\SA-210C\89M212-11\300MW亚临界机组</t>
  </si>
  <si>
    <t>【东方锅炉】管子\φ51×6.5\SA-210C\89M212-12\300MW亚临界机组</t>
  </si>
  <si>
    <t>【东方锅炉】管子\φ51×6.5\SA-210C\89M212-13\300MW亚临界机组</t>
  </si>
  <si>
    <t>【东方锅炉】管子\φ51×6.5\SA-210C\89M212-14\300MW亚临界机组</t>
  </si>
  <si>
    <t>【东方锅炉】管子\φ51×6.5\15CrMoG\89M212-15\300MW亚临界机组</t>
  </si>
  <si>
    <t>【东方锅炉】管子\φ51×6.5\15CrMoG\89M212-16\300MW亚临界机组</t>
  </si>
  <si>
    <t>【东方锅炉】管子\φ51×6.5\15CrMoG\89M212-17\300MW亚临界机组</t>
  </si>
  <si>
    <t>【东方锅炉】管子\φ51×6.5\15CrMoG\89M212-18\300MW亚临界机组</t>
  </si>
  <si>
    <t>【东方锅炉】管子\φ51×6.5\15CrMoG\89M212-19\300MW亚临界机组</t>
  </si>
  <si>
    <t>【东方锅炉】管子\φ51×6.5\15CrMoG\89M212-20\300MW亚临界机组</t>
  </si>
  <si>
    <t>【东方锅炉】管子\φ51×6.5\15CrMoG\89M212-21\300MW亚临界机组</t>
  </si>
  <si>
    <t>【东方锅炉】管子\φ51×6.5\15CrMoG\89M212-22\300MW亚临界机组</t>
  </si>
  <si>
    <t>【东方锅炉】管子\φ51×6.5\SA-210C\89M212-23\300MW亚临界机组</t>
  </si>
  <si>
    <t>【东方锅炉】管子\φ51×6.5\SA-210C\89M212-24\300MW亚临界机组</t>
  </si>
  <si>
    <t>【东方锅炉】管子\φ51×6.5\SA-210C\89M212-25\300MW亚临界机组</t>
  </si>
  <si>
    <t>【东方锅炉】管子\φ51×6.5\SA-210C\89M212-26\300MW亚临界机组</t>
  </si>
  <si>
    <t>【东方锅炉】管子\φ51×6.5\SA-210C\89M212-27\300MW亚临界机组</t>
  </si>
  <si>
    <t>【东方锅炉】管子\φ51×6.5\SA-210C\89M212-28\300MW亚临界机组</t>
  </si>
  <si>
    <t>【东方锅炉】管子\φ51×6.5\SA-210C\89M212-29\300MW亚临界机组</t>
  </si>
  <si>
    <t>【东方锅炉】管子\φ51×6.5\SA-210C\89M212-30\300MW亚临界机组</t>
  </si>
  <si>
    <t>【东方锅炉】管子\φ51×6.5\SA-210C\89M212-31\300MW亚临界机组</t>
  </si>
  <si>
    <t>【东方锅炉】管子\φ51×6.5\SA-210C\89M212-32\300MW亚临界机组</t>
  </si>
  <si>
    <t>【东方锅炉】管子\φ51×6.5\SA-210C\89M212-33\300MW亚临界机组</t>
  </si>
  <si>
    <t>【东方锅炉】管子\φ51×6.5\SA-210C\89M212-34\300MW亚临界机组</t>
  </si>
  <si>
    <t>【东方锅炉】管子\φ51×6.5\SA-210C\89M212-35\300MW亚临界机组</t>
  </si>
  <si>
    <t>【东方锅炉】管子\φ51×6.5\SA-210C\89M212-36\300MW亚临界机组</t>
  </si>
  <si>
    <t>【东方锅炉】管子\φ51×6.5\SA-210C\89M212-37\300MW亚临界机组</t>
  </si>
  <si>
    <t>【东方锅炉】管子\φ51×6.5\SA-210C\89M212-38\300MW亚临界机组</t>
  </si>
  <si>
    <t>【东方锅炉】管子\φ51×6.5\SA-210C\89M212-39\300MW亚临界机组</t>
  </si>
  <si>
    <t>【东方锅炉】管子\φ51×6.5\SA-210C\89M212-40\300MW亚临界机组</t>
  </si>
  <si>
    <t>【东方锅炉】管子\φ51×6.5\SA-210C\89M212-41\300MW亚临界机组</t>
  </si>
  <si>
    <t>【东方锅炉】管子\φ51×6.5\SA-210C\89M212-42\300MW亚临界机组</t>
  </si>
  <si>
    <t>【东方锅炉】管子\φ57×7\SA-210C\104M2142-0\300MW亚临界机组</t>
  </si>
  <si>
    <t>【东方锅炉】管子\φ57×7\SA-210C\104M2142-1-1\300MW亚临界机组</t>
  </si>
  <si>
    <t>【东方锅炉】管子\φ57×7\SA-210C\104M2142-1-2\300MW亚临界机组</t>
  </si>
  <si>
    <t>【东方锅炉】扁钢\6×88\15Crmo\104M2142-0\300MW亚临界机组</t>
  </si>
  <si>
    <t>【东方锅炉】扁钢\6×44\15Crmo\104M2142-0\300MW亚临界机组</t>
  </si>
  <si>
    <t>【东方锅炉】钢板\δ6 360×350\15CrMo\104M2142-1-0\300MW亚临界机组</t>
  </si>
  <si>
    <t>【东方锅炉】支撑块\δ10\ZG16Cr20Ni14Si2\89M2142-1-3\300MW亚临界机组</t>
  </si>
  <si>
    <t>【东方锅炉】管子\φ63.5×7.5\SA-210C\156M111-1-0\330MW亚临界机组</t>
  </si>
  <si>
    <t>【东方锅炉】扁钢\6×43.5\Q235A\156M111-0\330MW亚临界机组</t>
  </si>
  <si>
    <t>【东方锅炉】管子\φ51×7\20G\156M111-0\330MW亚临界机组</t>
  </si>
  <si>
    <t>【东方锅炉】管子\φ63.5×7.5\SA-210C\156M111-2-0\330MW亚临界机组</t>
  </si>
  <si>
    <t>【东方锅炉】管组\d110 L1/L2=200/957\装配件\TGM11001-2002\330MW亚临界机组</t>
  </si>
  <si>
    <t>【东方锅炉】密封板\δ6\12Cr1MoV\TGM11001-2002\330MW亚临界机组</t>
  </si>
  <si>
    <t>【东方锅炉】管子\φ63.5×7.5 Lz=1042.8\SA-210C\TGM11001-2002\330MW亚临界机组</t>
  </si>
  <si>
    <t>【东方锅炉】管子\φ63.5×7.5\SA-210C\156M111-3-0\330MW亚临界机组</t>
  </si>
  <si>
    <t>【东方锅炉】管件\L1/L2=171.5/900\装配件\TGM11006-0\330MW亚临界机组</t>
  </si>
  <si>
    <t>【东方锅炉】管子\φ63.5×7.5\SA-210C\TGM11006-0\330MW亚临界机组</t>
  </si>
  <si>
    <t>【东方锅炉】管组\d161 L1/L2=171.5/900\装配件\TGM11001-2002\330MW亚临界机组</t>
  </si>
  <si>
    <t>【东方锅炉】管子\φ63.5×7.5 Lz=985.8\SA-210C\TGM11001-2002\330MW亚临界机组</t>
  </si>
  <si>
    <t>【东方锅炉】管子\φ63.5×7.5\SA-210C\156M111-4-0\330MW亚临界机组</t>
  </si>
  <si>
    <t>【东方锅炉】管子\φ63.5×7.5\SA-210C\156M111-4-1\330MW亚临界机组</t>
  </si>
  <si>
    <t>【东方锅炉】扁钢\6×26.5\20#\156M111-0\330MW亚临界机组</t>
  </si>
  <si>
    <t>【东方锅炉】扁钢\6×28.2\20#\156M111-0\330MW亚临界机组</t>
  </si>
  <si>
    <t>【东方锅炉】管子\φ63.5×7.5\SA-210C\156M111-4-2\330MW亚临界机组</t>
  </si>
  <si>
    <t>【东方锅炉】管子\φ63.5×7.5\SA-210C\156M111-4-3\330MW亚临界机组</t>
  </si>
  <si>
    <t>【东方锅炉】管子\φ63.5×7.5\SA-210C\156M111-4-4\330MW亚临界机组</t>
  </si>
  <si>
    <t>【东方锅炉】钢板\δ6 600×500\20#\156M111-0\330MW亚临界机组</t>
  </si>
  <si>
    <t>【东方锅炉】钢板\δ6\15CrMo\156M111-4-5\330MW亚临界机组</t>
  </si>
  <si>
    <t>【东方锅炉】管子\φ63.5×7.5\SA-210C\156M111-5-0\330MW亚临界机组</t>
  </si>
  <si>
    <t>【东方锅炉】管子\φ63.5×7.5\SA-210C\156M111-5-1\330MW亚临界机组</t>
  </si>
  <si>
    <t>【东方锅炉】管组\d161 L1/L2=200/876\装配件\TGM11008-0\330MW亚临界机组</t>
  </si>
  <si>
    <t>【东方锅炉】螺栓\M16×6g/219-150\Q235A\DG3002-2012\1000MW超超临界机组</t>
  </si>
  <si>
    <t>【东方锅炉】管子\φ63.5×7.5 Lz=917.2\SA-210C\TGM11008-0\330MW亚临界机组</t>
  </si>
  <si>
    <t>【东方锅炉】管子\φ63.5×7.5\SA-210C\156M111-5-2\330MW亚临界机组</t>
  </si>
  <si>
    <t>【东方锅炉】管子\φ63.5×7.5\SA-210C\156M111-5-3\330MW亚临界机组</t>
  </si>
  <si>
    <t>【东方锅炉】管子\φ63.5×7.5\SA-210C\156M111-5-4\330MW亚临界机组</t>
  </si>
  <si>
    <t>【东方锅炉】钢板\δ6\15CrMo\156M111-5-5\330MW亚临界机组</t>
  </si>
  <si>
    <t>【东方锅炉】管子\φ63.5×7.5\SA-210C\156M111-6-0\330MW亚临界机组</t>
  </si>
  <si>
    <t>【东方锅炉】管子\φ63.5×7.5\SA-210C\156M111-6-1\330MW亚临界机组</t>
  </si>
  <si>
    <t>【东方锅炉】管子\φ63.5×7.5\SA-210C\156M111-6-2\330MW亚临界机组</t>
  </si>
  <si>
    <t>【东方锅炉】管子\φ63.5×7.5\SA-210C\156M111-6-3\330MW亚临界机组</t>
  </si>
  <si>
    <t>【东方锅炉】管子\φ63.5×7.5\SA-210C\156M111-6-4\330MW亚临界机组</t>
  </si>
  <si>
    <t>【东方锅炉】管子\φ63.5×7.5\SA-210C\156M111-7-0\330MW亚临界机组</t>
  </si>
  <si>
    <t>【东方锅炉】管子\φ63.5×7.5\SA-210C\156M111-8-0\330MW亚临界机组</t>
  </si>
  <si>
    <t>【东方锅炉】管子\φ63.5×7.5 №1\SA-210C\47M112-6-1\300MW亚临界机组</t>
  </si>
  <si>
    <t>【东方锅炉】管子\φ63.5×7.5 №2\SA-210C\47M112-6-1\300MW亚临界机组</t>
  </si>
  <si>
    <t>【东方锅炉】管子\φ63.5×7.5 №3\SA-210C\47M112-6-1\300MW亚临界机组</t>
  </si>
  <si>
    <t>【东方锅炉】管子\φ63.5×7.5 №4\SA-210C\47M112-6-1\300MW亚临界机组</t>
  </si>
  <si>
    <t>【东方锅炉】管子\φ63.5×7.5 №5\SA-210C\47M112-6-1\300MW亚临界机组</t>
  </si>
  <si>
    <t>【东方锅炉】管子\φ63.5×7.5 №6\SA-210C\47M112-6-1\300MW亚临界机组</t>
  </si>
  <si>
    <t>【东方锅炉】管子\φ63.5×7.5 №7\SA-210C\47M112-6-1\300MW亚临界机组</t>
  </si>
  <si>
    <t>【东方锅炉】管子\φ63.5×7.5 №8\SA-210C\47M112-6-1\300MW亚临界机组</t>
  </si>
  <si>
    <t>【东方锅炉】管子\φ63.5×7.5 №9\SA-210C\47M112-6-1\300MW亚临界机组</t>
  </si>
  <si>
    <t>【东方锅炉】管子\φ63.5×7.5 №10\SA-210C\47M112-6-1\300MW亚临界机组</t>
  </si>
  <si>
    <t>【东方锅炉】扁钢\6×26\20#\156M111-0\330MW亚临界机组</t>
  </si>
  <si>
    <t>【东方锅炉】管子\φ63.5×7.5\SA-210C\156M111-9-0\330MW亚临界机组</t>
  </si>
  <si>
    <t>【东方锅炉】内螺纹管\φ63.5×7.5\SA-210C\156M111-10-0\330MW亚临界机组</t>
  </si>
  <si>
    <t>【东方锅炉】内螺纹管\φ63.5×7.5\SA-210C\156M111-11-0\330MW亚临界机组</t>
  </si>
  <si>
    <t>【东方锅炉】管组\d110 L1/L2=121.5/800\装配件\TGM11002-0\330MW亚临界机组</t>
  </si>
  <si>
    <t>【东方锅炉】螺栓\M16-6g/133-110\Q235B\DG3002-2016\1000MW超超临界机组</t>
  </si>
  <si>
    <t>【东方锅炉】内螺纹管\φ63.5×7.5 Lz=885.8\SA-210C\TGM11002-0\330MW亚临界机组</t>
  </si>
  <si>
    <t>【东方锅炉】内螺纹管\φ63.5×7.5\SA-210C\156M111-12-0\330MW亚临界机组</t>
  </si>
  <si>
    <t>【东方锅炉】管子\φ63.5×7.5\SA-210C\156M111-13-0\330MW亚临界机组</t>
  </si>
  <si>
    <t>【东方锅炉】管子\φ63.5×7.5\SA-210C\47M111-13-1\300MW亚临界机组</t>
  </si>
  <si>
    <t>【东方锅炉】扁钢\6×50.8\20#\156M111-0\330MW亚临界机组</t>
  </si>
  <si>
    <t>【东方锅炉】钢板\δ6\20#\156M111-13-1\330MW亚临界机组</t>
  </si>
  <si>
    <t>【东方锅炉】钢板\δ6\20#\156M111-13-2\330MW亚临界机组</t>
  </si>
  <si>
    <t>【东方锅炉】管子\φ63.5×7.5\SA-210C\156M111-14-0\330MW亚临界机组</t>
  </si>
  <si>
    <t>【东方锅炉】管子\φ63.5×7.5\SA-210C\47M111-14-1\300MW亚临界机组</t>
  </si>
  <si>
    <t>【东方锅炉】管子\φ63.5×7.5\SA-210C\156M111-15-0\330MW亚临界机组</t>
  </si>
  <si>
    <t>【东方锅炉】扁钢\6×25.4\20#\156M111-0\330MW亚临界机组</t>
  </si>
  <si>
    <t>【东方锅炉】管子\φ63.5×7.5\SA-210C\156M111-16-0\330MW亚临界机组</t>
  </si>
  <si>
    <t>【东方锅炉】管子\φ63.5×7.5 №1(正)\SA-210C\47M111-18\300MW亚临界机组</t>
  </si>
  <si>
    <t>【东方锅炉】管子\φ63.5×7.5 №2(正)\SA-210C\47M111-18\300MW亚临界机组</t>
  </si>
  <si>
    <t>【东方锅炉】管子\φ63.5×7.5 №3(正)\SA-210C\47M111-18\300MW亚临界机组</t>
  </si>
  <si>
    <t>【东方锅炉】管子\φ63.5×7.5 №4(正)\SA-210C\47M111-18\300MW亚临界机组</t>
  </si>
  <si>
    <t>【东方锅炉】管子\φ63.5×7.5 №1(正)\SA-210C\47M111-19\300MW亚临界机组</t>
  </si>
  <si>
    <t>【东方锅炉】管子\φ63.5×7.5 №2(正)\SA-210C\47M111-19\300MW亚临界机组</t>
  </si>
  <si>
    <t>【东方锅炉】管子\φ63.5×7.5 №3(正)\SA-210C\47M111-19\300MW亚临界机组</t>
  </si>
  <si>
    <t>【东方锅炉】管子\φ63.5×7.5 №4(正)\SA-210C\47M111-19\300MW亚临界机组</t>
  </si>
  <si>
    <t>【东方锅炉】管子\φ63.5×7.5 №5(正)\SA-210C\47M111-19\300MW亚临界机组</t>
  </si>
  <si>
    <t>【东方锅炉】管子\φ63.5×7.5 №6(正)\SA-210C\47M111-19\300MW亚临界机组</t>
  </si>
  <si>
    <t>【东方锅炉】管子\φ63.5×7.5 №7(正)\SA-210C\47M111-19\300MW亚临界机组</t>
  </si>
  <si>
    <t>【东方锅炉】管子\φ63.5×7.5 №8(正)\SA-210C\47M111-19\300MW亚临界机组</t>
  </si>
  <si>
    <t>【东方锅炉】管子\φ63.5×7.5 №9(正)\SA-210C\47M111-19\300MW亚临界机组</t>
  </si>
  <si>
    <t>【东方锅炉】管子\φ63.5×7.5 №10(正)\SA-210C\47M111-19\300MW亚临界机组</t>
  </si>
  <si>
    <t>【东方锅炉】管子\φ63.5×7.5 №11(正)\SA-210C\47M111-19\300MW亚临界机组</t>
  </si>
  <si>
    <t>【东方锅炉】管子\φ63.5×7.5 №1\SA-210C\42M111-10\300MW亚临界机组</t>
  </si>
  <si>
    <t>【东方锅炉】管子\φ63.5×7.5 №2\SA-210C\42M111-10\300MW亚临界机组</t>
  </si>
  <si>
    <t>【东方锅炉】管子\φ63.5×7.5 №3\SA-210C\42M111-10\300MW亚临界机组</t>
  </si>
  <si>
    <t>【东方锅炉】管子\φ63.5×7.5 №4\SA-210C\42M111-10\300MW亚临界机组</t>
  </si>
  <si>
    <t>【东方锅炉】管子\φ63.5×7.5 №5\SA-210C\42M111-10\300MW亚临界机组</t>
  </si>
  <si>
    <t>【东方锅炉】管子\φ63.5×7.5 №6\SA-210C\42M111-10\300MW亚临界机组</t>
  </si>
  <si>
    <t>【东方锅炉】管子\φ63.5×7.5 №7\SA-210C\42M111-10\300MW亚临界机组</t>
  </si>
  <si>
    <t>【东方锅炉】管子\φ63.5×7.5 №8\SA-210C\42M111-10\300MW亚临界机组</t>
  </si>
  <si>
    <t>【东方锅炉】管子\φ63.5×7.5 №9\SA-210C\42M111-10\300MW亚临界机组</t>
  </si>
  <si>
    <t>【东方锅炉】管子\φ63.5×7.5(正)\SA-210C\42M111-11\300MW亚临界机组</t>
  </si>
  <si>
    <t>【东方锅炉】叉型管\φ63.5×7.5 S=90\20Ⅲ\DG3248-2014\300MW亚临界机组</t>
  </si>
  <si>
    <t>【东方锅炉】叉型管\φ63.5×7.5 S=120\20Ⅲ\DG3248-2014\300MW亚临界机组</t>
  </si>
  <si>
    <t>【东方锅炉】吊杆\φ50\15CrMo\156M111-0\330MW亚临界机组</t>
  </si>
  <si>
    <t>【东方锅炉】连接板\δ12 150×7000\Q245R\156M111-0\330MW亚临界机组</t>
  </si>
  <si>
    <t>【东方锅炉】搭板\δ16\Q245R\47M111-24\300MW亚临界机组</t>
  </si>
  <si>
    <t>【东方锅炉】螺栓\M12-6g/89-80\Q235B\DG3002-2016\1000MW超超临界机组</t>
  </si>
  <si>
    <t>【东方锅炉】螺栓\M12-6g/57-60\Q235B\DG3002-2016\1000MW超超临界机组</t>
  </si>
  <si>
    <t>【东方锅炉】管子\φ63.5×7.5(正)\SA-210C\47M111-27\300MW亚临界机组</t>
  </si>
  <si>
    <t>【东方锅炉】管子\φ63.5×7.5(正)\SA-210C\47M111-29\300MW亚临界机组</t>
  </si>
  <si>
    <t>【东方锅炉】管子\φ63.5×7.5(正)\SA-210C\47M111-30\300MW亚临界机组</t>
  </si>
  <si>
    <t>【东方锅炉】管子\φ63.5×7.5(正)\SA-210C\47M111-32\300MW亚临界机组</t>
  </si>
  <si>
    <t>【东方锅炉】管子\φ63.5×7.5(正)\SA-210C\47M111-33\300MW亚临界机组</t>
  </si>
  <si>
    <t>【东方锅炉】管子\φ63.5×7.5(正)\SA-210C\47M111-35\300MW亚临界机组</t>
  </si>
  <si>
    <t>【东方锅炉】管子\φ63.5×7.5(正)\SA-210C\47M111-39\300MW亚临界机组</t>
  </si>
  <si>
    <t>【东方锅炉】管子\φ63.5×11\SA-210C\42M111-12\300MW亚临界机组</t>
  </si>
  <si>
    <t>【东方锅炉】管子\φ63.5×11(正)\SA-210C\42M111-13\300MW亚临界机组</t>
  </si>
  <si>
    <t>【东方锅炉】管子\φ63.5×11(正)\SA-210C\42M111-14\300MW亚临界机组</t>
  </si>
  <si>
    <t>【东方锅炉】管子\φ63.5×7.5(正)\SA-210C\42M111-15\300MW亚临界机组</t>
  </si>
  <si>
    <t>【东方锅炉】管子\φ63.5×7.5(正)\SA-210C\42M111-16\300MW亚临界机组</t>
  </si>
  <si>
    <t>【东方锅炉】管子\φ63.5×7.5(正)\SA-210C\42M111-17\300MW亚临界机组</t>
  </si>
  <si>
    <t>【东方锅炉】管子\φ63.5×7.5(正)\SA-210C\42M111-18\300MW亚临界机组</t>
  </si>
  <si>
    <t>【东方锅炉】管子\φ63.5×7.5(正)\SA-210C\42M111-19\300MW亚临界机组</t>
  </si>
  <si>
    <t>【东方锅炉】管子\φ63.5×7.5\SA-210C\42M111-20\300MW亚临界机组</t>
  </si>
  <si>
    <t>【东方锅炉】管子\φ63.5×7.5(正)\SA-210C\42M111-21\300MW亚临界机组</t>
  </si>
  <si>
    <t>【东方锅炉】管子\φ63.5×7.5(正)\SA-210C\42M111-22\300MW亚临界机组</t>
  </si>
  <si>
    <t>【东方锅炉】管子\φ63.5×7.5(正)\SA-210C\42M111-23\300MW亚临界机组</t>
  </si>
  <si>
    <t>【东方锅炉】管子\φ63.5×7.5(正)\SA-210C\42M111-24\300MW亚临界机组</t>
  </si>
  <si>
    <t>【东方锅炉】密封块\S=90\Q235A\47M111-55\300MW亚临界机组</t>
  </si>
  <si>
    <t>【东方锅炉】密封块\S=76.2\Q235A\47M111-56\300MW亚临界机组</t>
  </si>
  <si>
    <t>【东方锅炉】密封块\S=76.2\Q235A\47M111-57\300MW亚临界机组</t>
  </si>
  <si>
    <t>【东方锅炉】密封块\S=120\Q235A\47M111-58\300MW亚临界机组</t>
  </si>
  <si>
    <t>【东方锅炉】扁钢\4×120\Q235A\156M111-0\330MW亚临界机组</t>
  </si>
  <si>
    <t>【东方锅炉】螺栓\M12-6g/38-50\Q235B\DG3002-2016\1000MW超超临界机组</t>
  </si>
  <si>
    <t>【东方锅炉】螺栓\M10-6g/25-30\Q235A\DG3002-2012\1000MW超超临界机组</t>
  </si>
  <si>
    <t>【东方锅炉】螺栓\M16-6g/219-150\Q235B\DG3002-2016\660MW超超临界机组</t>
  </si>
  <si>
    <t>【东方锅炉】钢板\δ6 896×310\Q245R\156M111-0\330MW亚临界机组</t>
  </si>
  <si>
    <t>【东方锅炉】管子\φ63.5×7.5\SA-210C\156M111-17-0\330MW亚临界机组</t>
  </si>
  <si>
    <t>【东方锅炉】管子\φ63.5×7.5\SA-210C\47M111-64\300MW亚临界机组</t>
  </si>
  <si>
    <t>【东方锅炉】吊板\δ20\15CrMo\42M111-25\300MW亚临界机组</t>
  </si>
  <si>
    <t>【东方锅炉】吊板\δ20\15CrMo\42M111-26\300MW亚临界机组</t>
  </si>
  <si>
    <t>【东方锅炉】钢板\δ6\Q245R\42M111-27\300MW亚临界机组</t>
  </si>
  <si>
    <t>【东方锅炉】钢板\δ6\Q245R\42M111-28\300MW亚临界机组</t>
  </si>
  <si>
    <t>【东方锅炉】钢板\δ6\Q245R\42M111-29\300MW亚临界机组</t>
  </si>
  <si>
    <t>【东方锅炉】管子\φ63.5×7.5 №1(反)\SA-210C\47M111-18\300MW亚临界机组</t>
  </si>
  <si>
    <t>【东方锅炉】管子\φ63.5×7.5 №2(反)\SA-210C\47M111-18\300MW亚临界机组</t>
  </si>
  <si>
    <t>【东方锅炉】管子\φ63.5×7.5 №3(反)\SA-210C\47M111-18\300MW亚临界机组</t>
  </si>
  <si>
    <t>【东方锅炉】管子\φ63.5×7.5 №4(反)\SA-210C\47M111-18\300MW亚临界机组</t>
  </si>
  <si>
    <t>【东方锅炉】管子\φ63.5×7.5 №1(反)\SA-210C\47M111-19\300MW亚临界机组</t>
  </si>
  <si>
    <t>【东方锅炉】管子\φ63.5×7.5 №2(反)\SA-210C\47M111-19\300MW亚临界机组</t>
  </si>
  <si>
    <t>【东方锅炉】管子\φ63.5×7.5 №3(反)\SA-210C\47M111-19\300MW亚临界机组</t>
  </si>
  <si>
    <t>【东方锅炉】管子\φ63.5×7.5 №4(反)\SA-210C\47M111-19\300MW亚临界机组</t>
  </si>
  <si>
    <t>【东方锅炉】管子\φ63.5×7.5 №5(反)\SA-210C\47M111-19\300MW亚临界机组</t>
  </si>
  <si>
    <t>【东方锅炉】管子\φ63.5×7.5 №6(反)\SA-210C\47M111-19\300MW亚临界机组</t>
  </si>
  <si>
    <t>【东方锅炉】管子\φ63.5×7.5 №7(反)\SA-210C\47M111-19\300MW亚临界机组</t>
  </si>
  <si>
    <t>【东方锅炉】管子\φ63.5×7.5 №8(反)\SA-210C\47M111-19\300MW亚临界机组</t>
  </si>
  <si>
    <t>【东方锅炉】管子\φ63.5×7.5 №9(反)\SA-210C\47M111-19\300MW亚临界机组</t>
  </si>
  <si>
    <t>【东方锅炉】管子\φ63.5×7.5 №10(反)\SA-210C\47M111-19\300MW亚临界机组</t>
  </si>
  <si>
    <t>【东方锅炉】管子\φ63.5×7.5 №11(反)\SA-210C\47M111-19\300MW亚临界机组</t>
  </si>
  <si>
    <t>【东方锅炉】管子\φ63.5×7.5(反)\SA-210C\42M111-11\300MW亚临界机组</t>
  </si>
  <si>
    <t>【东方锅炉】管子\φ63.5×7.5(反)\SA-210C\47M111-27\300MW亚临界机组</t>
  </si>
  <si>
    <t>【东方锅炉】管子\φ63.5×7.5(反)\SA-210C\47M111-29\300MW亚临界机组</t>
  </si>
  <si>
    <t>【东方锅炉】管子\φ63.5×7.5(反)\SA-210C\47M111-30\300MW亚临界机组</t>
  </si>
  <si>
    <t>【东方锅炉】管子\φ63.5×7.5(反)\SA-210C\47M111-32\300MW亚临界机组</t>
  </si>
  <si>
    <t>【东方锅炉】管子\φ63.5×7.5(反)\SA-210C\47M111-33\300MW亚临界机组</t>
  </si>
  <si>
    <t>【东方锅炉】管子\φ63.5×7.5(反)\SA-210C\47M111-35\300MW亚临界机组</t>
  </si>
  <si>
    <t>【东方锅炉】管子\φ63.5×7.5(反)\SA-210C\47M111-39\300MW亚临界机组</t>
  </si>
  <si>
    <t>【东方锅炉】管子\φ63.5×11(反)\SA-210C\42M111-13\300MW亚临界机组</t>
  </si>
  <si>
    <t>【东方锅炉】管子\φ63.5×11(反)\SA-210C\42M111-14\300MW亚临界机组</t>
  </si>
  <si>
    <t>【东方锅炉】管子\φ63.5×7.5(反)\SA-210C\42M111-15\300MW亚临界机组</t>
  </si>
  <si>
    <t>【东方锅炉】管子\φ63.5×7.5(反)\SA-210C\42M111-16\300MW亚临界机组</t>
  </si>
  <si>
    <t>【东方锅炉】管子\φ63.5×7.5(反)\SA-210C\42M111-17\300MW亚临界机组</t>
  </si>
  <si>
    <t>【东方锅炉】管子\φ63.5×7.5(反)\SA-210C\42M111-18\300MW亚临界机组</t>
  </si>
  <si>
    <t>【东方锅炉】管子\φ63.5×7.5(反)\SA-210C\42M111-19\300MW亚临界机组</t>
  </si>
  <si>
    <t>【东方锅炉】管子\φ63.5×7.5(反)\SA-210C\42M111-21\300MW亚临界机组</t>
  </si>
  <si>
    <t>【东方锅炉】管子\φ63.5×7.5(反)\SA-210C\42M111-22\300MW亚临界机组</t>
  </si>
  <si>
    <t>【东方锅炉】管子\φ63.5×7.5(反)\SA-210C\42M111-23\300MW亚临界机组</t>
  </si>
  <si>
    <t>【东方锅炉】管子\φ63.5×7.5(反)\SA-210C\42M111-24\300MW亚临界机组</t>
  </si>
  <si>
    <t>【东方锅炉】管子\φ63.5×7.5\SA-210C\117M112-1-1\350MW亚临界机组</t>
  </si>
  <si>
    <t>【东方锅炉】管子\φ63.5×7.5 Lz=5951\SA-210C\47M112-3-1\300MW亚临界机组</t>
  </si>
  <si>
    <t>【东方锅炉】管子\φ63.5×7.5\SA-210C\47M112-6-0\300MW亚临界机组</t>
  </si>
  <si>
    <t>【东方锅炉】扁钢\6×26\Q245R\156M112-0\330MW亚临界机组</t>
  </si>
  <si>
    <t>【东方锅炉】管子\φ63.5×7.5 №1\SA-210C\117M112-6\350MW亚临界机组</t>
  </si>
  <si>
    <t>【东方锅炉】管子\φ63.5×7.5 №2\SA-210C\117M112-6\350MW亚临界机组</t>
  </si>
  <si>
    <t>【东方锅炉】管子\φ63.5×7.5 №3\SA-210C\117M112-6\350MW亚临界机组</t>
  </si>
  <si>
    <t>【东方锅炉】管子\φ63.5×7.5 №4\SA-210C\117M112-6\350MW亚临界机组</t>
  </si>
  <si>
    <t>【东方锅炉】管子\φ63.5×7.5 №5\SA-210C\117M112-6\350MW亚临界机组</t>
  </si>
  <si>
    <t>【东方锅炉】管子\φ63.5×7.5 №6\SA-210C\117M112-6\350MW亚临界机组</t>
  </si>
  <si>
    <t>【东方锅炉】管子\φ63.5×7.5 №7\SA-210C\117M112-6\350MW亚临界机组</t>
  </si>
  <si>
    <t>【东方锅炉】管子\φ63.5×7.5 №8\SA-210C\117M112-6\350MW亚临界机组</t>
  </si>
  <si>
    <t>【东方锅炉】管子\φ63.5×7.5 №9\SA-210C\117M112-6\350MW亚临界机组</t>
  </si>
  <si>
    <t>【东方锅炉】管子\φ63.5×7.5 №10\SA-210C\117M112-6\350MW亚临界机组</t>
  </si>
  <si>
    <t>【东方锅炉】管子\φ63.5×7.5\SA-210C\156M112-11-0\330MW亚临界机组</t>
  </si>
  <si>
    <t>【东方锅炉】梳型板\δ5\Q235A\117M112-12-1\350MW亚临界机组</t>
  </si>
  <si>
    <t>【东方锅炉】钢板\δ16\Q245R\47M112-13-2\300MW亚临界机组</t>
  </si>
  <si>
    <t>【东方锅炉】瓦型板\δ5\Q235A\156M112-11-1\330MW亚临界机组</t>
  </si>
  <si>
    <t>【东方锅炉】管子\φ63.5×7.5\SA-210C\47M112-14-1\300MW亚临界机组</t>
  </si>
  <si>
    <t>【东方锅炉】钢板\δ16\Q245R\47M112-14-2\300MW亚临界机组</t>
  </si>
  <si>
    <t>【东方锅炉】扁钢\6×40\Q245R\156M112-0\330MW亚临界机组</t>
  </si>
  <si>
    <t>【东方锅炉】梳型板\δ5\Q235A\117M112-13-1\350MW亚临界机组</t>
  </si>
  <si>
    <t>【东方锅炉】梳型板\δ5\Q235A\117M112-15-1\350MW亚临界机组</t>
  </si>
  <si>
    <t>【东方锅炉】管子\φ63.5×7.5\SA-210C\156M112-15-0\330MW亚临界机组</t>
  </si>
  <si>
    <t>【东方锅炉】钢板\δ16\Q245R\47M112-17-1\300MW亚临界机组</t>
  </si>
  <si>
    <t>【东方锅炉】管子\φ63.5×7.5 №1\SA-210C\156M112-15-1\330MW亚临界机组</t>
  </si>
  <si>
    <t>【东方锅炉】管子\φ63.5×7.5 №2\SA-210C\156M112-15-1\330MW亚临界机组</t>
  </si>
  <si>
    <t>【东方锅炉】管子\φ63.5×7.5 №3\SA-210C\156M112-15-1\330MW亚临界机组</t>
  </si>
  <si>
    <t>【东方锅炉】管子\φ63.5×7.5 №4\SA-210C\156M112-15-1\330MW亚临界机组</t>
  </si>
  <si>
    <t>【东方锅炉】管子\φ63.5×7.5\SA-210C\156M112-15-2\330MW亚临界机组</t>
  </si>
  <si>
    <t>【东方锅炉】管子\φ63.5×7.5\SA-210C\156M112-15-3\330MW亚临界机组</t>
  </si>
  <si>
    <t>【东方锅炉】管子\φ63.5×7.5\SA-210C\156M112-15-4\330MW亚临界机组</t>
  </si>
  <si>
    <t>【东方锅炉】管子\φ63.5×7.5\SA-210C\156M112-15-5\330MW亚临界机组</t>
  </si>
  <si>
    <t>【东方锅炉】钢板\δ6 1169×550\12Cr1MoV\156M112-0\330MW亚临界机组</t>
  </si>
  <si>
    <t>【东方锅炉】管子\φ63.5×7.5\SA-210C\156M112-16-0\330MW亚临界机组</t>
  </si>
  <si>
    <t>【东方锅炉】梳型板\δ5\Q235A\117M112-17-1\350MW亚临界机组</t>
  </si>
  <si>
    <t>【东方锅炉】扁钢\6×26.1\Q245R\156M112-0\330MW亚临界机组</t>
  </si>
  <si>
    <t>【东方锅炉】钢板\δ6 534×39\Q245R\156M112-0\330MW亚临界机组</t>
  </si>
  <si>
    <t>【东方锅炉】扁钢\4×120\20#\156M112-0\330MW亚临界机组</t>
  </si>
  <si>
    <t>【东方锅炉】钢板\δ16\Q245R\47M112-20\300MW亚临界机组</t>
  </si>
  <si>
    <t>【东方锅炉】管子\φ63.5×7.5\SA-210C\156M113-1-0\330MW亚临界机组</t>
  </si>
  <si>
    <t>【东方锅炉】瓦型板\δ5\Q235A\42M112-12-1\300MW亚临界机组</t>
  </si>
  <si>
    <t>【东方锅炉】梳型板\δ5\Q235A\47M113-9-2\300MW亚临界机组</t>
  </si>
  <si>
    <t>【东方锅炉】管组\d135 L1/L2=200/957\装配件\TGM11001-2002\300MW亚临界机组</t>
  </si>
  <si>
    <t>【东方锅炉】管子\φ63.5×7.5\SA-210C\156M113-2-0\330MW亚临界机组</t>
  </si>
  <si>
    <t>【东方锅炉】梳型板\δ5\Q235A\47M113-10-1\300MW亚临界机组</t>
  </si>
  <si>
    <t>【东方锅炉】管子\φ63.5×7.5\SA-210C\156M113-3-0\330MW亚临界机组</t>
  </si>
  <si>
    <t>【东方锅炉】内螺纹管\φ63.5×7.5\SA-210C\156M113-4-0\330MW亚临界机组</t>
  </si>
  <si>
    <t>【东方锅炉】管组\d110 L1/L2=200/957\装配件\TGM11002-0\330MW亚临界机组</t>
  </si>
  <si>
    <t>【东方锅炉】内螺纹管\φ63.5×7.5 Lz=1042.8\SA-210C\TGM11002-0\330MW亚临界机组</t>
  </si>
  <si>
    <t>【东方锅炉】管组\d78 L1/L2=200/957\装配件\TGM11002-0\330MW亚临界机组</t>
  </si>
  <si>
    <t>【东方锅炉】内螺纹管\φ63.5×7.5\SA-210C\156M113-5-0\330MW亚临界机组</t>
  </si>
  <si>
    <t>【东方锅炉】管子\φ63.5×7.5\SA-210C\156M113-6-0\330MW亚临界机组</t>
  </si>
  <si>
    <t>【东方锅炉】梳型板\δ5\Q235A\47M113-14-1\300MW亚临界机组</t>
  </si>
  <si>
    <t>【东方锅炉】管子\φ63.5×7.5\SA-210C\156M113-7-0\330MW亚临界机组</t>
  </si>
  <si>
    <t>【东方锅炉】管子\φ63.5×7.5\SA-210C\156M113-8-0\330MW亚临界机组</t>
  </si>
  <si>
    <t>【东方锅炉】梳型板\δ5\Q235A\47M113-16-1\300MW亚临界机组</t>
  </si>
  <si>
    <t>【东方锅炉】管子\φ63.5×7.5\SA-210C\156M113-9-0\330MW亚临界机组</t>
  </si>
  <si>
    <t>【东方锅炉】管子\φ63.5×7.5\SA-210C\156M113-10-0\330MW亚临界机组</t>
  </si>
  <si>
    <t>【东方锅炉】管子\φ63.5×7.5\SA-210C\156M113-16-0\330MW亚临界机组</t>
  </si>
  <si>
    <t>【东方锅炉】管子\φ63.5×7.5\SA-210C\156M113-18-0\330MW亚临界机组</t>
  </si>
  <si>
    <t>【东方锅炉】内螺纹管\φ63.5×7.5\SA-210C\156M113-19-0\330MW亚临界机组</t>
  </si>
  <si>
    <t>【东方锅炉】内螺纹管\φ63.5×7.5\SA-210C\156M113-21-0\330MW亚临界机组</t>
  </si>
  <si>
    <t>【东方锅炉】内螺纹管\φ63.5×7.5\SA-210C\156M113-23-0\330MW亚临界机组</t>
  </si>
  <si>
    <t>【东方锅炉】内螺纹管\φ63.5×7.5\SA-210C\156M113-25-0\330MW亚临界机组</t>
  </si>
  <si>
    <t>【东方锅炉】管子\φ63.5×7.5\SA-210C\156M113-28-0\330MW亚临界机组</t>
  </si>
  <si>
    <t>【东方锅炉】内螺纹管\φ63.5×7.5\SA-210C\156M113-30-0\330MW亚临界机组</t>
  </si>
  <si>
    <t>【东方锅炉】内螺纹管\φ63.5×7.5\SA-210C\156M113-32-0\330MW亚临界机组</t>
  </si>
  <si>
    <t>【东方锅炉】管子\φ63.5×7.5\SA-210C\156M114-1-1\330MW亚临界机组</t>
  </si>
  <si>
    <t>【东方锅炉】管子\φ63.5×7.5\SA-210C\156M114-1-2\330MW亚临界机组</t>
  </si>
  <si>
    <t>【东方锅炉】管子\φ63.5×7.5\SA-210C\156M114-1-3\330MW亚临界机组</t>
  </si>
  <si>
    <t>【东方锅炉】管子\φ63.5×7.5\SA-210C\156M114-1-4\330MW亚临界机组</t>
  </si>
  <si>
    <t>【东方锅炉】管子\φ63.5×7.5\SA-210C\156M114-1-5\330MW亚临界机组</t>
  </si>
  <si>
    <t>【东方锅炉】管子\φ63.5×7.5\SA-210C\156M114-1-6\330MW亚临界机组</t>
  </si>
  <si>
    <t>【东方锅炉】管子\φ63.5×7.5\SA-210C\156M114-1-7\330MW亚临界机组</t>
  </si>
  <si>
    <t>【东方锅炉】管子\φ63.5×7.5\SA-210C\156M114-1-8\330MW亚临界机组</t>
  </si>
  <si>
    <t>【东方锅炉】管子\φ63.5×7.5\SA-210C\156M114-1-9\330MW亚临界机组</t>
  </si>
  <si>
    <t>【东方锅炉】管子\φ63.5×7.5\SA-210C\156M114-1-10\330MW亚临界机组</t>
  </si>
  <si>
    <t>【东方锅炉】管子\φ63.5×7.5\SA-210C\156M114-1-11\330MW亚临界机组</t>
  </si>
  <si>
    <t>【东方锅炉】管子\φ63.5×7.5\SA-210C\156M114-1-12\330MW亚临界机组</t>
  </si>
  <si>
    <t>【东方锅炉】管子\φ63.5×7.5\SA-210C\156M114-1-13\330MW亚临界机组</t>
  </si>
  <si>
    <t>【东方锅炉】管子\φ63.5×7.5\SA-210C\156M114-1-14\330MW亚临界机组</t>
  </si>
  <si>
    <t>【东方锅炉】管子\φ63.5×7.5\SA-210C\156M114-1-15\330MW亚临界机组</t>
  </si>
  <si>
    <t>【东方锅炉】管子\φ63.5×7.5\SA-210C\156M114-1-16\330MW亚临界机组</t>
  </si>
  <si>
    <t>【东方锅炉】管子\φ63.5×7.5\SA-210C\156M114-1-17\330MW亚临界机组</t>
  </si>
  <si>
    <t>【东方锅炉】管子\φ63.5×7.5\SA-210C\156M114-1-18\330MW亚临界机组</t>
  </si>
  <si>
    <t>【东方锅炉】管子\φ63.5×7.5\SA-210C\156M114-1-19\330MW亚临界机组</t>
  </si>
  <si>
    <t>【东方锅炉】管子\φ63.5×7.5\SA-210C\156M114-1-20\330MW亚临界机组</t>
  </si>
  <si>
    <t>【东方锅炉】管子\φ63.5×7.5\SA-210C\156M114-1-21\330MW亚临界机组</t>
  </si>
  <si>
    <t>【东方锅炉】管子\φ63.5×7.5\SA-210C\156M114-1-22\330MW亚临界机组</t>
  </si>
  <si>
    <t>【东方锅炉】管子\φ63.5×7.5\SA-210C\156M114-1-23\330MW亚临界机组</t>
  </si>
  <si>
    <t>【东方锅炉】管子\φ63.5×7.5\SA-210C\156M114-1-24\330MW亚临界机组</t>
  </si>
  <si>
    <t>【东方锅炉】钢板\δ12 910×453\Q245R\156M114-0\330MW亚临界机组</t>
  </si>
  <si>
    <t>【东方锅炉】钢板\δ12 910×467\Q245R\156M114-0\330MW亚临界机组</t>
  </si>
  <si>
    <t>【东方锅炉】钢板\δ12 910×455\Q245R\156M114-0\330MW亚临界机组</t>
  </si>
  <si>
    <t>【东方锅炉】梳型板\δ3\Q235A\47M114-1-36\300MW亚临界机组</t>
  </si>
  <si>
    <t>【东方锅炉】钢板\δ3 599×415\Q235A\156M114-0\330MW亚临界机组</t>
  </si>
  <si>
    <t>【东方锅炉】钢板\δ3 599×346\Q235A\156M114-0\330MW亚临界机组</t>
  </si>
  <si>
    <t>【东方锅炉】钢板\δ3 587×415\Q235A\156M114-0\330MW亚临界机组</t>
  </si>
  <si>
    <t>【东方锅炉】钢板\δ3 587×346\Q235A\156M114-0\330MW亚临界机组</t>
  </si>
  <si>
    <t>【东方锅炉】钢板\δ3 934×282\Q235A\156M114-0\330MW亚临界机组</t>
  </si>
  <si>
    <t>【东方锅炉】梳型板\δ16\Q245R\42M114-1-27\300MW亚临界机组</t>
  </si>
  <si>
    <t>【东方锅炉】梳型板\δ16\Q245R\47M114-1-38\300MW亚临界机组</t>
  </si>
  <si>
    <t>【东方锅炉】扁钢\6×30.5\Q245R\156M114-0\330MW亚临界机组</t>
  </si>
  <si>
    <t>【东方锅炉】扁钢\6×12.1\Q245R\156M114-0\330MW亚临界机组</t>
  </si>
  <si>
    <t>【东方锅炉】扁钢\6×29.5\Q245R\156M114-0\330MW亚临界机组</t>
  </si>
  <si>
    <t>【东方锅炉】扁钢\6×38.5\Q245R\156M114-0\330MW亚临界机组</t>
  </si>
  <si>
    <t>【东方锅炉】扁钢\6×29\Q245R\156M114-0\330MW亚临界机组</t>
  </si>
  <si>
    <t>【东方锅炉】钢板\δ4 A=6㎡\20#\156M114-0\330MW亚临界机组</t>
  </si>
  <si>
    <t>【东方锅炉】钢板\δ3 592×415\Q235A\156M114-0\330MW亚临界机组</t>
  </si>
  <si>
    <t>【东方锅炉】钢板\δ3 592×346\Q235A\156M114-0\330MW亚临界机组</t>
  </si>
  <si>
    <t>【东方锅炉】管子\φ63.5×7.5\SA-210C\156M114-1-27\330MW亚临界机组</t>
  </si>
  <si>
    <t>【东方锅炉】管子\φ63.5×7.5\SA-210C\156M114-1-28\330MW亚临界机组</t>
  </si>
  <si>
    <t>【东方锅炉】管子\φ63.5×7.5\SA-210C\156M114-1-29\330MW亚临界机组</t>
  </si>
  <si>
    <t>【东方锅炉】管子\φ63.5×7.5\SA-210C\156M114-1-30\330MW亚临界机组</t>
  </si>
  <si>
    <t>【东方锅炉】管子\φ63.5×7.5\SA-210C\156M114-1-31\330MW亚临界机组</t>
  </si>
  <si>
    <t>【东方锅炉】管子\φ63.5×7.5\SA-210C\156M114-1-32\330MW亚临界机组</t>
  </si>
  <si>
    <t>【东方锅炉】管子\φ63.5×7.5\SA-210C\156M114-1-33\330MW亚临界机组</t>
  </si>
  <si>
    <t>【东方锅炉】管子\φ63.5×7.5\SA-210C\156M114-1-34\330MW亚临界机组</t>
  </si>
  <si>
    <t>【东方锅炉】管子\φ63.5×7.5\SA-210C\156M114-1-35\330MW亚临界机组</t>
  </si>
  <si>
    <t>【东方锅炉】管子\φ63.5×7.5\SA-210C\156M114-1-36\330MW亚临界机组</t>
  </si>
  <si>
    <t>【东方锅炉】管子\φ63.5×7.5\SA-210C\156M114-1-37\330MW亚临界机组</t>
  </si>
  <si>
    <t>【东方锅炉】管子\φ63.5×7.5\SA-210C\156M114-1-38\330MW亚临界机组</t>
  </si>
  <si>
    <t>【东方锅炉】管子\φ63.5×7.5\SA-210C\156M114-1-39\330MW亚临界机组</t>
  </si>
  <si>
    <t>【东方锅炉】钢板\δ12 910×460\Q245R\156M114-0\330MW亚临界机组</t>
  </si>
  <si>
    <t>【东方锅炉】钢板\δ3 1190×415\Q235A\156M114-0\330MW亚临界机组</t>
  </si>
  <si>
    <t>【东方锅炉】钢板\δ3 1190×346\Q235A\156M114-0\330MW亚临界机组</t>
  </si>
  <si>
    <t>【东方锅炉】管子\φ63.5×7.5\SA-210C\156M114-2-1\330MW亚临界机组</t>
  </si>
  <si>
    <t>【东方锅炉】管子\φ63.5×7.5\SA-210C\156M114-2-2\330MW亚临界机组</t>
  </si>
  <si>
    <t>【东方锅炉】管子\φ63.5×7.5\SA-210C\156M114-2-3\330MW亚临界机组</t>
  </si>
  <si>
    <t>【东方锅炉】管子\φ63.5×7.5\SA-210C\156M114-2-4\330MW亚临界机组</t>
  </si>
  <si>
    <t>【东方锅炉】管子\φ63.5×7.5\SA-210C\156M114-2-5\330MW亚临界机组</t>
  </si>
  <si>
    <t>【东方锅炉】管子\φ63.5×7.5\SA-210C\156M114-2-6\330MW亚临界机组</t>
  </si>
  <si>
    <t>【东方锅炉】管子\φ63.5×7.5\SA-210C\156M114-2-7\330MW亚临界机组</t>
  </si>
  <si>
    <t>【东方锅炉】管子\φ63.5×7.5\SA-210C\156M114-2-8\330MW亚临界机组</t>
  </si>
  <si>
    <t>【东方锅炉】管子\φ63.5×7.5\SA-210C\156M114-2-9\330MW亚临界机组</t>
  </si>
  <si>
    <t>【东方锅炉】管子\φ63.5×7.5\SA-210C\156M114-2-10\330MW亚临界机组</t>
  </si>
  <si>
    <t>【东方锅炉】管子\φ63.5×7.5\SA-210C\156M114-2-11\330MW亚临界机组</t>
  </si>
  <si>
    <t>【东方锅炉】管子\φ63.5×7.5\SA-210C\156M114-2-12\330MW亚临界机组</t>
  </si>
  <si>
    <t>【东方锅炉】管子\φ63.5×7.5\SA-210C\156M114-2-13\330MW亚临界机组</t>
  </si>
  <si>
    <t>【东方锅炉】管子\φ63.5×7.5\SA-210C\156M114-2-14\330MW亚临界机组</t>
  </si>
  <si>
    <t>【东方锅炉】管子\φ63.5×7.5\SA-210C\156M114-2-15\330MW亚临界机组</t>
  </si>
  <si>
    <t>【东方锅炉】管子\φ63.5×7.5\SA-210C\156M114-2-16\330MW亚临界机组</t>
  </si>
  <si>
    <t>【东方锅炉】管子\φ63.5×7.5\SA-210C\156M114-2-17\330MW亚临界机组</t>
  </si>
  <si>
    <t>【东方锅炉】管子\φ63.5×7.5\SA-210C\156M114-2-18\330MW亚临界机组</t>
  </si>
  <si>
    <t>【东方锅炉】管子\φ63.5×7.5\SA-210C\156M114-2-19\330MW亚临界机组</t>
  </si>
  <si>
    <t>【东方锅炉】管子\φ63.5×7.5\SA-210C\156M114-2-20\330MW亚临界机组</t>
  </si>
  <si>
    <t>【东方锅炉】管子\φ63.5×7.5\SA-210C\156M114-2-21\330MW亚临界机组</t>
  </si>
  <si>
    <t>【东方锅炉】管子\φ63.5×7.5\SA-210C\156M114-2-22\330MW亚临界机组</t>
  </si>
  <si>
    <t>【东方锅炉】管子\φ63.5×7.5\SA-210C\156M114-2-23\330MW亚临界机组</t>
  </si>
  <si>
    <t>【东方锅炉】管子\φ63.5×7.5\SA-210C\156M114-2-24\330MW亚临界机组</t>
  </si>
  <si>
    <t>【东方锅炉】梳型板\δ3\Q235A\47M114-2-34\300MW亚临界机组</t>
  </si>
  <si>
    <t>【东方锅炉】钢板\δ3 599×382\Q235A\156M114-0\330MW亚临界机组</t>
  </si>
  <si>
    <t>【东方锅炉】钢板\δ3 599×378\Q235A\156M114-0\330MW亚临界机组</t>
  </si>
  <si>
    <t>【东方锅炉】钢板\δ3 587×382\Q235A\156M114-0\330MW亚临界机组</t>
  </si>
  <si>
    <t>【东方锅炉】钢板\δ3 587×378\Q235A\156M114-0\330MW亚临界机组</t>
  </si>
  <si>
    <t>【东方锅炉】梳型板\δ16\Q245R\47M114-2-35\300MW亚临界机组</t>
  </si>
  <si>
    <t>【东方锅炉】梳型板\δ16\Q245R\42M114-2-25\300MW亚临界机组</t>
  </si>
  <si>
    <t>【东方锅炉】扁钢\6×18.5\Q245R\156M114-0\330MW亚临界机组</t>
  </si>
  <si>
    <t>【东方锅炉】扁钢\6×47.5\Q245R\156M114-0\330MW亚临界机组</t>
  </si>
  <si>
    <t>【东方锅炉】钢板\δ3 592×382\Q235A\156M114-0\330MW亚临界机组</t>
  </si>
  <si>
    <t>【东方锅炉】钢板\δ3 592×378\Q235A\156M114-0\330MW亚临界机组</t>
  </si>
  <si>
    <t>【东方锅炉】管子\φ63.5×7.5\SA-210C\156M114-2-25\330MW亚临界机组</t>
  </si>
  <si>
    <t>【东方锅炉】管子\φ63.5×7.5\SA-210C\156M114-2-26\330MW亚临界机组</t>
  </si>
  <si>
    <t>【东方锅炉】管子\φ63.5×7.5\SA-210C\156M114-2-27\330MW亚临界机组</t>
  </si>
  <si>
    <t>【东方锅炉】管子\φ63.5×7.5\SA-210C\156M114-2-28\330MW亚临界机组</t>
  </si>
  <si>
    <t>【东方锅炉】管子\φ63.5×7.5\SA-210C\156M114-2-29\330MW亚临界机组</t>
  </si>
  <si>
    <t>【东方锅炉】管子\φ63.5×7.5\SA-210C\156M114-2-30\330MW亚临界机组</t>
  </si>
  <si>
    <t>【东方锅炉】管子\φ63.5×7.5\SA-210C\156M114-2-31\330MW亚临界机组</t>
  </si>
  <si>
    <t>【东方锅炉】管子\φ63.5×7.5\SA-210C\156M114-2-32\330MW亚临界机组</t>
  </si>
  <si>
    <t>【东方锅炉】管子\φ63.5×7.5\SA-210C\156M114-2-33\330MW亚临界机组</t>
  </si>
  <si>
    <t>【东方锅炉】管子\φ63.5×7.5\SA-210C\156M114-2-34\330MW亚临界机组</t>
  </si>
  <si>
    <t>【东方锅炉】管子\φ63.5×7.5\SA-210C\156M114-2-35\330MW亚临界机组</t>
  </si>
  <si>
    <t>【东方锅炉】管子\φ63.5×7.5\SA-210C\156M114-2-36\330MW亚临界机组</t>
  </si>
  <si>
    <t>【东方锅炉】管子\φ63.5×7.5\SA-210C\156M114-2-37\330MW亚临界机组</t>
  </si>
  <si>
    <t>【东方锅炉】钢板\δ3 1190×382\Q235A\156M114-0\330MW亚临界机组</t>
  </si>
  <si>
    <t>【东方锅炉】钢板\δ3 1190×378\Q235A\156M114-0\330MW亚临界机组</t>
  </si>
  <si>
    <t>【东方锅炉】扁钢\6×19.8\Q245R\156M114-0\330MW亚临界机组</t>
  </si>
  <si>
    <t>【东方锅炉】钢板\δ6 A=2㎡\Q245R\156M114-0\330MW亚临界机组</t>
  </si>
  <si>
    <t>【东方锅炉】钢板\δ6 600×120\15CrMo\156M114-0\330MW亚临界机组</t>
  </si>
  <si>
    <t>【东方锅炉】耳板\δ30\Q245R\116M163-1-1\330MW亚临界机组</t>
  </si>
  <si>
    <t>【东方锅炉】螺栓\35CrMoA\169YR02-3</t>
  </si>
  <si>
    <t>【东方锅炉】管子\φ60×4\12Cr18Ni9\42M88-7\300MW亚临界机组</t>
  </si>
  <si>
    <t>【东方锅炉】打焦孔\250×100\装配件\DG4821-1987\330MW亚临界机组</t>
  </si>
  <si>
    <t>【东方锅炉】节流孔板\δ6\12Cr18Ni9\156M976-2\330MW亚临界机组</t>
  </si>
  <si>
    <t>【东方锅炉】螺栓\M10\12Cr18Ni9\TGP00560/№2\350MW超临界机组</t>
  </si>
  <si>
    <t>【东方锅炉】管子\φ57×8\SA-210C\66M1111-2-2\300MW亚临界机组</t>
  </si>
  <si>
    <t>【东方锅炉】管子\φ57×6.3\SA-210C\66M1111-5-1\300MW亚临界机组</t>
  </si>
  <si>
    <t>【东方锅炉】管子\φ57×6.3\SA-210C\66M1111-5-2\300MW亚临界机组</t>
  </si>
  <si>
    <t>【东方锅炉】管子\φ57×6.3\SA-210C\66M1111-5-3\300MW亚临界机组</t>
  </si>
  <si>
    <t>【东方锅炉】管子\φ57×6.3\SA-210C\66M1111-5-4\300MW亚临界机组</t>
  </si>
  <si>
    <t>【东方锅炉】管子\φ57×6.3\SA-210C\66M1111-5-5\300MW亚临界机组</t>
  </si>
  <si>
    <t>【东方锅炉】管子\φ57×6.3\SA-210C\66M1111-5-6\300MW亚临界机组</t>
  </si>
  <si>
    <t>【东方锅炉】管子\φ57×6.3\SA-210C\66M1111-5-7\300MW亚临界机组</t>
  </si>
  <si>
    <t>【东方锅炉】管子\φ57×6.3\SA-210C\66M1111-5-8\300MW亚临界机组</t>
  </si>
  <si>
    <t>【东方锅炉】管子\φ57×6.3\SA-210C\66M1111-5-9\300MW亚临界机组</t>
  </si>
  <si>
    <t>【东方锅炉】管子\φ57×6.3\SA-210C\66M1111-5-10\300MW亚临界机组</t>
  </si>
  <si>
    <t>【东方锅炉】管子\φ57×6.3\SA-210C\66M1111-5-11\300MW亚临界机组</t>
  </si>
  <si>
    <t>【东方锅炉】管子\φ57×6.3\SA-210C\66M1111-5-12\300MW亚临界机组</t>
  </si>
  <si>
    <t>【东方锅炉】管子\φ57×6.3\SA-210C\66M1111-5-13\300MW亚临界机组</t>
  </si>
  <si>
    <t>【东方锅炉】管子\φ57×6.3\SA-210C\66M1111-5-14\300MW亚临界机组</t>
  </si>
  <si>
    <t>【东方锅炉】管子\φ57×6.3\SA-210C\66M1111-5-15\300MW亚临界机组</t>
  </si>
  <si>
    <t>【东方锅炉】管子\φ57×6.3\SA-210C\66M1111-5-16\300MW亚临界机组</t>
  </si>
  <si>
    <t>【东方锅炉】管子\φ57×6.3\SA-210C\66M1111-5-17\300MW亚临界机组</t>
  </si>
  <si>
    <t>【东方锅炉】管子\φ57×6.3\SA-210C\66M1111-5-18\300MW亚临界机组</t>
  </si>
  <si>
    <t>【东方锅炉】管子\φ57×6.3\SA-210C\66M1111-5-19\300MW亚临界机组</t>
  </si>
  <si>
    <t>【东方锅炉】管子\φ57×6.3\SA-210C\66M1111-5-20\300MW亚临界机组</t>
  </si>
  <si>
    <t>【东方锅炉】管子\φ57×6.3\SA-210C\66M1111-5-21\300MW亚临界机组</t>
  </si>
  <si>
    <t>【东方锅炉】管子\φ57×6.3\SA-210C\66M1111-5-22\300MW亚临界机组</t>
  </si>
  <si>
    <t>【东方锅炉】管子\φ57×6.3\SA-210C\66M1111-5-23\300MW亚临界机组</t>
  </si>
  <si>
    <t>【东方锅炉】管子\φ57×6.3\SA-210C\66M1111-5-24\300MW亚临界机组</t>
  </si>
  <si>
    <t>【东方锅炉】管子\φ57×6.3\SA-210C\66M1111-5-25\300MW亚临界机组</t>
  </si>
  <si>
    <t>【东方锅炉】管子\φ57×6.3\SA-210C\66M1111-5-26\300MW亚临界机组</t>
  </si>
  <si>
    <t>【东方锅炉】管子\φ57×6.3\SA-210C\66M1111-5-27\300MW亚临界机组</t>
  </si>
  <si>
    <t>【东方锅炉】管子\φ57×6.3\SA-210C\66M1111-5-28\300MW亚临界机组</t>
  </si>
  <si>
    <t>【东方锅炉】管子\φ57×6.3\SA-210C\66M1111-5-29\300MW亚临界机组</t>
  </si>
  <si>
    <t>【东方锅炉】钢板\δ10\15CrMo\66M1111-5-30\300MW亚临界机组</t>
  </si>
  <si>
    <t>【东方锅炉】钢板\δ6\15CrMo\66M1111-5-31\300MW亚临界机组</t>
  </si>
  <si>
    <t>【东方锅炉】钢板\δ6\15CrMo\66M1111-5-32\300MW亚临界机组</t>
  </si>
  <si>
    <t>【东方锅炉】钢板\δ6\15CrMo\66M1111-5-33\300MW亚临界机组</t>
  </si>
  <si>
    <t>【东方锅炉】钢板\δ6\15CrMo\66M1111-5-34\300MW亚临界机组</t>
  </si>
  <si>
    <t>【东方锅炉】钢板\δ6\15CrMo\66M1111-5-35\300MW亚临界机组</t>
  </si>
  <si>
    <t>【东方锅炉】钢板\δ6\15CrMo\66M1111-5-36\300MW亚临界机组</t>
  </si>
  <si>
    <t>【东方锅炉】销钉\φ25.4/φ12.7;L=29\Q235A\66M1111-5-37\300MW亚临界机组</t>
  </si>
  <si>
    <t>【东方锅炉】钢板\δ6 30×150\15CrMo\66M1111-0\300MW亚临界机组</t>
  </si>
  <si>
    <t>【东方锅炉】钢板\δ6 600×2000\15CrMo\66M1111-0\300MW亚临界机组</t>
  </si>
  <si>
    <t>【东方锅炉】管子\φ57×8\SA-210C\66M1114-1-2\300MW亚临界机组</t>
  </si>
  <si>
    <t>【东方锅炉】管子\φ57×6.3\SA-210C\66M1114-1-4\300MW亚临界机组</t>
  </si>
  <si>
    <t>【东方锅炉】管子\φ57×8\SA-210C\66M1114-1-6\300MW亚临界机组</t>
  </si>
  <si>
    <t>【东方锅炉】钢板\δ20\15CrMog\66M1114-1-9\300MW亚临界机组</t>
  </si>
  <si>
    <t>【东方锅炉】钢板\δ10\15CrMog\66M1114-1-10\300MW亚临界机组</t>
  </si>
  <si>
    <t>【东方锅炉】钢板\δ12\15CrMog\66M1114-1-11\300MW亚临界机组</t>
  </si>
  <si>
    <t>【东方锅炉】螺栓\35CrMoA\47YR02-3</t>
  </si>
  <si>
    <t>【东方锅炉】管子\φ57×6.3\SA-210C\66M1115-1-1\300MW亚临界机组</t>
  </si>
  <si>
    <t>【东方锅炉】管子\φ57×6.3\SA-210C\66M1115-1-2\300MW亚临界机组</t>
  </si>
  <si>
    <t>【东方锅炉】钢板\δ6\15CrMo\66M1115-1-3\300MW亚临界机组</t>
  </si>
  <si>
    <t>【东方锅炉】管子\φ57×8\SA-210C\66M1115-1-5\300MW亚临界机组</t>
  </si>
  <si>
    <t>【东方锅炉】钢板\δ20\15CrMog\66M1115-1-8\300MW亚临界机组</t>
  </si>
  <si>
    <t>【东方锅炉】钢板\δ10\15CrMog\66M1115-1-9\300MW亚临界机组</t>
  </si>
  <si>
    <t>【东方锅炉】钢板\δ20\15CrMog\66M1115-1-11\300MW亚临界机组</t>
  </si>
  <si>
    <t>【东方锅炉】钢板\δ10\15CrMog\66M1115-1-12\300MW亚临界机组</t>
  </si>
  <si>
    <t>【东方锅炉】钢板\δ12\15CrMog\66M1115-1-13\300MW亚临界机组</t>
  </si>
  <si>
    <t>【东方锅炉】钢板\δ6\15CrMo\66M1115-2-1\300MW亚临界机组</t>
  </si>
  <si>
    <t>【东方锅炉】钢板\δ20\15CrMog\66M1115-3-2\300MW亚临界机组</t>
  </si>
  <si>
    <t>【东方锅炉】管子\φ57×6.3\SA-210C\66M1115-6-1\300MW亚临界机组</t>
  </si>
  <si>
    <t>【东方锅炉】管子\φ57×6.3\SA-210C\66M1115-6-2\300MW亚临界机组</t>
  </si>
  <si>
    <t>【东方锅炉】管子\φ57×6.3\SA-210C\66M1115-6-3\300MW亚临界机组</t>
  </si>
  <si>
    <t>【东方锅炉】管子\φ57×6.3\SA-210C\66M1115-6-4\300MW亚临界机组</t>
  </si>
  <si>
    <t>【东方锅炉】胀缩管\φ76×8/φ57×8\SA-210C\66M1121-1-1\300MW亚临界机组</t>
  </si>
  <si>
    <t>【东方锅炉】胀缩管\φ76×8/φ57×8\SA-210C\66M1121-1-2\300MW亚临界机组</t>
  </si>
  <si>
    <t>【东方锅炉】胀缩管\φ76×8/φ57×8\SA-210C\66M1121-1-3\300MW亚临界机组</t>
  </si>
  <si>
    <t>【东方锅炉】胀缩管\φ76×8/φ57×8\SA-210C\66M1121-1-4\300MW亚临界机组</t>
  </si>
  <si>
    <t>【东方锅炉】胀缩管\φ76×8/φ57×8\SA-210C\66M1121-1-5\300MW亚临界机组</t>
  </si>
  <si>
    <t>【东方锅炉】胀缩管\φ76×8/φ57×8\SA-210C\66M1121-1-6\300MW亚临界机组</t>
  </si>
  <si>
    <t>【东方锅炉】螺栓\35CrMoA\50YR02-3/№1</t>
  </si>
  <si>
    <t>【东方锅炉】螺栓\35CrMoA\197YR02-3</t>
  </si>
  <si>
    <t>【东方锅炉】销钉\φ25.4/φ12.7;L=29\Q235A\66M1121-1-7\300MW亚临界机组</t>
  </si>
  <si>
    <t>【东方锅炉】胀缩管\φ76×8/φ57×8\SA-210C\66M1121-2-1\300MW亚临界机组</t>
  </si>
  <si>
    <t>【东方锅炉】胀缩管\φ76×8/φ57×8\SA-210C\66M1121-2-2\300MW亚临界机组</t>
  </si>
  <si>
    <t>【东方锅炉】胀缩管\φ76×8/φ57×8\SA-210C\66M1121-2-3\300MW亚临界机组</t>
  </si>
  <si>
    <t>【东方锅炉】胀缩管\φ76×8/φ57×8\SA-210C\66M1121-2-4\300MW亚临界机组</t>
  </si>
  <si>
    <t>【东方锅炉】胀缩管\φ76×8/φ57×8\SA-210C\66M1121-2-5\300MW亚临界机组</t>
  </si>
  <si>
    <t>【东方锅炉】螺栓\35CrMoA\49YR02-15/№1</t>
  </si>
  <si>
    <t>【东方锅炉】管子\φ76×8\SA-210C\66M1121-3-1\300MW亚临界机组</t>
  </si>
  <si>
    <t>【东方锅炉】胀缩管\φ76×8/φ57×8 №1\SA-210C\66M1121-3-2\300MW亚临界机组</t>
  </si>
  <si>
    <t>【东方锅炉】胀缩管\φ76×8/φ57×8 №2\SA-210C\66M1121-3-2\300MW亚临界机组</t>
  </si>
  <si>
    <t>【东方锅炉】胀缩管\φ76×8/φ57×8 №3\SA-210C\66M1121-3-2\300MW亚临界机组</t>
  </si>
  <si>
    <t>【东方锅炉】胀缩管\φ76×8/φ57×8 №4\SA-210C\66M1121-3-2\300MW亚临界机组</t>
  </si>
  <si>
    <t>【东方锅炉】胀缩管\φ76×8/φ57×8 №5\SA-210C\66M1121-3-2\300MW亚临界机组</t>
  </si>
  <si>
    <t>【东方锅炉】胀缩管\φ76×8/φ57×8 №6\SA-210C\66M1121-3-2\300MW亚临界机组</t>
  </si>
  <si>
    <t>【东方锅炉】胀缩管\φ76×8/φ57×8 №7\SA-210C\66M1121-3-2\300MW亚临界机组</t>
  </si>
  <si>
    <t>【东方锅炉】胀缩管\φ76×8/φ57×8 №8\SA-210C\66M1121-3-2\300MW亚临界机组</t>
  </si>
  <si>
    <t>【东方锅炉】胀缩管\φ76×8/φ57×8 №9\SA-210C\66M1121-3-2\300MW亚临界机组</t>
  </si>
  <si>
    <t>【东方锅炉】胀缩管\φ76×8/φ57×8 №10\SA-210C\66M1121-3-2\300MW亚临界机组</t>
  </si>
  <si>
    <t>【东方锅炉】胀缩管\φ76×8/φ57×8 №11\SA-210C\66M1121-3-2\300MW亚临界机组</t>
  </si>
  <si>
    <t>【东方锅炉】胀缩管\φ76×8/φ57×8 №12\SA-210C\66M1121-3-2\300MW亚临界机组</t>
  </si>
  <si>
    <t>【东方锅炉】胀缩管\φ76×8/φ57×8 №13\SA-210C\66M1121-3-2\300MW亚临界机组</t>
  </si>
  <si>
    <t>【东方锅炉】胀缩管\φ76×8/φ57×8 №14\SA-210C\66M1121-3-2\300MW亚临界机组</t>
  </si>
  <si>
    <t>【东方锅炉】胀缩管\φ76×8/φ57×8 №15\SA-210C\66M1121-3-2\300MW亚临界机组</t>
  </si>
  <si>
    <t>【东方锅炉】胀缩管\φ76×8/φ57×8 №16\SA-210C\66M1121-3-2\300MW亚临界机组</t>
  </si>
  <si>
    <t>【东方锅炉】胀缩管\φ76×8/φ57×8 №17\SA-210C\66M1121-3-2\300MW亚临界机组</t>
  </si>
  <si>
    <t>【东方锅炉】胀缩管\φ76×8/φ57×8\SA-210C\66M1121-3-3\300MW亚临界机组</t>
  </si>
  <si>
    <t>【东方锅炉】钢板\δ6 500×200\15CrMo\66M1121-0\300MW亚临界机组</t>
  </si>
  <si>
    <t>【东方锅炉】钢板\δ25 №1\15CrMo\66M1121-3-4\300MW亚临界机组</t>
  </si>
  <si>
    <t>【东方锅炉】钢板\δ25 №2\15CrMo\66M1121-3-4\300MW亚临界机组</t>
  </si>
  <si>
    <t>【东方锅炉】钢板\δ25\15CrMo\66M1121-3-5\300MW亚临界机组</t>
  </si>
  <si>
    <t>【东方锅炉】胀缩管\φ76×8/φ57×8 №18\SA-210C\66M1121-3-2\300MW亚临界机组</t>
  </si>
  <si>
    <t>【东方锅炉】管子\φ76×8\SA-210C\66M1121-3-6\300MW亚临界机组</t>
  </si>
  <si>
    <t>【东方锅炉】管子\φ76×8\SA-210C\66M1121-5\300MW亚临界机组</t>
  </si>
  <si>
    <t>【东方锅炉】管子\φ76×8\SA-210C\66M1121-6-0\300MW亚临界机组</t>
  </si>
  <si>
    <t>【东方锅炉】管子\φ76×8\SA-210C\66M1121-7-0\300MW亚临界机组</t>
  </si>
  <si>
    <t>【东方锅炉】胀缩管\φ76×8/φ57×8\SA-210C\66M1123-1-1\300MW亚临界机组</t>
  </si>
  <si>
    <t>【东方锅炉】胀缩管\φ76×8/φ57×8\SA-210C\66M1123-1-2\300MW亚临界机组</t>
  </si>
  <si>
    <t>【东方锅炉】胀缩管\φ76×8/φ57×8\SA-210C\66M1123-1-3\300MW亚临界机组</t>
  </si>
  <si>
    <t>【东方锅炉】胀缩管\φ76×8/φ57×8\SA-210C\66M1123-1-4\300MW亚临界机组</t>
  </si>
  <si>
    <t>【东方锅炉】胀缩管\φ76×8/φ57×8\SA-210C\66M1123-1-5\300MW亚临界机组</t>
  </si>
  <si>
    <t>【东方锅炉】胀缩管\φ76×8/φ57×8\SA-210C\66M1123-1-6\300MW亚临界机组</t>
  </si>
  <si>
    <t>【东方锅炉】胀缩管\φ76×8/φ57×8\SA-210C\66M1123-1-7\300MW亚临界机组</t>
  </si>
  <si>
    <t>【东方锅炉】胀缩管\φ76×8/φ57×8\SA-210C\66M1123-1-8\300MW亚临界机组</t>
  </si>
  <si>
    <t>【东方锅炉】胀缩管\φ76×8/φ57×8\SA-210C\66M1123-1-9\300MW亚临界机组</t>
  </si>
  <si>
    <t>【东方锅炉】胀缩管\φ76×8/φ57×8\SA-210C\66M1123-1-10\300MW亚临界机组</t>
  </si>
  <si>
    <t>【东方锅炉】胀缩管\φ76×8/φ57×8\SA-210C\66M1123-1-11\300MW亚临界机组</t>
  </si>
  <si>
    <t>【东方锅炉】胀缩管\φ76×8/φ57×8\SA-210C\66M1123-1-12\300MW亚临界机组</t>
  </si>
  <si>
    <t>【东方锅炉】胀缩管\φ76×8/φ57×8\SA-210C\66M1123-2-1\300MW亚临界机组</t>
  </si>
  <si>
    <t>【东方锅炉】胀缩管\φ76×8/φ57×8\SA-210C\66M1123-2-2\300MW亚临界机组</t>
  </si>
  <si>
    <t>【东方锅炉】胀缩管\φ76×8/φ57×8\SA-210C\66M1123-2-3\300MW亚临界机组</t>
  </si>
  <si>
    <t>【东方锅炉】胀缩管\φ76×8/φ57×8\SA-210C\66M1123-2-4\300MW亚临界机组</t>
  </si>
  <si>
    <t>【东方锅炉】胀缩管\φ76×8/φ57×8\SA-210C\66M1123-2-5\300MW亚临界机组</t>
  </si>
  <si>
    <t>【东方锅炉】胀缩管\φ76×8/φ57×8\SA-210C\66M1123-2-6\300MW亚临界机组</t>
  </si>
  <si>
    <t>【东方锅炉】螺栓\35CrMoA\50YR02-3/№2</t>
  </si>
  <si>
    <t>【东方锅炉】管子\φ76×8 №1\SA-210C\66M1125-1-1\300MW亚临界机组</t>
  </si>
  <si>
    <t>【东方锅炉】管子\φ76×8 №2\SA-210C\66M1125-1-1\300MW亚临界机组</t>
  </si>
  <si>
    <t>【东方锅炉】管子\φ76×8 №3\SA-210C\66M1125-1-1\300MW亚临界机组</t>
  </si>
  <si>
    <t>【东方锅炉】管子\φ76×8 №4\SA-210C\66M1125-1-1\300MW亚临界机组</t>
  </si>
  <si>
    <t>【东方锅炉】管子\φ76×8 №5\SA-210C\66M1125-1-1\300MW亚临界机组</t>
  </si>
  <si>
    <t>【东方锅炉】管子\φ76×8 №6\SA-210C\66M1125-1-1\300MW亚临界机组</t>
  </si>
  <si>
    <t>【东方锅炉】管子\φ76×8 №7\SA-210C\66M1125-1-1\300MW亚临界机组</t>
  </si>
  <si>
    <t>【东方锅炉】管子\φ76×8\SA-210C\66M1125-1-2\300MW亚临界机组</t>
  </si>
  <si>
    <t>【东方锅炉】管子\φ76×8\SA-210C\66M1125-1-3\300MW亚临界机组</t>
  </si>
  <si>
    <t>【东方锅炉】管子\φ76×8\SA-210C\66M1125-1-4\300MW亚临界机组</t>
  </si>
  <si>
    <t>【东方锅炉】管子\φ76×8 №8\SA-210C\66M1125-1-1\300MW亚临界机组</t>
  </si>
  <si>
    <t>【东方锅炉】管子\φ76×8 №9\SA-210C\66M1125-1-1\300MW亚临界机组</t>
  </si>
  <si>
    <t>【东方锅炉】管子\φ76×8 №10\SA-210C\66M1125-1-1\300MW亚临界机组</t>
  </si>
  <si>
    <t>【东方锅炉】管子\φ76×8 №11\SA-210C\66M1125-1-1\300MW亚临界机组</t>
  </si>
  <si>
    <t>【东方锅炉】管子\φ76×8 №12\SA-210C\66M1125-1-1\300MW亚临界机组</t>
  </si>
  <si>
    <t>【东方锅炉】管子\φ76×8\SA-210C\66M1125-2-1\300MW亚临界机组</t>
  </si>
  <si>
    <t>【东方锅炉】管子\φ76×8\SA-210C\66M1125-2-2\300MW亚临界机组</t>
  </si>
  <si>
    <t>【东方锅炉】管子\φ76×8\SA-210C\66M1125-2-3\300MW亚临界机组</t>
  </si>
  <si>
    <t>【东方锅炉】管子\φ76×8\SA-210C\66M1125-2-4\300MW亚临界机组</t>
  </si>
  <si>
    <t>【东方锅炉】管子\φ76×8 №13\SA-210C\66M1125-1-1\300MW亚临界机组</t>
  </si>
  <si>
    <t>【东方锅炉】管子\φ76×8\SA-210C\66M1125-2-5\300MW亚临界机组</t>
  </si>
  <si>
    <t>【东方锅炉】管子\φ76×8\SA-210C\66M1125-2-6\300MW亚临界机组</t>
  </si>
  <si>
    <t>【东方锅炉】管子\φ76×8\SA-210C\66M1125-2-7\300MW亚临界机组</t>
  </si>
  <si>
    <t>【东方锅炉】管子\φ76×8\SA-210C\66M1125-3-1\300MW亚临界机组</t>
  </si>
  <si>
    <t>【东方锅炉】管子\φ76×8\SA-210C\66M1125-3-2\300MW亚临界机组</t>
  </si>
  <si>
    <t>【东方锅炉】管子\φ76×8\SA-210C\66M1125-3-3\300MW亚临界机组</t>
  </si>
  <si>
    <t>【东方锅炉】管子\φ76×8\SA-210C\66M1125-3-4\300MW亚临界机组</t>
  </si>
  <si>
    <t>【东方锅炉】管子\φ76×8\SA-210C\66M1125-3-5\300MW亚临界机组</t>
  </si>
  <si>
    <t>【东方锅炉】管子\φ76×8\SA-210C\66M1125-3-6\300MW亚临界机组</t>
  </si>
  <si>
    <t>【东方锅炉】加强板\δ15\15CrMo\66M1125-4-1\300MW亚临界机组</t>
  </si>
  <si>
    <t>【东方锅炉】钢板\δ10\15CrMo\66M1125-4-2\300MW亚临界机组</t>
  </si>
  <si>
    <t>【东方锅炉】管子\φ57×8\15CrMoG\66M1131-1-1\300MW亚临界机组</t>
  </si>
  <si>
    <t>【东方锅炉】管接头\φ57\15CrMoG\66M1131-1-1\300MW亚临界机组</t>
  </si>
  <si>
    <t>【东方锅炉】钢板\δ6\15CrMo\66M1131-1-2\300MW亚临界机组</t>
  </si>
  <si>
    <t>【东方锅炉】钢板\δ6\15CrMo\66M1131-1-3\300MW亚临界机组</t>
  </si>
  <si>
    <t>【东方锅炉】管子\φ76×8\SA-210C\66M1141-1-1\300MW亚临界机组</t>
  </si>
  <si>
    <t>【东方锅炉】管子\φ76×8\SA-210C\66M1141-1-2\300MW亚临界机组</t>
  </si>
  <si>
    <t>【东方锅炉】管子\φ76×8\SA-210C\66M1141-1-3\300MW亚临界机组</t>
  </si>
  <si>
    <t>【东方锅炉】塞块\δ6\15CrMo\66M1141-1-4\300MW亚临界机组</t>
  </si>
  <si>
    <t>【东方锅炉】钢板\δ6\15CrMo\66M1141-1-5\300MW亚临界机组</t>
  </si>
  <si>
    <t>【东方锅炉】钢板\δ6\15CrMo\66M1141-1-6\300MW亚临界机组</t>
  </si>
  <si>
    <t>【东方锅炉】塞块\δ6\15CrMo\66M1141-2-1\300MW亚临界机组</t>
  </si>
  <si>
    <t>【东方锅炉】钢板\δ6\15CrMo\66M1141-2-2\300MW亚临界机组</t>
  </si>
  <si>
    <t>【东方锅炉】管子\φ76×8\SA-210C\66M1141-3\300MW亚临界机组</t>
  </si>
  <si>
    <t>【东方锅炉】钢板\δ6 130×98\15CrMo\66M1141-0\300MW亚临界机组</t>
  </si>
  <si>
    <t>【东方锅炉】钢板\δ6 130×1142\15CrMo\66M1141-0\300MW亚临界机组</t>
  </si>
  <si>
    <t>【东方锅炉】管子\φ76×8\SA-210C\66M1142-1-1\300MW亚临界机组</t>
  </si>
  <si>
    <t>【东方锅炉】管子\φ76×8\SA-210C\66M1142-1-2\300MW亚临界机组</t>
  </si>
  <si>
    <t>【东方锅炉】管子\φ76×8\SA-210C\66M1142-1-3\300MW亚临界机组</t>
  </si>
  <si>
    <t>【东方锅炉】管子\φ76×8\SA-210C\66M1142-2-1\300MW亚临界机组</t>
  </si>
  <si>
    <t>【东方锅炉】管子\φ76×8\SA-210C\66M1143-1-1\300MW亚临界机组</t>
  </si>
  <si>
    <t>【东方锅炉】管子\φ76×8\SA-210C\66M1143-1-2\300MW亚临界机组</t>
  </si>
  <si>
    <t>【东方锅炉】管子\φ76×8\SA-210C\66M1143-1-3\300MW亚临界机组</t>
  </si>
  <si>
    <t>【东方锅炉】管子\φ76×8\SA-210C\66M1143-1-4\300MW亚临界机组</t>
  </si>
  <si>
    <t>【东方锅炉】螺栓\35CrMoA\89YR02/№2</t>
  </si>
  <si>
    <t>【东方锅炉】钢板\δ6\15CrMo\66M1143-1-5\300MW亚临界机组</t>
  </si>
  <si>
    <t>【东方锅炉】钢板\δ6\15CrMo\66M1143-1-6\300MW亚临界机组</t>
  </si>
  <si>
    <t>【东方锅炉】钢板\δ6\15CrMo\66M1143-1-7\300MW亚临界机组</t>
  </si>
  <si>
    <t>【东方锅炉】钢板\δ6\15CrMo\66M1143-1-8\300MW亚临界机组</t>
  </si>
  <si>
    <t>【东方锅炉】钢板\δ6\15CrMo\66M1143-5\300MW亚临界机组</t>
  </si>
  <si>
    <t>【东方锅炉】钢板\δ6\15CrMo\66M1143-6\300MW亚临界机组</t>
  </si>
  <si>
    <t>【东方锅炉】管子\φ60×4\20G\66M118-1-1\300MW亚临界机组</t>
  </si>
  <si>
    <t>【东方锅炉】管子\φ60×6\20G\66M118-1-2\300MW亚临界机组</t>
  </si>
  <si>
    <t>【东方锅炉】蛇型管\φ60×4\20G\66M118-1-3\300MW亚临界机组</t>
  </si>
  <si>
    <t>【东方锅炉】钢板\δ10\20g\66M118-1-4\300MW亚临界机组</t>
  </si>
  <si>
    <t>【东方锅炉】连接管\φ60×5\20G\66M118-2\300MW亚临界机组</t>
  </si>
  <si>
    <t>【东方锅炉】连接管\φ60×5\20G\66M118-3\300MW亚临界机组</t>
  </si>
  <si>
    <t>【东方锅炉】连接管\φ60×5\20G\66M118-4\300MW亚临界机组</t>
  </si>
  <si>
    <t>【东方锅炉】钢板\δ6\Q235A\66M118-5\300MW亚临界机组</t>
  </si>
  <si>
    <t>【东方锅炉】孔板\δ10\20g\66M118-6\300MW亚临界机组</t>
  </si>
  <si>
    <t>【东方锅炉】弯管\φ48×6\20G\66M119-1-1\300MW亚临界机组</t>
  </si>
  <si>
    <t>【东方锅炉】弯管\φ48×6\20G\66M119-1-2\300MW亚临界机组</t>
  </si>
  <si>
    <t>【东方锅炉】弯管\φ48×6\20G\66M119-1-3\300MW亚临界机组</t>
  </si>
  <si>
    <t>【东方锅炉】孔板\δ12\1Cr20Ni14Si2\66M119-1-5\300MW亚临界机组</t>
  </si>
  <si>
    <t>【东方锅炉】套管\φ60×5 L=80\1Cr18Ni9Ti\66M119-1-4\300MW亚临界机组</t>
  </si>
  <si>
    <t>【东方锅炉】套管\φ60×5 L=50\1Cr18Ni9Ti\66M119-1-4\300MW亚临界机组</t>
  </si>
  <si>
    <t>【东方锅炉】方钢\50×50×50\1Cr18Ni9Ti\66M119-1-4\300MW亚临界机组</t>
  </si>
  <si>
    <t>【东方锅炉】钢板\δ16\Q235A\66M119-1-7\300MW亚临界机组</t>
  </si>
  <si>
    <t>【东方锅炉】钢板\δ10\Q235A\66M119-1-8\300MW亚临界机组</t>
  </si>
  <si>
    <t>【东方锅炉】钢板\δ10\Q235A\66M119-1-9\300MW亚临界机组</t>
  </si>
  <si>
    <t>【东方锅炉】螺栓\35#\89YR61/№2</t>
  </si>
  <si>
    <t>【东方锅炉】钢板\δ10\1Cr18Ni9Ti\66M119-1-10\300MW亚临界机组</t>
  </si>
  <si>
    <t>【东方锅炉】钢板\δ10\Q235A\66M119-1-11\300MW亚临界机组</t>
  </si>
  <si>
    <t>【东方锅炉】钢板\δ10\1Cr18Ni9Ti\66M119-1-12\300MW亚临界机组</t>
  </si>
  <si>
    <t>【东方锅炉】钢板\δ10\1Cr18Ni9Ti\66M119-1-13\300MW亚临界机组</t>
  </si>
  <si>
    <t>【东方锅炉】钢板\δ10 560×1700\1Cr18Ni9Ti\66M119-0\300MW亚临界机组</t>
  </si>
  <si>
    <t>【东方锅炉】钢板\δ10 390×60\Q235A\66M119-0\300MW亚临界机组</t>
  </si>
  <si>
    <t>【东方锅炉】钢板\δ10\0Cr25Ni20\66M119-2-1\300MW亚临界机组</t>
  </si>
  <si>
    <t>【东方锅炉】钢板\δ10 70×1308\0Cr25Ni20\66M119-0\300MW亚临界机组</t>
  </si>
  <si>
    <t>【东方锅炉】支柱\35×35 L＝450\0Cr25Ni20\66M119-2-0\300MW亚临界机组</t>
  </si>
  <si>
    <t>【东方锅炉】支柱\35×35 L＝450\0Cr25Ni20\66M119-3-0\300MW亚临界机组</t>
  </si>
  <si>
    <t>【东方锅炉】钢板\δ12\Q235A\66M119-4-1\300MW亚临界机组</t>
  </si>
  <si>
    <t>【东方锅炉】钢板\δ8\Q235A\66M119-4-0\300MW亚临界机组</t>
  </si>
  <si>
    <t>【东方锅炉】螺栓\35CrMoA\28YR02-3/№2</t>
  </si>
  <si>
    <t>【东方锅炉】限位块\10×10 L=240\Q235A\66M119-0\300MW亚临界机组</t>
  </si>
  <si>
    <t>【东方锅炉】插座\L=118\15CrMo\DG4758-2002\300MW亚临界机组</t>
  </si>
  <si>
    <t>【东方锅炉】蛇型管\φ51×7\SA-213T2\66M212-1-1\300MW亚临界机组</t>
  </si>
  <si>
    <t>【东方锅炉】蛇型管\φ51×7\SA-213T2\66M212-1-2\300MW亚临界机组</t>
  </si>
  <si>
    <t>【东方锅炉】蛇型管\φ51×7\SA-213T2\66M212-1-3\300MW亚临界机组</t>
  </si>
  <si>
    <t>【东方锅炉】蛇型管\φ51×7\SA-213T2\66M212-1-4\300MW亚临界机组</t>
  </si>
  <si>
    <t>【东方锅炉】蛇型管\φ51×7\SA-213T2\66M212-1-5\300MW亚临界机组</t>
  </si>
  <si>
    <t>【东方锅炉】管子\φ63.5×7.5\SA-213T2\66M212-1-6\300MW亚临界机组</t>
  </si>
  <si>
    <t>【东方锅炉】管子\φ63.5×7.5\SA-213T2\66M212-1-7\300MW亚临界机组</t>
  </si>
  <si>
    <t>【东方锅炉】管子\φ63.5×7.5\SA-213T2\66M212-1-8\300MW亚临界机组</t>
  </si>
  <si>
    <t>【东方锅炉】胀缩管\φ63.5×7.5/φ51×7.5\SA-213T2\66M212-1-9\300MW亚临界机组</t>
  </si>
  <si>
    <t>【东方锅炉】胀缩管\φ63.5×7.5/φ51×7.5\SA-213T2\66M212-1-10\300MW亚临界机组</t>
  </si>
  <si>
    <t>【东方锅炉】扁钢\δ16\1Cr20Ni14Si2\66M212-0\300MW亚临界机组</t>
  </si>
  <si>
    <t>【东方锅炉】钢板\δ40\1Cr20Ni14Si2\66M212-1-12\300MW亚临界机组</t>
  </si>
  <si>
    <t>【东方锅炉】套管\φ44.5×4.57 L＝20\SA-213TP310S\66M212-1-0\300MW亚临界机组</t>
  </si>
  <si>
    <t>【东方锅炉】套管\φ44.5×4.57 L＝40\SA-213TP310S\66M212-1-0\300MW亚临界机组</t>
  </si>
  <si>
    <t>【东方锅炉】套管\φ44.5×4.57 L＝36\SA-213TP310S\66M212-1-0\300MW亚临界机组</t>
  </si>
  <si>
    <t>【东方锅炉】套管\φ44.5×4.57 L＝38\SA-213TP310S\66M212-1-0\300MW亚临界机组</t>
  </si>
  <si>
    <t>【东方锅炉】半圆板\φ51\1Cr20Ni14Si2\TG21029-2005\300MW亚临界机组</t>
  </si>
  <si>
    <t>【东方锅炉】管子\φ51×8\SA-213T2\66M212-3-0\300MW亚临界机组</t>
  </si>
  <si>
    <t>【东方锅炉】管子\φ51×8\SA-213T2\66M212-4-0\300MW亚临界机组</t>
  </si>
  <si>
    <t>【东方锅炉】管子\φ63.5×7.5\SA-213T2\66M212-5-0\300MW亚临界机组</t>
  </si>
  <si>
    <t>【东方锅炉】螺栓\35CrMoA\43YR02-15</t>
  </si>
  <si>
    <t>【东方锅炉】管子\φ63.5×7.5\SA-213T2\66M212-6-0\300MW亚临界机组</t>
  </si>
  <si>
    <t>【东方锅炉】管子\φ51×6.3\SA-213T2\66M212-8\300MW亚临界机组</t>
  </si>
  <si>
    <t>【东方锅炉】管子\φ51×6.3\SA-213T2\66M212-9\300MW亚临界机组</t>
  </si>
  <si>
    <t>【东方锅炉】管子\φ51×6.3\SA-213T2\66M212-10\300MW亚临界机组</t>
  </si>
  <si>
    <t>【东方锅炉】管子\φ51×6.3\SA-213T2\66M212-11\300MW亚临界机组</t>
  </si>
  <si>
    <t>【东方锅炉】管子\φ51×6.3\SA-213T2\66M212-12\300MW亚临界机组</t>
  </si>
  <si>
    <t>【东方锅炉】管子\φ51×6.3\SA-213T2\66M212-13\300MW亚临界机组</t>
  </si>
  <si>
    <t>【东方锅炉】管子\φ51×6.3\SA-213T2\66M212-14\300MW亚临界机组</t>
  </si>
  <si>
    <t>【东方锅炉】管子\φ51×6.3\SA-213T2\66M212-15\300MW亚临界机组</t>
  </si>
  <si>
    <t>【东方锅炉】管子\φ51×6.3\SA-213T2\66M212-16\300MW亚临界机组</t>
  </si>
  <si>
    <t>【东方锅炉】管子\φ51×6.3\SA-213T2\66M212-17\300MW亚临界机组</t>
  </si>
  <si>
    <t>【东方锅炉】管夹\δ8\1Cr20Ni14Si2\66M212-18-1\300MW亚临界机组</t>
  </si>
  <si>
    <t>【东方锅炉】钢板\δ12\1Cr20Ni14Si2\66M212-18-2\300MW亚临界机组</t>
  </si>
  <si>
    <t>【东方锅炉】钢板\δ10 40×80\1Cr20Ni14Si2\66M212-0\300MW亚临界机组</t>
  </si>
  <si>
    <t>【东方锅炉】管夹\δ8\1Cr20Ni14Si2\66M212-19-1\300MW亚临界机组</t>
  </si>
  <si>
    <t>【东方锅炉】钢板\δ12\1Cr20Ni14Si2\66M212-19-2\300MW亚临界机组</t>
  </si>
  <si>
    <t>【东方锅炉】钢板\δ8\1Cr20Ni14Si2\66M212-19-3\300MW亚临界机组</t>
  </si>
  <si>
    <t>【东方锅炉】钢板\δ12\1Cr20Ni14Si2\66M212-19-4\300MW亚临界机组</t>
  </si>
  <si>
    <t>【东方锅炉】管夹\δ8\1Cr20Ni14Si2\66M212-20-1\300MW亚临界机组</t>
  </si>
  <si>
    <t>【东方锅炉】钢板\δ12\1Cr20Ni14Si2\66M212-20-2\300MW亚临界机组</t>
  </si>
  <si>
    <t>【东方锅炉】管夹\δ8\1Cr20Ni14Si2\66M212-21-1\300MW亚临界机组</t>
  </si>
  <si>
    <t>【东方锅炉】钢板\δ12\SA-210C\66M212-21-2\300MW亚临界机组</t>
  </si>
  <si>
    <t>【东方锅炉】钢板\δ8\SA-210C\66M212-21-3\300MW亚临界机组</t>
  </si>
  <si>
    <t>【东方锅炉】钢板\δ8\SA-210C\66M212-22-1\300MW亚临界机组</t>
  </si>
  <si>
    <t>【东方锅炉】钢板\δ12\SA-210C\66M212-22-2\300MW亚临界机组</t>
  </si>
  <si>
    <t>【东方锅炉】钢板\δ8\SA-210C\66M212-24-1\300MW亚临界机组</t>
  </si>
  <si>
    <t>【东方锅炉】管夹\δ8\SA-210C\66M212-25-1\300MW亚临界机组</t>
  </si>
  <si>
    <t>【东方锅炉】钢板\δ12\SA-210C\66M212-25-2\300MW亚临界机组</t>
  </si>
  <si>
    <t>【东方锅炉】螺栓\SA-210C\49YR02-15/№2</t>
  </si>
  <si>
    <t>【东方锅炉】管子\φ57×7\SA-210C\66M2142-1-1\300MW亚临界机组</t>
  </si>
  <si>
    <t>【东方锅炉】钢板\δ6\20#\66M2141-1-2\300MW亚临界机组</t>
  </si>
  <si>
    <t>【东方锅炉】钢板\δ6\20#\66M2141-1-3\300MW亚临界机组</t>
  </si>
  <si>
    <t>【东方锅炉】管子\φ57×7\20#\66M2141-3-1\300MW亚临界机组</t>
  </si>
  <si>
    <t>【东方锅炉】管子\φ57×7\20#\66M2141-3-2\300MW亚临界机组</t>
  </si>
  <si>
    <t>【东方锅炉】管子\φ57×7\20#\66M2141-3-3\300MW亚临界机组</t>
  </si>
  <si>
    <t>【东方锅炉】钢板\δ6\20#\66M2141-2-7\300MW亚临界机组</t>
  </si>
  <si>
    <t>【东方锅炉】钢板\δ6\20#\66M2141-2-8\300MW亚临界机组</t>
  </si>
  <si>
    <t>【东方锅炉】钢板\δ6\SA-210C\66M2141-2-9\300MW亚临界机组</t>
  </si>
  <si>
    <t>【东方锅炉】管子\φ57×7\20#\66M2141-2-1\300MW亚临界机组</t>
  </si>
  <si>
    <t>【东方锅炉】管子\φ57×7\20#\66M2141-2-2\300MW亚临界机组</t>
  </si>
  <si>
    <t>【东方锅炉】管子\φ57×7\SA-210C\66M2141-2-3\300MW亚临界机组</t>
  </si>
  <si>
    <t>【东方锅炉】管子\φ57×7\20#\66M2141-2-4\300MW亚临界机组</t>
  </si>
  <si>
    <t>【东方锅炉】管子\φ57×7\SA-210C\66M2141-2-5\300MW亚临界机组</t>
  </si>
  <si>
    <t>【东方锅炉】管子\φ57×7\20#\66M2141-2-6\300MW亚临界机组</t>
  </si>
  <si>
    <t>【东方锅炉】管子\φ57×7\20#\66M2143-1-1\300MW亚临界机组</t>
  </si>
  <si>
    <t>【东方锅炉】螺栓\№19\SA-210C\158YR/№29</t>
  </si>
  <si>
    <t>【东方锅炉】螺栓\SA-210C\49YR02-15/№3</t>
  </si>
  <si>
    <t>【东方锅炉】钢板\δ6\SA-210C\66M2143-1-3\300MW亚临界机组</t>
  </si>
  <si>
    <t>【东方锅炉】钢板\δ6\SA-210C\66M2143-1-4\300MW亚临界机组</t>
  </si>
  <si>
    <t>【东方锅炉】钢板\δ6\SA-210C\66M2143-1-5\300MW亚临界机组</t>
  </si>
  <si>
    <t>【东方锅炉】管子\φ57×7\SA-210C\66M2145-1-1\300MW亚临界机组</t>
  </si>
  <si>
    <t>【东方锅炉】管子\φ57×7\SA-210C\66M2145-1-2\300MW亚临界机组</t>
  </si>
  <si>
    <t>【东方锅炉】管子\φ57×7\SA-210C\66M2145-1-3\300MW亚临界机组</t>
  </si>
  <si>
    <t>【东方锅炉】连接板\δ10\SA-210C\66M2145-1-4\300MW亚临界机组</t>
  </si>
  <si>
    <t>【东方锅炉】钢板\δ30\SA-210C\66M2145-1-5\300MW亚临界机组</t>
  </si>
  <si>
    <t>【东方锅炉】钢板\δ30\SA-210C\66M2145-1-6\300MW亚临界机组</t>
  </si>
  <si>
    <t>【东方锅炉】钢板\δ6\SA-210C\66M2145-1-7\300MW亚临界机组</t>
  </si>
  <si>
    <t>【东方锅炉】钢板\δ6\SA-210C\66M2145-1-8\300MW亚临界机组</t>
  </si>
  <si>
    <t>【东方锅炉】钢板\δ6\SA-210C\66M2145-1-9\300MW亚临界机组</t>
  </si>
  <si>
    <t>【东方锅炉】钢板\δ6\SA-210C\66M2145-1-10\300MW亚临界机组</t>
  </si>
  <si>
    <t>【东方锅炉】梳型板\δ6\SA-210C\66M2145-1-11\300MW亚临界机组</t>
  </si>
  <si>
    <t>【东方锅炉】管子\φ57×7\SA-210C\66M2145-1-12\300MW亚临界机组</t>
  </si>
  <si>
    <t>【东方锅炉】管子\φ57×7\SA-210C\66M2145-1-13\300MW亚临界机组</t>
  </si>
  <si>
    <t>【东方锅炉】梳型板\δ6\SA-210C\66M2145-2-1\300MW亚临界机组</t>
  </si>
  <si>
    <t>【东方锅炉】管子\φ57×7\SA-210C\66M2145-3-1\300MW亚临界机组</t>
  </si>
  <si>
    <t>【东方锅炉】钢板\δ30\SA-210C\66M2145-3-2\300MW亚临界机组</t>
  </si>
  <si>
    <t>【东方锅炉】螺栓\SA-210C\142YR61</t>
  </si>
  <si>
    <t>【东方锅炉】钢板\δ6\SA-210C\66M2145-3-4\300MW亚临界机组</t>
  </si>
  <si>
    <t>【东方锅炉】管子\φ57×7\SA-210C\66M2145-4-1\300MW亚临界机组</t>
  </si>
  <si>
    <t>【东方锅炉】螺栓\SA-210C\256YR02-5</t>
  </si>
  <si>
    <t>【东方锅炉】管子\φ57×7\SA-210C\66M2145-6-1\300MW亚临界机组</t>
  </si>
  <si>
    <t>【东方锅炉】管子\φ57×7\SA-210C\66M2145-7\300MW亚临界机组</t>
  </si>
  <si>
    <t>【东方锅炉】管子\φ57×7\SA-210C\66M2145-8\300MW亚临界机组</t>
  </si>
  <si>
    <t>【东方锅炉】管子\φ57×7\SA-210C\66M2145-9\300MW亚临界机组</t>
  </si>
  <si>
    <t>【东方锅炉】管子\φ57×7\SA-210C\66M2145-10\300MW亚临界机组</t>
  </si>
  <si>
    <t>【东方锅炉】盖板\№.1\SA-210C\66M33-1\300MW亚临界机组</t>
  </si>
  <si>
    <t>【东方锅炉】盖板\№.1\SA-210C\66M33-2\300MW亚临界机组</t>
  </si>
  <si>
    <t>【东方锅炉】压板\№.1\SA-210C\66M33-3\300MW亚临界机组</t>
  </si>
  <si>
    <t>【东方锅炉】盖板\δ3\SA-210C\66M33-4\300MW亚临界机组</t>
  </si>
  <si>
    <t>【东方锅炉】钢板\δ5 96.7×50\SA-210C\66M33-0\300MW亚临界机组</t>
  </si>
  <si>
    <t>【东方锅炉】盖板\№.1\SA-210C\66M33-5\300MW亚临界机组</t>
  </si>
  <si>
    <t>【东方锅炉】弯杆\φ4\SA-210C\66M33-6\300MW亚临界机组</t>
  </si>
  <si>
    <t>【东方锅炉】钢板\δ5 145×50\SA-210C\66M33-0\300MW亚临界机组</t>
  </si>
  <si>
    <t>【东方锅炉】盖板\δ3\SA-210C\66M33-7\300MW亚临界机组</t>
  </si>
  <si>
    <t>【东方锅炉】盖板\№.2\SA-210C\66M33-1\300MW亚临界机组</t>
  </si>
  <si>
    <t>【东方锅炉】压板\№.2\SA-210C\66M33-3\300MW亚临界机组</t>
  </si>
  <si>
    <t>【东方锅炉】盖板\№.2\SA-210C\66M33-5\300MW亚临界机组</t>
  </si>
  <si>
    <t>【东方锅炉】盖板\№.2\SA-210C\66M33-2\300MW亚临界机组</t>
  </si>
  <si>
    <t>【东方锅炉】螺栓\SA-210C\275YR61-6/№2</t>
  </si>
  <si>
    <t>【东方锅炉】螺栓\SA-210C\59YR02-15</t>
  </si>
  <si>
    <t>【东方锅炉】双头螺栓\M12-6g×70\20#\DG3005-1997\300MW亚临界机组</t>
  </si>
  <si>
    <t>【东方锅炉】法兰\150-40-4.5\20#\DG3130-2005\300MW亚临界机组</t>
  </si>
  <si>
    <t>【东方锅炉】法兰\100-40-4.5\SA-210C\DG3130-2005\300MW亚临界机组</t>
  </si>
  <si>
    <t>【东方锅炉】法兰\32-40-3.5\20#\DG3130-2005\300MW亚临界机组</t>
  </si>
  <si>
    <t>【东方锅炉】螺母\M26\SA-210C\LM-1\600MW超临界机组</t>
  </si>
  <si>
    <t>【东方锅炉】螺母\M10\SA-210C\TGP00559/№2\350MW超临界机组</t>
  </si>
  <si>
    <t>【东方锅炉】管接头\№7 dk80\20#\DG3210.1-2004\300MW亚临界机组</t>
  </si>
  <si>
    <t>【东方锅炉】管接头\№5 dk50\S30815\DG3210.1-2004\300MW亚临界机组</t>
  </si>
  <si>
    <t>【东方锅炉】管接头\№8 dk99\20#\DG3210.1-2004\300MW亚临界机组</t>
  </si>
  <si>
    <t>【东方锅炉】母管\DN50×25×50\SA-210C\66M141-0\300MW亚临界机组</t>
  </si>
  <si>
    <t>【东方锅炉】弯头\φPN4.0 DN80\SA-210C\66M141-0\300MW亚临界机组</t>
  </si>
  <si>
    <t>【东方锅炉】弯头\φPN4.0 DN100\SA-210C\66M141-0\300MW亚临界机组</t>
  </si>
  <si>
    <t>【东方锅炉】螺杆\M16-6g\20#\28M531-2-16/№2\300MW亚临界机组</t>
  </si>
  <si>
    <t>【东方锅炉】连接件\φ76×9\20#\38M1111-1-0\300MW亚临界机组</t>
  </si>
  <si>
    <t>【东方锅炉】连接件\φ76×9\20#\38M1111-1-3\300MW亚临界机组</t>
  </si>
  <si>
    <t>【东方锅炉】连接件\φ76×9\16Cr20Ni14Si2\38M1112-1-0\300MW亚临界机组</t>
  </si>
  <si>
    <t>【东方锅炉】连接件\φ76×9\20#\38M1131-1-0\300MW亚临界机组</t>
  </si>
  <si>
    <t>【东方锅炉】垫圈\DN80\1Cr18Ni9Ti\DG3119-2006\300MW亚临界机组</t>
  </si>
  <si>
    <t>【东方锅炉】垫圈\DN25\SA-210C\DG3119-2006\300MW亚临界机组</t>
  </si>
  <si>
    <t>【东方锅炉】斜座\R45\20#\DG4751-2002\300MW亚临界机组</t>
  </si>
  <si>
    <t>【东方锅炉】斜座\R54\20#\DG4751-2002\300MW亚临界机组</t>
  </si>
  <si>
    <t>【东方锅炉】斜座\R29\20#\DG4751-2002\300MW亚临界机组</t>
  </si>
  <si>
    <t>【东方锅炉】连接件\φ76×9\SA-210C\38M1141-1-0\300MW亚临界机组</t>
  </si>
  <si>
    <t>【东方锅炉】管接头\№2 dk50\SA-210C\TG245.1-92\300MW亚临界机组</t>
  </si>
  <si>
    <t>【东方锅炉】端盖\φ159×4.5\20#\DG4780-2006\300MW亚临界机组</t>
  </si>
  <si>
    <t>【东方锅炉】连接件\φ133×16\20#\38M1143-1-0\300MW亚临界机组</t>
  </si>
  <si>
    <t>【东方锅炉】U型螺栓\M10-6g/32-40\20#\DG3002-93\300MW亚临界机组</t>
  </si>
  <si>
    <t>【东方锅炉】连接件\φ133×16\20#\LJJ-40\300MW亚临界机组</t>
  </si>
  <si>
    <t>【东方锅炉】连接件\φ20\20#\LJJ-41\300MW亚临界机组</t>
  </si>
  <si>
    <t>【东方锅炉】管接头\φ76×8\SA-210C\DG3284-2003\300MW亚临界机组</t>
  </si>
  <si>
    <t>【东方锅炉】钢板\δ12 300×125\20#\66M141-0\300MW亚临界机组</t>
  </si>
  <si>
    <t>【东方锅炉】钢板\δ12\SA-210C\66M141-1-5\300MW亚临界机组</t>
  </si>
  <si>
    <t>【东方锅炉】钢板\δ12\SA-210C\66M141-1-6\300MW亚临界机组</t>
  </si>
  <si>
    <t>【东方锅炉】连接件\φ20\SA-210C\LJJ-42\300MW亚临界机组</t>
  </si>
  <si>
    <t>【东方锅炉】圆弧板\δ10\SA-210C\66M141-1-7\300MW亚临界机组</t>
  </si>
  <si>
    <t>【东方锅炉】圆弧板\δ4\SA-210C\66M141-1-8\300MW亚临界机组</t>
  </si>
  <si>
    <t>【东方锅炉】连接件\L=250\SA-210C\LJJ-43\660MW超临界机组</t>
  </si>
  <si>
    <t>【东方锅炉】钢板\δ6\SA-210C\66M141-1-9\300MW亚临界机组</t>
  </si>
  <si>
    <t>【东方锅炉】钢板\δ6\SA-210C\66M141-1-10\300MW亚临界机组</t>
  </si>
  <si>
    <t>【东方锅炉】圆弧板\δ4\SA-210C\66M141-1-11\300MW亚临界机组</t>
  </si>
  <si>
    <t>【东方锅炉】钢板\δ4 725×50\SA-210C\66M143-0\300MW亚临界机组</t>
  </si>
  <si>
    <t>【东方锅炉】钢板\δ4 680×50\SA-210C\66M143-0\300MW亚临界机组</t>
  </si>
  <si>
    <t>【东方锅炉】钢板\δ12\SA-210C\66M143-1-2\300MW亚临界机组</t>
  </si>
  <si>
    <t>【东方锅炉】圆弧板\δ4\SA-210C\66M143-1-3\300MW亚临界机组</t>
  </si>
  <si>
    <t>【东方锅炉】钢板\δ4 350×50\SA-210C\66M143-0\300MW亚临界机组</t>
  </si>
  <si>
    <t>【东方锅炉】钢板\δ4 590×50\SA-210C\66M143-0\300MW亚临界机组</t>
  </si>
  <si>
    <t>【东方锅炉】钢板\δ4 770×50\SA-210C\66M143-0\300MW亚临界机组</t>
  </si>
  <si>
    <t>【东方锅炉】钢板\δ4 520×50\SA-210C\66M143-0\300MW亚临界机组</t>
  </si>
  <si>
    <t>【东方锅炉】钢板\δ6\20#\66M143-1-4\300MW亚临界机组</t>
  </si>
  <si>
    <t>【东方锅炉】管接头\φ57×6.3\20#\66M144-1-2\300MW亚临界机组</t>
  </si>
  <si>
    <t>【东方锅炉】端盖\φ298.5/φ223.5\20#\66M144-1-4\300MW亚临界机组</t>
  </si>
  <si>
    <t>【东方锅炉】连接板\δ6 №2\20#\22S813-22\1000MW超超临界机组</t>
  </si>
  <si>
    <t>【东方锅炉】连接板\δ6 №3\20#\22S813-22\1000MW超超临界机组</t>
  </si>
  <si>
    <t>【东方锅炉】连接板\δ6 №2\20#\22S813-26\1000MW超超临界机组</t>
  </si>
  <si>
    <t>【东方锅炉】钢板\δ20\20#\66M144-1-7\300MW亚临界机组</t>
  </si>
  <si>
    <t>【东方锅炉】弧板\δ10\20#\66M144-1-8\300MW亚临界机组</t>
  </si>
  <si>
    <t>【东方锅炉】连接板\δ20\20#\TG61165-2002/№1\300MW亚临界机组</t>
  </si>
  <si>
    <t>【东方锅炉】钢板\δ20\SA-210C\66M144-1-10\300MW亚临界机组</t>
  </si>
  <si>
    <t>【东方锅炉】钢板\δ25 656.4×364\SA-210C\66M144-0\300MW亚临界机组</t>
  </si>
  <si>
    <t>【东方锅炉】钢板\δ25 656.4×375\SA-210C\66M144-0\300MW亚临界机组</t>
  </si>
  <si>
    <t>【东方锅炉】钢板\δ25\SA-210C\66M146-1-3\300MW亚临界机组</t>
  </si>
  <si>
    <t>【东方锅炉】钢板\δ25\SA-210C\66M146-1-4\300MW亚临界机组</t>
  </si>
  <si>
    <t>【东方锅炉】钢板\δ25\SA-210C\66M146-1-5\300MW亚临界机组</t>
  </si>
  <si>
    <t>【东方锅炉】钢板\δ25\SA-210C\66M146-1-6\300MW亚临界机组</t>
  </si>
  <si>
    <t>【东方锅炉】钢板\δ10 680×395\SA-210C\66M146-0\300MW亚临界机组</t>
  </si>
  <si>
    <t>【东方锅炉】钢板\δ5 680×395\SA-210C\66M146-0\300MW亚临界机组</t>
  </si>
  <si>
    <t>【东方锅炉】钢板\δ2 680×395\SA-210C\66M146-0\300MW亚临界机组</t>
  </si>
  <si>
    <t>【东方锅炉】钢板\δ25\20#\66M146-1-7\300MW亚临界机组</t>
  </si>
  <si>
    <t>【东方锅炉】弧板\δ10\20#\66M146-1-8\300MW亚临界机组</t>
  </si>
  <si>
    <t>【东方锅炉】端盖\φ63.5×7.5\20#\66M146-2-3\300MW亚临界机组</t>
  </si>
  <si>
    <t>【东方锅炉】钢板\δ25\20#\66M146-2-4\300MW亚临界机组</t>
  </si>
  <si>
    <t>【东方锅炉】钢板\δ25\SA-210C\66M146-2-5\300MW亚临界机组</t>
  </si>
  <si>
    <t>【东方锅炉】钢板\δ25\SA-210C\66M146-2-6\300MW亚临界机组</t>
  </si>
  <si>
    <t>【东方锅炉】钢板\δ25\SA-210C\66M146-2-7\300MW亚临界机组</t>
  </si>
  <si>
    <t>【东方锅炉】钢板\δ25 656.4×374\SA-210C\66M146-0\300MW亚临界机组</t>
  </si>
  <si>
    <t>【东方锅炉】钢板\δ25 656.4×359\16Cr20Ni14Si2\66M146-0\300MW亚临界机组</t>
  </si>
  <si>
    <t>【东方锅炉】钢板\δ10 680×390\SA-210C\66M146-0\300MW亚临界机组</t>
  </si>
  <si>
    <t>【东方锅炉】钢板\δ5 680×390\20#\66M146-0\300MW亚临界机组</t>
  </si>
  <si>
    <t>【东方锅炉】钢板\δ2 680×390\SA-210C\66M146-0\300MW亚临界机组</t>
  </si>
  <si>
    <t>【东方锅炉】钢板\δ25\SA-210C\66M146-2-8\300MW亚临界机组</t>
  </si>
  <si>
    <t>【东方锅炉】钢板\δ25\20#\66M146-4-4\300MW亚临界机组</t>
  </si>
  <si>
    <t>【东方锅炉】钢板\δ25\20#\66M146-4-5\300MW亚临界机组</t>
  </si>
  <si>
    <t>【东方锅炉】钢板\δ25\SA-210C\66M146-4-6\300MW亚临界机组</t>
  </si>
  <si>
    <t>【东方锅炉】钢板\δ25 605.6×375\SA-210C\66M146-0\300MW亚临界机组</t>
  </si>
  <si>
    <t>【东方锅炉】钢板\δ10 650×395\16Cr20Ni14Si2\66M146-0\300MW亚临界机组</t>
  </si>
  <si>
    <t>【东方锅炉】钢板\δ5 650×395\20#\66M146-0\300MW亚临界机组</t>
  </si>
  <si>
    <t>【东方锅炉】钢板\δ2 650×395\16Cr20Ni14Si2\66M146-0\300MW亚临界机组</t>
  </si>
  <si>
    <t>【东方锅炉】弧板\δ10\SA-210C\66M146-4-7\300MW亚临界机组</t>
  </si>
  <si>
    <t>【东方锅炉】连接板\δ10\20#\TG61165-2002/№1\330MW亚临界机组</t>
  </si>
  <si>
    <t>【东方锅炉】钢板\δ25 605.6×355\SA-210C\66M146-0\300MW亚临界机组</t>
  </si>
  <si>
    <t>【东方锅炉】端盖\φ298.5/φ223.5\Q235A\66M146-5-1\300MW亚临界机组</t>
  </si>
  <si>
    <t>【东方锅炉】管子\φ89×7\SA-210C\66M147-0\300MW亚临界机组</t>
  </si>
  <si>
    <t>【东方锅炉】管子\φ60×4\20#\66M147-1\300MW亚临界机组</t>
  </si>
  <si>
    <t>【东方锅炉】封头\φ89×7\SA-210C\66M147-2\300MW亚临界机组</t>
  </si>
  <si>
    <t>【东方锅炉】管接头\φ48×6\SA-210C\66M148-1-2\300MW亚临界机组</t>
  </si>
  <si>
    <t>【东方锅炉】钢板\δ10\SA-210C\66M148-1-4\300MW亚临界机组</t>
  </si>
  <si>
    <t>【东方锅炉】钢板\δ6\20#\66M148-3-1\300MW亚临界机组</t>
  </si>
  <si>
    <t>【东方锅炉】管接头\φ48×6 L=152\20#\66M148-4-0\300MW亚临界机组</t>
  </si>
  <si>
    <t>【东方锅炉】耳板\δ30\SA-210C\66M163-1-4\300MW亚临界机组</t>
  </si>
  <si>
    <t>【东方锅炉】管子\φ32×6\SA-210C\66M163-1-6\300MW亚临界机组</t>
  </si>
  <si>
    <t>【东方锅炉】耳板\δ20\SA-210C\66M164-1-12\300MW亚临界机组</t>
  </si>
  <si>
    <t>【东方锅炉】管子\φ51×7\20#\66M2171-1-1\300MW亚临界机组</t>
  </si>
  <si>
    <t>【东方锅炉】连接板\δ10\20#\TG61165-2002/№2\330MW亚临界机组</t>
  </si>
  <si>
    <t>【东方锅炉】管子\φ51×7\20#\66M2171-1-2\300MW亚临界机组</t>
  </si>
  <si>
    <t>【东方锅炉】连接板\δ10\Q235A\TG61165-2002/№3\300MW亚临界机组</t>
  </si>
  <si>
    <t>【东方锅炉】管子\φ51×7\Q235A\66M2171-1-3\300MW亚临界机组</t>
  </si>
  <si>
    <t>【东方锅炉】冷端蓄热元件\AH300\Q235A\47YR12-0</t>
  </si>
  <si>
    <t>【东方锅炉】管子\φ51×7\20#\66M2171-1-4\300MW亚临界机组</t>
  </si>
  <si>
    <t>【东方锅炉】冷端蓄热元件\BH300\20#\47YR12-0</t>
  </si>
  <si>
    <t>【东方锅炉】管子\φ51×7\20#\66M2171-1-5\300MW亚临界机组</t>
  </si>
  <si>
    <t>【东方锅炉】冷端蓄热元件\CH300\Q235A\47YR12-0</t>
  </si>
  <si>
    <t>【东方锅炉】冷端蓄热元件\DH300\Q235A\47YR12-0</t>
  </si>
  <si>
    <t>【东方锅炉】冷端蓄热元件\AH300\Q235A\31YR12-0</t>
  </si>
  <si>
    <t>【东方锅炉】冷端蓄热元件\BH300\Q235A\31YR12-0</t>
  </si>
  <si>
    <t>【东方锅炉】冷端蓄热元件\CH300\20#\31YR12-0</t>
  </si>
  <si>
    <t>【东方锅炉】冷端蓄热元件\DH300\Q245R\31YR12-0</t>
  </si>
  <si>
    <t>【东方锅炉】钢板\δ40\Q245R\66M2171-1-12\300MW亚临界机组</t>
  </si>
  <si>
    <t>【东方锅炉】套管\№.1\20#\66M2171-1-13\300MW亚临界机组</t>
  </si>
  <si>
    <t>【东方锅炉】冷端蓄热元件\AH300/1.0\20#\108YR11-1-0</t>
  </si>
  <si>
    <t>【东方锅炉】套管\№.2\Q245R\66M2171-1-13\300MW亚临界机组</t>
  </si>
  <si>
    <t>【东方锅炉】套管\№.3\Q245R\66M2171-1-13\300MW亚临界机组</t>
  </si>
  <si>
    <t>【东方锅炉】管子\φ63.5×7.5\20#\66M2171-2-0\300MW亚临界机组</t>
  </si>
  <si>
    <t>【东方锅炉】套管\φ76×5.6 L=140\20#\66M2171-2-0\300MW亚临界机组</t>
  </si>
  <si>
    <t>【东方锅炉】半圆板\L=40\Q245R\66M2171-2-0\300MW亚临界机组</t>
  </si>
  <si>
    <t>【东方锅炉】管子\φ63.5×7.5\Q245R\66M2171-3-0\300MW亚临界机组</t>
  </si>
  <si>
    <t>【东方锅炉】套管\φ76×5.6 L=140\SA-210C\66M2171-3-0\300MW亚临界机组</t>
  </si>
  <si>
    <t>【东方锅炉】半圆板\L=40\SA-210C\66M2171-3-0\300MW亚临界机组</t>
  </si>
  <si>
    <t>【东方锅炉】管子\φ63.5×7.5\SA-210C\66M2171-4-0\300MW亚临界机组</t>
  </si>
  <si>
    <t>【东方锅炉】套管\φ76×5.6 L=140\20#\66M2171-4-0\300MW亚临界机组</t>
  </si>
  <si>
    <t>【东方锅炉】管子\φ51×8\20#\66M2171-5-0\300MW亚临界机组</t>
  </si>
  <si>
    <t>【东方锅炉】套管\φ60×4 L=140\Q235A\66M2171-5-0\300MW亚临界机组</t>
  </si>
  <si>
    <t>【东方锅炉】半圆板\L=40\Q235A\66M2171-5-0\300MW亚临界机组</t>
  </si>
  <si>
    <t>【东方锅炉】管子\φ51×8\Q235A\66M2171-6-0\300MW亚临界机组</t>
  </si>
  <si>
    <t>【东方锅炉】套管\φ60×4 L=140\20#\66M2171-6-0\300MW亚临界机组</t>
  </si>
  <si>
    <t>【东方锅炉】半圆板\L=40\SA-210C\66M2171-6-0\300MW亚临界机组</t>
  </si>
  <si>
    <t>【东方锅炉】冷端蓄热元件\BH300/1.0\SA-210C\108YR11-2-0</t>
  </si>
  <si>
    <t>【东方锅炉】套管\φ60×4 L=140\SA-210C\66M2171-7-0\300MW亚临界机组</t>
  </si>
  <si>
    <t>【东方锅炉】管子\φ51×7.5\SA-210C\66M2171-8-0\300MW亚临界机组</t>
  </si>
  <si>
    <t>【东方锅炉】半圆板\φ60×4 L=40\SA-210C\66M2171-8-0\300MW亚临界机组</t>
  </si>
  <si>
    <t>【东方锅炉】管子\φ51×7.5\SA-210C\66M2171-9-0\300MW亚临界机组</t>
  </si>
  <si>
    <t>【东方锅炉】半圆板\L=40\SA-210C\66M2171-9-0\300MW亚临界机组</t>
  </si>
  <si>
    <t>【东方锅炉】管子\φ51×7.5\SA-210C\66M2171-10\300MW亚临界机组</t>
  </si>
  <si>
    <t>【东方锅炉】管子\φ51×7.5\SA-210C\66M2171-11\300MW亚临界机组</t>
  </si>
  <si>
    <t>【东方锅炉】管子\φ51×7.5\SA-210C\66M2171-12-0\300MW亚临界机组</t>
  </si>
  <si>
    <t>【东方锅炉】半圆板\L=40\SA-210C\66M2171-12-0\300MW亚临界机组</t>
  </si>
  <si>
    <t>【东方锅炉】管子\φ51×7.5\SA-210C\66M2171-13-0\300MW亚临界机组</t>
  </si>
  <si>
    <t>【东方锅炉】半圆板\L=40\SA-210C\66M2171-13-0\300MW亚临界机组</t>
  </si>
  <si>
    <t>【东方锅炉】管子\φ51×7.5\SA-210C\66M2171-14-0\300MW亚临界机组</t>
  </si>
  <si>
    <t>【东方锅炉】半圆板\L=40\SA-210C\66M2171-14-0\300MW亚临界机组</t>
  </si>
  <si>
    <t>【东方锅炉】管子\φ51×7.5\SA-210C\66M2171-15-0\300MW亚临界机组</t>
  </si>
  <si>
    <t>【东方锅炉】半圆板\L=40\SA-210C\66M2171-15-0\300MW亚临界机组</t>
  </si>
  <si>
    <t>【东方锅炉】管子\φ51×7.5\SA-210C\66M2171-16-0\300MW亚临界机组</t>
  </si>
  <si>
    <t>【东方锅炉】半圆板\L=40\SA-210C\66M2171-16-0\300MW亚临界机组</t>
  </si>
  <si>
    <t>【东方锅炉】管子\φ51×7.5\SA-210C\66M2171-17-0\300MW亚临界机组</t>
  </si>
  <si>
    <t>【东方锅炉】半圆板\L=40\SA-210C\66M2171-17-0\300MW亚临界机组</t>
  </si>
  <si>
    <t>【东方锅炉】管夹\δ8\20#\66M2171-18-1\300MW亚临界机组</t>
  </si>
  <si>
    <t>【东方锅炉】钢板\δ12\SA-210C\66M2171-18-2\300MW亚临界机组</t>
  </si>
  <si>
    <t>【东方锅炉】管夹\δ8\SA-210C\66M2171-19-1\300MW亚临界机组</t>
  </si>
  <si>
    <t>【东方锅炉】钢板\δ12\SA-210C\66M2171-19-2\300MW亚临界机组</t>
  </si>
  <si>
    <t>【东方锅炉】钢板\δ8\SA-210C\66M2171-19-3\300MW亚临界机组</t>
  </si>
  <si>
    <t>【东方锅炉】钢板\δ12\SA-210C\66M2171-19-4\300MW亚临界机组</t>
  </si>
  <si>
    <t>【东方锅炉】管夹\δ8\SA-210C\66M2171-20-1\300MW亚临界机组</t>
  </si>
  <si>
    <t>【东方锅炉】钢板\δ12\SA-210C\66M2171-20-2\300MW亚临界机组</t>
  </si>
  <si>
    <t>【东方锅炉】管夹\δ8\SA-210C\66M2171-21-1\300MW亚临界机组</t>
  </si>
  <si>
    <t>【东方锅炉】钢板\δ12\SA-210C\66M2171-21-2\300MW亚临界机组</t>
  </si>
  <si>
    <t>【东方锅炉】钢板\δ8\SA-210C\66M2171-21-3\300MW亚临界机组</t>
  </si>
  <si>
    <t>【东方锅炉】钢板\δ8\SA-210C\66M2171-22-1\300MW亚临界机组</t>
  </si>
  <si>
    <t>【东方锅炉】钢板\δ12\SA-210C\66M2171-22-2\300MW亚临界机组</t>
  </si>
  <si>
    <t>【东方锅炉】钢板\δ8\SA-210C\66M2171-24-1\300MW亚临界机组</t>
  </si>
  <si>
    <t>【东方锅炉】管夹\δ8\SA-210C\66M2171-25-1\300MW亚临界机组</t>
  </si>
  <si>
    <t>【东方锅炉】钢板\δ12\SA-210C\66M2171-25-2\300MW亚临界机组</t>
  </si>
  <si>
    <t>【东方锅炉】冷端蓄热元件\CH300/1.0\SA-210C\108YR11-3-0</t>
  </si>
  <si>
    <t>【东方锅炉】蛇型管\φ63.5×10\SA-210C\66M2172-1-1\300MW亚临界机组</t>
  </si>
  <si>
    <t>【东方锅炉】蛇型管\φ63.5×10\SA-210C\66M2172-1-2\300MW亚临界机组</t>
  </si>
  <si>
    <t>【东方锅炉】蛇型管\φ63.5×10\SA-210C\66M2172-1-3\300MW亚临界机组</t>
  </si>
  <si>
    <t>【东方锅炉】蛇型管\φ63.5×10\SA-210C\66M2172-1-4\300MW亚临界机组</t>
  </si>
  <si>
    <t>【东方锅炉】蛇型管\φ63.5×10\SA-210C\66M2172-1-5\300MW亚临界机组</t>
  </si>
  <si>
    <t>【东方锅炉】吊挂管\φ44.5×9.6\SA-210C\66M2172-1-6\300MW亚临界机组</t>
  </si>
  <si>
    <t>【东方锅炉】吊挂管\φ44.5×9.6\20#\66M2172-1-7\300MW亚临界机组</t>
  </si>
  <si>
    <t>【东方锅炉】异径分叉管\φ76×8/φ63.5×10\20#\TG21026-2005\300MW亚临界机组</t>
  </si>
  <si>
    <t>【东方锅炉】管子\φ76.1×8\1Cr20Ni14Si2\66M2172-1-8\300MW亚临界机组</t>
  </si>
  <si>
    <t>【东方锅炉】冷端蓄热元件\DH300/1.0\1Cr20Ni14Si2\108YR11-4-0</t>
  </si>
  <si>
    <t>【东方锅炉】冷端蓄热元件\AH300/1.0\1Cr20Ni14Si2\131YR11-1-0</t>
  </si>
  <si>
    <t>【东方锅炉】管子\φ76.1×8\ZG1Cr20Ni14Si2\66M2172-1-10\300MW亚临界机组</t>
  </si>
  <si>
    <t>【东方锅炉】管子\φ76.1×8\1Cr20Ni14Si2\66M2172-1-11\300MW亚临界机组</t>
  </si>
  <si>
    <t>【东方锅炉】管子\φ76.1×8\12Cr1MoVG\66M2172-1-12\300MW亚临界机组</t>
  </si>
  <si>
    <t>【东方锅炉】管子\φ76.1×8\Q235A\66M2172-1-13\300MW亚临界机组</t>
  </si>
  <si>
    <t>【东方锅炉】过渡管\φ63.5×8/φ51×8\12Cr1MoVG\66M2172-1-14\300MW亚临界机组</t>
  </si>
  <si>
    <t>【东方锅炉】冷端蓄热元件\BH300/1.0\Q235A\131YR11-2-0</t>
  </si>
  <si>
    <t>【东方锅炉】固定环\A δ5\12Cr1MoVG\66M2172-1-16\300MW亚临界机组</t>
  </si>
  <si>
    <t>【东方锅炉】固定环\B δ5\Q235A\66M2172-1-17\300MW亚临界机组</t>
  </si>
  <si>
    <t>【东方锅炉】半圆板\δ5\12Cr1MoVG\66M2172-1-18\300MW亚临界机组</t>
  </si>
  <si>
    <t>【东方锅炉】半圆板\φ63.5\装配件\TG21030-2005\300MW亚临界机组</t>
  </si>
  <si>
    <t>【东方锅炉】套管\φ57×5 L=47±0.5\12Cr1MoVG\66M2172-1-0\300MW亚临界机组</t>
  </si>
  <si>
    <t>【东方锅炉】冷端蓄热元件\CH300/1.0\ZG8Cr26Ni4Mn3NRe\131YR11-3-0</t>
  </si>
  <si>
    <t>【东方锅炉】冷端蓄热元件\DH300/1.0\12Cr1MoVG\131YR11-4-0</t>
  </si>
  <si>
    <t>【东方锅炉】管子\φ51×5.6\ZG8Cr26Ni4Mn3NRe\66M2172-2-1\300MW亚临界机组</t>
  </si>
  <si>
    <t>【东方锅炉】冷端蓄热元件\AH1000\12Cr1MoVG\169YR12-0</t>
  </si>
  <si>
    <t>【东方锅炉】管子\φ51×5.6\装配件\66M2172-2-2\300MW亚临界机组</t>
  </si>
  <si>
    <t>【东方锅炉】冷端蓄热元件\BH1000\12Cr1MoVG\169YR12-0</t>
  </si>
  <si>
    <t>【东方锅炉】管子\φ51×5.6\装配件\66M2172-2-3\300MW亚临界机组</t>
  </si>
  <si>
    <t>【东方锅炉】冷端蓄热元件\CH1000\12Cr1MoVG\169YR12-0</t>
  </si>
  <si>
    <t>【东方锅炉】管子\φ51×5.6\Q235A\66M2172-2-4\300MW亚临界机组</t>
  </si>
  <si>
    <t>【东方锅炉】吊挂管\φ33.7×7.5\12Cr1MoVG\66M2172-2-5\300MW亚临界机组</t>
  </si>
  <si>
    <t>【东方锅炉】吊挂管\φ33.7×7.5\装配件\66M2172-2-6\300MW亚临界机组</t>
  </si>
  <si>
    <t>【东方锅炉】固定环\A δ5\12Cr1MoVG\66M2172-2-7\300MW亚临界机组</t>
  </si>
  <si>
    <t>【东方锅炉】固定环\B δ5\装配件\66M2172-2-8\300MW亚临界机组</t>
  </si>
  <si>
    <t>【东方锅炉】半圆板\δ5\12Cr1MoVG\66M2172-2-9\300MW亚临界机组</t>
  </si>
  <si>
    <t>【东方锅炉】套管\φ44.5×4.57 L=38±0.5\装配件\66M2172-2-0\300MW亚临界机组</t>
  </si>
  <si>
    <t>【东方锅炉】套管\φ44.5×4.57 L=17±0.5\SA-213T91\66M2172-2-0\300MW亚临界机组</t>
  </si>
  <si>
    <t>【东方锅炉】冷端蓄热元件\DH1000\SA-213T91\169YR12-0</t>
  </si>
  <si>
    <t>【东方锅炉】管子\φ51×5.6\SA-213T91\66M2172-3-1\300MW亚临界机组</t>
  </si>
  <si>
    <t>【东方锅炉】过渡管\φ51×8/φ44.5×8\SA-213T91\66M2172-3-2\300MW亚临界机组</t>
  </si>
  <si>
    <t>【东方锅炉】冷端蓄热元件\AH300/1.0\SA-213T91\175YR11-1-0</t>
  </si>
  <si>
    <t>【东方锅炉】管子\φ51×5.6\SA-213T91\66M2172-3-3\300MW亚临界机组</t>
  </si>
  <si>
    <t>【东方锅炉】冷端蓄热元件\BH300/1.0\SA-213T91\175YR11-2-0</t>
  </si>
  <si>
    <t>【东方锅炉】管子\φ51×5.6\SA-213T91\66M2172-3-4\300MW亚临界机组</t>
  </si>
  <si>
    <t>【东方锅炉】冷端蓄热元件\CH300/1.0\SA-213T91\175YR11-3-0</t>
  </si>
  <si>
    <t>【东方锅炉】管子\φ51×5.6\SA-213T91\66M2172-3-5\300MW亚临界机组</t>
  </si>
  <si>
    <t>【东方锅炉】过渡管\φ51×8/φ44.5×8\SA-213T91\66M2172-3-5\300MW亚临界机组</t>
  </si>
  <si>
    <t>【东方锅炉】吊挂管\φ33.7×7.5\SA-213T91\66M2172-3-6\300MW亚临界机组</t>
  </si>
  <si>
    <t>【东方锅炉】吊挂管\φ33.7×7.5\SA-213T91\66M2172-3-7\300MW亚临界机组</t>
  </si>
  <si>
    <t>【东方锅炉】套管\φ44.5×4.57 L=38±0.5\SA-213T91\66M2172-3-0\300MW亚临界机组</t>
  </si>
  <si>
    <t>【东方锅炉】套管\φ44.5×4.57 L=17±0.5\SA-213T91\66M2172-3-0\300MW亚临界机组</t>
  </si>
  <si>
    <t>【东方锅炉】管子\φ44.5×9\SA-213T91\66M2172-4-0\300MW亚临界机组</t>
  </si>
  <si>
    <t>【东方锅炉】冷端蓄热元件\DH300/1.0\12Cr1MoVG\175YR11-4-0</t>
  </si>
  <si>
    <t>【东方锅炉】套管\φ57×5 L=140\12Cr1MoVG\66M2172-4-0\300MW亚临界机组</t>
  </si>
  <si>
    <t>【东方锅炉】半圆板\L＝40\12Cr1MoVG\66M2172-4-0\300MW亚临界机组</t>
  </si>
  <si>
    <t>【东方锅炉】管子\φ76.1×8\12Cr1MoVG\66M2172-5-0\300MW亚临界机组</t>
  </si>
  <si>
    <t>【东方锅炉】过渡管\φ76.1×8/φ63.5×8\12Cr1MoVG\66M2172-5-1\300MW亚临界机组</t>
  </si>
  <si>
    <t>【东方锅炉】套管\φ89×5.5 L＝200\12Cr1MoVG\66M2172-5-0\300MW亚临界机组</t>
  </si>
  <si>
    <t>【东方锅炉】半圆板\L＝40\12Cr1MoVG\66M2172-5-0\300MW亚临界机组</t>
  </si>
  <si>
    <t>【东方锅炉】管子\φ76.1×8\SA-213T91\66M2172-6-0\300MW亚临界机组</t>
  </si>
  <si>
    <t>【东方锅炉】套管\φ89×5.5 L＝140\SA-213T91\66M2172-6-0\300MW亚临界机组</t>
  </si>
  <si>
    <t>【东方锅炉】管子\φ57×9\SA-213T91\66M2172-7-0\300MW亚临界机组</t>
  </si>
  <si>
    <t>【东方锅炉】冷端蓄热元件\AH300/1.0\SA-213T91\199YR11-1-0</t>
  </si>
  <si>
    <t>【东方锅炉】套管\φ70×5.6 L=140\SA-213T91\66M2172-7-0\300MW亚临界机组</t>
  </si>
  <si>
    <t>【东方锅炉】管子\φ57×9\SA-213T91\66M2172-8-0\300MW亚临界机组</t>
  </si>
  <si>
    <t>【东方锅炉】套管\φ70×5.6 L=140\SA-213T91\66M2172-8-0\300MW亚临界机组</t>
  </si>
  <si>
    <t>【东方锅炉】管子\φ51×8\SA-213T91\66M2172-9-0\300MW亚临界机组</t>
  </si>
  <si>
    <t>【东方锅炉】套管\φ60×4 L=140\15CrMoG\66M2172-9-0\300MW亚临界机组</t>
  </si>
  <si>
    <t>【东方锅炉】半圆板\L=40\Q235A\66M2172-9-0\300MW亚临界机组</t>
  </si>
  <si>
    <t>【东方锅炉】管子\φ44.5×9\15CrMoG\66M2172-10-0\300MW亚临界机组</t>
  </si>
  <si>
    <t>【东方锅炉】套管\φ57×5 L=140\15CrMoG\66M2172-10-0\300MW亚临界机组</t>
  </si>
  <si>
    <t>【东方锅炉】半圆板\L＝40\35#\66M2172-10-0\300MW亚临界机组</t>
  </si>
  <si>
    <t>【东方锅炉】冷端蓄热元件\BH300/1.0\15CrMoG\199YR11-2-0</t>
  </si>
  <si>
    <t>【东方锅炉】套管\φ76×5.6 L=140\35#\66M2172-11-0\300MW亚临界机组</t>
  </si>
  <si>
    <t>【东方锅炉】管子\φ44.5×9.6\1Cr6Si2Mo\66M2172-12-1\300MW亚临界机组</t>
  </si>
  <si>
    <t>【东方锅炉】套管\φ57×5 L=140\1Cr6Si2Mo\66M2172-12-0\300MW亚临界机组</t>
  </si>
  <si>
    <t>【东方锅炉】冷端蓄热元件\CH300/1.0\ZG1Cr20Ni14Si2\199YR11-3-0</t>
  </si>
  <si>
    <t>【东方锅炉】钢板\δ3\15CrMoG\66M2172-12-3\300MW亚临界机组</t>
  </si>
  <si>
    <t>【东方锅炉】冷端蓄热元件\DH300/1.0\35#\199YR11-4-0</t>
  </si>
  <si>
    <t>【东方锅炉】管子\φ44.5×9.6\15CrMoG\66M2172-13-0\300MW亚临界机组</t>
  </si>
  <si>
    <t>【东方锅炉】半圆板\L＝40\35CrMoA\66M2172-13-0\300MW亚临界机组</t>
  </si>
  <si>
    <t>【东方锅炉】管子\φ51×7.5\15CrMoG\66M2172-14-0\300MW亚临界机组</t>
  </si>
  <si>
    <t>【东方锅炉】半圆板\L＝40\15CrMoG\66M2172-14-0\300MW亚临界机组</t>
  </si>
  <si>
    <t>【东方锅炉】管子\φ51×7.5\15CrMoG\66M2172-15-0\300MW亚临界机组</t>
  </si>
  <si>
    <t>【东方锅炉】半圆板\L＝40\15CrMoG\66M2172-15-0\300MW亚临界机组</t>
  </si>
  <si>
    <t>【东方锅炉】出口连接管\φ51×7.5\15CrMoG\66M2172-16\300MW亚临界机组</t>
  </si>
  <si>
    <t>【东方锅炉】出口连接管\φ51×7.5\15CrMoG\66M2172-17\300MW亚临界机组</t>
  </si>
  <si>
    <t>【东方锅炉】管子\φ51×7.5\15CrMoG\66M2172-18-0\300MW亚临界机组</t>
  </si>
  <si>
    <t>【东方锅炉】半圆板\L＝40\15CrMoG\66M2172-18-0\300MW亚临界机组</t>
  </si>
  <si>
    <t>【东方锅炉】管子\φ51×7.5\15CrMoG\66M2172-19-0\300MW亚临界机组</t>
  </si>
  <si>
    <t>【东方锅炉】半圆板\L＝40\15CrMoG\66M2172-19-0\300MW亚临界机组</t>
  </si>
  <si>
    <t>【东方锅炉】管子\φ51×7.5\15CrMoG\66M2172-20-0\300MW亚临界机组</t>
  </si>
  <si>
    <t>【东方锅炉】半圆板\L＝40\15CrMoG\66M2172-20-0\300MW亚临界机组</t>
  </si>
  <si>
    <t>【东方锅炉】管子\φ51×7.5\15CrMoG\66M2172-21-0\300MW亚临界机组</t>
  </si>
  <si>
    <t>【东方锅炉】半圆板\L＝40\15CrMoG\66M2172-21-0\300MW亚临界机组</t>
  </si>
  <si>
    <t>【东方锅炉】管子\φ51×7.5\15CrMoG\66M2172-22-0\300MW亚临界机组</t>
  </si>
  <si>
    <t>【东方锅炉】半圆板\L＝40\15CrMoG\66M2172-22-0\300MW亚临界机组</t>
  </si>
  <si>
    <t>【东方锅炉】管子\φ51×7.5\15CrMoG\66M2172-23-0\300MW亚临界机组</t>
  </si>
  <si>
    <t>【东方锅炉】半圆板\L＝40\15CrMoG\66M2172-23-0\300MW亚临界机组</t>
  </si>
  <si>
    <t>【东方锅炉】管子\φ44.5×9.6\SA-210C\66M2172-24-0\300MW亚临界机组</t>
  </si>
  <si>
    <t>【东方锅炉】半圆板\L＝40\SA-210C\66M2172-24-0\300MW亚临界机组</t>
  </si>
  <si>
    <t>【东方锅炉】管子\φ51×7.5\SA-210C\66M2172-25-0\300MW亚临界机组</t>
  </si>
  <si>
    <t>【东方锅炉】冷端蓄热元件\AH1000\SA-210C\202YR12-0</t>
  </si>
  <si>
    <t>【东方锅炉】套管\φ60×4 L=140\SA-210C\66M2172-25-0\300MW亚临界机组</t>
  </si>
  <si>
    <t>【东方锅炉】半圆板\L＝40\SA-210C\66M2172-25-0\300MW亚临界机组</t>
  </si>
  <si>
    <t>【东方锅炉】管子\φ51×7.5\SA-210C\66M2172-26-0\300MW亚临界机组</t>
  </si>
  <si>
    <t>【东方锅炉】套管\φ60×4 L=140\SA-210C\66M2172-26-0\300MW亚临界机组</t>
  </si>
  <si>
    <t>【东方锅炉】半圆板\L＝40\15CrMoG\66M2172-26-0\300MW亚临界机组</t>
  </si>
  <si>
    <t>【东方锅炉】管子\φ51×7.5\15CrMoG\66M2172-27-0\300MW亚临界机组</t>
  </si>
  <si>
    <t>【东方锅炉】套管\φ60×4 L＝140\15CrMoG\66M2172-27-0\300MW亚临界机组</t>
  </si>
  <si>
    <t>【东方锅炉】管子\φ51×7.5\15CrMoG\66M2172-28-0\300MW亚临界机组</t>
  </si>
  <si>
    <t>【东方锅炉】套管\φ60×4 L=140\15CrMoG\66M2172-28-0\300MW亚临界机组</t>
  </si>
  <si>
    <t>【东方锅炉】管子\φ51×7.5\15CrMoG\66M2172-29-0\300MW亚临界机组</t>
  </si>
  <si>
    <t>【东方锅炉】套管\φ60×4 L=140\15CrMoG\66M2172-29-0\300MW亚临界机组</t>
  </si>
  <si>
    <t>【东方锅炉】管子\φ51×7.5\15CrMoG\66M2172-30-0\300MW亚临界机组</t>
  </si>
  <si>
    <t>【东方锅炉】套管\φ60×4 L=140\SA-210C\66M2172-30-0\300MW亚临界机组</t>
  </si>
  <si>
    <t>【东方锅炉】管子\φ51×7.5\SA-210C\66M2172-31-0\300MW亚临界机组</t>
  </si>
  <si>
    <t>【东方锅炉】套管\φ60×4 L=140\SA-210C\66M2172-31-0\300MW亚临界机组</t>
  </si>
  <si>
    <t>【东方锅炉】管子\φ51×7.5\SA-210C\66M2172-32-0\300MW亚临界机组</t>
  </si>
  <si>
    <t>【东方锅炉】套管\φ60×4 L=140\SA-210C\66M2172-32-0\300MW亚临界机组</t>
  </si>
  <si>
    <t>【东方锅炉】管子\φ33.7×7.5\SA-210C\66M2172-33-0\300MW亚临界机组</t>
  </si>
  <si>
    <t>【东方锅炉】套管\φ42.4×4 L=140\SA-210C\66M2172-33-0\300MW亚临界机组</t>
  </si>
  <si>
    <t>【东方锅炉】半圆板\L＝40\SA-210C\66M2172-33-0\300MW亚临界机组</t>
  </si>
  <si>
    <t>【东方锅炉】套管\φ60×4 L=140\SA-210C\66M2172-34-0\300MW亚临界机组</t>
  </si>
  <si>
    <t>【东方锅炉】管子\φ33.7×7.5\SA-210C\66M2172-35-1\300MW亚临界机组</t>
  </si>
  <si>
    <t>【东方锅炉】套管\φ42×4 L=140\SA-210C\66M2172-35-0\300MW亚临界机组</t>
  </si>
  <si>
    <t>【东方锅炉】套管\№.1\SA-210C\66M2172-35-2\300MW亚临界机组</t>
  </si>
  <si>
    <t>【东方锅炉】钢板\δ3\SA-210C\66M2172-35-3\300MW亚临界机组</t>
  </si>
  <si>
    <t>【东方锅炉】套管\№.2\SA-210C\66M2172-35-2\300MW亚临界机组</t>
  </si>
  <si>
    <t>【东方锅炉】管子\φ33.7×7.5\SA-210C\66M2172-36-0\300MW亚临界机组</t>
  </si>
  <si>
    <t>【东方锅炉】半圆板\L＝40\SA-210C\66M2172-36-0\300MW亚临界机组</t>
  </si>
  <si>
    <t>【东方锅炉】管子\φ51×6.3\SA-210C\66M2172-37-0\300MW亚临界机组</t>
  </si>
  <si>
    <t>【东方锅炉】半圆板\L=40\SA-210C\66M2172-37-0\300MW亚临界机组</t>
  </si>
  <si>
    <t>【东方锅炉】管子\φ51×6.3\SA-210C\66M2172-38-0\300MW亚临界机组</t>
  </si>
  <si>
    <t>【东方锅炉】半圆板\L=40\SA-210C\66M2172-38-0\300MW亚临界机组</t>
  </si>
  <si>
    <t>【东方锅炉】出口连接管\φ51×6.3\SA-210C\66M2172-39\300MW亚临界机组</t>
  </si>
  <si>
    <t>【东方锅炉】出口连接管\φ51×6.3\SA-210C\66M2172-40\300MW亚临界机组</t>
  </si>
  <si>
    <t>【东方锅炉】管子\φ51×6.3\SA-210C\66M2172-41-0\300MW亚临界机组</t>
  </si>
  <si>
    <t>【东方锅炉】半圆板\L=40\15Crmo\66M2172-41-0\300MW亚临界机组</t>
  </si>
  <si>
    <t>【东方锅炉】管子\φ51×6.3\15Crmo\66M2172-42-0\300MW亚临界机组</t>
  </si>
  <si>
    <t>【东方锅炉】半圆板\L=40\15CrMo\66M2172-42-0\300MW亚临界机组</t>
  </si>
  <si>
    <t>【东方锅炉】管子\φ51×6.3\ZG16Cr20Ni14Si2\66M2172-43-0\300MW亚临界机组</t>
  </si>
  <si>
    <t>【东方锅炉】半圆板\L＝40\SA-210C\66M2172-43-0\300MW亚临界机组</t>
  </si>
  <si>
    <t>【东方锅炉】管子\φ51×6.3\Q235A\66M2172-44-0\300MW亚临界机组</t>
  </si>
  <si>
    <t>【东方锅炉】半圆板\L＝40\20G\66M2172-44-0\300MW亚临界机组</t>
  </si>
  <si>
    <t>【东方锅炉】管子\φ33.7×7.5\SA-210C\66M2172-45-0\300MW亚临界机组</t>
  </si>
  <si>
    <t>【东方锅炉】半圆板\L＝40\装配件\66M2172-45-0\300MW亚临界机组</t>
  </si>
  <si>
    <t>【东方锅炉】管子\φ44.5×8.5\12Cr1MoV\66M2172-46-0\300MW亚临界机组</t>
  </si>
  <si>
    <t>【东方锅炉】冷端蓄热元件\BH1000\SA-210C\202YR12-0</t>
  </si>
  <si>
    <t>【东方锅炉】套管\φ57×5 L=140\SA-210C\66M2172-46-0\300MW亚临界机组</t>
  </si>
  <si>
    <t>【东方锅炉】半圆板\L＝40\装配件\66M2172-46-0\300MW亚临界机组</t>
  </si>
  <si>
    <t>【东方锅炉】管子\φ44.5×8.5\SA-210C\66M2172-47-0\300MW亚临界机组</t>
  </si>
  <si>
    <t>【东方锅炉】套管\φ57×5 L=140\装配件\66M2172-47-0\300MW亚临界机组</t>
  </si>
  <si>
    <t>【东方锅炉】半圆板\L＝40\SA-210C\66M2172-47-0\300MW亚临界机组</t>
  </si>
  <si>
    <t>【东方锅炉】管子\φ44.5×8.5\SA-210C\66M2172-48-0\300MW亚临界机组</t>
  </si>
  <si>
    <t>【东方锅炉】套管\φ57×5 L=140\SA-210C\66M2172-48-0\300MW亚临界机组</t>
  </si>
  <si>
    <t>【东方锅炉】管子\φ44.5×8.5\20#\66M2172-49-0\300MW亚临界机组</t>
  </si>
  <si>
    <t>【东方锅炉】套管\φ57×5 L=140\20#\66M2172-49-0\300MW亚临界机组</t>
  </si>
  <si>
    <t>【东方锅炉】管子\φ44.5×9.6\SA-210C\66M2172-50-0\300MW亚临界机组</t>
  </si>
  <si>
    <t>【东方锅炉】套管\φ57×5 L=140\SA-210C\66M2172-50-0\300MW亚临界机组</t>
  </si>
  <si>
    <t>【东方锅炉】管子\φ44.5×9.6\SA-210C\66M2172-51-0\300MW亚临界机组</t>
  </si>
  <si>
    <t>【东方锅炉】套管\φ57×5 L=140\20#\66M2172-51-0\300MW亚临界机组</t>
  </si>
  <si>
    <t>【东方锅炉】管子\φ44.5×9.6\15CrMo\66M2172-52-0\300MW亚临界机组</t>
  </si>
  <si>
    <t>【东方锅炉】套管\φ57×5 L=140\SA-210C\66M2172-52-0\300MW亚临界机组</t>
  </si>
  <si>
    <t>【东方锅炉】管子\φ44.5×9.6\SA-210C\66M2172-53-0\300MW亚临界机组</t>
  </si>
  <si>
    <t>【东方锅炉】套管\φ57×5 L=140\装配件\66M2172-53-0\300MW亚临界机组</t>
  </si>
  <si>
    <t>【东方锅炉】管子\φ26.7×5.6\Q235A\66M2172-54-0\300MW亚临界机组</t>
  </si>
  <si>
    <t>【东方锅炉】过渡管\φ33.7×7.5/φ26.7×5.6\SA-210C\66M2172-54-1\300MW亚临界机组</t>
  </si>
  <si>
    <t>【东方锅炉】套管\φ33.7×3.2 L=140\SA-210C\66M2172-54-0\300MW亚临界机组</t>
  </si>
  <si>
    <t>【东方锅炉】半圆板\L＝40\SA-210C\66M2172-54-0\300MW亚临界机组</t>
  </si>
  <si>
    <t>【东方锅炉】过渡管\φ51×8/φ42.4×6.3\SA-210C\66M2172-55-1\300MW亚临界机组</t>
  </si>
  <si>
    <t>【东方锅炉】套管\φ60×4 L=140\15CrMo\66M2172-55-0\300MW亚临界机组</t>
  </si>
  <si>
    <t>【东方锅炉】管子\φ42.4×6.3\SA-210C\66M2172-56-0\300MW亚临界机组</t>
  </si>
  <si>
    <t>【东方锅炉】半圆板\L=40\SA-210C\66M2172-56-0\300MW亚临界机组</t>
  </si>
  <si>
    <t>【东方锅炉】管子\φ42.4×6.3\SA-210C\66M2172-57-0\300MW亚临界机组</t>
  </si>
  <si>
    <t>【东方锅炉】半圆板\L=40\SA-210C\66M2172-57-0\300MW亚临界机组</t>
  </si>
  <si>
    <t>【东方锅炉】出口连接管\φ42.4×6.3\SA-210C\66M2172-58\300MW亚临界机组</t>
  </si>
  <si>
    <t>【东方锅炉】出口连接管\φ42.4×6.3\SA-210C\66M2172-59\300MW亚临界机组</t>
  </si>
  <si>
    <t>【东方锅炉】管子\φ42.4×6.3\SA-210C\66M2172-60-0\300MW亚临界机组</t>
  </si>
  <si>
    <t>【东方锅炉】半圆板\L=40\SA-210C\66M2172-60-0\300MW亚临界机组</t>
  </si>
  <si>
    <t>【东方锅炉】管子\φ42.4×6.3\SA-210C\66M2172-61-0\300MW亚临界机组</t>
  </si>
  <si>
    <t>【东方锅炉】半圆板\L=40\SA-210C\66M2172-61-0\300MW亚临界机组</t>
  </si>
  <si>
    <t>【东方锅炉】管子\φ42.4×6.3\SA-210C\66M2172-62-0\300MW亚临界机组</t>
  </si>
  <si>
    <t>【东方锅炉】半圆板\L＝40\SA-210C\66M2172-62-0\300MW亚临界机组</t>
  </si>
  <si>
    <t>【东方锅炉】管子\φ42.4×6.3\SA-210C\66M2172-63-0\300MW亚临界机组</t>
  </si>
  <si>
    <t>【东方锅炉】半圆板\L＝40\SA-210C\66M2172-63-0\300MW亚临界机组</t>
  </si>
  <si>
    <t>【东方锅炉】管夹\δ8\SA-210C\66M2172-64-1\300MW亚临界机组</t>
  </si>
  <si>
    <t>【东方锅炉】钢板\δ12\SA-210C\66M2172-64-2\300MW亚临界机组</t>
  </si>
  <si>
    <t>【东方锅炉】钢板\δ8\SA-210C\66M2172-64-3\300MW亚临界机组</t>
  </si>
  <si>
    <t>【东方锅炉】钢板\δ12\20#\66M2172-64-4\300MW亚临界机组</t>
  </si>
  <si>
    <t>【东方锅炉】圆弧板\δ4\SA-210C\66M2172-64-5\300MW亚临界机组</t>
  </si>
  <si>
    <t>【东方锅炉】管夹\δ8\SA-210C\66M2172-65-1\300MW亚临界机组</t>
  </si>
  <si>
    <t>【东方锅炉】钢板\δ12\SA-210C\66M2172-65-2\300MW亚临界机组</t>
  </si>
  <si>
    <t>【东方锅炉】管夹\δ8\装配件\66M2172-66-1\300MW亚临界机组</t>
  </si>
  <si>
    <t>【东方锅炉】钢板\δ12\Q235B\66M2172-66-2\300MW亚临界机组</t>
  </si>
  <si>
    <t>【东方锅炉】管夹\δ8\SA-210C\66M2172-67-1\300MW亚临界机组</t>
  </si>
  <si>
    <t>【东方锅炉】钢板\δ12\SA-210C\66M2172-67-2\300MW亚临界机组</t>
  </si>
  <si>
    <t>【东方锅炉】钢板\δ8\SA-210C\66M2172-67-3\300MW亚临界机组</t>
  </si>
  <si>
    <t>【东方锅炉】钢板\δ8\SA-210C\66M2172-67-4\300MW亚临界机组</t>
  </si>
  <si>
    <t>【东方锅炉】钢板\δ8\20#\66M2172-67-5\300MW亚临界机组</t>
  </si>
  <si>
    <t>【东方锅炉】钢板\δ8\20#\66M2172-68\300MW亚临界机组</t>
  </si>
  <si>
    <t>【东方锅炉】管夹\δ8\20#\66M2172-69-1\300MW亚临界机组</t>
  </si>
  <si>
    <t>【东方锅炉】钢板\δ12\SA-210C\66M2172-69-2\300MW亚临界机组</t>
  </si>
  <si>
    <t>【东方锅炉】圆弧板\δ4\SA-210C\66M2172-69-3\300MW亚临界机组</t>
  </si>
  <si>
    <t>【东方锅炉】管夹\δ8\SA-210C\66M2172-70-1\300MW亚临界机组</t>
  </si>
  <si>
    <t>【东方锅炉】钢板\δ12\20#\66M2172-70-2\300MW亚临界机组</t>
  </si>
  <si>
    <t>【东方锅炉】管夹\δ8\SA-210C\66M2172-71-1\300MW亚临界机组</t>
  </si>
  <si>
    <t>【东方锅炉】钢板\δ12\SA-210C\66M2172-71-2\300MW亚临界机组</t>
  </si>
  <si>
    <t>【东方锅炉】钢板\δ8\SA-210C\66M2172-71-3\300MW亚临界机组</t>
  </si>
  <si>
    <t>【东方锅炉】管夹\δ8\SA-210C\66M2172-72-1\300MW亚临界机组</t>
  </si>
  <si>
    <t>【东方锅炉】钢板\δ12\SA-210C\66M2172-72-2\300MW亚临界机组</t>
  </si>
  <si>
    <t>【东方锅炉】管夹\δ8\SA-210C\66M2172-75-1\300MW亚临界机组</t>
  </si>
  <si>
    <t>【东方锅炉】钢板\δ8\SA-210C\66M2172-75-2\300MW亚临界机组</t>
  </si>
  <si>
    <t>【东方锅炉】钢板\δ12\SA-210C\66M2172-75-3\300MW亚临界机组</t>
  </si>
  <si>
    <t>【东方锅炉】管夹\δ8\SA-210C\66M2172-76-1\300MW亚临界机组</t>
  </si>
  <si>
    <t>【东方锅炉】管夹\δ8\SA-210C\66M2172-77-1\300MW亚临界机组</t>
  </si>
  <si>
    <t>【东方锅炉】管夹\δ8\SA-210C\66M2172-78-1\300MW亚临界机组</t>
  </si>
  <si>
    <t>【东方锅炉】管夹\δ8\SA-210C\66M2172-79-1\300MW亚临界机组</t>
  </si>
  <si>
    <t>【东方锅炉】管夹\δ8\SA-210C\66M2172-80-1\300MW亚临界机组</t>
  </si>
  <si>
    <t>【东方锅炉】钢板\δ8\SA-210C\66M2172-84-1\300MW亚临界机组</t>
  </si>
  <si>
    <t>【东方锅炉】钢板\δ8\SA-210C\66M2172-84-2\300MW亚临界机组</t>
  </si>
  <si>
    <t>【东方锅炉】钢板\δ8\SA-210C\66M2172-84-3\300MW亚临界机组</t>
  </si>
  <si>
    <t>【东方锅炉】冷端蓄热元件\CH1000\SA-210C\202YR12-0</t>
  </si>
  <si>
    <t>【东方锅炉】管子\φ63.5×11\SA-210C\66M218-1-1\300MW亚临界机组</t>
  </si>
  <si>
    <t>【东方锅炉】管子\φ63.5×11\SA-210C\66M218-1-3\300MW亚临界机组</t>
  </si>
  <si>
    <t>【东方锅炉】管子\φ63.5×11\SA-210C\66M218-1-4\300MW亚临界机组</t>
  </si>
  <si>
    <t>【东方锅炉】管子\φ63.5×11\SA-210C\66M218-1-5\300MW亚临界机组</t>
  </si>
  <si>
    <t>【东方锅炉】管子\φ63.5×11\SA-210C\66M218-1-6\300MW亚临界机组</t>
  </si>
  <si>
    <t>【东方锅炉】管子\φ63.5×11\SA-210C\66M218-1-7\300MW亚临界机组</t>
  </si>
  <si>
    <t>【东方锅炉】管子\φ63.5×11\SA-210C\66M218-1-8\300MW亚临界机组</t>
  </si>
  <si>
    <t>【东方锅炉】管子\φ63.5×11\SA-210C\66M218-1-9\300MW亚临界机组</t>
  </si>
  <si>
    <t>【东方锅炉】管子\φ63.5×11\SA-210C\66M218-1-10\300MW亚临界机组</t>
  </si>
  <si>
    <t>【东方锅炉】管子\φ63.5×11\20Ⅲ\66M218-1-11\300MW亚临界机组</t>
  </si>
  <si>
    <t>【东方锅炉】管子\φ63.5×11\20Ⅲ\66M218-1-12\300MW亚临界机组</t>
  </si>
  <si>
    <t>【东方锅炉】管子\φ63.5×11\15CrMo\66M218-1-13\300MW亚临界机组</t>
  </si>
  <si>
    <t>【东方锅炉】冷端蓄热元件\DH1000\Q245R\202YR12-0</t>
  </si>
  <si>
    <t>【东方锅炉】挡块\δ10\Q245R\66M218-3-1\300MW亚临界机组</t>
  </si>
  <si>
    <t>【东方锅炉】支撑块\δ10\Q235B\66M218-3-2\300MW亚临界机组</t>
  </si>
  <si>
    <t>【东方锅炉】冷端蓄热元件\AH1000\Q235B\218YR12-0</t>
  </si>
  <si>
    <t>【东方锅炉】冷端蓄热元件\BH1000\SA-210C\218YR12-0</t>
  </si>
  <si>
    <t>【东方锅炉】冷端蓄热元件\CH1000\SA-210C\218YR12-0</t>
  </si>
  <si>
    <t>【东方锅炉】管子\φ63.5×11\SA-210C\66M218-5-1\300MW亚临界机组</t>
  </si>
  <si>
    <t>【东方锅炉】冷端蓄热元件\DH1000\SA-210C\218YR12-0</t>
  </si>
  <si>
    <t>【东方锅炉】管子\φ63.5×11\SA-210C\66M218-5-3\300MW亚临界机组</t>
  </si>
  <si>
    <t>【东方锅炉】管子\φ63.5×11\SA-210C\66M218-5-4\300MW亚临界机组</t>
  </si>
  <si>
    <t>【东方锅炉】冷端蓄热元件\EH1000\SA-210C\218YR12-0</t>
  </si>
  <si>
    <t>【东方锅炉】管子\φ63.5×11\SA-210C\66M218-5-6\300MW亚临界机组</t>
  </si>
  <si>
    <t>【东方锅炉】管子\φ63.5×11\SA-210C\66M218-5-7\300MW亚临界机组</t>
  </si>
  <si>
    <t>【东方锅炉】钢板\δ8 25×25\SA-210C\66M218-0\300MW亚临界机组</t>
  </si>
  <si>
    <t>【东方锅炉】U型板\δ5\SA-210C\66M218-6\300MW亚临界机组</t>
  </si>
  <si>
    <t>【东方锅炉】管子\φ44.5×7.5\SA-210C\66M223-1-13\300MW亚临界机组</t>
  </si>
  <si>
    <t>【东方锅炉】过渡管\φ76.1×4.5/φ57×4.5\SA-210C\66M223-1-14\300MW亚临界机组</t>
  </si>
  <si>
    <t>【东方锅炉】冷端蓄热元件\AH1000\SA-210C\259YR12-0</t>
  </si>
  <si>
    <t>【东方锅炉】冷端蓄热元件\BH1000\SA-210C\259YR12-0</t>
  </si>
  <si>
    <t>【东方锅炉】固定环\A δ5\SA-210C\66M223-1-16\300MW亚临界机组</t>
  </si>
  <si>
    <t>【东方锅炉】固定环\B δ5\SA-210C\66M223-1-17\300MW亚临界机组</t>
  </si>
  <si>
    <t>【东方锅炉】套管\φ57×5 L=47±0.5\SA-210C\66M223-1-0\300MW亚临界机组</t>
  </si>
  <si>
    <t>【东方锅炉】半圆板\δ5\SA-210C\66M223-1-19\300MW亚临界机组</t>
  </si>
  <si>
    <t>【东方锅炉】冷端蓄热元件\CH1000\SA-210C\259YR12-0</t>
  </si>
  <si>
    <t>【东方锅炉】管子\φ63.5×6.3\Q235A\66M223-3-1\300MW亚临界机组</t>
  </si>
  <si>
    <t>【东方锅炉】冷端蓄热元件\DH1000\Q235A\259YR12-0</t>
  </si>
  <si>
    <t>【东方锅炉】冷端蓄热元件\EH1000\Q235A\259YR12-0</t>
  </si>
  <si>
    <t>【东方锅炉】蛇型管\φ63.5×6.3\Q235A\66M223-3-3\300MW亚临界机组</t>
  </si>
  <si>
    <t>【东方锅炉】冷端蓄热元件\AH300\Q235A\43YR12-0</t>
  </si>
  <si>
    <t>【东方锅炉】冷端蓄热元件\BH300\Q235B\43YR12-0</t>
  </si>
  <si>
    <t>【东方锅炉】冷端蓄热元件\CH300\Q235A\43YR12-0</t>
  </si>
  <si>
    <t>【东方锅炉】吊挂管\φ44.5×6.6\Q235B\66M223-3-6\300MW亚临界机组</t>
  </si>
  <si>
    <t>【东方锅炉】吊挂管\φ44.5×6.6\Q245R\66M223-3-7\300MW亚临界机组</t>
  </si>
  <si>
    <t>【东方锅炉】异径叉型管\φ76.1×4.5/φ63.5×6.3\SA-210C\TG21025-2005\300MW亚临界机组</t>
  </si>
  <si>
    <t>【东方锅炉】冷端蓄热元件\DH300\SA-210C\43YR12-0</t>
  </si>
  <si>
    <t>【东方锅炉】冷端蓄热元件\EH300\15CrMo\43YR12-0</t>
  </si>
  <si>
    <t>【东方锅炉】冷端蓄热元件\AH300/1.0\15CrMo\106YR11-1-0</t>
  </si>
  <si>
    <t>【东方锅炉】冷端蓄热元件\BH300/1.0\Q245R\106YR11-2-0</t>
  </si>
  <si>
    <t>【东方锅炉】冷端蓄热元件\CH300/1.0\Q245R\106YR11-3-0</t>
  </si>
  <si>
    <t>【东方锅炉】套管\φ57×5 L=47±0.5\Q245R\66M223-3-0\300MW亚临界机组</t>
  </si>
  <si>
    <t>【东方锅炉】管子\φ57×7\SA-210C\66M223-4-0\300MW亚临界机组</t>
  </si>
  <si>
    <t>【东方锅炉】缩口管\φ57×7/φ44.5×7\SA-210C\66M223-4-0\300MW亚临界机组</t>
  </si>
  <si>
    <t>【东方锅炉】套管\φ70×5.6 L=140\SA-210C\66M223-4-0\300MW亚临界机组</t>
  </si>
  <si>
    <t>【东方锅炉】半圆板\L＝40\SA-210C\66M223-4-0\300MW亚临界机组</t>
  </si>
  <si>
    <t>【东方锅炉】管子\φ57×7\SA-210C\66M223-5-0\300MW亚临界机组</t>
  </si>
  <si>
    <t>【东方锅炉】套管\φ70×5.6 L=140\SA-210C\66M223-5-0\300MW亚临界机组</t>
  </si>
  <si>
    <t>【东方锅炉】半圆板\L＝40\SA-210C\66M223-5-0\300MW亚临界机组</t>
  </si>
  <si>
    <t>【东方锅炉】管子\φ63.5×7.5\SA-210C\66M223-6-0\300MW亚临界机组</t>
  </si>
  <si>
    <t>【东方锅炉】套管\φ76×5.6 L=140\SA-210C\66M223-6-0\300MW亚临界机组</t>
  </si>
  <si>
    <t>【东方锅炉】管子\φ63.5×7.5\SA-210C\66M223-7-0\300MW亚临界机组</t>
  </si>
  <si>
    <t>【东方锅炉】套管\φ76×5.6 L=140\SA-210C\66M223-7-0\300MW亚临界机组</t>
  </si>
  <si>
    <t>【东方锅炉】管子\φ76.1×4.5\SA-210C\66M223-8-0\300MW亚临界机组</t>
  </si>
  <si>
    <t>【东方锅炉】套管\φ89×5.5 L=140\SA-210C\66M223-8-0\300MW亚临界机组</t>
  </si>
  <si>
    <t>【东方锅炉】管子\φ76.1×4.5\SA-210C\66M223-9-0\300MW亚临界机组</t>
  </si>
  <si>
    <t>【东方锅炉】套管\φ89×5.5 L=140\SA-210C\66M223-9-0\300MW亚临界机组</t>
  </si>
  <si>
    <t>【东方锅炉】半圆板\L＝40\SA-210C\66M223-9-0\300MW亚临界机组</t>
  </si>
  <si>
    <t>【东方锅炉】管子\φ57×7\SA-210C\66M223-10-0\300MW亚临界机组</t>
  </si>
  <si>
    <t>【东方锅炉】缩口管\φ57×7/φ44.5×7\SA-210C\66M223-10-0\300MW亚临界机组</t>
  </si>
  <si>
    <t>【东方锅炉】套管\φ70×5.6 L=140\SA-210C\66M223-10-0\300MW亚临界机组</t>
  </si>
  <si>
    <t>【东方锅炉】半圆板\L＝40\SA-210C\66M223-10-0\300MW亚临界机组</t>
  </si>
  <si>
    <t>【东方锅炉】套管\φ76×5.6 L=140\SA-210C\66M223-11-0\300MW亚临界机组</t>
  </si>
  <si>
    <t>【东方锅炉】套管\φ57×5 L=140\SA-210C\66M223-12-0\300MW亚临界机组</t>
  </si>
  <si>
    <t>【东方锅炉】套管\№.1\SA-210C\66M223-12-2\300MW亚临界机组</t>
  </si>
  <si>
    <t>【东方锅炉】钢板\δ3\SA-210C\66M223-12-3\300MW亚临界机组</t>
  </si>
  <si>
    <t>【东方锅炉】套管\№.2\SA-210C\66M223-12-2\300MW亚临界机组</t>
  </si>
  <si>
    <t>【东方锅炉】胀缩管\φ51×5/φ44.5×5\SA-210C\66M223-13-0\300MW亚临界机组</t>
  </si>
  <si>
    <t>【东方锅炉】半圆板\L＝40\SA-210C\66M223-13-0\300MW亚临界机组</t>
  </si>
  <si>
    <t>【东方锅炉】管子\φ63.5×6.3\SA-210C\66M223-14-0\300MW亚临界机组</t>
  </si>
  <si>
    <t>【东方锅炉】半圆板\L＝40\SA-210C\66M223-14-0\300MW亚临界机组</t>
  </si>
  <si>
    <t>【东方锅炉】管子\φ63.5×6.3\SA-210C\66M223-15-0\300MW亚临界机组</t>
  </si>
  <si>
    <t>【东方锅炉】半圆板\L＝40\SA-210C\66M223-15-0\300MW亚临界机组</t>
  </si>
  <si>
    <t>【东方锅炉】管子\φ63.5×6.3\SA-210C\66M223-16-0\300MW亚临界机组</t>
  </si>
  <si>
    <t>【东方锅炉】半圆板\L＝40\SA-210C\66M223-16-0\300MW亚临界机组</t>
  </si>
  <si>
    <t>【东方锅炉】管子\φ63.5×6.3\SA-210C\66M223-17-0\300MW亚临界机组</t>
  </si>
  <si>
    <t>【东方锅炉】半圆板\L＝40\SA-210C\66M223-17-0\300MW亚临界机组</t>
  </si>
  <si>
    <t>【东方锅炉】管子\φ63.5×6.3\SA-210C\66M223-18\300MW亚临界机组</t>
  </si>
  <si>
    <t>【东方锅炉】管子\φ63.5×6.3\SA-210C\66M223-19\300MW亚临界机组</t>
  </si>
  <si>
    <t>【东方锅炉】管子\φ63.5×6.3\Q245R\66M223-20\300MW亚临界机组</t>
  </si>
  <si>
    <t>【东方锅炉】管子\φ63.5×6.3\SA-210C\66M223-21\300MW亚临界机组</t>
  </si>
  <si>
    <t>【东方锅炉】管子\φ63.5×6.3\SA-210C\66M223-22-0\300MW亚临界机组</t>
  </si>
  <si>
    <t>【东方锅炉】半圆板\L＝40\SA-210C\66M223-22-0\300MW亚临界机组</t>
  </si>
  <si>
    <t>【东方锅炉】管子\φ63.5×6.3\SA-210C\66M223-23-0\300MW亚临界机组</t>
  </si>
  <si>
    <t>【东方锅炉】半圆板\L＝40\SA-210C\66M223-23-0\300MW亚临界机组</t>
  </si>
  <si>
    <t>【东方锅炉】胀缩管\φ51×5/φ44.5×5\SA-210C\66M223-24-0\300MW亚临界机组</t>
  </si>
  <si>
    <t>【东方锅炉】半圆板\L＝40\SA-210C\66M223-24-0\300MW亚临界机组</t>
  </si>
  <si>
    <t>【东方锅炉】管子\φ44.5×7.5\SA-210C\66M223-25-0\300MW亚临界机组</t>
  </si>
  <si>
    <t>【东方锅炉】套管\φ57×5 L=140\SA-210C\66M223-25-0\300MW亚临界机组</t>
  </si>
  <si>
    <t>【东方锅炉】半圆板\L＝40\SA-210C\66M223-25-0\300MW亚临界机组</t>
  </si>
  <si>
    <t>【东方锅炉】管子\φ76.1×4.5\SA-210C\66M223-26-0\300MW亚临界机组</t>
  </si>
  <si>
    <t>【东方锅炉】套管\φ89×5.5 L=140\Q235A\66M223-26-0\300MW亚临界机组</t>
  </si>
  <si>
    <t>【东方锅炉】半圆板\L＝40\Q245R\66M223-26-0\300MW亚临界机组</t>
  </si>
  <si>
    <t>【东方锅炉】管子\φ76.1×4.5\Q235A\66M223-27-0\300MW亚临界机组</t>
  </si>
  <si>
    <t>【东方锅炉】套管\φ89×5.5 L=140\SA-210C\66M223-27-0\300MW亚临界机组</t>
  </si>
  <si>
    <t>【东方锅炉】管子\φ63.5×7.5\Q245R\66M223-28-0\300MW亚临界机组</t>
  </si>
  <si>
    <t>【东方锅炉】套管\φ76×5.6 L=140\Q245R\66M223-28-0\300MW亚临界机组</t>
  </si>
  <si>
    <t>【东方锅炉】管子\φ63.5×7.5\Q235A\66M223-29-0\300MW亚临界机组</t>
  </si>
  <si>
    <t>【东方锅炉】套管\φ76×5.6 L=140\Q235A\66M223-29-0\300MW亚临界机组</t>
  </si>
  <si>
    <t>【东方锅炉】管子\φ63.5×7.5\SA-210C\66M223-30-0\300MW亚临界机组</t>
  </si>
  <si>
    <t>【东方锅炉】套管\φ76×5.6 L=140\Q245R\66M223-30-0\300MW亚临界机组</t>
  </si>
  <si>
    <t>【东方锅炉】半圆板\L＝40\SA-210C\66M223-30-0\300MW亚临界机组</t>
  </si>
  <si>
    <t>【东方锅炉】管子\φ44.5×7.5\SA-210C\66M223-31-0\300MW亚临界机组</t>
  </si>
  <si>
    <t>【东方锅炉】套管\φ57×5 L=140\SA-210C\66M223-31-0\300MW亚临界机组</t>
  </si>
  <si>
    <t>【东方锅炉】半圆板\L＝40\SA-210C\66M223-31-0\300MW亚临界机组</t>
  </si>
  <si>
    <t>【东方锅炉】管子\φ63.5×6.3\SA-210C\66M223-32-0\300MW亚临界机组</t>
  </si>
  <si>
    <t>【东方锅炉】半圆板\L＝40\SA-210C\66M223-32-0\300MW亚临界机组</t>
  </si>
  <si>
    <t>【东方锅炉】管子\φ63.5×6.3\SA-210C\66M223-33-0\300MW亚临界机组</t>
  </si>
  <si>
    <t>【东方锅炉】半圆板\L＝40\SA-210C\66M223-33-0\300MW亚临界机组</t>
  </si>
  <si>
    <t>【东方锅炉】管子\φ63.5×6.3\12Cr1MoV\66M223-34\300MW亚临界机组</t>
  </si>
  <si>
    <t>【东方锅炉】管子\φ63.5×6.3\SA-210C\66M223-35\300MW亚临界机组</t>
  </si>
  <si>
    <t>【东方锅炉】管子\φ63.5×6.3\Q235A\66M223-36\300MW亚临界机组</t>
  </si>
  <si>
    <t>【东方锅炉】管子\φ63.5×6.3\Q245R\66M223-37\300MW亚临界机组</t>
  </si>
  <si>
    <t>【东方锅炉】管子\φ63.5×6.3\Q245R\66M223-38-0\300MW亚临界机组</t>
  </si>
  <si>
    <t>【东方锅炉】半圆板\L＝40\20#\66M223-38-0\300MW亚临界机组</t>
  </si>
  <si>
    <t>【东方锅炉】管子\φ63.5×6.3\Q245R\66M223-39-0\300MW亚临界机组</t>
  </si>
  <si>
    <t>【东方锅炉】半圆板\L＝40\SA-210C\66M223-39-0\300MW亚临界机组</t>
  </si>
  <si>
    <t>【东方锅炉】管子\φ63.5×6.3\Q235A\66M223-40-0\300MW亚临界机组</t>
  </si>
  <si>
    <t>【东方锅炉】半圆板\L＝40\Q235A\66M223-40-0\300MW亚临界机组</t>
  </si>
  <si>
    <t>【东方锅炉】管子\φ63.5×6.3\装配件\66M223-41-0\300MW亚临界机组</t>
  </si>
  <si>
    <t>【东方锅炉】半圆板\L＝40\SA-210C\66M223-41-0\300MW亚临界机组</t>
  </si>
  <si>
    <t>【东方锅炉】胀缩管\φ51×5/φ44.5×5\Q235A\66M223-42-0\300MW亚临界机组</t>
  </si>
  <si>
    <t>【东方锅炉】半圆板\L＝40\SA-210C\66M223-42-0\300MW亚临界机组</t>
  </si>
  <si>
    <t>【东方锅炉】套管\φ76×5.6 L=140\SA-210C\66M223-43-0\300MW亚临界机组</t>
  </si>
  <si>
    <t>【东方锅炉】管子\φ44.5×7.5\装配件\66M223-44-1\300MW亚临界机组</t>
  </si>
  <si>
    <t>【东方锅炉】套管\φ57×5 L=140\SA-210C\66M223-44-0\300MW亚临界机组</t>
  </si>
  <si>
    <t>【东方锅炉】管夹\δ8\装配件\66M223-45-1\300MW亚临界机组</t>
  </si>
  <si>
    <t>【东方锅炉】钢板\δ12\SA-210C\66M223-45-2\300MW亚临界机组</t>
  </si>
  <si>
    <t>【东方锅炉】钢板\δ8\SA-210C\66M223-45-3\300MW亚临界机组</t>
  </si>
  <si>
    <t>【东方锅炉】钢板\δ12\Q235A\66M223-45-4\300MW亚临界机组</t>
  </si>
  <si>
    <t>【东方锅炉】圆弧板\δ4\SA-210C\66M223-45-5\300MW亚临界机组</t>
  </si>
  <si>
    <t>【东方锅炉】管夹\δ8\SA-210C\66M223-46-1\300MW亚临界机组</t>
  </si>
  <si>
    <t>【东方锅炉】钢板\δ12\Q235A\66M223-46-2\300MW亚临界机组</t>
  </si>
  <si>
    <t>【东方锅炉】管夹\δ8\SA-210C\66M223-47-1\300MW亚临界机组</t>
  </si>
  <si>
    <t>【东方锅炉】钢板\δ12\SA-210C\66M223-47-2\300MW亚临界机组</t>
  </si>
  <si>
    <t>【东方锅炉】钢板\δ8\SA-210C\66M223-47-3\300MW亚临界机组</t>
  </si>
  <si>
    <t>【东方锅炉】管夹\δ8\SA-210C\66M223-48-1\300MW亚临界机组</t>
  </si>
  <si>
    <t>【东方锅炉】钢板\δ12\SA-210C\66M223-48-2\300MW亚临界机组</t>
  </si>
  <si>
    <t>【东方锅炉】管夹\δ8\SA-210C\66M223-51-1\300MW亚临界机组</t>
  </si>
  <si>
    <t>【东方锅炉】钢板\δ12\SA-210C\66M223-51-2\300MW亚临界机组</t>
  </si>
  <si>
    <t>【东方锅炉】管夹\δ8\SA-210C\66M223-52-1\300MW亚临界机组</t>
  </si>
  <si>
    <t>【东方锅炉】钢板\δ12\SA-210C\66M223-52-2\300MW亚临界机组</t>
  </si>
  <si>
    <t>【东方锅炉】管夹\δ8\SA-210C\66M223-53-1\300MW亚临界机组</t>
  </si>
  <si>
    <t>【东方锅炉】钢板\δ8\SA-210C\66M223-53-2\300MW亚临界机组</t>
  </si>
  <si>
    <t>【东方锅炉】管夹\δ8\SA-210C\66M223-54-1\300MW亚临界机组</t>
  </si>
  <si>
    <t>【东方锅炉】管夹\δ8\SA-210C\66M223-55-1\300MW亚临界机组</t>
  </si>
  <si>
    <t>【东方锅炉】管夹\δ8\SA-210C\66M223-56-1\300MW亚临界机组</t>
  </si>
  <si>
    <t>【东方锅炉】管夹\δ8\SA-210C\66M223-58-1\300MW亚临界机组</t>
  </si>
  <si>
    <t>【东方锅炉】管夹\δ8\SA-210C\66M223-59-1\300MW亚临界机组</t>
  </si>
  <si>
    <t>【东方锅炉】钢板\δ8\SA-210C\66M223-61-1\300MW亚临界机组</t>
  </si>
  <si>
    <t>【东方锅炉】钢板\δ8\SA-210C\66M223-61-2\300MW亚临界机组</t>
  </si>
  <si>
    <t>【东方锅炉】钢板\δ8\SA-210C\66M223-61-3\300MW亚临界机组</t>
  </si>
  <si>
    <t>【东方锅炉】冷端蓄热元件\DH300/1.0\SA-210C\106YR11-4-0</t>
  </si>
  <si>
    <t>【东方锅炉】钢板\δ10\SA-210C\66M223-64\300MW亚临界机组</t>
  </si>
  <si>
    <t>【东方锅炉】钢板\δ10\SA-210C\66M223-65-1\300MW亚临界机组</t>
  </si>
  <si>
    <t>【东方锅炉】钢板\δ8 45×80\SA-210C\66M223-0\300MW亚临界机组</t>
  </si>
  <si>
    <t>【东方锅炉】钢板\δ10 80×100\SA-210C\66M223-0\300MW亚临界机组</t>
  </si>
  <si>
    <t>【东方锅炉】测点座\M36-6g\SA-210C\66M2471-3-5\300MW亚临界机组</t>
  </si>
  <si>
    <t>【东方锅炉】测点帽\φ48\SA-210C\66M2471-3-7\300MW亚临界机组</t>
  </si>
  <si>
    <t>【东方锅炉】挡块\δ20\SA-210C\66M2471-3-10\300MW亚临界机组</t>
  </si>
  <si>
    <t>【东方锅炉】钢板\δ25 808×364\SA-210C\66M2471-0\300MW亚临界机组</t>
  </si>
  <si>
    <t>【东方锅炉】钢板\δ25\SA-210C\66M2472-3-3\300MW亚临界机组</t>
  </si>
  <si>
    <t>【东方锅炉】钢板\δ25\SA-210C\66M2472-3-4\300MW亚临界机组</t>
  </si>
  <si>
    <t>【东方锅炉】钢板\δ25\SA-210C\66M2472-3-5\300MW亚临界机组</t>
  </si>
  <si>
    <t>【东方锅炉】钢板\δ20 100×150\SA-210C\66M2472-0\300MW亚临界机组</t>
  </si>
  <si>
    <t>【东方锅炉】盖板\δ3\SA-210C\66M2541-1\300MW亚临界机组</t>
  </si>
  <si>
    <t>【东方锅炉】盖板\δ3\SA-210C\66M2541-2\300MW亚临界机组</t>
  </si>
  <si>
    <t>【东方锅炉】压板\δ3\SA-210C\66M2541-3\300MW亚临界机组</t>
  </si>
  <si>
    <t>【东方锅炉】盖板\δ3\Q245R\66M2541-4\300MW亚临界机组</t>
  </si>
  <si>
    <t>【东方锅炉】盖板\δ3\Q245R\66M2541-5\300MW亚临界机组</t>
  </si>
  <si>
    <t>【东方锅炉】盖板\δ3\Q245R\66M2541-6\300MW亚临界机组</t>
  </si>
  <si>
    <t>【东方锅炉】盖板\δ4\Q235A\66M2542-1\300MW亚临界机组</t>
  </si>
  <si>
    <t>【东方锅炉】盖板\δ4\Q235A\66M2542-2\300MW亚临界机组</t>
  </si>
  <si>
    <t>【东方锅炉】盖板\δ4\Q235A\66M2542-3\300MW亚临界机组</t>
  </si>
  <si>
    <t>【东方锅炉】梳型板\δ15\Q235A\66M2542-4\300MW亚临界机组</t>
  </si>
  <si>
    <t>【东方锅炉】钢板\δ10\Q235A\66M2542-5\300MW亚临界机组</t>
  </si>
  <si>
    <t>【东方锅炉】钢板\δ5 30×121\Q235A\66M2542-0\300MW亚临界机组</t>
  </si>
  <si>
    <t>【东方锅炉】圆弧板\δ5\Q245R\66M2612-1-1\300MW亚临界机组</t>
  </si>
  <si>
    <t>【东方锅炉】钢板\δ12 220×140\Q245R\66M2612-0\300MW亚临界机组</t>
  </si>
  <si>
    <t>【东方锅炉】钢板\δ12 220×129\Q245R\66M2612-0\300MW亚临界机组</t>
  </si>
  <si>
    <t>【东方锅炉】钢板\δ12\Q245R\66M2612-4-1\300MW亚临界机组</t>
  </si>
  <si>
    <t>【东方锅炉】钢板\δ12 220×160\Q245R\66M2612-0\300MW亚临界机组</t>
  </si>
  <si>
    <t>【东方锅炉】钢板\δ12\Q245R\66M2613-3-1\300MW亚临界机组</t>
  </si>
  <si>
    <t>【东方锅炉】挡块\δ20\Q245R\66M2613-4-1\300MW亚临界机组</t>
  </si>
  <si>
    <t>【东方锅炉】钢板\δ25\20#\66M2615-1-2\300MW亚临界机组</t>
  </si>
  <si>
    <t>【东方锅炉】钢板\δ25\Q235A\66M2615-1-3\300MW亚临界机组</t>
  </si>
  <si>
    <t>【东方锅炉】钢板\δ25\Q235A\66M2615-1-4\300MW亚临界机组</t>
  </si>
  <si>
    <t>【东方锅炉】钢板\δ25 314×656\SA-210C\66M2615-0\300MW亚临界机组</t>
  </si>
  <si>
    <t>【东方锅炉】钢板\δ12 220×180\SA-210C\66M2615-0\300MW亚临界机组</t>
  </si>
  <si>
    <t>【东方锅炉】钢板\δ12\SA-210C\66M2615-2-2\300MW亚临界机组</t>
  </si>
  <si>
    <t>【东方锅炉】挡块\δ20\SA-210C\66M2615-6-1\300MW亚临界机组</t>
  </si>
  <si>
    <t>【东方锅炉】支撑块\δ12\SA-210C\66M262-1-3\300MW亚临界机组</t>
  </si>
  <si>
    <t>【东方锅炉】钢板\δ12 140×220\SA-210C\66M2615-0\300MW亚临界机组</t>
  </si>
  <si>
    <t>【东方锅炉】钢板\δ12 148×220\SA-210C\66M2615-0\300MW亚临界机组</t>
  </si>
  <si>
    <t>【东方锅炉】钢板\δ12\SA-210C\66M262-1-6\300MW亚临界机组</t>
  </si>
  <si>
    <t>【东方锅炉】蛇型管\φ51×6\SA-210C\66M311-1-1\300MW亚临界机组</t>
  </si>
  <si>
    <t>【东方锅炉】蛇型管\φ51×6\SA-210C\66M311-1-2\300MW亚临界机组</t>
  </si>
  <si>
    <t>【东方锅炉】蛇型管\φ51×6\SA-210C\66M311-1-3\300MW亚临界机组</t>
  </si>
  <si>
    <t>【东方锅炉】过渡管\φ51×6/φ38×7\SA-210C\66M311-1-4\300MW亚临界机组</t>
  </si>
  <si>
    <t>【东方锅炉】套管\φ60×4 L=120\SA-210C\66M311-1-0\300MW亚临界机组</t>
  </si>
  <si>
    <t>【东方锅炉】钢板\δ6 50×65\Q245R\66M311-0\300MW亚临界机组</t>
  </si>
  <si>
    <t>【东方锅炉】夹板\δ8\Q235A\66M311-1-6\300MW亚临界机组</t>
  </si>
  <si>
    <t>【东方锅炉】夹板\δ8\Q235A\66M311-1-7\300MW亚临界机组</t>
  </si>
  <si>
    <t>【东方锅炉】夹板\δ8\SA-210C\66M311-1-8\300MW亚临界机组</t>
  </si>
  <si>
    <t>【东方锅炉】夹板\δ8\SA-210C\66M311-1-9\300MW亚临界机组</t>
  </si>
  <si>
    <t>【东方锅炉】蛇型管\φ51×6\SA-210C\66M311-2-1\300MW亚临界机组</t>
  </si>
  <si>
    <t>【东方锅炉】蛇型管\φ51×6\SA-210C\66M311-2-2\300MW亚临界机组</t>
  </si>
  <si>
    <t>【东方锅炉】蛇型管\φ51×6\SA-210C\66M311-2-3\300MW亚临界机组</t>
  </si>
  <si>
    <t>【东方锅炉】套管\φ60×4 L=120\SA-210C\66M311-2-0\300MW亚临界机组</t>
  </si>
  <si>
    <t>【东方锅炉】管子\φ38×7\SA-210C\66M311-3\300MW亚临界机组</t>
  </si>
  <si>
    <t>【东方锅炉】管子\φ38×7\SA-210C\66M311-4\300MW亚临界机组</t>
  </si>
  <si>
    <t>【东方锅炉】管子\φ38×7\SA-210C\66M311-5\300MW亚临界机组</t>
  </si>
  <si>
    <t>【东方锅炉】蛇型管\φ51×6\SA-210C\66M312-1-1\300MW亚临界机组</t>
  </si>
  <si>
    <t>【东方锅炉】蛇型管\φ51×6\SA-210C\66M312-1-2\300MW亚临界机组</t>
  </si>
  <si>
    <t>【东方锅炉】套管\φ60×4 L=120\SA-210C\66M312-1-0\300MW亚临界机组</t>
  </si>
  <si>
    <t>【东方锅炉】定位块\δ6\SA-210C\66M312-1-3\300MW亚临界机组</t>
  </si>
  <si>
    <t>【东方锅炉】钢板\δ6\SA-210C\66M312-1-4\300MW亚临界机组</t>
  </si>
  <si>
    <t>【东方锅炉】钢板\δ6\SA-210C\66M312-1-5\300MW亚临界机组</t>
  </si>
  <si>
    <t>【东方锅炉】挡块\δ6 13×16\SA-210C\66M312-1-0\300MW亚临界机组</t>
  </si>
  <si>
    <t>【东方锅炉】钢板\δ6\SA-210C\66M312-1-6\300MW亚临界机组</t>
  </si>
  <si>
    <t>【东方锅炉】套管\φ60×4 L=120\SA-210C\66M312-2-0\300MW亚临界机组</t>
  </si>
  <si>
    <t>【东方锅炉】挡块\δ6 13×16\SA-210C\66M312-2-0\300MW亚临界机组</t>
  </si>
  <si>
    <t>【东方锅炉】蛇型管\φ51×6\SA-210C\66M312-3-1\300MW亚临界机组</t>
  </si>
  <si>
    <t>【东方锅炉】蛇型管\φ51×6\SA-210C\66M312-3-2\300MW亚临界机组</t>
  </si>
  <si>
    <t>【东方锅炉】钢板\δ6\SA-210C\66M312-3-3\300MW亚临界机组</t>
  </si>
  <si>
    <t>【东方锅炉】挡块\δ6 13×16\SA-210C\66M312-3-0\300MW亚临界机组</t>
  </si>
  <si>
    <t>【东方锅炉】钢板\δ6\SA-210C\66M312-3-4\300MW亚临界机组</t>
  </si>
  <si>
    <t>【东方锅炉】钢板\δ6\Q235A\66M312-3-5\300MW亚临界机组</t>
  </si>
  <si>
    <t>【东方锅炉】挡块\δ6 13×16\Q235A\66M312-4-0\300MW亚临界机组</t>
  </si>
  <si>
    <t>【东方锅炉】蛇型管\φ51×6\Q235A\66M312-5-1\300MW亚临界机组</t>
  </si>
  <si>
    <t>【东方锅炉】蛇型管\φ51×6\Q235A\66M312-5-2\300MW亚临界机组</t>
  </si>
  <si>
    <t>【东方锅炉】挡块\δ6 13×16\Q235A\66M312-5-0\300MW亚临界机组</t>
  </si>
  <si>
    <t>【东方锅炉】钢板\δ6\Q245R\66M312-5-3\300MW亚临界机组</t>
  </si>
  <si>
    <t>【东方锅炉】挡块\δ6 13×16\Q245R\66M312-6-0\300MW亚临界机组</t>
  </si>
  <si>
    <t>【东方锅炉】蛇型管\φ51×6\Q245R\66M312-7-1\300MW亚临界机组</t>
  </si>
  <si>
    <t>【东方锅炉】蛇型管\φ51×6\Q245R\66M312-7-2\300MW亚临界机组</t>
  </si>
  <si>
    <t>【东方锅炉】挡块\δ6 13×16\Q235A\66M312-7-0\300MW亚临界机组</t>
  </si>
  <si>
    <t>【东方锅炉】管子\φ51×6\Q235A\66M312-8\300MW亚临界机组</t>
  </si>
  <si>
    <t>【东方锅炉】管子\φ51×6\SA-210C\66M312-9\300MW亚临界机组</t>
  </si>
  <si>
    <t>【东方锅炉】管子\φ51×6\SA-210C\66M312-10\300MW亚临界机组</t>
  </si>
  <si>
    <t>【东方锅炉】管子\φ51×6\SA-210C\66M312-11\300MW亚临界机组</t>
  </si>
  <si>
    <t>【东方锅炉】管子\φ51×6\SA-210C\66M312-12\300MW亚临界机组</t>
  </si>
  <si>
    <t>【东方锅炉】管子\φ51×6\SA-210C\66M312-13\300MW亚临界机组</t>
  </si>
  <si>
    <t>【东方锅炉】管子\φ51×6\SA-210C\66M312-14\300MW亚临界机组</t>
  </si>
  <si>
    <t>【东方锅炉】管子\φ51×6\SA-210C\66M312-15\300MW亚临界机组</t>
  </si>
  <si>
    <t>【东方锅炉】管子\φ51×6\SA-210C\66M312-16\300MW亚临界机组</t>
  </si>
  <si>
    <t>【东方锅炉】管子\φ51×6\SA-210C\66M312-17\300MW亚临界机组</t>
  </si>
  <si>
    <t>【东方锅炉】管子\φ51×6\SA-210C\66M312-18\300MW亚临界机组</t>
  </si>
  <si>
    <t>【东方锅炉】管子\φ51×6\SA-210C\66M312-19\300MW亚临界机组</t>
  </si>
  <si>
    <t>【东方锅炉】冷端蓄热元件\EH300/1.0\SA-210C\106YR11-5-0</t>
  </si>
  <si>
    <t>【东方锅炉】冷端蓄热元件\AH1050\SA-210C\166YR12-0</t>
  </si>
  <si>
    <t>【东方锅炉】冷端蓄热元件\BH1050\Q235A\166YR12-0</t>
  </si>
  <si>
    <t>【东方锅炉】冷端蓄热元件\CH1050\Q235A\166YR12-0</t>
  </si>
  <si>
    <t>【东方锅炉】冷端蓄热元件\DH1050\Q245R\166YR12-0</t>
  </si>
  <si>
    <t>【东方锅炉】异种管焊接管\φ33.7×7.5 L=200+200\Q245R\66M312-0\300MW亚临界机组</t>
  </si>
  <si>
    <t>【东方锅炉】冷端蓄热元件\EH1050\15CrMo\166YR12-0</t>
  </si>
  <si>
    <t>【东方锅炉】管子\φ31.8×7\Q245R\99N1111-1-1\660MW超临界机组</t>
  </si>
  <si>
    <t>【东方锅炉】冷端蓄热元件\AH1050\35CrMoA\184YR12-0</t>
  </si>
  <si>
    <t>【东方锅炉】管子\φ31.8×7 №1\12Cr18Ni9\99N1111-1-2\660MW超临界机组</t>
  </si>
  <si>
    <t>【东方锅炉】圆钢\φ16\装配件\99N1111-1-3\660MW超临界机组</t>
  </si>
  <si>
    <t>【东方锅炉】密封块\№1\12Cr18Ni9\99N1111-1-4\660MW超临界机组</t>
  </si>
  <si>
    <t>【东方锅炉】密封块\№2\12Cr18Ni9\99N1111-1-4\660MW超临界机组</t>
  </si>
  <si>
    <t>【东方锅炉】密封块\№3\SA-210C\99N1111-1-4\660MW超临界机组</t>
  </si>
  <si>
    <t>【东方锅炉】密封块\№4\SA-210C\99N1111-1-4\660MW超临界机组</t>
  </si>
  <si>
    <t>【东方锅炉】密封块\№5\SA-210C\99N1111-1-4\660MW超临界机组</t>
  </si>
  <si>
    <t>【东方锅炉】钢板\δ6\SA-210C\99N1111-1-5\660MW超临界机组</t>
  </si>
  <si>
    <t>【东方锅炉】钢板\δ6 50×379\SA-210C\99N1111-0\660MW超临界机组</t>
  </si>
  <si>
    <t>【东方锅炉】钢板\δ6 25×1622.4\SA-210C\99N1111-0\660MW超临界机组</t>
  </si>
  <si>
    <t>【东方锅炉】密封块\δ4\SA-210C\99N1111-1-6\660MW超临界机组</t>
  </si>
  <si>
    <t>【东方锅炉】钢板\δ6 №1\SA-210C\99N1111-1-7\660MW超临界机组</t>
  </si>
  <si>
    <t>【东方锅炉】钢板\δ6 №1\SA-210C\99N1111-1-8\660MW超临界机组</t>
  </si>
  <si>
    <t>【东方锅炉】钢板\δ6 25×2462.8\SA-210C\99N1111-0\660MW超临界机组</t>
  </si>
  <si>
    <t>【东方锅炉】密封块\№1\SA-210C\99N1111-1-9\660MW超临界机组</t>
  </si>
  <si>
    <t>【东方锅炉】耳板\δ18\SA-210C\99N1111-1-10\660MW超临界机组</t>
  </si>
  <si>
    <t>【东方锅炉】测点块\δ4\SA-210C\99N1111-1-11\660MW超临界机组</t>
  </si>
  <si>
    <t>【东方锅炉】耳板\δ6\SA-210C\99N1111-1-12\660MW超临界机组</t>
  </si>
  <si>
    <t>【东方锅炉】管子\φ31.8×7 №2\SA-210C\99N1111-1-2\660MW超临界机组</t>
  </si>
  <si>
    <t>【东方锅炉】钢板\δ6 №2\SA-210C\99N1111-1-7\660MW超临界机组</t>
  </si>
  <si>
    <t>【东方锅炉】钢板\δ6 №2\SA-210C\99N1111-1-8\660MW超临界机组</t>
  </si>
  <si>
    <t>【东方锅炉】钢板\δ6 25×2232\SA-210C\99N1111-0\660MW超临界机组</t>
  </si>
  <si>
    <t>【东方锅炉】钢板\δ6 25×2537.2\SA-210C\99N1111-0\660MW超临界机组</t>
  </si>
  <si>
    <t>【东方锅炉】钢板\δ6 25×1571.8\SA-210C\99N1111-0\660MW超临界机组</t>
  </si>
  <si>
    <t>【东方锅炉】钢板\δ6 25×1724.4\SA-210C\99N1111-0\660MW超临界机组</t>
  </si>
  <si>
    <t>【东方锅炉】钢板\δ6 25×454.2\SA-210C\99N1111-0\660MW超临界机组</t>
  </si>
  <si>
    <t>【东方锅炉】钢板\δ6 25×606.8\SA-210C\99N1111-0\660MW超临界机组</t>
  </si>
  <si>
    <t>【东方锅炉】钢板\δ6\SA-210C\99N1111-19\660MW超临界机组</t>
  </si>
  <si>
    <t>【东方锅炉】密封块\№2\SA-210C\99N1111-1-9\660MW超临界机组</t>
  </si>
  <si>
    <t>【东方锅炉】张力板\δ60\SA-210C\99N1111-9-1\660MW超临界机组</t>
  </si>
  <si>
    <t>【东方锅炉】固定块\δ60\SA-210C\99N1111-9-2\660MW超临界机组</t>
  </si>
  <si>
    <t>【东方锅炉】压块\δ20 19×50\SA-210C\99N1111-9-0\660MW超临界机组</t>
  </si>
  <si>
    <t>【东方锅炉】耳板\δ32\SA-210C\99N1111-9-3\660MW超临界机组</t>
  </si>
  <si>
    <t>【东方锅炉】观察孔\L1/L2=9278.7/253.3\SA-210C\99N1111-10-1\660MW超临界机组</t>
  </si>
  <si>
    <t>【东方锅炉】管子\φ31.8×7\15CrMo\99N1111-10-1\660MW超临界机组</t>
  </si>
  <si>
    <t>【东方锅炉】密封板\δ10 №1\15CrMo\99N1111-10-1\660MW超临界机组</t>
  </si>
  <si>
    <t>【东方锅炉】密封板\δ10\15CrMo\99N1111-10-1\660MW超临界机组</t>
  </si>
  <si>
    <t>【东方锅炉】密封块\δ4\15CrMo\99N1111-10-2\660MW超临界机组</t>
  </si>
  <si>
    <t>【东方锅炉】密封板\δ10 №2\15CrMo\99N1111-10-1\660MW超临界机组</t>
  </si>
  <si>
    <t>【东方锅炉】钢板\δ6\15CrMo\99N1111-20\660MW超临界机组</t>
  </si>
  <si>
    <t>【东方锅炉】扁钢\10×57.2\15CrMo\99N1111-0\660MW超临界机组</t>
  </si>
  <si>
    <t>【东方锅炉】扁钢\δ10\Q235A\99N1111-21\660MW超临界机组</t>
  </si>
  <si>
    <t>【东方锅炉】钢板\6×25 L=200\15CrMo\99N1111-0\660MW超临界机组</t>
  </si>
  <si>
    <t>【东方锅炉】扁钢\δ6.4\15CrMo\99N1111-22\660MW超临界机组</t>
  </si>
  <si>
    <t>【东方锅炉】管子\φ31.8×6.5\SA-210C\99N1112-1-1\660MW超临界机组</t>
  </si>
  <si>
    <t>【东方锅炉】管子\φ31.8×6.5\SA-210C\99N1112-1-2\660MW超临界机组</t>
  </si>
  <si>
    <t>【东方锅炉】冷端蓄热元件\BH1050\SA-210C\184YR12-0</t>
  </si>
  <si>
    <t>【东方锅炉】冷端蓄热元件\CH1050\15CrMog\184YR12-0</t>
  </si>
  <si>
    <t>【东方锅炉】冷端蓄热元件\DH1050\15CrMog\184YR12-0</t>
  </si>
  <si>
    <t>【东方锅炉】冷端蓄热元件\EH1050\15CrMog\184YR12-0</t>
  </si>
  <si>
    <t>【东方锅炉】冷端蓄热元件\AH1100/0.8/\35CrMoA\290YR12-0</t>
  </si>
  <si>
    <t>【东方锅炉】钢板\δ6\SA-210C\99N1112-1-8\660MW超临界机组</t>
  </si>
  <si>
    <t>【东方锅炉】钢板\δ6\SA-210C\99N1112-1-9\660MW超临界机组</t>
  </si>
  <si>
    <t>【东方锅炉】钢板\δ6\15CrMo\99N1112-1-10\660MW超临界机组</t>
  </si>
  <si>
    <t>【东方锅炉】钢板\δ6\SA-210C\99N1112-1-11\660MW超临界机组</t>
  </si>
  <si>
    <t>【东方锅炉】钢板\δ6\15CrMog\99N1112-1-12\660MW超临界机组</t>
  </si>
  <si>
    <t>【东方锅炉】钢板\δ6\15CrMog\99N1112-1-13\660MW超临界机组</t>
  </si>
  <si>
    <t>【东方锅炉】冷端蓄热元件\BH1100/0.8/\15CrMog\290YR12-0</t>
  </si>
  <si>
    <t>【东方锅炉】圆环板\δ6 φ184/φ92\15CrMog\99N1112-1-0\660MW超临界机组</t>
  </si>
  <si>
    <t>【东方锅炉】套管\φ89×4.5\15CrMog\99N1112-1-15\660MW超临界机组</t>
  </si>
  <si>
    <t>【东方锅炉】密封块\δ4 №1\15CrMo\99N1112-1-16\660MW超临界机组</t>
  </si>
  <si>
    <t>【东方锅炉】密封块\δ4 №2\15CrMog\99N1112-1-16\660MW超临界机组</t>
  </si>
  <si>
    <t>【东方锅炉】密封块\№1\SA-210C\99N1112-1-17\660MW超临界机组</t>
  </si>
  <si>
    <t>【东方锅炉】密封块\№2\SA-210C\99N1112-1-17\660MW超临界机组</t>
  </si>
  <si>
    <t>【东方锅炉】密封块\№3\SA-210C\99N1112-1-17\660MW超临界机组</t>
  </si>
  <si>
    <t>【东方锅炉】钢板\δ14 199×2442.5\SA-210C\99N1112-0\660MW超临界机组</t>
  </si>
  <si>
    <t>【东方锅炉】钢板\δ10 234×2442.5\SA-210C\99N1112-0\660MW超临界机组</t>
  </si>
  <si>
    <t>【东方锅炉】钢板\δ16\SA-210C\99N1112-1-19\660MW超临界机组</t>
  </si>
  <si>
    <t>【东方锅炉】肋板\δ10\SA-210C\99N1112-1-20\660MW超临界机组</t>
  </si>
  <si>
    <t>【东方锅炉】钢板\δ12 120×100\SA-210C\99N1112-0\660MW超临界机组</t>
  </si>
  <si>
    <t>【东方锅炉】耳板\δ6\SA-210C\99N1112-1-21\660MW超临界机组</t>
  </si>
  <si>
    <t>【东方锅炉】耳板\δ6\SA-210C\99N1112-1-22\660MW超临界机组</t>
  </si>
  <si>
    <t>【东方锅炉】扁钢\6.4×12.6\35CrMoA\99N1112-0\660MW超临界机组</t>
  </si>
  <si>
    <t>【东方锅炉】冷端蓄热元件\CH1100/0.8/\35CrMoA\290YR12-0</t>
  </si>
  <si>
    <t>【东方锅炉】冷端蓄热元件\DH1100/0.8/\Q235A\290YR12-0</t>
  </si>
  <si>
    <t>【东方锅炉】钢板\δ16\SA-210C\99N1112-1-23\660MW超临界机组</t>
  </si>
  <si>
    <t>【东方锅炉】钢板\δ14 199×2713.2\SA-210C\99N1112-0\660MW超临界机组</t>
  </si>
  <si>
    <t>【东方锅炉】钢板\δ10 234×2713.2\SA-210C\99N1112-0\660MW超临界机组</t>
  </si>
  <si>
    <t>【东方锅炉】密封块\δ6\SA-210C\99N1112-3-1\660MW超临界机组</t>
  </si>
  <si>
    <t>【东方锅炉】张力板\δ60\SA-210C\99N1112-3-2\660MW超临界机组</t>
  </si>
  <si>
    <t>【东方锅炉】固定块\δ60\35CrMoA\99N1112-3-3\660MW超临界机组</t>
  </si>
  <si>
    <t>【东方锅炉】管子\φ31.8×6.5 №1\SA-210C\99N1112-4-1\660MW超临界机组</t>
  </si>
  <si>
    <t>【东方锅炉】管子\φ31.8×6.5\SA-210C\99N1112-4-2\660MW超临界机组</t>
  </si>
  <si>
    <t>【东方锅炉】管子\φ31.8×6.5\SA-210C\99N1112-4-3\660MW超临界机组</t>
  </si>
  <si>
    <t>【东方锅炉】管子\φ31.8×6.5\SA-210C\99N1112-4-4\660MW超临界机组</t>
  </si>
  <si>
    <t>【东方锅炉】管子\φ31.8×6.5\SA-210C\99N1112-4-5\660MW超临界机组</t>
  </si>
  <si>
    <t>【东方锅炉】管子\φ31.8×6.5\SA-210C\99N1112-4-6\660MW超临界机组</t>
  </si>
  <si>
    <t>【东方锅炉】管子\φ31.8×6.5\SA-210C\99N1112-4-7\660MW超临界机组</t>
  </si>
  <si>
    <t>【东方锅炉】管子\φ31.8×6.5\SA-210C\99N1112-4-8\660MW超临界机组</t>
  </si>
  <si>
    <t>【东方锅炉】管子\φ31.8×6.5\SA-210C\99N1112-4-9\660MW超临界机组</t>
  </si>
  <si>
    <t>【东方锅炉】冷端蓄热元件\EH1100/0.8/\SA-210C\290YR12-0</t>
  </si>
  <si>
    <t>【东方锅炉】冷端蓄热元件\FH1100/0.8/\SA-210C\290YR12-0</t>
  </si>
  <si>
    <t>【东方锅炉】冷端蓄热元件\GH1100/0.8/\SA-210C\290YR12-0</t>
  </si>
  <si>
    <t>【东方锅炉】冷端蓄热元件\HH1100/0.8/\SA-210C\290YR12-0</t>
  </si>
  <si>
    <t>【东方锅炉】冷端蓄热元件\AH1100/0.8篮框\SA-210C\290YR12-0</t>
  </si>
  <si>
    <t>【东方锅炉】冷端蓄热元件\BH1100/0.8篮框\SA-210C\290YR12-0</t>
  </si>
  <si>
    <t>【东方锅炉】冷端蓄热元件\CH1100/0.8篮框\SA-210C\290YR12-0</t>
  </si>
  <si>
    <t>【东方锅炉】冷端蓄热元件\DH1100/0.8篮框\SA-210C\290YR12-0</t>
  </si>
  <si>
    <t>【东方锅炉】冷端蓄热元件\EH1100/0.8篮框\SA-210C\290YR12-0</t>
  </si>
  <si>
    <t>【东方锅炉】冷端蓄热元件\FH1100/0.8篮框\SA-210C\290YR12-0</t>
  </si>
  <si>
    <t>【东方锅炉】冷端蓄热元件\GH1100/0.8篮框\15CrMo\290YR12-0</t>
  </si>
  <si>
    <t>【东方锅炉】钢板\δ16\15CrMo\99N1112-4-20\660MW超临界机组</t>
  </si>
  <si>
    <t>【东方锅炉】钢板\δ10\15CrMo\99N1112-4-21\660MW超临界机组</t>
  </si>
  <si>
    <t>【东方锅炉】钢板\δ10\15CrMo\99N1112-4-22\660MW超临界机组</t>
  </si>
  <si>
    <t>【东方锅炉】密封块\δ6 №1\SA-210C\99N1112-4-23\660MW超临界机组</t>
  </si>
  <si>
    <t>【东方锅炉】密封块\δ6 №2\SA-210C\99N1112-4-23\660MW超临界机组</t>
  </si>
  <si>
    <t>【东方锅炉】钢板\δ6\SA-210C\99N1112-4-24\660MW超临界机组</t>
  </si>
  <si>
    <t>【东方锅炉】弯板\δ6\SA-210C\99N1112-4-25\660MW超临界机组</t>
  </si>
  <si>
    <t>【东方锅炉】钢板\δ10\SA-210C\99N1112-4-26\660MW超临界机组</t>
  </si>
  <si>
    <t>【东方锅炉】钢板\δ10\SA-210C\99N1112-4-27\660MW超临界机组</t>
  </si>
  <si>
    <t>【东方锅炉】过渡管\φ76.2/φ38.1\SA-210C\99N1112-6-1\660MW超临界机组</t>
  </si>
  <si>
    <t>【东方锅炉】管子\φ76.2×20\SA-210C\99N1112-7-0\660MW超临界机组</t>
  </si>
  <si>
    <t>【东方锅炉】钢板\δ25\SA-210C\99N1112-7-1\660MW超临界机组</t>
  </si>
  <si>
    <t>【东方锅炉】圆弧板\δ6\SA-210C\99N1112-7-2\660MW超临界机组</t>
  </si>
  <si>
    <t>【东方锅炉】管子\φ76.2×20\SA-210C\99N1112-8-0\660MW超临界机组</t>
  </si>
  <si>
    <t>【东方锅炉】管子\φ76.2×20\SA-210C\99N1112-9-0\660MW超临界机组</t>
  </si>
  <si>
    <t>【东方锅炉】测点块\δ4\SA-210C\99N1112-9-1\660MW超临界机组</t>
  </si>
  <si>
    <t>【东方锅炉】钢板\δ10 205×75\SA-210C\99N1112-0\660MW超临界机组</t>
  </si>
  <si>
    <t>【东方锅炉】钢板\δ20 387.2×170\SA-210C\99N1112-0\660MW超临界机组</t>
  </si>
  <si>
    <t>【东方锅炉】钢板\δ10\SA-210C\99N1112-14-1\660MW超临界机组</t>
  </si>
  <si>
    <t>【东方锅炉】U型螺栓\φ14\SA-210C\99N1112-15\660MW超临界机组</t>
  </si>
  <si>
    <t>【东方锅炉】钢板\δ12 75×50\SA-210C\99N1112-0\660MW超临界机组</t>
  </si>
  <si>
    <t>【东方锅炉】冷端蓄热元件\HH1100/0.8篮框\SA-210C\290YR12-0</t>
  </si>
  <si>
    <t>【东方锅炉】冷端蓄热元件\AH1050\SA-210C\165YR12-0</t>
  </si>
  <si>
    <t>【东方锅炉】冷端蓄热元件\BH1050\SA-210C\165YR12-0</t>
  </si>
  <si>
    <t>【东方锅炉】冷端蓄热元件\CH1050\SA-210C\165YR12-0</t>
  </si>
  <si>
    <t>【东方锅炉】冷端蓄热元件\DH1050\SA-210C\165YR12-0</t>
  </si>
  <si>
    <t>【东方锅炉】冷端蓄热元件\EH1050\35CrMoA\165YR12-0</t>
  </si>
  <si>
    <t>【东方锅炉】冷端蓄热元件\FH1050\SA-210C\165YR12-0</t>
  </si>
  <si>
    <t>【东方锅炉】管子\φ31.8×6.5 №2\SA-210C\99N1112-4-1\660MW超临界机组</t>
  </si>
  <si>
    <t>【东方锅炉】管子\φ31.8×7\SA-210C\99N1113-1-1\660MW超临界机组</t>
  </si>
  <si>
    <t>【东方锅炉】管子\φ31.8×7\SA-210C\99N1113-1-2\660MW超临界机组</t>
  </si>
  <si>
    <t>【东方锅炉】扁钢\6.4×18.8\SA-210C\99N1113-0\660MW超临界机组</t>
  </si>
  <si>
    <t>【东方锅炉】钢板\δ6 25×251\SA-210C\99N1113-0\660MW超临界机组</t>
  </si>
  <si>
    <t>【东方锅炉】钢板\δ6\SA-210C\99N1113-1-3\660MW超临界机组</t>
  </si>
  <si>
    <t>【东方锅炉】钢板\δ6 №1\SA-210C\99N1113-1-4\660MW超临界机组</t>
  </si>
  <si>
    <t>【东方锅炉】钢板\δ6 65×1853.3\SA-210C\99N1113-0\660MW超临界机组</t>
  </si>
  <si>
    <t>【东方锅炉】钢板\δ6 50×318\SA-210C\99N1113-0\660MW超临界机组</t>
  </si>
  <si>
    <t>【东方锅炉】钢板\δ6 25×481.4\SA-210C\99N1113-0\660MW超临界机组</t>
  </si>
  <si>
    <t>【东方锅炉】钢板\δ6 №1\SA-210C\99N1113-1-5\660MW超临界机组</t>
  </si>
  <si>
    <t>【东方锅炉】密封块\№1\SA-210C\99N1113-1-6\660MW超临界机组</t>
  </si>
  <si>
    <t>【东方锅炉】密封块\№2\SA-210C\99N1113-1-6\660MW超临界机组</t>
  </si>
  <si>
    <t>【东方锅炉】密封块\№3\SA-210C\99N1113-1-6\660MW超临界机组</t>
  </si>
  <si>
    <t>【东方锅炉】密封块\№4\SA-210C\99N1113-1-6\660MW超临界机组</t>
  </si>
  <si>
    <t>【东方锅炉】密封块\№5\SA-210C\99N1113-1-6\660MW超临界机组</t>
  </si>
  <si>
    <t>【东方锅炉】钢板\6×65 L=2894.4\SA-210C\99N1113-0\660MW超临界机组</t>
  </si>
  <si>
    <t>【东方锅炉】钢板\δ6 65×198.3\SA-210C\99N1113-0\660MW超临界机组</t>
  </si>
  <si>
    <t>【东方锅炉】钢板\6×65 L=2898.5\SA-210C\99N1113-0\660MW超临界机组</t>
  </si>
  <si>
    <t>【东方锅炉】密封块\δ6\SA-210C\99N1113-4-1\660MW超临界机组</t>
  </si>
  <si>
    <t>【东方锅炉】张力板\δ60\SA-210C\99N1113-4-2\660MW超临界机组</t>
  </si>
  <si>
    <t>【东方锅炉】固定块\δ60\SA-210C\99N1113-4-3\660MW超临界机组</t>
  </si>
  <si>
    <t>【东方锅炉】耳板\δ32\SA-210C\99N1113-4-4\660MW超临界机组</t>
  </si>
  <si>
    <t>【东方锅炉】压块\δ20 19×50\SA-210C\99N1113-4-0\660MW超临界机组</t>
  </si>
  <si>
    <t>【东方锅炉】观察孔\L1/L2=7507.3/253.3\SA-210C\99N1113-4-5\660MW超临界机组</t>
  </si>
  <si>
    <t>【东方锅炉】管子\φ31.8×7\SA-210C\99N1113-4-5\660MW超临界机组</t>
  </si>
  <si>
    <t>【东方锅炉】冷端蓄热元件\GH1050\SA-210C\165YR12-0</t>
  </si>
  <si>
    <t>【东方锅炉】冷端蓄热元件\HH1050\SA-210C\165YR12-0</t>
  </si>
  <si>
    <t>【东方锅炉】管子\φ31.8×7 Lz=2378.3\15CrMo\TGA00387-0\660MW超临界机组</t>
  </si>
  <si>
    <t>【东方锅炉】管子\φ31.8×7 Lz=2329.1\15CrMo\TGA00387-0\660MW超临界机组</t>
  </si>
  <si>
    <t>【东方锅炉】冷端蓄热元件\AH1100/0.8\15CrMoG\308YR12-0</t>
  </si>
  <si>
    <t>【东方锅炉】管子\φ31.8×7.5 №1\15CrMoG\99N1113-5-1\660MW超临界机组</t>
  </si>
  <si>
    <t>【东方锅炉】钢板\6×65 L=2941\15CrMo\99N1113-0\660MW超临界机组</t>
  </si>
  <si>
    <t>【东方锅炉】管子\φ31.8×7 Lz=7572.3\15CrMo\TGA00387-0\660MW超临界机组</t>
  </si>
  <si>
    <t>【东方锅炉】管子\φ31.8×7 Lz=7523.1\SA-210C\TGA00387-0\660MW超临界机组</t>
  </si>
  <si>
    <t>【东方锅炉】管子\φ31.8×7 L=9028.7\SA-210C\99N1113-6-0\660MW超临界机组</t>
  </si>
  <si>
    <t>【东方锅炉】负压测点孔\d50 L1/L2=2721/2173\SA-210C\TGA00384-0\660MW超临界机组</t>
  </si>
  <si>
    <t>【东方锅炉】管子\φ31.8×7 Lz=2732.2\15CrMo\TGA00384-0\660MW超临界机组</t>
  </si>
  <si>
    <t>【东方锅炉】管子\φ31.8×7 Lz=2724.9\15CrMo\TGA00384-0\660MW超临界机组</t>
  </si>
  <si>
    <t>【东方锅炉】钢板\δ6.4 400×25\15CrMo\99N1113-0\660MW超临界机组</t>
  </si>
  <si>
    <t>【东方锅炉】负压测点孔\d50 L1/L2=6305.7/450\15CrMo\TGA00384-0\660MW超临界机组</t>
  </si>
  <si>
    <t>【东方锅炉】管子\φ31.8×7 Lz=6316.9\15CrMo\TGA00384-0\660MW超临界机组</t>
  </si>
  <si>
    <t>【东方锅炉】管子\φ31.8×7 Lz=6309.6\SA-210C\TGA00384-0\660MW超临界机组</t>
  </si>
  <si>
    <t>【东方锅炉】管子\φ31.8×7 L=2892\15CrMo\99N1113-8-0\660MW超临界机组</t>
  </si>
  <si>
    <t>【东方锅炉】管子\φ31.8×7 Lz=3265\15CrMo\TGA00387-0\660MW超临界机组</t>
  </si>
  <si>
    <t>【东方锅炉】管子\φ31.8×7 Lz=3215.8\SA-210C\TGA00387-0\660MW超临界机组</t>
  </si>
  <si>
    <t>【东方锅炉】观察孔\L1/L2=2892/204.7\SA-210C\99N1113-8-1\660MW超临界机组</t>
  </si>
  <si>
    <t>【东方锅炉】管子\φ31.8×7\SA-210C\99N1113-8-1\660MW超临界机组</t>
  </si>
  <si>
    <t>【东方锅炉】冷端蓄热元件\AH1100/0.8篮框\SA-210C\308YR12-0</t>
  </si>
  <si>
    <t>【东方锅炉】冷端蓄热元件\BH1100/0.8篮框\SA-210C\308YR12-0</t>
  </si>
  <si>
    <t>【东方锅炉】密封块\δ4 №1\SA-210C\TGN11515\660MW超临界机组</t>
  </si>
  <si>
    <t>【东方锅炉】冷端蓄热元件\CH1100/0.8篮框\SA-210C\308YR12-0</t>
  </si>
  <si>
    <t>【东方锅炉】管子\φ31.8×7 Lz=2997.7\SA-210C\TGA00387-0\660MW超临界机组</t>
  </si>
  <si>
    <t>【东方锅炉】管子\φ31.8×7 Lz=2948.5\35CrMoA\TGA00387-0\660MW超临界机组</t>
  </si>
  <si>
    <t>【东方锅炉】冷端蓄热元件\DH1100/0.8篮框\15CrMo\308YR12-0</t>
  </si>
  <si>
    <t>【东方锅炉】管子\φ31.8×7 Lz=2876.3\15CrMo\TGA00387-0\660MW超临界机组</t>
  </si>
  <si>
    <t>【东方锅炉】管子\φ31.8×7 Lz=2827.1\15CrMo\TGA00387-0\660MW超临界机组</t>
  </si>
  <si>
    <t>【东方锅炉】冷端蓄热元件\EH1100/0.8篮框\15CrMo\308YR12-0</t>
  </si>
  <si>
    <t>【东方锅炉】管子\φ31.8×7 Lz=6280.4\15CrMo\TGA00387-0\660MW超临界机组</t>
  </si>
  <si>
    <t>【东方锅炉】管子\φ31.8×7 Lz=6231.2\15CrMo\TGA00387-0\660MW超临界机组</t>
  </si>
  <si>
    <t>【东方锅炉】密封块\δ6\20G\99N1113-9-1\660MW超临界机组</t>
  </si>
  <si>
    <t>【东方锅炉】管子\φ31.8×7 L=2811.3\20G\99N1113-10-0\660MW超临界机组</t>
  </si>
  <si>
    <t>【东方锅炉】管子\φ31.8×7 L=6215.4\20G\99N1113-10-0\660MW超临界机组</t>
  </si>
  <si>
    <t>【东方锅炉】管子\φ31.8×7\20g\99N1113-10-1\660MW超临界机组</t>
  </si>
  <si>
    <t>【东方锅炉】管子\φ31.8×7\20G\99N1113-10-2\660MW超临界机组</t>
  </si>
  <si>
    <t>【东方锅炉】人孔\d550 L1/L2=6215.4/2561.2\20G\TGA00385-0\660MW超临界机组</t>
  </si>
  <si>
    <t>【东方锅炉】管子\φ31.8×7\20G\TGA00385-0\660MW超临界机组</t>
  </si>
  <si>
    <t>【东方锅炉】冷端蓄热元件\FH1100/0.8篮框\Q235A\308YR12-0</t>
  </si>
  <si>
    <t>【东方锅炉】钢板\δ12\20g\99N1113-10-3\660MW超临界机组</t>
  </si>
  <si>
    <t>【东方锅炉】冷端蓄热元件\GH1100/0.8篮框\20G\308YR12-0</t>
  </si>
  <si>
    <t>【东方锅炉】冷端蓄热元件\HH1100/0.8篮框\20G\308YR12-0</t>
  </si>
  <si>
    <t>【东方锅炉】管子\φ31.8×7.5\20G\99N1113-11-7\660MW超临界机组</t>
  </si>
  <si>
    <t>【东方锅炉】冷端蓄热元件\AH300/0.2+0.8+0.2\1Cr20Ni14Si2\47YR12-0/№1</t>
  </si>
  <si>
    <t>【东方锅炉】冷端蓄热元件\BH300/0.2+0.8+0.2\1Cr18Ni9Ti\47YR12-0/№2</t>
  </si>
  <si>
    <t>【东方锅炉】冷端蓄热元件\CH300/0.2+0.8+0.2\1Cr18Ni9Ti\47YR12-0/№3</t>
  </si>
  <si>
    <t>【东方锅炉】密封块\δ4 №1\1Cr18Ni9Ti\TGN11516\660MW超临界机组</t>
  </si>
  <si>
    <t>【东方锅炉】人孔\D550; L1/L2=3891.2/456.6\Q235A\99N1113-11-8\660MW超临界机组</t>
  </si>
  <si>
    <t>【东方锅炉】管子\φ31.8×7.5\Q235A\99N1113-11-8\660MW超临界机组</t>
  </si>
  <si>
    <t>【东方锅炉】冷端蓄热元件\DH300/0.2+0.8+0.2\Q235A\47YR12-0/№4</t>
  </si>
  <si>
    <t>【东方锅炉】冷端蓄热元件\AH3\35#\29YR12-1-0</t>
  </si>
  <si>
    <t>【东方锅炉】冷端蓄热元件\BH3\1Cr18Ni9Ti\29YR12-2-0</t>
  </si>
  <si>
    <t>【东方锅炉】冷端蓄热元件\CH3\Q235A\29YR12-3-0</t>
  </si>
  <si>
    <t>【东方锅炉】管子\φ31.8×7.5\1Cr18Ni9Ti\99N1113-11-9\660MW超临界机组</t>
  </si>
  <si>
    <t>【东方锅炉】冷端蓄热元件\DH3\1Cr18Ni9Ti\29YR12-4-0</t>
  </si>
  <si>
    <t>【东方锅炉】冷端蓄热元件\AH300/1.2\1Cr18Ni9Ti\31YR12-0/№1</t>
  </si>
  <si>
    <t>【东方锅炉】冷端蓄热元件\BH300/1.2\Q235A\31YR12-0/№2</t>
  </si>
  <si>
    <t>【东方锅炉】冷端蓄热元件\CH300/1.2\0Cr25Ni20\31YR12-0/№3</t>
  </si>
  <si>
    <t>【东方锅炉】管子\φ31.8×7.5\0Cr25Ni20\99N1113-11-10\660MW超临界机组</t>
  </si>
  <si>
    <t>【东方锅炉】冷端蓄热元件\DH300/1.2\0Cr25Ni20\31YR12-0/№4</t>
  </si>
  <si>
    <t>【东方锅炉】冷端蓄热元件\AH300/1.2\0Cr25Ni20\29YR12-0</t>
  </si>
  <si>
    <t>【东方锅炉】冷端蓄热元件\BH300/1.2\Q235A\47YR12-0/№5</t>
  </si>
  <si>
    <t>【东方锅炉】管子\φ31.8×7.5\Q235A\99N1113-11-11\660MW超临界机组</t>
  </si>
  <si>
    <t>【东方锅炉】密封板\δ9\35CrMoA\99N1113-11-11\660MW超临界机组</t>
  </si>
  <si>
    <t>【东方锅炉】密封板\δ9\Q235A\99N1113-11-11\660MW超临界机组</t>
  </si>
  <si>
    <t>【东方锅炉】密封块\№1\15CrMo\99N1113-11-1\660MW超临界机组</t>
  </si>
  <si>
    <t>【东方锅炉】密封块\№2\SA-213T2\99N1113-11-1\660MW超临界机组</t>
  </si>
  <si>
    <t>【东方锅炉】密封块\№3\SA-213T2\99N1113-11-1\660MW超临界机组</t>
  </si>
  <si>
    <t>【东方锅炉】钢板\6×65 L=2476.5\SA-213T2\99N1113-0\660MW超临界机组</t>
  </si>
  <si>
    <t>【东方锅炉】钢板\6×65 L=124\SA-213T2\99N1113-0\660MW超临界机组</t>
  </si>
  <si>
    <t>【东方锅炉】钢板\6×65 L=127\SA-213T2\99N1113-0\660MW超临界机组</t>
  </si>
  <si>
    <t>【东方锅炉】圆钢\φ16 L=50\SA-213T2\99N1113-11-0\660MW超临界机组</t>
  </si>
  <si>
    <t>【东方锅炉】耳板\δ6\SA-213T2\99N1113-11-2\660MW超临界机组</t>
  </si>
  <si>
    <t>【东方锅炉】钢板\δ12 100×571.5\SA-213T2\99N1113-0\660MW超临界机组</t>
  </si>
  <si>
    <t>【东方锅炉】钢板\δ6 10×50\SA-213T2\99N1113-0\660MW超临界机组</t>
  </si>
  <si>
    <t>【东方锅炉】扁钢\δ20\SA-213T2\99N1113-11-3\660MW超临界机组</t>
  </si>
  <si>
    <t>【东方锅炉】钢板\δ12\1Cr20Ni14Si2\99N1113-11-5\660MW超临界机组</t>
  </si>
  <si>
    <t>【东方锅炉】钢板\δ12 656×630\1Cr20Ni14Si2\99N1113-0\660MW超临界机组</t>
  </si>
  <si>
    <t>【东方锅炉】钢板\δ20 32×380\SA-213TP310S\99N1113-0\660MW超临界机组</t>
  </si>
  <si>
    <t>【东方锅炉】钢板\δ20\SA-213TP310S\99N1113-11-6\660MW超临界机组</t>
  </si>
  <si>
    <t>【东方锅炉】钢板\δ6 №2\SA-213TP310S\99N1113-1-4\660MW超临界机组</t>
  </si>
  <si>
    <t>【东方锅炉】钢板\δ6 №2\SA-213TP310S\99N1113-1-5\660MW超临界机组</t>
  </si>
  <si>
    <t>【东方锅炉】管子\φ31.8×7.5 №2\1Cr20Ni14Si2\99N1113-5-1\660MW超临界机组</t>
  </si>
  <si>
    <t>【东方锅炉】冷端蓄热元件\CH300/1.2\35CrMoA\47YR12-0/№6</t>
  </si>
  <si>
    <t>【东方锅炉】扁钢\δ6.4\SA-213T2\99N1113-23\660MW超临界机组</t>
  </si>
  <si>
    <t>【东方锅炉】管子\φ31.8×6.5\SA-213T2\99N1115-1-1\660MW超临界机组</t>
  </si>
  <si>
    <t>【东方锅炉】管子\φ31.8×6.5\SA-213T2\99N1115-1-2\660MW超临界机组</t>
  </si>
  <si>
    <t>【东方锅炉】耳板\δ6\35CrMoA\99N1115-1-3\660MW超临界机组</t>
  </si>
  <si>
    <t>【东方锅炉】密封块\δ6 №1\SA-213T2\99N1115-1-4\660MW超临界机组</t>
  </si>
  <si>
    <t>【东方锅炉】密封块\δ6 №1\SA-213T2\99N1115-1-5\660MW超临界机组</t>
  </si>
  <si>
    <t>【东方锅炉】密封块\δ6 №2\SA-213T2\99N1115-1-5\660MW超临界机组</t>
  </si>
  <si>
    <t>【东方锅炉】密封块\δ6 №2\SA-213T2\99N1115-1-4\660MW超临界机组</t>
  </si>
  <si>
    <t>【东方锅炉】管子\φ31.8×6.5 №1\SA-213T2\99N1115-5-1\660MW超临界机组</t>
  </si>
  <si>
    <t>【东方锅炉】管子\φ31.8×6.5 №2\SA-213T2\99N1115-5-1\660MW超临界机组</t>
  </si>
  <si>
    <t>【东方锅炉】扁钢\δ6.4 №1\SA-213T2\99N1115-9\660MW超临界机组</t>
  </si>
  <si>
    <t>【东方锅炉】扁钢\δ6.4 №2\SA-213T2\99N1115-9\660MW超临界机组</t>
  </si>
  <si>
    <t>【东方锅炉】内螺纹管\φ38.1×7.5 №1\SA-213T2\99N112-1-1\660MW超临界机组</t>
  </si>
  <si>
    <t>【东方锅炉】内螺纹管\φ38.1×7.5 №2\SA-213T2\99N112-1-1\660MW超临界机组</t>
  </si>
  <si>
    <t>【东方锅炉】内螺纹管\φ38.1×7.5 №3\SA-213T2\99N112-1-1\660MW超临界机组</t>
  </si>
  <si>
    <t>【东方锅炉】内螺纹管\φ38.1×7.5 №4\1Cr20Ni14Si2\99N112-1-1\660MW超临界机组</t>
  </si>
  <si>
    <t>【东方锅炉】内螺纹管\φ38.1×7.5 №5\1Cr20Ni14Si2\99N112-1-1\660MW超临界机组</t>
  </si>
  <si>
    <t>【东方锅炉】内螺纹管\φ38.1×7.5 №6\1Cr20Ni14Si2\99N112-1-1\660MW超临界机组</t>
  </si>
  <si>
    <t>【东方锅炉】内螺纹管\φ38.1×7.5 №7\1Cr20Ni14Si2\99N112-1-1\660MW超临界机组</t>
  </si>
  <si>
    <t>【东方锅炉】内螺纹管\φ38.1×7.5 №8\1Cr20Ni14Si2\99N112-1-1\660MW超临界机组</t>
  </si>
  <si>
    <t>【东方锅炉】内螺纹管\φ38.1×7.5 №9\1Cr20Ni14Si2\99N112-1-1\660MW超临界机组</t>
  </si>
  <si>
    <t>【东方锅炉】内螺纹管\φ38.1×7.5 №10\1Cr20Ni14Si2\99N112-1-1\660MW超临界机组</t>
  </si>
  <si>
    <t>【东方锅炉】内螺纹管\φ38.1×7.5 №11\1Cr20Ni14Si2\99N112-1-1\660MW超临界机组</t>
  </si>
  <si>
    <t>【东方锅炉】内螺纹管\φ38.1×7.5 №12\1Cr20Ni14Si2\99N112-1-1\660MW超临界机组</t>
  </si>
  <si>
    <t>【东方锅炉】内螺纹管\φ38.1×7.5 №13\1Cr20Ni14Si2\99N112-1-1\660MW超临界机组</t>
  </si>
  <si>
    <t>【东方锅炉】内螺纹管\φ38.1×7.5 №14\SA-213T2\99N112-1-1\660MW超临界机组</t>
  </si>
  <si>
    <t>【东方锅炉】内螺纹管\φ38.1×7.5 №15\SA-213T2\99N112-1-1\660MW超临界机组</t>
  </si>
  <si>
    <t>【东方锅炉】内螺纹管\φ38.1×7.5 №16\SA-213T2\99N112-1-1\660MW超临界机组</t>
  </si>
  <si>
    <t>【东方锅炉】内螺纹管\φ38.1×7.5 №17\SA-213T2\99N112-1-1\660MW超临界机组</t>
  </si>
  <si>
    <t>【东方锅炉】内螺纹管\φ38.1×7.5 №18\SA-213T2\99N112-1-1\660MW超临界机组</t>
  </si>
  <si>
    <t>【东方锅炉】内螺纹管\φ38.1×7.5 №19\SA-213T2\99N112-1-1\660MW超临界机组</t>
  </si>
  <si>
    <t>【东方锅炉】内螺纹管\φ38.1×7.5 №20\SA-213T2\99N112-1-1\660MW超临界机组</t>
  </si>
  <si>
    <t>【东方锅炉】内螺纹管\φ38.1×7.5 №21\SA-213T2\99N112-1-1\660MW超临界机组</t>
  </si>
  <si>
    <t>【东方锅炉】内螺纹管\φ38.1×7.5 №22\SA-213T2\99N112-1-1\660MW超临界机组</t>
  </si>
  <si>
    <t>【东方锅炉】内螺纹管\φ38.1×7.5 №23\SA-213T2\99N112-1-1\660MW超临界机组</t>
  </si>
  <si>
    <t>【东方锅炉】内螺纹管\φ38.1×7.5 №24\SA-213T2\99N112-1-1\660MW超临界机组</t>
  </si>
  <si>
    <t>【东方锅炉】内螺纹管\φ38.1×7.5 №25\SA-213T2\99N112-1-1\660MW超临界机组</t>
  </si>
  <si>
    <t>【东方锅炉】内螺纹管\φ38.1×7.5 №26\SA-213T2\99N112-1-1\660MW超临界机组</t>
  </si>
  <si>
    <t>【东方锅炉】内螺纹管\φ38.1×7.5 №27\SA-213T2\99N112-1-1\660MW超临界机组</t>
  </si>
  <si>
    <t>【东方锅炉】内螺纹管\φ38.1×7.5 №28\SA-213T2\99N112-1-1\660MW超临界机组</t>
  </si>
  <si>
    <t>【东方锅炉】内螺纹管\φ38.1×7.5 №29\SA-213T2\99N112-1-1\660MW超临界机组</t>
  </si>
  <si>
    <t>【东方锅炉】内螺纹管\φ38.1×7.5 №30\SA-213T2\99N112-1-1\660MW超临界机组</t>
  </si>
  <si>
    <t>【东方锅炉】内螺纹管\φ38.1×7.5 №31\SA-213T2\99N112-1-1\660MW超临界机组</t>
  </si>
  <si>
    <t>【东方锅炉】内螺纹管\φ38.1×7.5 №32\SA-213T2\99N112-1-1\660MW超临界机组</t>
  </si>
  <si>
    <t>【东方锅炉】内螺纹管\φ38.1×7.5 №33\SA-213T2\99N112-1-1\660MW超临界机组</t>
  </si>
  <si>
    <t>【东方锅炉】内螺纹管\φ38.1×7.5 №34\SA-213T2\99N112-1-1\660MW超临界机组</t>
  </si>
  <si>
    <t>【东方锅炉】内螺纹管\φ38.1×7.5 №35\SA-213T2\99N112-1-1\660MW超临界机组</t>
  </si>
  <si>
    <t>【东方锅炉】内螺纹管\φ38.1×7.5 №36\SA-213T2\99N112-1-1\660MW超临界机组</t>
  </si>
  <si>
    <t>【东方锅炉】内螺纹管\φ38.1×7.5 №37\SA-213T2\99N112-1-1\660MW超临界机组</t>
  </si>
  <si>
    <t>【东方锅炉】内螺纹管\φ38.1×7.5 №38\SA-213T2\99N112-1-1\660MW超临界机组</t>
  </si>
  <si>
    <t>【东方锅炉】内螺纹管\φ38.1×7.5 №39\SA-213T2\99N112-1-1\660MW超临界机组</t>
  </si>
  <si>
    <t>【东方锅炉】耳板\δ20\20#\99N112-1-2\660MW超临界机组</t>
  </si>
  <si>
    <t>【东方锅炉】钢板\δ20\15CrMo\99N112-1-3\660MW超临界机组</t>
  </si>
  <si>
    <t>【东方锅炉】内螺纹管\φ38.1×7.5 №1\SA-213T2\99N112-2-1\660MW超临界机组</t>
  </si>
  <si>
    <t>【东方锅炉】内螺纹管\φ38.1×7.5 №2\SA-213T2\99N112-2-1\660MW超临界机组</t>
  </si>
  <si>
    <t>【东方锅炉】内螺纹管\φ38.1×7.5 №3\SA-213T2\99N112-2-1\660MW超临界机组</t>
  </si>
  <si>
    <t>【东方锅炉】内螺纹管\φ38.1×7.5 №4\SA-213T2\99N112-2-1\660MW超临界机组</t>
  </si>
  <si>
    <t>【东方锅炉】内螺纹管\φ38.1×7.5 №5\SA-213T2\99N112-2-1\660MW超临界机组</t>
  </si>
  <si>
    <t>【东方锅炉】内螺纹管\φ38.1×7.5 №6\SA-213T2\99N112-2-1\660MW超临界机组</t>
  </si>
  <si>
    <t>【东方锅炉】内螺纹管\φ38.1×7.5 №7\SA-213T2\99N112-2-1\660MW超临界机组</t>
  </si>
  <si>
    <t>【东方锅炉】内螺纹管\φ38.1×7.5 №8\SA-213T2\99N112-2-1\660MW超临界机组</t>
  </si>
  <si>
    <t>【东方锅炉】内螺纹管\φ38.1×7.5 №9\SA-213T2\99N112-2-1\660MW超临界机组</t>
  </si>
  <si>
    <t>【东方锅炉】内螺纹管\φ38.1×7.5 №10\SA-213T2\99N112-2-1\660MW超临界机组</t>
  </si>
  <si>
    <t>【东方锅炉】内螺纹管\φ38.1×7.5 №11\SA-213T2\99N112-2-1\660MW超临界机组</t>
  </si>
  <si>
    <t>【东方锅炉】内螺纹管\φ38.1×7.5 №12\SA-213T2\99N112-2-1\660MW超临界机组</t>
  </si>
  <si>
    <t>【东方锅炉】内螺纹管\φ38.1×7.5 №13\SA-213T2\99N112-2-1\660MW超临界机组</t>
  </si>
  <si>
    <t>【东方锅炉】内螺纹管\φ38.1×7.5 №14\SA-213T2\99N112-2-1\660MW超临界机组</t>
  </si>
  <si>
    <t>【东方锅炉】内螺纹管\φ38.1×7.5 №15\SA-213T2\99N112-2-1\660MW超临界机组</t>
  </si>
  <si>
    <t>【东方锅炉】内螺纹管\φ38.1×7.5 №16\SA-213T2\99N112-2-1\660MW超临界机组</t>
  </si>
  <si>
    <t>【东方锅炉】内螺纹管\φ38.1×7.5 №17\SA-213T2\99N112-2-1\660MW超临界机组</t>
  </si>
  <si>
    <t>【东方锅炉】内螺纹管\φ38.1×7.5 №18\SA-213T2\99N112-2-1\660MW超临界机组</t>
  </si>
  <si>
    <t>【东方锅炉】内螺纹管\φ38.1×7.5 №19\SA-213T2\99N112-2-1\660MW超临界机组</t>
  </si>
  <si>
    <t>【东方锅炉】内螺纹管\φ38.1×7.5 №20\SA-213T2\99N112-2-1\660MW超临界机组</t>
  </si>
  <si>
    <t>【东方锅炉】内螺纹管\φ38.1×7.5 №21\SA-213T2\99N112-2-1\660MW超临界机组</t>
  </si>
  <si>
    <t>【东方锅炉】内螺纹管\φ38.1×7.5 №22\SA-213T2\99N112-2-1\660MW超临界机组</t>
  </si>
  <si>
    <t>【东方锅炉】内螺纹管\φ38.1×7.5 №23\SA-213T2\99N112-2-1\660MW超临界机组</t>
  </si>
  <si>
    <t>【东方锅炉】内螺纹管\φ38.1×7.5 №24\SA-213T2\99N112-2-1\660MW超临界机组</t>
  </si>
  <si>
    <t>【东方锅炉】内螺纹管\φ38.1×7.5 №25\SA-213T2\99N112-2-1\660MW超临界机组</t>
  </si>
  <si>
    <t>【东方锅炉】内螺纹管\φ38.1×7.5 №26\SA-213T2\99N112-2-1\660MW超临界机组</t>
  </si>
  <si>
    <t>【东方锅炉】内螺纹管\φ38.1×7.5 №27\SA-213T2\99N112-2-1\660MW超临界机组</t>
  </si>
  <si>
    <t>【东方锅炉】内螺纹管\φ38.1×7.5 №28\SA-213T2\99N112-2-1\660MW超临界机组</t>
  </si>
  <si>
    <t>【东方锅炉】内螺纹管\φ38.1×7.5 №29\SA-213T2\99N112-2-1\660MW超临界机组</t>
  </si>
  <si>
    <t>【东方锅炉】内螺纹管\φ38.1×7.5 №30\SA-213T2\99N112-2-1\660MW超临界机组</t>
  </si>
  <si>
    <t>【东方锅炉】内螺纹管\φ38.1×7.5 №31\SA-213T2\99N112-2-1\660MW超临界机组</t>
  </si>
  <si>
    <t>【东方锅炉】内螺纹管\φ38.1×7.5 №32\SA-213T2\99N112-2-1\660MW超临界机组</t>
  </si>
  <si>
    <t>【东方锅炉】内螺纹管\φ38.1×7.5 №33\SA-213T2\99N112-2-1\660MW超临界机组</t>
  </si>
  <si>
    <t>【东方锅炉】内螺纹管\φ38.1×7.5 №34\SA-213T2\99N112-2-1\660MW超临界机组</t>
  </si>
  <si>
    <t>【东方锅炉】内螺纹管\φ38.1×7.5 №35\SA-213T2\99N112-2-1\660MW超临界机组</t>
  </si>
  <si>
    <t>【东方锅炉】内螺纹管\φ38.1×7.5 №36\SA-213T2\99N112-2-1\660MW超临界机组</t>
  </si>
  <si>
    <t>【东方锅炉】内螺纹管\φ38.1×7.5 №37\SA-213T2\99N112-2-1\660MW超临界机组</t>
  </si>
  <si>
    <t>【东方锅炉】内螺纹管\φ38.1×7.5 №38\SA-213T2\99N112-2-1\660MW超临界机组</t>
  </si>
  <si>
    <t>【东方锅炉】内螺纹管\φ38.1×7.5 №39\SA-213T2\99N112-2-1\660MW超临界机组</t>
  </si>
  <si>
    <t>【东方锅炉】内螺纹管\φ38.1×7.5 №40\SA-213T2\99N112-2-1\660MW超临界机组</t>
  </si>
  <si>
    <t>【东方锅炉】内螺纹管\φ38.1×7.5 №41\SA-213T2\99N112-2-1\660MW超临界机组</t>
  </si>
  <si>
    <t>【东方锅炉】内螺纹管\φ38.1×7.5 №42\SA-213T2\99N112-2-1\660MW超临界机组</t>
  </si>
  <si>
    <t>【东方锅炉】内螺纹管\φ38.1×7.5 №43\SA-213T2\99N112-2-1\660MW超临界机组</t>
  </si>
  <si>
    <t>【东方锅炉】垫片\δ4\20#\99N112-2-2\660MW超临界机组</t>
  </si>
  <si>
    <t>【东方锅炉】钢板\δ6 90×23\15CrMo\99N112-0\660MW超临界机组</t>
  </si>
  <si>
    <t>【东方锅炉】销\φ20\20#\99N112-2-3\660MW超临界机组</t>
  </si>
  <si>
    <t>【东方锅炉】销\φ20\20#\99N112-2-4\660MW超临界机组</t>
  </si>
  <si>
    <t>【东方锅炉】销\φ20\20#\99N112-2-5\660MW超临界机组</t>
  </si>
  <si>
    <t>【东方锅炉】耳板\δ6 №1\Q245R\99N112-2-6\660MW超临界机组</t>
  </si>
  <si>
    <t>【东方锅炉】耳板\δ6\Q245R\99N112-2-7\660MW超临界机组</t>
  </si>
  <si>
    <t>【东方锅炉】耳板\δ6\Q245R\99N112-2-8\660MW超临界机组</t>
  </si>
  <si>
    <t>【东方锅炉】钢板\δ6 70×23\15CrMo\99N112-0\660MW超临界机组</t>
  </si>
  <si>
    <t>【东方锅炉】钢板\δ6 350×23\15CrMo\99N112-0\660MW超临界机组</t>
  </si>
  <si>
    <t>【东方锅炉】耳板\δ6\Q245R\99N112-2-9\660MW超临界机组</t>
  </si>
  <si>
    <t>【东方锅炉】钢板\δ6 225×23\15CrMo\99N112-0\660MW超临界机组</t>
  </si>
  <si>
    <t>【东方锅炉】耳板\δ6 №2\Q245R\99N112-2-6\660MW超临界机组</t>
  </si>
  <si>
    <t>【东方锅炉】内螺纹管\φ38.1×7.5 №1\SA-213T2\99N112-3-1\660MW超临界机组</t>
  </si>
  <si>
    <t>【东方锅炉】内螺纹管\φ38.1×7.5 №2\SA-213T2\99N112-3-1\660MW超临界机组</t>
  </si>
  <si>
    <t>【东方锅炉】内螺纹管\φ38.1×7.5 №3\SA-213T2\99N112-3-1\660MW超临界机组</t>
  </si>
  <si>
    <t>【东方锅炉】内螺纹管\φ38.1×7.5 №4\SA-213T2\99N112-3-1\660MW超临界机组</t>
  </si>
  <si>
    <t>【东方锅炉】内螺纹管\φ38.1×7.5 №5\SA-213T2\99N112-3-1\660MW超临界机组</t>
  </si>
  <si>
    <t>【东方锅炉】内螺纹管\φ38.1×7.5 №6\SA-213T2\99N112-3-1\660MW超临界机组</t>
  </si>
  <si>
    <t>【东方锅炉】内螺纹管\φ38.1×7.5 №7\SA-213T2\99N112-3-1\660MW超临界机组</t>
  </si>
  <si>
    <t>【东方锅炉】内螺纹管\φ38.1×7.5 №8\SA-213T2\99N112-3-1\660MW超临界机组</t>
  </si>
  <si>
    <t>【东方锅炉】内螺纹管\φ38.1×7.5 №9\SA-213T2\99N112-3-1\660MW超临界机组</t>
  </si>
  <si>
    <t>【东方锅炉】内螺纹管\φ38.1×7.5 №10\SA-213T2\99N112-3-1\660MW超临界机组</t>
  </si>
  <si>
    <t>【东方锅炉】内螺纹管\φ38.1×7.5 №11\SA-213T2\99N112-3-1\660MW超临界机组</t>
  </si>
  <si>
    <t>【东方锅炉】内螺纹管\φ38.1×7.5 №12\SA-213T2\99N112-3-1\660MW超临界机组</t>
  </si>
  <si>
    <t>【东方锅炉】内螺纹管\φ38.1×7.5 №13\SA-213T2\99N112-3-1\660MW超临界机组</t>
  </si>
  <si>
    <t>【东方锅炉】内螺纹管\φ38.1×7.5 №14\SA-213T2\99N112-3-1\660MW超临界机组</t>
  </si>
  <si>
    <t>【东方锅炉】内螺纹管\φ38.1×7.5 №15\SA-213T2\99N112-3-1\660MW超临界机组</t>
  </si>
  <si>
    <t>【东方锅炉】内螺纹管\φ38.1×7.5 №16\SA-213T2\99N112-3-1\660MW超临界机组</t>
  </si>
  <si>
    <t>【东方锅炉】内螺纹管\φ38.1×7.5 №17\SA-213T2\99N112-3-1\660MW超临界机组</t>
  </si>
  <si>
    <t>【东方锅炉】内螺纹管\φ38.1×7.5 №18\SA-213T2\99N112-3-1\660MW超临界机组</t>
  </si>
  <si>
    <t>【东方锅炉】内螺纹管\φ38.1×7.5 №19\SA-213T2\99N112-3-1\660MW超临界机组</t>
  </si>
  <si>
    <t>【东方锅炉】内螺纹管\φ38.1×7.5 №20\SA-213T2\99N112-3-1\660MW超临界机组</t>
  </si>
  <si>
    <t>【东方锅炉】内螺纹管\φ38.1×7.5 №21\SA-213T2\99N112-3-1\660MW超临界机组</t>
  </si>
  <si>
    <t>【东方锅炉】内螺纹管\φ38.1×7.5 №22\SA-213T2\99N112-3-1\660MW超临界机组</t>
  </si>
  <si>
    <t>【东方锅炉】内螺纹管\φ38.1×7.5 №23\SA-213T2\99N112-3-1\660MW超临界机组</t>
  </si>
  <si>
    <t>【东方锅炉】内螺纹管\φ38.1×7.5 №24\SA-213T2\99N112-3-1\660MW超临界机组</t>
  </si>
  <si>
    <t>【东方锅炉】内螺纹管\φ38.1×7.5 №25\SA-213T2\99N112-3-1\660MW超临界机组</t>
  </si>
  <si>
    <t>【东方锅炉】内螺纹管\φ38.1×7.5 №26\SA-213T2\99N112-3-1\660MW超临界机组</t>
  </si>
  <si>
    <t>【东方锅炉】内螺纹管\φ38.1×7.5 №27\SA-213T2\99N112-3-1\660MW超临界机组</t>
  </si>
  <si>
    <t>【东方锅炉】内螺纹管\φ38.1×7.5 №28\SA-213T2\99N112-3-1\660MW超临界机组</t>
  </si>
  <si>
    <t>【东方锅炉】内螺纹管\φ38.1×7.5 №29\SA-213T2\99N112-3-1\660MW超临界机组</t>
  </si>
  <si>
    <t>【东方锅炉】内螺纹管\φ38.1×7.5 №30\SA-213T2\99N112-3-1\660MW超临界机组</t>
  </si>
  <si>
    <t>【东方锅炉】内螺纹管\φ38.1×7.5 №31\SA-213T2\99N112-3-1\660MW超临界机组</t>
  </si>
  <si>
    <t>【东方锅炉】内螺纹管\φ38.1×7.5 №32\SA-213T2\99N112-3-1\660MW超临界机组</t>
  </si>
  <si>
    <t>【东方锅炉】内螺纹管\φ38.1×7.5 №33\SA-213T2\99N112-3-1\660MW超临界机组</t>
  </si>
  <si>
    <t>【东方锅炉】内螺纹管\φ38.1×7.5 №34\SA-213T2\99N112-3-1\660MW超临界机组</t>
  </si>
  <si>
    <t>【东方锅炉】内螺纹管\φ38.1×7.5 №35\SA-213T2\99N112-3-1\660MW超临界机组</t>
  </si>
  <si>
    <t>【东方锅炉】内螺纹管\φ38.1×7.5 №36\SA-213T2\99N112-3-1\660MW超临界机组</t>
  </si>
  <si>
    <t>【东方锅炉】内螺纹管\φ38.1×7.5 №37\SA-213T2\99N112-3-1\660MW超临界机组</t>
  </si>
  <si>
    <t>【东方锅炉】内螺纹管\φ38.1×7.5 №38\SA-213T2\99N112-3-1\660MW超临界机组</t>
  </si>
  <si>
    <t>【东方锅炉】内螺纹管\φ38.1×7.5 №39\SA-213T2\99N112-3-1\660MW超临界机组</t>
  </si>
  <si>
    <t>【东方锅炉】内螺纹管\φ38.1×7.5 №40\SA-213T2\99N112-3-1\660MW超临界机组</t>
  </si>
  <si>
    <t>【东方锅炉】内螺纹管\φ38.1×7.5 №41\SA-213T2\99N112-3-1\660MW超临界机组</t>
  </si>
  <si>
    <t>【东方锅炉】内螺纹管\φ38.1×7.5 №42\SA-213T2\99N112-3-1\660MW超临界机组</t>
  </si>
  <si>
    <t>【东方锅炉】内螺纹管\φ38.1×7.5 №43\SA-213T2\99N112-3-1\660MW超临界机组</t>
  </si>
  <si>
    <t>【东方锅炉】内螺纹管\φ38.1×7.5 №44\SA-213T2\99N112-3-1\660MW超临界机组</t>
  </si>
  <si>
    <t>【东方锅炉】内螺纹管\φ38.1×7.5 №45\SA-213T2\99N112-3-1\660MW超临界机组</t>
  </si>
  <si>
    <t>【东方锅炉】内螺纹管\φ38.1×7.5 №46\SA-213T2\99N112-3-1\660MW超临界机组</t>
  </si>
  <si>
    <t>【东方锅炉】内螺纹管\φ38.1×7.5 №47\SA-213T2\99N112-3-1\660MW超临界机组</t>
  </si>
  <si>
    <t>【东方锅炉】扁钢\6.4×10.3\15CrMo\99N112-0\660MW超临界机组</t>
  </si>
  <si>
    <t>【东方锅炉】钢板\δ6 150×21\15CrMo\99N112-0\660MW超临界机组</t>
  </si>
  <si>
    <t>【东方锅炉】钢板\δ6 200×21\15CrMo\99N112-0\660MW超临界机组</t>
  </si>
  <si>
    <t>【东方锅炉】钢板\δ6 75×21\15CrMo\99N112-0\660MW超临界机组</t>
  </si>
  <si>
    <t>【东方锅炉】钢板\δ12\15CrMo\99N112-3-2\660MW超临界机组</t>
  </si>
  <si>
    <t>【东方锅炉】内螺纹管\φ38.1×7.5 №1\SA-213T2\99N112-4-2\660MW超临界机组</t>
  </si>
  <si>
    <t>【东方锅炉】内螺纹管\φ38.1×7.5 №2\SA-213T2\99N112-4-2\660MW超临界机组</t>
  </si>
  <si>
    <t>【东方锅炉】内螺纹管\φ38.1×7.5 №3\SA-213T2\99N112-4-2\660MW超临界机组</t>
  </si>
  <si>
    <t>【东方锅炉】内螺纹管\φ38.1×7.5 №4\SA-213T2\99N112-4-2\660MW超临界机组</t>
  </si>
  <si>
    <t>【东方锅炉】内螺纹管\φ38.1×7.5 №5\SA-213T2\99N112-4-2\660MW超临界机组</t>
  </si>
  <si>
    <t>【东方锅炉】内螺纹管\φ38.1×7.5 №6\SA-213T2\99N112-4-2\660MW超临界机组</t>
  </si>
  <si>
    <t>【东方锅炉】内螺纹管\φ38.1×7.5 №7\SA-213T2\99N112-4-2\660MW超临界机组</t>
  </si>
  <si>
    <t>【东方锅炉】内螺纹管\φ38.1×7.5 №8\SA-213T2\99N112-4-2\660MW超临界机组</t>
  </si>
  <si>
    <t>【东方锅炉】内螺纹管\φ38.1×7.5 №9\SA-213T2\99N112-4-2\660MW超临界机组</t>
  </si>
  <si>
    <t>【东方锅炉】内螺纹管\φ38.1×7.5 №10\SA-213T2\99N112-4-2\660MW超临界机组</t>
  </si>
  <si>
    <t>【东方锅炉】内螺纹管\φ38.1×7.5 №11\SA-213T2\99N112-4-2\660MW超临界机组</t>
  </si>
  <si>
    <t>【东方锅炉】内螺纹管\φ38.1×7.5 №12\SA-213T2\99N112-4-2\660MW超临界机组</t>
  </si>
  <si>
    <t>【东方锅炉】内螺纹管\φ38.1×7.5 №13\SA-213T2\99N112-4-2\660MW超临界机组</t>
  </si>
  <si>
    <t>【东方锅炉】内螺纹管\φ38.1×7.5 №14\SA-213T2\99N112-4-2\660MW超临界机组</t>
  </si>
  <si>
    <t>【东方锅炉】内螺纹管\φ38.1×7.5 №15\SA-213T2\99N112-4-2\660MW超临界机组</t>
  </si>
  <si>
    <t>【东方锅炉】内螺纹管\φ38.1×7.5 №16\SA-213T2\99N112-4-2\660MW超临界机组</t>
  </si>
  <si>
    <t>【东方锅炉】内螺纹管\φ38.1×7.5 №17\SA-213T2\99N112-4-2\660MW超临界机组</t>
  </si>
  <si>
    <t>【东方锅炉】内螺纹管\φ38.1×7.5 №18\SA-213T2\99N112-4-2\660MW超临界机组</t>
  </si>
  <si>
    <t>【东方锅炉】内螺纹管\φ38.1×7.5 №19\SA-213T2\99N112-4-2\660MW超临界机组</t>
  </si>
  <si>
    <t>【东方锅炉】内螺纹管\φ38.1×7.5 №20\SA-213T2\99N112-4-2\660MW超临界机组</t>
  </si>
  <si>
    <t>【东方锅炉】内螺纹管\φ38.1×7.5 №21\SA-213T2\99N112-4-2\660MW超临界机组</t>
  </si>
  <si>
    <t>【东方锅炉】内螺纹管\φ38.1×7.5 №22\SA-213T2\99N112-4-2\660MW超临界机组</t>
  </si>
  <si>
    <t>【东方锅炉】内螺纹管\φ38.1×7.5 №23\SA-213T2\99N112-4-2\660MW超临界机组</t>
  </si>
  <si>
    <t>【东方锅炉】内螺纹管\φ38.1×7.5 №24\SA-213T2\99N112-4-2\660MW超临界机组</t>
  </si>
  <si>
    <t>【东方锅炉】内螺纹管\φ38.1×7.5 №25\SA-213T2\99N112-4-2\660MW超临界机组</t>
  </si>
  <si>
    <t>【东方锅炉】内螺纹管\φ38.1×7.5 №26\SA-213T2\99N112-4-2\660MW超临界机组</t>
  </si>
  <si>
    <t>【东方锅炉】内螺纹管\φ38.1×7.5 №27\SA-213T2\99N112-4-2\660MW超临界机组</t>
  </si>
  <si>
    <t>【东方锅炉】内螺纹管\φ38.1×7.5 №28\SA-213T2\99N112-4-2\660MW超临界机组</t>
  </si>
  <si>
    <t>【东方锅炉】内螺纹管\φ38.1×7.5 №29\SA-213T2\99N112-4-2\660MW超临界机组</t>
  </si>
  <si>
    <t>【东方锅炉】内螺纹管\φ38.1×7.5 №30\SA-213T2\99N112-4-2\660MW超临界机组</t>
  </si>
  <si>
    <t>【东方锅炉】内螺纹管\φ38.1×7.5 №31\SA-213T2\99N112-4-2\660MW超临界机组</t>
  </si>
  <si>
    <t>【东方锅炉】内螺纹管\φ38.1×7.5 №32\SA-213T2\99N112-4-2\660MW超临界机组</t>
  </si>
  <si>
    <t>【东方锅炉】内螺纹管\φ38.1×7.5 №33\SA-213T2\99N112-4-2\660MW超临界机组</t>
  </si>
  <si>
    <t>【东方锅炉】内螺纹管\φ38.1×7.5 №34\SA-213T2\99N112-4-2\660MW超临界机组</t>
  </si>
  <si>
    <t>【东方锅炉】内螺纹管\φ38.1×7.5 №35\SA-213T2\99N112-4-2\660MW超临界机组</t>
  </si>
  <si>
    <t>【东方锅炉】内螺纹管\φ38.1×7.5 №36\SA-213T2\99N112-4-2\660MW超临界机组</t>
  </si>
  <si>
    <t>【东方锅炉】内螺纹管\φ38.1×7.5 №37\SA-213T2\99N112-4-2\660MW超临界机组</t>
  </si>
  <si>
    <t>【东方锅炉】内螺纹管\φ38.1×7.5 №38\SA-213T2\99N112-4-2\660MW超临界机组</t>
  </si>
  <si>
    <t>【东方锅炉】内螺纹管\φ38.1×7.5 №39\SA-213T2\99N112-4-2\660MW超临界机组</t>
  </si>
  <si>
    <t>【东方锅炉】内螺纹管\φ38.1×7.5 №40\SA-213T2\99N112-4-2\660MW超临界机组</t>
  </si>
  <si>
    <t>【东方锅炉】内螺纹管\φ38.1×7.5 №41\SA-213T2\99N112-4-2\660MW超临界机组</t>
  </si>
  <si>
    <t>【东方锅炉】内螺纹管\φ38.1×7.5 №42\SA-213T2\99N112-4-2\660MW超临界机组</t>
  </si>
  <si>
    <t>【东方锅炉】内螺纹管\φ38.1×7.5 №43\SA-213T2\99N112-4-2\660MW超临界机组</t>
  </si>
  <si>
    <t>【东方锅炉】内螺纹管\φ38.1×7.5 №44\SA-213T2\99N112-4-2\660MW超临界机组</t>
  </si>
  <si>
    <t>【东方锅炉】内螺纹管\φ38.1×7.5 №45\SA-213T2\99N112-4-2\660MW超临界机组</t>
  </si>
  <si>
    <t>【东方锅炉】内螺纹管\φ38.1×7.5 №46\SA-213T2\99N112-4-2\660MW超临界机组</t>
  </si>
  <si>
    <t>【东方锅炉】内螺纹管\φ38.1×7.5 №47\SA-213T2\99N112-4-2\660MW超临界机组</t>
  </si>
  <si>
    <t>【东方锅炉】内螺纹管\φ38.1×7.5 №48\SA-213T2\99N112-4-2\660MW超临界机组</t>
  </si>
  <si>
    <t>【东方锅炉】内螺纹管\φ38.1×7.5 №49\SA-213T2\99N112-4-2\660MW超临界机组</t>
  </si>
  <si>
    <t>【东方锅炉】内螺纹管\φ38.1×7.5 №50\SA-213T2\99N112-4-2\660MW超临界机组</t>
  </si>
  <si>
    <t>【东方锅炉】扁钢\δ6.4\15CrMo\99N112-4-4\660MW超临界机组</t>
  </si>
  <si>
    <t>【东方锅炉】扁钢\δ6.4\15CrMo\99N112-4-5\660MW超临界机组</t>
  </si>
  <si>
    <t>【东方锅炉】冷端蓄热元件\DH300/1.2\Q355GNH\47YR12-0/№7</t>
  </si>
  <si>
    <t>【东方锅炉】内螺纹管\φ38.1×7.5\SA-213T2\99N112-4-6\660MW超临界机组</t>
  </si>
  <si>
    <t>【东方锅炉】密封块\δ6\15CrMo\99N112-4-7\660MW超临界机组</t>
  </si>
  <si>
    <t>【东方锅炉】钢板\δ6 75×22\15CrMo\99N112-0\660MW超临界机组</t>
  </si>
  <si>
    <t>【东方锅炉】钢板\δ6\15CrMo\99N112-4-8\660MW超临界机组</t>
  </si>
  <si>
    <t>【东方锅炉】钢板\δ6 100×34.7\15CrMo\99N112-0\660MW超临界机组</t>
  </si>
  <si>
    <t>【东方锅炉】内螺纹管\φ38.1×7.5 №1\SA-213T2\99N112-5-2\660MW超临界机组</t>
  </si>
  <si>
    <t>【东方锅炉】内螺纹管\φ38.1×7.5 №2\SA-213T2\99N112-5-2\660MW超临界机组</t>
  </si>
  <si>
    <t>【东方锅炉】内螺纹管\φ38.1×7.5 №3\SA-213T2\99N112-5-2\660MW超临界机组</t>
  </si>
  <si>
    <t>【东方锅炉】内螺纹管\φ38.1×7.5 №4\SA-213T2\99N112-5-2\660MW超临界机组</t>
  </si>
  <si>
    <t>【东方锅炉】内螺纹管\φ38.1×7.5 №5\SA-213T2\99N112-5-2\660MW超临界机组</t>
  </si>
  <si>
    <t>【东方锅炉】内螺纹管\φ38.1×7.5 №6\SA-213T2\99N112-5-2\660MW超临界机组</t>
  </si>
  <si>
    <t>【东方锅炉】内螺纹管\φ38.1×7.5 №7\SA-213T2\99N112-5-2\660MW超临界机组</t>
  </si>
  <si>
    <t>【东方锅炉】内螺纹管\φ38.1×7.5 №8\SA-213T2\99N112-5-2\660MW超临界机组</t>
  </si>
  <si>
    <t>【东方锅炉】内螺纹管\φ38.1×7.5 №9\SA-213T2\99N112-5-2\660MW超临界机组</t>
  </si>
  <si>
    <t>【东方锅炉】内螺纹管\φ38.1×7.5 №10\SA-213T2\99N112-5-2\660MW超临界机组</t>
  </si>
  <si>
    <t>【东方锅炉】内螺纹管\φ38.1×7.5 №11\SA-213T2\99N112-5-2\660MW超临界机组</t>
  </si>
  <si>
    <t>【东方锅炉】内螺纹管\φ38.1×7.5 №12\SA-213T2\99N112-5-2\660MW超临界机组</t>
  </si>
  <si>
    <t>【东方锅炉】内螺纹管\φ38.1×7.5 №13\SA-213T2\99N112-5-2\660MW超临界机组</t>
  </si>
  <si>
    <t>【东方锅炉】内螺纹管\φ38.1×7.5 №14\SA-213T2\99N112-5-2\660MW超临界机组</t>
  </si>
  <si>
    <t>【东方锅炉】内螺纹管\φ38.1×7.5 №15\SA-213T2\99N112-5-2\660MW超临界机组</t>
  </si>
  <si>
    <t>【东方锅炉】内螺纹管\φ38.1×7.5 №16\SA-213T2\99N112-5-2\660MW超临界机组</t>
  </si>
  <si>
    <t>【东方锅炉】内螺纹管\φ38.1×7.5 №17\SA-213T2\99N112-5-2\660MW超临界机组</t>
  </si>
  <si>
    <t>【东方锅炉】内螺纹管\φ38.1×7.5 №18\SA-213T2\99N112-5-2\660MW超临界机组</t>
  </si>
  <si>
    <t>【东方锅炉】内螺纹管\φ38.1×7.5 №19\SA-213T2\99N112-5-2\660MW超临界机组</t>
  </si>
  <si>
    <t>【东方锅炉】内螺纹管\φ38.1×7.5 №20\SA-213T2\99N112-5-2\660MW超临界机组</t>
  </si>
  <si>
    <t>【东方锅炉】内螺纹管\φ38.1×7.5 №21\SA-213T2\99N112-5-2\660MW超临界机组</t>
  </si>
  <si>
    <t>【东方锅炉】内螺纹管\φ38.1×7.5 №22\SA-213T2\99N112-5-2\660MW超临界机组</t>
  </si>
  <si>
    <t>【东方锅炉】内螺纹管\φ38.1×7.5 №23\SA-213T2\99N112-5-2\660MW超临界机组</t>
  </si>
  <si>
    <t>【东方锅炉】内螺纹管\φ38.1×7.5 №24\SA-213T2\99N112-5-2\660MW超临界机组</t>
  </si>
  <si>
    <t>【东方锅炉】内螺纹管\φ38.1×7.5 №25\SA-213T2\99N112-5-2\660MW超临界机组</t>
  </si>
  <si>
    <t>【东方锅炉】内螺纹管\φ38.1×7.5 №26\SA-213T2\99N112-5-2\660MW超临界机组</t>
  </si>
  <si>
    <t>【东方锅炉】内螺纹管\φ38.1×7.5 №27\SA-213T2\99N112-5-2\660MW超临界机组</t>
  </si>
  <si>
    <t>【东方锅炉】内螺纹管\φ38.1×7.5 №28\SA-213T2\99N112-5-2\660MW超临界机组</t>
  </si>
  <si>
    <t>【东方锅炉】内螺纹管\φ38.1×7.5 №29\SA-213T2\99N112-5-2\660MW超临界机组</t>
  </si>
  <si>
    <t>【东方锅炉】内螺纹管\φ38.1×7.5 №30\SA-213T2\99N112-5-2\660MW超临界机组</t>
  </si>
  <si>
    <t>【东方锅炉】内螺纹管\φ38.1×7.5 №31\SA-213T2\99N112-5-2\660MW超临界机组</t>
  </si>
  <si>
    <t>【东方锅炉】内螺纹管\φ38.1×7.5 №32\SA-213T2\99N112-5-2\660MW超临界机组</t>
  </si>
  <si>
    <t>【东方锅炉】内螺纹管\φ38.1×7.5 №33\SA-213T2\99N112-5-2\660MW超临界机组</t>
  </si>
  <si>
    <t>【东方锅炉】内螺纹管\φ38.1×7.5 №34\SA-213T2\99N112-5-2\660MW超临界机组</t>
  </si>
  <si>
    <t>【东方锅炉】内螺纹管\φ38.1×7.5 №35\SA-213T2\99N112-5-2\660MW超临界机组</t>
  </si>
  <si>
    <t>【东方锅炉】内螺纹管\φ38.1×7.5 №36\SA-213T2\99N112-5-2\660MW超临界机组</t>
  </si>
  <si>
    <t>【东方锅炉】内螺纹管\φ38.1×7.5 №37\SA-213T2\99N112-5-2\660MW超临界机组</t>
  </si>
  <si>
    <t>【东方锅炉】内螺纹管\φ38.1×7.5 №38\SA-213T2\99N112-5-2\660MW超临界机组</t>
  </si>
  <si>
    <t>【东方锅炉】内螺纹管\φ38.1×7.5 №39\SA-213T2\99N112-5-2\660MW超临界机组</t>
  </si>
  <si>
    <t>【东方锅炉】内螺纹管\φ38.1×7.5 №40\SA-213T2\99N112-5-2\660MW超临界机组</t>
  </si>
  <si>
    <t>【东方锅炉】内螺纹管\φ38.1×7.5 №41\SA-213T2\99N112-5-2\660MW超临界机组</t>
  </si>
  <si>
    <t>【东方锅炉】内螺纹管\φ38.1×7.5 №42\SA-213T2\99N112-5-2\660MW超临界机组</t>
  </si>
  <si>
    <t>【东方锅炉】内螺纹管\φ38.1×7.5 №43\SA-213T2\99N112-5-2\660MW超临界机组</t>
  </si>
  <si>
    <t>【东方锅炉】内螺纹管\φ38.1×7.5 №44\SA-213T2\99N112-5-2\660MW超临界机组</t>
  </si>
  <si>
    <t>【东方锅炉】内螺纹管\φ38.1×7.5 №45\SA-213T2\99N112-5-2\660MW超临界机组</t>
  </si>
  <si>
    <t>【东方锅炉】内螺纹管\φ38.1×7.5 №46\SA-213T2\99N112-5-2\660MW超临界机组</t>
  </si>
  <si>
    <t>【东方锅炉】内螺纹管\φ38.1×7.5 №47\SA-213T2\99N112-5-2\660MW超临界机组</t>
  </si>
  <si>
    <t>【东方锅炉】内螺纹管\φ38.1×7.5 №48\SA-213T2\99N112-5-2\660MW超临界机组</t>
  </si>
  <si>
    <t>【东方锅炉】内螺纹管\φ38.1×7.5 №49\SA-213T2\99N112-5-2\660MW超临界机组</t>
  </si>
  <si>
    <t>【东方锅炉】耳板\δ6\Q245R\99N112-5-4\660MW超临界机组</t>
  </si>
  <si>
    <t>【东方锅炉】耳板\δ6 №1\Q245R\99N112-5-5\660MW超临界机组</t>
  </si>
  <si>
    <t>【东方锅炉】钢板\δ6\15CrMo\99N112-5-6\660MW超临界机组</t>
  </si>
  <si>
    <t>【东方锅炉】钢板\δ6\15CrMo\99N112-5-7\660MW超临界机组</t>
  </si>
  <si>
    <t>【东方锅炉】钢板\δ6\15CrMo\99N112-5-8\660MW超临界机组</t>
  </si>
  <si>
    <t>【东方锅炉】钢板\δ6\15CrMo\99N112-5-9\660MW超临界机组</t>
  </si>
  <si>
    <t>【东方锅炉】耳板\δ6 №2\Q245R\99N112-5-5\660MW超临界机组</t>
  </si>
  <si>
    <t>【东方锅炉】内螺纹管\φ38.1×7.5\SA-213T2\99N112-6-3\660MW超临界机组</t>
  </si>
  <si>
    <t>【东方锅炉】内螺纹管\φ38.1×7.5\SA-213T2\99N112-6-4\660MW超临界机组</t>
  </si>
  <si>
    <t>【东方锅炉】内螺纹管\φ38.1×7.5\SA-213T2\99N112-6-5\660MW超临界机组</t>
  </si>
  <si>
    <t>【东方锅炉】内螺纹管\φ38.1×7.5\SA-213T2\99N112-6-6\660MW超临界机组</t>
  </si>
  <si>
    <t>【东方锅炉】内螺纹管\φ38.1×7.5\SA-213T2\99N112-6-7\660MW超临界机组</t>
  </si>
  <si>
    <t>【东方锅炉】内螺纹管\φ38.1×7.5\SA-213T2\99N112-6-8\660MW超临界机组</t>
  </si>
  <si>
    <t>【东方锅炉】内螺纹管\φ38.1×7.5\SA-213T2\99N112-6-9\660MW超临界机组</t>
  </si>
  <si>
    <t>【东方锅炉】内螺纹管\φ38.1×7.5\SA-213T2\99N112-6-10\660MW超临界机组</t>
  </si>
  <si>
    <t>【东方锅炉】内螺纹管\φ38.1×7.5 №1\SA-213T2\99N112-6-11\660MW超临界机组</t>
  </si>
  <si>
    <t>【东方锅炉】内螺纹管\φ38.1×7.5 №2\SA-213T2\99N112-6-11\660MW超临界机组</t>
  </si>
  <si>
    <t>【东方锅炉】内螺纹管\φ38.1×7.5 №3\SA-213T2\99N112-6-11\660MW超临界机组</t>
  </si>
  <si>
    <t>【东方锅炉】内螺纹管\φ38.1×7.5 №1\SA-213T2\99N112-6-13\660MW超临界机组</t>
  </si>
  <si>
    <t>【东方锅炉】内螺纹管\φ38.1×7.5 №2\SA-213T2\99N112-6-13\660MW超临界机组</t>
  </si>
  <si>
    <t>【东方锅炉】内螺纹管\φ38.1×7.5 №3\SA-213T2\99N112-6-13\660MW超临界机组</t>
  </si>
  <si>
    <t>【东方锅炉】内螺纹管\φ38.1×7.5 №4\SA-213T2\99N112-6-13\660MW超临界机组</t>
  </si>
  <si>
    <t>【东方锅炉】内螺纹管\φ38.1×7.5 №5\SA-213T2\99N112-6-13\660MW超临界机组</t>
  </si>
  <si>
    <t>【东方锅炉】内螺纹管\φ38.1×7.5 №6\SA-213T2\99N112-6-13\660MW超临界机组</t>
  </si>
  <si>
    <t>【东方锅炉】内螺纹管\φ38.1×7.5 №7\SA-213T2\99N112-6-13\660MW超临界机组</t>
  </si>
  <si>
    <t>【东方锅炉】内螺纹管\φ38.1×7.5 №8\SA-213T2\99N112-6-13\660MW超临界机组</t>
  </si>
  <si>
    <t>【东方锅炉】内螺纹管\φ38.1×7.5 №9\SA-213T2\99N112-6-13\660MW超临界机组</t>
  </si>
  <si>
    <t>【东方锅炉】内螺纹管\φ38.1×7.5 №10\SA-213T2\99N112-6-13\660MW超临界机组</t>
  </si>
  <si>
    <t>【东方锅炉】内螺纹管\φ38.1×7.5 №11\SA-213T2\99N112-6-13\660MW超临界机组</t>
  </si>
  <si>
    <t>【东方锅炉】内螺纹管\φ38.1×7.5 №12\SA-213T2\99N112-6-13\660MW超临界机组</t>
  </si>
  <si>
    <t>【东方锅炉】内螺纹管\φ38.1×7.5 №13\SA-213T2\99N112-6-13\660MW超临界机组</t>
  </si>
  <si>
    <t>【东方锅炉】内螺纹管\φ38.1×7.5 №14\SA-213T2\99N112-6-13\660MW超临界机组</t>
  </si>
  <si>
    <t>【东方锅炉】内螺纹管\φ38.1×7.5 №15\SA-213T2\99N112-6-13\660MW超临界机组</t>
  </si>
  <si>
    <t>【东方锅炉】内螺纹管\φ38.1×7.5 №16\SA-213T2\99N112-6-13\660MW超临界机组</t>
  </si>
  <si>
    <t>【东方锅炉】内螺纹管\φ38.1×7.5 №17\SA-213T2\99N112-6-13\660MW超临界机组</t>
  </si>
  <si>
    <t>【东方锅炉】内螺纹管\φ38.1×7.5 №18\SA-213T2\99N112-6-13\660MW超临界机组</t>
  </si>
  <si>
    <t>【东方锅炉】内螺纹管\φ38.1×7.5 №19\SA-213T2\99N112-6-13\660MW超临界机组</t>
  </si>
  <si>
    <t>【东方锅炉】内螺纹管\φ38.1×7.5 №20\SA-213T2\99N112-6-13\660MW超临界机组</t>
  </si>
  <si>
    <t>【东方锅炉】内螺纹管\φ38.1×7.5 №21\SA-213T2\99N112-6-13\660MW超临界机组</t>
  </si>
  <si>
    <t>【东方锅炉】内螺纹管\φ38.1×7.5 №22\SA-213T2\99N112-6-13\660MW超临界机组</t>
  </si>
  <si>
    <t>【东方锅炉】内螺纹管\φ38.1×7.5 №23\SA-213T2\99N112-6-13\660MW超临界机组</t>
  </si>
  <si>
    <t>【东方锅炉】内螺纹管\φ38.1×7.5 №24\SA-213T2\99N112-6-13\660MW超临界机组</t>
  </si>
  <si>
    <t>【东方锅炉】内螺纹管\φ38.1×7.5 №25\SA-213T2\99N112-6-13\660MW超临界机组</t>
  </si>
  <si>
    <t>【东方锅炉】内螺纹管\φ38.1×7.5 №26\SA-213T2\99N112-6-13\660MW超临界机组</t>
  </si>
  <si>
    <t>【东方锅炉】内螺纹管\φ38.1×7.5 №27\SA-213T2\99N112-6-13\660MW超临界机组</t>
  </si>
  <si>
    <t>【东方锅炉】内螺纹管\φ38.1×7.5 №28\SA-213T2\99N112-6-13\660MW超临界机组</t>
  </si>
  <si>
    <t>【东方锅炉】内螺纹管\φ38.1×7.5 №29\SA-213T2\99N112-6-13\660MW超临界机组</t>
  </si>
  <si>
    <t>【东方锅炉】内螺纹管\φ38.1×7.5 №30\SA-213T2\99N112-6-13\660MW超临界机组</t>
  </si>
  <si>
    <t>【东方锅炉】内螺纹管\φ38.1×7.5 №31\SA-213T2\99N112-6-13\660MW超临界机组</t>
  </si>
  <si>
    <t>【东方锅炉】内螺纹管\φ38.1×7.5 №32\SA-213T2\99N112-6-13\660MW超临界机组</t>
  </si>
  <si>
    <t>【东方锅炉】内螺纹管\φ38.1×7.5 №33\SA-213T2\99N112-6-13\660MW超临界机组</t>
  </si>
  <si>
    <t>【东方锅炉】内螺纹管\φ38.1×7.5 №34\SA-213T2\99N112-6-13\660MW超临界机组</t>
  </si>
  <si>
    <t>【东方锅炉】内螺纹管\φ38.1×7.5 №35\SA-213T2\99N112-6-13\660MW超临界机组</t>
  </si>
  <si>
    <t>【东方锅炉】内螺纹管\φ38.1×7.5 №36\SA-213T2\99N112-6-13\660MW超临界机组</t>
  </si>
  <si>
    <t>【东方锅炉】内螺纹管\φ38.1×7.5 №37\SA-213T2\99N112-6-13\660MW超临界机组</t>
  </si>
  <si>
    <t>【东方锅炉】内螺纹管\φ38.1×7.5 №38\SA-213T2\99N112-6-13\660MW超临界机组</t>
  </si>
  <si>
    <t>【东方锅炉】内螺纹管\φ38.1×7.5 №39\SA-213T2\99N112-6-13\660MW超临界机组</t>
  </si>
  <si>
    <t>【东方锅炉】内螺纹管\φ38.1×7.5 №40\SA-213T2\99N112-6-13\660MW超临界机组</t>
  </si>
  <si>
    <t>【东方锅炉】内螺纹管\φ38.1×7.5 №1\SA-213T2\99N112-7-2\660MW超临界机组</t>
  </si>
  <si>
    <t>【东方锅炉】内螺纹管\φ38.1×7.5 №2\SA-213T2\99N112-7-2\660MW超临界机组</t>
  </si>
  <si>
    <t>【东方锅炉】内螺纹管\φ38.1×7.5 №3\SA-213T2\99N112-7-2\660MW超临界机组</t>
  </si>
  <si>
    <t>【东方锅炉】内螺纹管\φ38.1×7.5 №4\SA-213T2\99N112-7-2\660MW超临界机组</t>
  </si>
  <si>
    <t>【东方锅炉】内螺纹管\φ38.1×7.5 №5\SA-213T2\99N112-7-2\660MW超临界机组</t>
  </si>
  <si>
    <t>【东方锅炉】内螺纹管\φ38.1×7.5 №6\SA-213T2\99N112-7-2\660MW超临界机组</t>
  </si>
  <si>
    <t>【东方锅炉】内螺纹管\φ38.1×7.5 №7\SA-213T2\99N112-7-2\660MW超临界机组</t>
  </si>
  <si>
    <t>【东方锅炉】内螺纹管\φ38.1×7.5 №8\SA-213T2\99N112-7-2\660MW超临界机组</t>
  </si>
  <si>
    <t>【东方锅炉】内螺纹管\φ38.1×7.5 №9\SA-213T2\99N112-7-2\660MW超临界机组</t>
  </si>
  <si>
    <t>【东方锅炉】扁钢\δ6.4\15CrMo\99N112-7-3\660MW超临界机组</t>
  </si>
  <si>
    <t>【东方锅炉】内螺纹管\φ38.1×7.5 №10\SA-213T2\99N112-7-2\660MW超临界机组</t>
  </si>
  <si>
    <t>【东方锅炉】内螺纹管\φ38.1×7.5 №11\SA-213T2\99N112-7-2\660MW超临界机组</t>
  </si>
  <si>
    <t>【东方锅炉】内螺纹管\φ38.1×7.5 №12\SA-213T2\99N112-7-2\660MW超临界机组</t>
  </si>
  <si>
    <t>【东方锅炉】内螺纹管\φ38.1×7.5 №13\SA-213T2\99N112-7-2\660MW超临界机组</t>
  </si>
  <si>
    <t>【东方锅炉】内螺纹管\φ38.1×7.5 №14\SA-213T2\99N112-7-2\660MW超临界机组</t>
  </si>
  <si>
    <t>【东方锅炉】内螺纹管\φ38.1×7.5 №15\SA-213T2\99N112-7-2\660MW超临界机组</t>
  </si>
  <si>
    <t>【东方锅炉】内螺纹管\φ38.1×7.5 №16\SA-213T2\99N112-7-2\660MW超临界机组</t>
  </si>
  <si>
    <t>【东方锅炉】内螺纹管\φ38.1×7.5 №17\SA-213T2\99N112-7-2\660MW超临界机组</t>
  </si>
  <si>
    <t>【东方锅炉】内螺纹管\φ38.1×7.5 №18\SA-213T2\99N112-7-2\660MW超临界机组</t>
  </si>
  <si>
    <t>【东方锅炉】内螺纹管\φ38.1×7.5 №19\SA-213T2\99N112-7-2\660MW超临界机组</t>
  </si>
  <si>
    <t>【东方锅炉】内螺纹管\φ38.1×7.5 №20\SA-213T2\99N112-7-2\660MW超临界机组</t>
  </si>
  <si>
    <t>【东方锅炉】内螺纹管\φ38.1×7.5 №21\SA-213T2\99N112-7-2\660MW超临界机组</t>
  </si>
  <si>
    <t>【东方锅炉】内螺纹管\φ38.1×7.5 №22\SA-213T2\99N112-7-2\660MW超临界机组</t>
  </si>
  <si>
    <t>【东方锅炉】内螺纹管\φ38.1×7.5 №23\SA-213T2\99N112-7-2\660MW超临界机组</t>
  </si>
  <si>
    <t>【东方锅炉】内螺纹管\φ38.1×7.5 №24\SA-213T2\99N112-7-2\660MW超临界机组</t>
  </si>
  <si>
    <t>【东方锅炉】内螺纹管\φ38.1×7.5 №25\SA-213T2\99N112-7-2\660MW超临界机组</t>
  </si>
  <si>
    <t>【东方锅炉】内螺纹管\φ38.1×7.5 №26\SA-213T2\99N112-7-2\660MW超临界机组</t>
  </si>
  <si>
    <t>【东方锅炉】内螺纹管\φ38.1×7.5 №27\SA-213T2\99N112-7-2\660MW超临界机组</t>
  </si>
  <si>
    <t>【东方锅炉】内螺纹管\φ38.1×7.5 №28\SA-213T2\99N112-7-2\660MW超临界机组</t>
  </si>
  <si>
    <t>【东方锅炉】内螺纹管\φ38.1×7.5 №29\SA-213T2\99N112-7-2\660MW超临界机组</t>
  </si>
  <si>
    <t>【东方锅炉】内螺纹管\φ38.1×7.5 №30\SA-213T2\99N112-7-2\660MW超临界机组</t>
  </si>
  <si>
    <t>【东方锅炉】内螺纹管\φ38.1×7.5 №31\SA-213T2\99N112-7-2\660MW超临界机组</t>
  </si>
  <si>
    <t>【东方锅炉】内螺纹管\φ38.1×7.5 №32\SA-213T2\99N112-7-2\660MW超临界机组</t>
  </si>
  <si>
    <t>【东方锅炉】内螺纹管\φ38.1×7.5 №33\SA-213T2\99N112-7-2\660MW超临界机组</t>
  </si>
  <si>
    <t>【东方锅炉】内螺纹管\φ38.1×7.5 №34\SA-213T2\99N112-7-2\660MW超临界机组</t>
  </si>
  <si>
    <t>【东方锅炉】内螺纹管\φ38.1×7.5 №35\SA-213T2\99N112-7-2\660MW超临界机组</t>
  </si>
  <si>
    <t>【东方锅炉】内螺纹管\φ38.1×7.5 №36\SA-213T2\99N112-7-2\660MW超临界机组</t>
  </si>
  <si>
    <t>【东方锅炉】内螺纹管\φ38.1×7.5 №37\SA-213T2\99N112-7-2\660MW超临界机组</t>
  </si>
  <si>
    <t>【东方锅炉】内螺纹管\φ38.1×7.5 №38\SA-213T2\99N112-7-2\660MW超临界机组</t>
  </si>
  <si>
    <t>【东方锅炉】内螺纹管\φ38.1×7.5 №39\SA-213T2\99N112-7-2\660MW超临界机组</t>
  </si>
  <si>
    <t>【东方锅炉】钢板\δ6\15CrMo\99N112-7-8\660MW超临界机组</t>
  </si>
  <si>
    <t>【东方锅炉】钢板\δ6\15CrMo\99N112-7-9\660MW超临界机组</t>
  </si>
  <si>
    <t>【东方锅炉】内螺纹管\φ38.1×7.5 №1\SA-213T2\99N112-8-5\660MW超临界机组</t>
  </si>
  <si>
    <t>【东方锅炉】内螺纹管\φ38.1×7.5 №2\SA-213T2\99N112-8-5\660MW超临界机组</t>
  </si>
  <si>
    <t>【东方锅炉】内螺纹管\φ38.1×7.5 №3\SA-213T2\99N112-8-5\660MW超临界机组</t>
  </si>
  <si>
    <t>【东方锅炉】内螺纹管\φ38.1×7.5 №4\SA-213T2\99N112-8-5\660MW超临界机组</t>
  </si>
  <si>
    <t>【东方锅炉】内螺纹管\φ38.1×7.5 №5\SA-213T2\99N112-8-5\660MW超临界机组</t>
  </si>
  <si>
    <t>【东方锅炉】内螺纹管\φ38.1×7.5 №6\SA-213T2\99N112-8-5\660MW超临界机组</t>
  </si>
  <si>
    <t>【东方锅炉】内螺纹管\φ38.1×7.5 №7\SA-213T2\99N112-8-5\660MW超临界机组</t>
  </si>
  <si>
    <t>【东方锅炉】内螺纹管\φ38.1×7.5 №8\SA-213T2\99N112-8-5\660MW超临界机组</t>
  </si>
  <si>
    <t>【东方锅炉】内螺纹管\φ38.1×7.5 №9\SA-213T2\99N112-8-5\660MW超临界机组</t>
  </si>
  <si>
    <t>【东方锅炉】内螺纹管\φ38.1×7.5 №10\SA-213T2\99N112-8-5\660MW超临界机组</t>
  </si>
  <si>
    <t>【东方锅炉】内螺纹管\φ38.1×7.5 №11\SA-213T2\99N112-8-5\660MW超临界机组</t>
  </si>
  <si>
    <t>【东方锅炉】内螺纹管\φ38.1×7.5 №12\SA-213T2\99N112-8-5\660MW超临界机组</t>
  </si>
  <si>
    <t>【东方锅炉】内螺纹管\φ38.1×7.5 №13\SA-213T2\99N112-8-5\660MW超临界机组</t>
  </si>
  <si>
    <t>【东方锅炉】内螺纹管\φ38.1×7.5 №14\SA-213T2\99N112-8-5\660MW超临界机组</t>
  </si>
  <si>
    <t>【东方锅炉】内螺纹管\φ38.1×7.5 №15\SA-213T2\99N112-8-5\660MW超临界机组</t>
  </si>
  <si>
    <t>【东方锅炉】内螺纹管\φ38.1×7.5 №16\SA-213T2\99N112-8-5\660MW超临界机组</t>
  </si>
  <si>
    <t>【东方锅炉】内螺纹管\φ38.1×7.5 №17\SA-213T2\99N112-8-5\660MW超临界机组</t>
  </si>
  <si>
    <t>【东方锅炉】内螺纹管\φ38.1×7.5 №18\SA-213T2\99N112-8-5\660MW超临界机组</t>
  </si>
  <si>
    <t>【东方锅炉】内螺纹管\φ38.1×7.5 №19\SA-213T2\99N112-8-5\660MW超临界机组</t>
  </si>
  <si>
    <t>【东方锅炉】内螺纹管\φ38.1×7.5 №20\SA-213T2\99N112-8-5\660MW超临界机组</t>
  </si>
  <si>
    <t>【东方锅炉】内螺纹管\φ38.1×7.5 №21\SA-213T2\99N112-8-5\660MW超临界机组</t>
  </si>
  <si>
    <t>【东方锅炉】内螺纹管\φ38.1×7.5 №22\SA-213T2\99N112-8-5\660MW超临界机组</t>
  </si>
  <si>
    <t>【东方锅炉】内螺纹管\φ38.1×7.5 №23\SA-213T2\99N112-8-5\660MW超临界机组</t>
  </si>
  <si>
    <t>【东方锅炉】内螺纹管\φ38.1×7.5 №24\SA-213T2\99N112-8-5\660MW超临界机组</t>
  </si>
  <si>
    <t>【东方锅炉】内螺纹管\φ38.1×7.5 №25\SA-213T2\99N112-8-5\660MW超临界机组</t>
  </si>
  <si>
    <t>【东方锅炉】内螺纹管\φ38.1×7.5 №26\SA-213T2\99N112-8-5\660MW超临界机组</t>
  </si>
  <si>
    <t>【东方锅炉】内螺纹管\φ38.1×7.5 №27\SA-213T2\99N112-8-5\660MW超临界机组</t>
  </si>
  <si>
    <t>【东方锅炉】内螺纹管\φ38.1×7.5 №28\SA-213T2\99N112-8-5\660MW超临界机组</t>
  </si>
  <si>
    <t>【东方锅炉】内螺纹管\φ38.1×7.5 №29\SA-213T2\99N112-8-5\660MW超临界机组</t>
  </si>
  <si>
    <t>【东方锅炉】内螺纹管\φ38.1×7.5 №30\SA-213T2\99N112-8-5\660MW超临界机组</t>
  </si>
  <si>
    <t>【东方锅炉】内螺纹管\φ38.1×7.5 №31\SA-213T2\99N112-8-5\660MW超临界机组</t>
  </si>
  <si>
    <t>【东方锅炉】内螺纹管\φ38.1×7.5 №32\SA-213T2\99N112-8-5\660MW超临界机组</t>
  </si>
  <si>
    <t>【东方锅炉】内螺纹管\φ38.1×7.5 №33\SA-213T2\99N112-8-5\660MW超临界机组</t>
  </si>
  <si>
    <t>【东方锅炉】内螺纹管\φ38.1×7.5 №34\SA-213T2\99N112-8-5\660MW超临界机组</t>
  </si>
  <si>
    <t>【东方锅炉】内螺纹管\φ38.1×7.5 №35\SA-213T2\99N112-8-5\660MW超临界机组</t>
  </si>
  <si>
    <t>【东方锅炉】内螺纹管\φ38.1×7.5 №36\SA-213T2\99N112-8-5\660MW超临界机组</t>
  </si>
  <si>
    <t>【东方锅炉】内螺纹管\φ38.1×7.5 №37\SA-213T2\99N112-8-5\660MW超临界机组</t>
  </si>
  <si>
    <t>【东方锅炉】内螺纹管\φ38.1×7.5 №38\SA-213T2\99N112-8-5\660MW超临界机组</t>
  </si>
  <si>
    <t>【东方锅炉】内螺纹管\φ38.1×7.5 №39\SA-213T2\99N112-8-5\660MW超临界机组</t>
  </si>
  <si>
    <t>【东方锅炉】内螺纹管\φ38.1×7.5 №40\SA-213T2\99N112-8-5\660MW超临界机组</t>
  </si>
  <si>
    <t>【东方锅炉】内螺纹管\φ38.1×7.5 №41\SA-213T2\99N112-8-5\660MW超临界机组</t>
  </si>
  <si>
    <t>【东方锅炉】内螺纹管\φ38.1×7.5 №42\SA-213T2\99N112-8-5\660MW超临界机组</t>
  </si>
  <si>
    <t>【东方锅炉】钢板\δ25\15CrMo\99N112-9-1\660MW超临界机组</t>
  </si>
  <si>
    <t>【东方锅炉】销\φ20\20#\99N112-9-2\660MW超临界机组</t>
  </si>
  <si>
    <t>【东方锅炉】销\φ20\20#\99N112-9-3\660MW超临界机组</t>
  </si>
  <si>
    <t>【东方锅炉】耳板\δ6\Q245R\99N112-9-4\660MW超临界机组</t>
  </si>
  <si>
    <t>【东方锅炉】耳板\δ6\Q245R\99N112-9-5\660MW超临界机组</t>
  </si>
  <si>
    <t>【东方锅炉】固定块\δ40\15CrMo\99N112-9-6\660MW超临界机组</t>
  </si>
  <si>
    <t>【东方锅炉】耳板\δ32\15CrMo\99N112-9-7\660MW超临界机组</t>
  </si>
  <si>
    <t>【东方锅炉】耳板\δ6\Q245R\99N112-9-8\660MW超临界机组</t>
  </si>
  <si>
    <t>【东方锅炉】张力板\δ60\15CrMo\99N112-9-9\660MW超临界机组</t>
  </si>
  <si>
    <t>【东方锅炉】钢板\δ6 125×22\15CrMo\99N112-0\660MW超临界机组</t>
  </si>
  <si>
    <t>【东方锅炉】钢板\δ6 200×22\15CrMo\99N112-0\660MW超临界机组</t>
  </si>
  <si>
    <t>【东方锅炉】钢板\δ6 275×22\15CrMo\99N112-0\660MW超临界机组</t>
  </si>
  <si>
    <t>【东方锅炉】钢板\δ20\15CrMo\99N112-11-1\660MW超临界机组</t>
  </si>
  <si>
    <t>【东方锅炉】钢板\δ6 250×22\15CrMo\99N112-0\660MW超临界机组</t>
  </si>
  <si>
    <t>【东方锅炉】钢板\δ6 50×22\15CrMo\99N112-0\660MW超临界机组</t>
  </si>
  <si>
    <t>【东方锅炉】内螺纹管\φ38.1×7.5\SA-213T2\99N112-13-3\660MW超临界机组</t>
  </si>
  <si>
    <t>【东方锅炉】扁钢\δ9\15CrMo\99N112-13-4\660MW超临界机组</t>
  </si>
  <si>
    <t>【东方锅炉】扁钢\δ6.4\15CrMo\99N112-13-5\660MW超临界机组</t>
  </si>
  <si>
    <t>【东方锅炉】冷端蓄热元件\AH300\搪瓷\47YR12-0/№8</t>
  </si>
  <si>
    <t>【东方锅炉】内螺纹管\φ38.1×7.5 №1\SA-213T2\99N112-13-7\660MW超临界机组</t>
  </si>
  <si>
    <t>【东方锅炉】内螺纹管\φ38.1×7.5 №2\SA-213T2\99N112-13-7\660MW超临界机组</t>
  </si>
  <si>
    <t>【东方锅炉】内螺纹管\φ38.1×7.5 №3\SA-213T2\99N112-13-7\660MW超临界机组</t>
  </si>
  <si>
    <t>【东方锅炉】内螺纹管\φ38.1×7.5 №4\SA-213T2\99N112-13-7\660MW超临界机组</t>
  </si>
  <si>
    <t>【东方锅炉】内螺纹管\φ38.1×7.5 №5\SA-213T2\99N112-13-7\660MW超临界机组</t>
  </si>
  <si>
    <t>【东方锅炉】内螺纹管\φ38.1×7.5 №6\SA-213T2\99N112-13-7\660MW超临界机组</t>
  </si>
  <si>
    <t>【东方锅炉】内螺纹管\φ38.1×7.5 №7\SA-213T2\99N112-13-7\660MW超临界机组</t>
  </si>
  <si>
    <t>【东方锅炉】钢板\δ6 100×48.3\15CrMo\99N112-0\660MW超临界机组</t>
  </si>
  <si>
    <t>【东方锅炉】钢板\δ6 100×124.6\15CrMo\99N112-0\660MW超临界机组</t>
  </si>
  <si>
    <t>【东方锅炉】密封块\δ6\15CrMo\99N112-13-8\660MW超临界机组</t>
  </si>
  <si>
    <t>【东方锅炉】密封块\δ6\15CrMo\99N112-13-9\660MW超临界机组</t>
  </si>
  <si>
    <t>【东方锅炉】内螺纹管\φ38.1×7.5 №1\SA-213T2\99N112-15-1\660MW超临界机组</t>
  </si>
  <si>
    <t>【东方锅炉】内螺纹管\φ38.1×7.5 №2\SA-213T2\99N112-15-1\660MW超临界机组</t>
  </si>
  <si>
    <t>【东方锅炉】内螺纹管\φ38.1×7.5 №3\SA-213T2\99N112-15-1\660MW超临界机组</t>
  </si>
  <si>
    <t>【东方锅炉】内螺纹管\φ38.1×7.5 №4\SA-213T2\99N112-15-1\660MW超临界机组</t>
  </si>
  <si>
    <t>【东方锅炉】内螺纹管\φ38.1×7.5 №5\SA-213T2\99N112-15-1\660MW超临界机组</t>
  </si>
  <si>
    <t>【东方锅炉】内螺纹管\φ38.1×7.5 №6\SA-213T2\99N112-15-1\660MW超临界机组</t>
  </si>
  <si>
    <t>【东方锅炉】内螺纹管\φ38.1×7.5 №7\SA-213T2\99N112-15-1\660MW超临界机组</t>
  </si>
  <si>
    <t>【东方锅炉】内螺纹管\φ38.1×7.5 №8\SA-213T2\99N112-15-1\660MW超临界机组</t>
  </si>
  <si>
    <t>【东方锅炉】内螺纹管\φ38.1×7.5 №9\SA-213T2\99N112-15-1\660MW超临界机组</t>
  </si>
  <si>
    <t>【东方锅炉】内螺纹管\φ38.1×7.5 №10\SA-213T2\99N112-15-1\660MW超临界机组</t>
  </si>
  <si>
    <t>【东方锅炉】内螺纹管\φ38.1×7.5 №11\SA-213T2\99N112-15-1\660MW超临界机组</t>
  </si>
  <si>
    <t>【东方锅炉】内螺纹管\φ38.1×7.5 №12\SA-213T2\99N112-15-1\660MW超临界机组</t>
  </si>
  <si>
    <t>【东方锅炉】内螺纹管\φ38.1×7.5 №13\SA-213T2\99N112-15-1\660MW超临界机组</t>
  </si>
  <si>
    <t>【东方锅炉】内螺纹管\φ38.1×7.5 №14\SA-213T2\99N112-15-1\660MW超临界机组</t>
  </si>
  <si>
    <t>【东方锅炉】内螺纹管\φ38.1×7.5 №15\SA-213T2\99N112-15-1\660MW超临界机组</t>
  </si>
  <si>
    <t>【东方锅炉】内螺纹管\φ38.1×7.5 №16\SA-213T2\99N112-15-1\660MW超临界机组</t>
  </si>
  <si>
    <t>【东方锅炉】内螺纹管\φ38.1×7.5 №17\SA-213T2\99N112-15-1\660MW超临界机组</t>
  </si>
  <si>
    <t>【东方锅炉】内螺纹管\φ38.1×7.5 №18\SA-213T2\99N112-15-1\660MW超临界机组</t>
  </si>
  <si>
    <t>【东方锅炉】内螺纹管\φ38.1×7.5 №19\SA-213T2\99N112-15-1\660MW超临界机组</t>
  </si>
  <si>
    <t>【东方锅炉】内螺纹管\φ38.1×7.5 №20\SA-213T2\99N112-15-1\660MW超临界机组</t>
  </si>
  <si>
    <t>【东方锅炉】内螺纹管\φ38.1×7.5 №21\SA-213T2\99N112-15-1\660MW超临界机组</t>
  </si>
  <si>
    <t>【东方锅炉】内螺纹管\φ38.1×7.5 №22\SA-213T2\99N112-15-1\660MW超临界机组</t>
  </si>
  <si>
    <t>【东方锅炉】内螺纹管\φ38.1×7.5 №23\SA-213T2\99N112-15-1\660MW超临界机组</t>
  </si>
  <si>
    <t>【东方锅炉】内螺纹管\φ38.1×7.5 №24\SA-213T2\99N112-15-1\660MW超临界机组</t>
  </si>
  <si>
    <t>【东方锅炉】内螺纹管\φ38.1×7.5 №25\SA-213T2\99N112-15-1\660MW超临界机组</t>
  </si>
  <si>
    <t>【东方锅炉】内螺纹管\φ38.1×7.5 №26\SA-213T2\99N112-15-1\660MW超临界机组</t>
  </si>
  <si>
    <t>【东方锅炉】内螺纹管\φ38.1×7.5 №27\SA-213T2\99N112-15-1\660MW超临界机组</t>
  </si>
  <si>
    <t>【东方锅炉】内螺纹管\φ38.1×7.5 №28\SA-213T2\99N112-15-1\660MW超临界机组</t>
  </si>
  <si>
    <t>【东方锅炉】内螺纹管\φ38.1×7.5 №29\SA-213T2\99N112-15-1\660MW超临界机组</t>
  </si>
  <si>
    <t>【东方锅炉】内螺纹管\φ38.1×7.5 №30\SA-213T2\99N112-15-1\660MW超临界机组</t>
  </si>
  <si>
    <t>【东方锅炉】内螺纹管\φ38.1×7.5 №31\SA-213T2\99N112-15-1\660MW超临界机组</t>
  </si>
  <si>
    <t>【东方锅炉】内螺纹管\φ38.1×7.5 №32\SA-213T2\99N112-15-1\660MW超临界机组</t>
  </si>
  <si>
    <t>【东方锅炉】内螺纹管\φ38.1×7.5 №33\SA-213T2\99N112-15-1\660MW超临界机组</t>
  </si>
  <si>
    <t>【东方锅炉】内螺纹管\φ38.1×7.5 №34\SA-213T2\99N112-15-1\660MW超临界机组</t>
  </si>
  <si>
    <t>【东方锅炉】内螺纹管\φ38.1×7.5 №35\SA-213T2\99N112-15-1\660MW超临界机组</t>
  </si>
  <si>
    <t>【东方锅炉】内螺纹管\φ38.1×7.5 №36\SA-213T2\99N112-15-1\660MW超临界机组</t>
  </si>
  <si>
    <t>【东方锅炉】内螺纹管\φ38.1×7.5 №37\SA-213T2\99N112-15-1\660MW超临界机组</t>
  </si>
  <si>
    <t>【东方锅炉】内螺纹管\φ38.1×7.5 №38\SA-213T2\99N112-15-1\660MW超临界机组</t>
  </si>
  <si>
    <t>【东方锅炉】内螺纹管\φ38.1×7.5 №39\SA-213T2\99N112-15-1\660MW超临界机组</t>
  </si>
  <si>
    <t>【东方锅炉】内螺纹管\φ38.1×7.5 №40\SA-213T2\99N112-15-1\660MW超临界机组</t>
  </si>
  <si>
    <t>【东方锅炉】钢板\δ6 275×23\15CrMo\99N112-0\660MW超临界机组</t>
  </si>
  <si>
    <t>【东方锅炉】耳板\δ6 №1\Q245R\99N112-15-2\660MW超临界机组</t>
  </si>
  <si>
    <t>【东方锅炉】钢板\δ20\15CrMo\99N112-15-3\660MW超临界机组</t>
  </si>
  <si>
    <t>【东方锅炉】钢板\δ20\15CrMo\99N112-15-4\660MW超临界机组</t>
  </si>
  <si>
    <t>【东方锅炉】钢板\δ6\20#\99N112-15-5\660MW超临界机组</t>
  </si>
  <si>
    <t>【东方锅炉】钢板\δ6 150×22\15CrMo\99N112-0\660MW超临界机组</t>
  </si>
  <si>
    <t>【东方锅炉】耳板\δ6 №2\Q245R\99N112-15-2\660MW超临界机组</t>
  </si>
  <si>
    <t>【东方锅炉】内螺纹管\φ38.1×7.5 №1\SA-213T2\99N112-16-1\660MW超临界机组</t>
  </si>
  <si>
    <t>【东方锅炉】内螺纹管\φ38.1×7.5 №2\SA-213T2\99N112-16-1\660MW超临界机组</t>
  </si>
  <si>
    <t>【东方锅炉】内螺纹管\φ38.1×7.5 №3\SA-213T2\99N112-16-1\660MW超临界机组</t>
  </si>
  <si>
    <t>【东方锅炉】内螺纹管\φ38.1×7.5 №4\SA-213T2\99N112-16-1\660MW超临界机组</t>
  </si>
  <si>
    <t>【东方锅炉】内螺纹管\φ38.1×7.5 №5\SA-213T2\99N112-16-1\660MW超临界机组</t>
  </si>
  <si>
    <t>【东方锅炉】内螺纹管\φ38.1×7.5 №6\SA-213T2\99N112-16-1\660MW超临界机组</t>
  </si>
  <si>
    <t>【东方锅炉】内螺纹管\φ38.1×7.5 №7\SA-213T2\99N112-16-1\660MW超临界机组</t>
  </si>
  <si>
    <t>【东方锅炉】内螺纹管\φ38.1×7.5 №8\SA-213T2\99N112-16-1\660MW超临界机组</t>
  </si>
  <si>
    <t>【东方锅炉】内螺纹管\φ38.1×7.5 №9\SA-213T2\99N112-16-1\660MW超临界机组</t>
  </si>
  <si>
    <t>【东方锅炉】内螺纹管\φ38.1×7.5 №10\SA-213T2\99N112-16-1\660MW超临界机组</t>
  </si>
  <si>
    <t>【东方锅炉】内螺纹管\φ38.1×7.5 №11\SA-213T2\99N112-16-1\660MW超临界机组</t>
  </si>
  <si>
    <t>【东方锅炉】内螺纹管\φ38.1×7.5 №12\SA-213T2\99N112-16-1\660MW超临界机组</t>
  </si>
  <si>
    <t>【东方锅炉】内螺纹管\φ38.1×7.5 №13\SA-213T2\99N112-16-1\660MW超临界机组</t>
  </si>
  <si>
    <t>【东方锅炉】内螺纹管\φ38.1×7.5 №14\SA-213T2\99N112-16-1\660MW超临界机组</t>
  </si>
  <si>
    <t>【东方锅炉】内螺纹管\φ38.1×7.5 №15\SA-213T2\99N112-16-1\660MW超临界机组</t>
  </si>
  <si>
    <t>【东方锅炉】内螺纹管\φ38.1×7.5 №16\SA-213T2\99N112-16-1\660MW超临界机组</t>
  </si>
  <si>
    <t>【东方锅炉】内螺纹管\φ38.1×7.5 №17\SA-213T2\99N112-16-1\660MW超临界机组</t>
  </si>
  <si>
    <t>【东方锅炉】内螺纹管\φ38.1×7.5 №18\SA-213T2\99N112-16-1\660MW超临界机组</t>
  </si>
  <si>
    <t>【东方锅炉】内螺纹管\φ38.1×7.5 №19\SA-213T2\99N112-16-1\660MW超临界机组</t>
  </si>
  <si>
    <t>【东方锅炉】内螺纹管\φ38.1×7.5 №20\SA-213T2\99N112-16-1\660MW超临界机组</t>
  </si>
  <si>
    <t>【东方锅炉】内螺纹管\φ38.1×7.5 №21\SA-213T2\99N112-16-1\660MW超临界机组</t>
  </si>
  <si>
    <t>【东方锅炉】内螺纹管\φ38.1×7.5 №22\SA-213T2\99N112-16-1\660MW超临界机组</t>
  </si>
  <si>
    <t>【东方锅炉】内螺纹管\φ38.1×7.5 №23\SA-213T2\99N112-16-1\660MW超临界机组</t>
  </si>
  <si>
    <t>【东方锅炉】内螺纹管\φ38.1×7.5 №24\SA-213T2\99N112-16-1\660MW超临界机组</t>
  </si>
  <si>
    <t>【东方锅炉】内螺纹管\φ38.1×7.5 №25\SA-213T2\99N112-16-1\660MW超临界机组</t>
  </si>
  <si>
    <t>【东方锅炉】内螺纹管\φ38.1×7.5 №26\SA-213T2\99N112-16-1\660MW超临界机组</t>
  </si>
  <si>
    <t>【东方锅炉】内螺纹管\φ38.1×7.5 №27\SA-213T2\99N112-16-1\660MW超临界机组</t>
  </si>
  <si>
    <t>【东方锅炉】内螺纹管\φ38.1×7.5 №28\SA-213T2\99N112-16-1\660MW超临界机组</t>
  </si>
  <si>
    <t>【东方锅炉】内螺纹管\φ38.1×7.5 №29\SA-213T2\99N112-16-1\660MW超临界机组</t>
  </si>
  <si>
    <t>【东方锅炉】内螺纹管\φ38.1×7.5 №30\SA-213T2\99N112-16-1\660MW超临界机组</t>
  </si>
  <si>
    <t>【东方锅炉】内螺纹管\φ38.1×7.5 №31\SA-213T2\99N112-16-1\660MW超临界机组</t>
  </si>
  <si>
    <t>【东方锅炉】内螺纹管\φ38.1×7.5 №32\SA-213T2\99N112-16-1\660MW超临界机组</t>
  </si>
  <si>
    <t>【东方锅炉】内螺纹管\φ38.1×7.5 №33\SA-213T2\99N112-16-1\660MW超临界机组</t>
  </si>
  <si>
    <t>【东方锅炉】内螺纹管\φ38.1×7.5 №34\SA-213T2\99N112-16-1\660MW超临界机组</t>
  </si>
  <si>
    <t>【东方锅炉】内螺纹管\φ38.1×7.5 №35\SA-213T2\99N112-16-1\660MW超临界机组</t>
  </si>
  <si>
    <t>【东方锅炉】内螺纹管\φ38.1×7.5 №36\SA-213T2\99N112-16-1\660MW超临界机组</t>
  </si>
  <si>
    <t>【东方锅炉】钢板\δ6\20#\99N112-16-2\660MW超临界机组</t>
  </si>
  <si>
    <t>【东方锅炉】内螺纹管\φ38.1×7.5 №1\SA-213T2\99N112-17-1\660MW超临界机组</t>
  </si>
  <si>
    <t>【东方锅炉】内螺纹管\φ38.1×7.5 №2\SA-213T2\99N112-17-1\660MW超临界机组</t>
  </si>
  <si>
    <t>【东方锅炉】内螺纹管\φ38.1×7.5 №3\SA-213T2\99N112-17-1\660MW超临界机组</t>
  </si>
  <si>
    <t>【东方锅炉】内螺纹管\φ38.1×7.5 №4\SA-213T2\99N112-17-1\660MW超临界机组</t>
  </si>
  <si>
    <t>【东方锅炉】内螺纹管\φ38.1×7.5 №5\SA-213T2\99N112-17-1\660MW超临界机组</t>
  </si>
  <si>
    <t>【东方锅炉】内螺纹管\φ38.1×7.5 №6\SA-213T2\99N112-17-1\660MW超临界机组</t>
  </si>
  <si>
    <t>【东方锅炉】内螺纹管\φ38.1×7.5 №7\SA-213T2\99N112-17-1\660MW超临界机组</t>
  </si>
  <si>
    <t>【东方锅炉】内螺纹管\φ38.1×7.5 №8\SA-213T2\99N112-17-1\660MW超临界机组</t>
  </si>
  <si>
    <t>【东方锅炉】内螺纹管\φ38.1×7.5 №9\SA-213T2\99N112-17-1\660MW超临界机组</t>
  </si>
  <si>
    <t>【东方锅炉】内螺纹管\φ38.1×7.5 №10\SA-213T2\99N112-17-1\660MW超临界机组</t>
  </si>
  <si>
    <t>【东方锅炉】内螺纹管\φ38.1×7.5 №11\SA-213T2\99N112-17-1\660MW超临界机组</t>
  </si>
  <si>
    <t>【东方锅炉】内螺纹管\φ38.1×7.5 №12\SA-213T2\99N112-17-1\660MW超临界机组</t>
  </si>
  <si>
    <t>【东方锅炉】内螺纹管\φ38.1×7.5 №13\SA-213T2\99N112-17-1\660MW超临界机组</t>
  </si>
  <si>
    <t>【东方锅炉】内螺纹管\φ38.1×7.5 №14\SA-213T2\99N112-17-1\660MW超临界机组</t>
  </si>
  <si>
    <t>【东方锅炉】内螺纹管\φ38.1×7.5 №15\SA-213T2\99N112-17-1\660MW超临界机组</t>
  </si>
  <si>
    <t>【东方锅炉】内螺纹管\φ38.1×7.5 №16\SA-213T2\99N112-17-1\660MW超临界机组</t>
  </si>
  <si>
    <t>【东方锅炉】内螺纹管\φ38.1×7.5 №17\SA-213T2\99N112-17-1\660MW超临界机组</t>
  </si>
  <si>
    <t>【东方锅炉】内螺纹管\φ38.1×7.5 №18\SA-213T2\99N112-17-1\660MW超临界机组</t>
  </si>
  <si>
    <t>【东方锅炉】内螺纹管\φ38.1×7.5 №19\SA-213T2\99N112-17-1\660MW超临界机组</t>
  </si>
  <si>
    <t>【东方锅炉】内螺纹管\φ38.1×7.5 №20\SA-213T2\99N112-17-1\660MW超临界机组</t>
  </si>
  <si>
    <t>【东方锅炉】内螺纹管\φ38.1×7.5 №21\SA-213T2\99N112-17-1\660MW超临界机组</t>
  </si>
  <si>
    <t>【东方锅炉】内螺纹管\φ38.1×7.5 №22\SA-213T2\99N112-17-1\660MW超临界机组</t>
  </si>
  <si>
    <t>【东方锅炉】内螺纹管\φ38.1×7.5 №23\SA-213T2\99N112-17-1\660MW超临界机组</t>
  </si>
  <si>
    <t>【东方锅炉】内螺纹管\φ38.1×7.5 №24\SA-213T2\99N112-17-1\660MW超临界机组</t>
  </si>
  <si>
    <t>【东方锅炉】内螺纹管\φ38.1×7.5 №25\SA-213T2\99N112-17-1\660MW超临界机组</t>
  </si>
  <si>
    <t>【东方锅炉】内螺纹管\φ38.1×7.5 №26\SA-213T2\99N112-17-1\660MW超临界机组</t>
  </si>
  <si>
    <t>【东方锅炉】内螺纹管\φ38.1×7.5 №27\SA-213T2\99N112-17-1\660MW超临界机组</t>
  </si>
  <si>
    <t>【东方锅炉】内螺纹管\φ38.1×7.5 №28\SA-213T2\99N112-17-1\660MW超临界机组</t>
  </si>
  <si>
    <t>【东方锅炉】内螺纹管\φ38.1×7.5 №29\SA-213T2\99N112-17-1\660MW超临界机组</t>
  </si>
  <si>
    <t>【东方锅炉】内螺纹管\φ38.1×7.5 №30\SA-213T2\99N112-17-1\660MW超临界机组</t>
  </si>
  <si>
    <t>【东方锅炉】内螺纹管\φ38.1×7.5 №31\SA-213T2\99N112-17-1\660MW超临界机组</t>
  </si>
  <si>
    <t>【东方锅炉】内螺纹管\φ38.1×7.5 №32\SA-213T2\99N112-17-1\660MW超临界机组</t>
  </si>
  <si>
    <t>【东方锅炉】内螺纹管\φ38.1×7.5 №33\SA-213T2\99N112-17-1\660MW超临界机组</t>
  </si>
  <si>
    <t>【东方锅炉】内螺纹管\φ38.1×7.5 №34\SA-213T2\99N112-17-1\660MW超临界机组</t>
  </si>
  <si>
    <t>【东方锅炉】内螺纹管\φ38.1×7.5 №35\SA-213T2\99N112-17-1\660MW超临界机组</t>
  </si>
  <si>
    <t>【东方锅炉】内螺纹管\φ38.1×7.5 №36\SA-213T2\99N112-17-1\660MW超临界机组</t>
  </si>
  <si>
    <t>【东方锅炉】内螺纹管\φ38.1×7.5 №37\SA-213T2\99N112-17-1\660MW超临界机组</t>
  </si>
  <si>
    <t>【东方锅炉】内螺纹管\φ38.1×7.5 №1\SA-213T2\99N112-18-2\660MW超临界机组</t>
  </si>
  <si>
    <t>【东方锅炉】内螺纹管\φ38.1×7.5 №2\SA-213T2\99N112-18-2\660MW超临界机组</t>
  </si>
  <si>
    <t>【东方锅炉】内螺纹管\φ38.1×7.5 №3\SA-213T2\99N112-18-2\660MW超临界机组</t>
  </si>
  <si>
    <t>【东方锅炉】内螺纹管\φ38.1×7.5 №4\SA-213T2\99N112-18-2\660MW超临界机组</t>
  </si>
  <si>
    <t>【东方锅炉】内螺纹管\φ38.1×7.5 №5\SA-213T2\99N112-18-2\660MW超临界机组</t>
  </si>
  <si>
    <t>【东方锅炉】内螺纹管\φ38.1×7.5 №6\SA-213T2\99N112-18-2\660MW超临界机组</t>
  </si>
  <si>
    <t>【东方锅炉】内螺纹管\φ38.1×7.5 №7\SA-213T2\99N112-18-2\660MW超临界机组</t>
  </si>
  <si>
    <t>【东方锅炉】内螺纹管\φ38.1×7.5 №8\SA-213T2\99N112-18-2\660MW超临界机组</t>
  </si>
  <si>
    <t>【东方锅炉】内螺纹管\φ38.1×7.5 №9\SA-213T2\99N112-18-2\660MW超临界机组</t>
  </si>
  <si>
    <t>【东方锅炉】内螺纹管\φ38.1×7.5 №10\SA-213T2\99N112-18-2\660MW超临界机组</t>
  </si>
  <si>
    <t>【东方锅炉】内螺纹管\φ38.1×7.5 №11\SA-213T2\99N112-18-2\660MW超临界机组</t>
  </si>
  <si>
    <t>【东方锅炉】内螺纹管\φ38.1×7.5 №12\SA-213T2\99N112-18-2\660MW超临界机组</t>
  </si>
  <si>
    <t>【东方锅炉】内螺纹管\φ38.1×7.5 №13\SA-213T2\99N112-18-2\660MW超临界机组</t>
  </si>
  <si>
    <t>【东方锅炉】内螺纹管\φ38.1×7.5 №14\SA-213T2\99N112-18-2\660MW超临界机组</t>
  </si>
  <si>
    <t>【东方锅炉】内螺纹管\φ38.1×7.5 №15\SA-213T2\99N112-18-2\660MW超临界机组</t>
  </si>
  <si>
    <t>【东方锅炉】内螺纹管\φ38.1×7.5 №16\SA-213T2\99N112-18-2\660MW超临界机组</t>
  </si>
  <si>
    <t>【东方锅炉】内螺纹管\φ38.1×7.5 №17\SA-213T2\99N112-18-2\660MW超临界机组</t>
  </si>
  <si>
    <t>【东方锅炉】内螺纹管\φ38.1×7.5 №18\SA-213T2\99N112-18-2\660MW超临界机组</t>
  </si>
  <si>
    <t>【东方锅炉】内螺纹管\φ38.1×7.5 №19\SA-213T2\99N112-18-2\660MW超临界机组</t>
  </si>
  <si>
    <t>【东方锅炉】内螺纹管\φ38.1×7.5 №20\SA-213T2\99N112-18-2\660MW超临界机组</t>
  </si>
  <si>
    <t>【东方锅炉】内螺纹管\φ38.1×7.5 №21\SA-213T2\99N112-18-2\660MW超临界机组</t>
  </si>
  <si>
    <t>【东方锅炉】内螺纹管\φ38.1×7.5 №22\SA-213T2\99N112-18-2\660MW超临界机组</t>
  </si>
  <si>
    <t>【东方锅炉】内螺纹管\φ38.1×7.5 №23\SA-213T2\99N112-18-2\660MW超临界机组</t>
  </si>
  <si>
    <t>【东方锅炉】内螺纹管\φ38.1×7.5 №24\SA-213T2\99N112-18-2\660MW超临界机组</t>
  </si>
  <si>
    <t>【东方锅炉】内螺纹管\φ38.1×7.5 №25\SA-213T2\99N112-18-2\660MW超临界机组</t>
  </si>
  <si>
    <t>【东方锅炉】内螺纹管\φ38.1×7.5 №26\SA-213T2\99N112-18-2\660MW超临界机组</t>
  </si>
  <si>
    <t>【东方锅炉】内螺纹管\φ38.1×7.5 №27\SA-213T2\99N112-18-2\660MW超临界机组</t>
  </si>
  <si>
    <t>【东方锅炉】内螺纹管\φ38.1×7.5 №28\SA-213T2\99N112-18-2\660MW超临界机组</t>
  </si>
  <si>
    <t>【东方锅炉】内螺纹管\φ38.1×7.5 №29\SA-213T2\99N112-18-2\660MW超临界机组</t>
  </si>
  <si>
    <t>【东方锅炉】内螺纹管\φ38.1×7.5 №30\SA-213T2\99N112-18-2\660MW超临界机组</t>
  </si>
  <si>
    <t>【东方锅炉】内螺纹管\φ38.1×7.5 №31\SA-213T2\99N112-18-2\660MW超临界机组</t>
  </si>
  <si>
    <t>【东方锅炉】内螺纹管\φ38.1×7.5 №32\SA-213T2\99N112-18-2\660MW超临界机组</t>
  </si>
  <si>
    <t>【东方锅炉】内螺纹管\φ38.1×7.5 №33\SA-213T2\99N112-18-2\660MW超临界机组</t>
  </si>
  <si>
    <t>【东方锅炉】内螺纹管\φ38.1×7.5 №34\SA-213T2\99N112-18-2\660MW超临界机组</t>
  </si>
  <si>
    <t>【东方锅炉】内螺纹管\φ38.1×7.5 №35\SA-213T2\99N112-18-2\660MW超临界机组</t>
  </si>
  <si>
    <t>【东方锅炉】内螺纹管\φ38.1×7.5 №36\SA-213T2\99N112-18-2\660MW超临界机组</t>
  </si>
  <si>
    <t>【东方锅炉】内螺纹管\φ38.1×7.5 №37\SA-213T2\99N112-18-2\660MW超临界机组</t>
  </si>
  <si>
    <t>【东方锅炉】内螺纹管\φ38.1×7.5 №38\SA-213T2\99N112-18-2\660MW超临界机组</t>
  </si>
  <si>
    <t>【东方锅炉】内螺纹管\φ38.1×7.5 №39\SA-213T2\99N112-18-2\660MW超临界机组</t>
  </si>
  <si>
    <t>【东方锅炉】内螺纹管\φ38.1×7.5 №40\SA-213T2\99N112-18-2\660MW超临界机组</t>
  </si>
  <si>
    <t>【东方锅炉】内螺纹管\φ38.1×7.5 №41\SA-213T2\99N112-18-2\660MW超临界机组</t>
  </si>
  <si>
    <t>【东方锅炉】内螺纹管\φ38.1×7.5 №42\SA-213T2\99N112-18-2\660MW超临界机组</t>
  </si>
  <si>
    <t>【东方锅炉】内螺纹管\φ38.1×7.5 №43\SA-213T2\99N112-18-2\660MW超临界机组</t>
  </si>
  <si>
    <t>【东方锅炉】内螺纹管\φ38.1×7.5 №44\SA-213T2\99N112-18-2\660MW超临界机组</t>
  </si>
  <si>
    <t>【东方锅炉】内螺纹管\φ38.1×7.5 №45\SA-213T2\99N112-18-2\660MW超临界机组</t>
  </si>
  <si>
    <t>【东方锅炉】内螺纹管\φ38.1×7.5 №46\SA-213T2\99N112-18-2\660MW超临界机组</t>
  </si>
  <si>
    <t>【东方锅炉】内螺纹管\φ38.1×7.5 №47\SA-213T2\99N112-18-2\660MW超临界机组</t>
  </si>
  <si>
    <t>【东方锅炉】内螺纹管\φ38.1×7.5 №48\SA-213T2\99N112-18-2\660MW超临界机组</t>
  </si>
  <si>
    <t>【东方锅炉】耳板\δ32\15CrMo\99N112-18-5\660MW超临界机组</t>
  </si>
  <si>
    <t>【东方锅炉】钢板\δ20\15CrMo\99N112-18-6\660MW超临界机组</t>
  </si>
  <si>
    <t>【东方锅炉】钢板\δ20\15CrMo\99N112-18-7\660MW超临界机组</t>
  </si>
  <si>
    <t>【东方锅炉】内螺纹管\φ38.1×7.5 №1\SA-213T2\99N112-19-2\660MW超临界机组</t>
  </si>
  <si>
    <t>【东方锅炉】内螺纹管\φ38.1×7.5 №2\SA-213T2\99N112-19-2\660MW超临界机组</t>
  </si>
  <si>
    <t>【东方锅炉】内螺纹管\φ38.1×7.5 №3\SA-213T2\99N112-19-2\660MW超临界机组</t>
  </si>
  <si>
    <t>【东方锅炉】内螺纹管\φ38.1×7.5 №4\SA-213T2\99N112-19-2\660MW超临界机组</t>
  </si>
  <si>
    <t>【东方锅炉】内螺纹管\φ38.1×7.5 №5\SA-213T2\99N112-19-2\660MW超临界机组</t>
  </si>
  <si>
    <t>【东方锅炉】内螺纹管\φ38.1×7.5 №6\SA-213T2\99N112-19-2\660MW超临界机组</t>
  </si>
  <si>
    <t>【东方锅炉】内螺纹管\φ38.1×7.5 №7\SA-213T2\99N112-19-2\660MW超临界机组</t>
  </si>
  <si>
    <t>【东方锅炉】内螺纹管\φ38.1×7.5 №8\SA-213T2\99N112-19-2\660MW超临界机组</t>
  </si>
  <si>
    <t>【东方锅炉】内螺纹管\φ38.1×7.5 №9\SA-213T2\99N112-19-2\660MW超临界机组</t>
  </si>
  <si>
    <t>【东方锅炉】内螺纹管\φ38.1×7.5 №10\SA-213T2\99N112-19-2\660MW超临界机组</t>
  </si>
  <si>
    <t>【东方锅炉】内螺纹管\φ38.1×7.5 №11\SA-213T2\99N112-19-2\660MW超临界机组</t>
  </si>
  <si>
    <t>【东方锅炉】内螺纹管\φ38.1×7.5 №12\SA-213T2\99N112-19-2\660MW超临界机组</t>
  </si>
  <si>
    <t>【东方锅炉】内螺纹管\φ38.1×7.5 №13\SA-213T2\99N112-19-2\660MW超临界机组</t>
  </si>
  <si>
    <t>【东方锅炉】内螺纹管\φ38.1×7.5 №14\SA-213T2\99N112-19-2\660MW超临界机组</t>
  </si>
  <si>
    <t>【东方锅炉】内螺纹管\φ38.1×7.5 №15\SA-213T2\99N112-19-2\660MW超临界机组</t>
  </si>
  <si>
    <t>【东方锅炉】内螺纹管\φ38.1×7.5 №16\SA-213T2\99N112-19-2\660MW超临界机组</t>
  </si>
  <si>
    <t>【东方锅炉】内螺纹管\φ38.1×7.5 №17\SA-213T2\99N112-19-2\660MW超临界机组</t>
  </si>
  <si>
    <t>【东方锅炉】内螺纹管\φ38.1×7.5 №18\SA-213T2\99N112-19-2\660MW超临界机组</t>
  </si>
  <si>
    <t>【东方锅炉】内螺纹管\φ38.1×7.5 №19\SA-213T2\99N112-19-2\660MW超临界机组</t>
  </si>
  <si>
    <t>【东方锅炉】内螺纹管\φ38.1×7.5 №20\SA-213T2\99N112-19-2\660MW超临界机组</t>
  </si>
  <si>
    <t>【东方锅炉】内螺纹管\φ38.1×7.5 №21\SA-213T2\99N112-19-2\660MW超临界机组</t>
  </si>
  <si>
    <t>【东方锅炉】内螺纹管\φ38.1×7.5 №22\SA-213T2\99N112-19-2\660MW超临界机组</t>
  </si>
  <si>
    <t>【东方锅炉】内螺纹管\φ38.1×7.5 №23\SA-213T2\99N112-19-2\660MW超临界机组</t>
  </si>
  <si>
    <t>【东方锅炉】内螺纹管\φ38.1×7.5 №24\SA-213T2\99N112-19-2\660MW超临界机组</t>
  </si>
  <si>
    <t>【东方锅炉】内螺纹管\φ38.1×7.5 №25\SA-213T2\99N112-19-2\660MW超临界机组</t>
  </si>
  <si>
    <t>【东方锅炉】内螺纹管\φ38.1×7.5 №26\SA-213T2\99N112-19-2\660MW超临界机组</t>
  </si>
  <si>
    <t>【东方锅炉】内螺纹管\φ38.1×7.5 №27\SA-213T2\99N112-19-2\660MW超临界机组</t>
  </si>
  <si>
    <t>【东方锅炉】内螺纹管\φ38.1×7.5 №28\SA-213T2\99N112-19-2\660MW超临界机组</t>
  </si>
  <si>
    <t>【东方锅炉】内螺纹管\φ38.1×7.5 №29\SA-213T2\99N112-19-2\660MW超临界机组</t>
  </si>
  <si>
    <t>【东方锅炉】内螺纹管\φ38.1×7.5 №30\SA-213T2\99N112-19-2\660MW超临界机组</t>
  </si>
  <si>
    <t>【东方锅炉】内螺纹管\φ38.1×7.5 №31\SA-213T2\99N112-19-2\660MW超临界机组</t>
  </si>
  <si>
    <t>【东方锅炉】内螺纹管\φ38.1×7.5 №32\SA-213T2\99N112-19-2\660MW超临界机组</t>
  </si>
  <si>
    <t>【东方锅炉】内螺纹管\φ38.1×7.5 №33\SA-213T2\99N112-19-2\660MW超临界机组</t>
  </si>
  <si>
    <t>【东方锅炉】内螺纹管\φ38.1×7.5 №34\SA-213T2\99N112-19-2\660MW超临界机组</t>
  </si>
  <si>
    <t>【东方锅炉】内螺纹管\φ38.1×7.5 №35\SA-213T2\99N112-19-2\660MW超临界机组</t>
  </si>
  <si>
    <t>【东方锅炉】内螺纹管\φ38.1×7.5 №36\SA-213T2\99N112-19-2\660MW超临界机组</t>
  </si>
  <si>
    <t>【东方锅炉】内螺纹管\φ38.1×7.5 №37\SA-213T2\99N112-19-2\660MW超临界机组</t>
  </si>
  <si>
    <t>【东方锅炉】内螺纹管\φ38.1×7.5 №38\SA-213T2\99N112-19-2\660MW超临界机组</t>
  </si>
  <si>
    <t>【东方锅炉】内螺纹管\φ38.1×7.5 №39\SA-213T2\99N112-19-2\660MW超临界机组</t>
  </si>
  <si>
    <t>【东方锅炉】内螺纹管\φ38.1×7.5 №40\SA-213T2\99N112-19-2\660MW超临界机组</t>
  </si>
  <si>
    <t>【东方锅炉】内螺纹管\φ38.1×7.5 №41\SA-213T2\99N112-19-2\660MW超临界机组</t>
  </si>
  <si>
    <t>【东方锅炉】内螺纹管\φ38.1×7.5 №42\SA-213T2\99N112-19-2\660MW超临界机组</t>
  </si>
  <si>
    <t>【东方锅炉】内螺纹管\φ38.1×7.5 №43\SA-213T2\99N112-19-2\660MW超临界机组</t>
  </si>
  <si>
    <t>【东方锅炉】内螺纹管\φ38.1×7.5 №44\SA-213T2\99N112-19-2\660MW超临界机组</t>
  </si>
  <si>
    <t>【东方锅炉】内螺纹管\φ38.1×7.5 №45\SA-213T2\99N112-19-2\660MW超临界机组</t>
  </si>
  <si>
    <t>【东方锅炉】内螺纹管\φ38.1×7.5 №46\SA-213T2\99N112-19-2\660MW超临界机组</t>
  </si>
  <si>
    <t>【东方锅炉】内螺纹管\φ38.1×7.5 №47\SA-213T2\99N112-19-2\660MW超临界机组</t>
  </si>
  <si>
    <t>【东方锅炉】内螺纹管\φ38.1×7.5 №48\SA-213T2\99N112-19-2\660MW超临界机组</t>
  </si>
  <si>
    <t>【东方锅炉】内螺纹管\φ38.1×7.5 №49\SA-213T2\99N112-19-2\660MW超临界机组</t>
  </si>
  <si>
    <t>【东方锅炉】内螺纹管\φ38.1×7.5 №50\SA-213T2\99N112-19-2\660MW超临界机组</t>
  </si>
  <si>
    <t>【东方锅炉】内螺纹管\φ38.1×7.5 №51\SA-213T2\99N112-19-2\660MW超临界机组</t>
  </si>
  <si>
    <t>【东方锅炉】内螺纹管\φ38.1×7.5 №52\SA-213T2\99N112-19-2\660MW超临界机组</t>
  </si>
  <si>
    <t>【东方锅炉】内螺纹管\φ38.1×7.5 №53\SA-213T2\99N112-19-2\660MW超临界机组</t>
  </si>
  <si>
    <t>【东方锅炉】内螺纹管\φ38.1×7.5 №54\SA-213T2\99N112-19-2\660MW超临界机组</t>
  </si>
  <si>
    <t>【东方锅炉】内螺纹管\φ38.1×7.5 №55\SA-213T2\99N112-19-2\660MW超临界机组</t>
  </si>
  <si>
    <t>【东方锅炉】内螺纹管\φ38.1×7.5 №56\SA-213T2\99N112-19-2\660MW超临界机组</t>
  </si>
  <si>
    <t>【东方锅炉】内螺纹管\φ38.1×7.5 №57\SA-213T2\99N112-19-2\660MW超临界机组</t>
  </si>
  <si>
    <t>【东方锅炉】耳板\δ6\Q245R\99N112-19-6\660MW超临界机组</t>
  </si>
  <si>
    <t>【东方锅炉】耳板\δ6\Q245R\99N112-19-7\660MW超临界机组</t>
  </si>
  <si>
    <t>【东方锅炉】钢板\δ20\15CrMo\99N112-19-8\660MW超临界机组</t>
  </si>
  <si>
    <t>【东方锅炉】钢板\δ20\15CrMo\99N112-19-9\660MW超临界机组</t>
  </si>
  <si>
    <t>【东方锅炉】观察孔\d97.1 L1/L2=800/196.6\装配件\99N1131-25-1\660MW超临界机组</t>
  </si>
  <si>
    <t>【东方锅炉】内螺纹管\φ38.1×7.5\SA-213T2\99N1131-25-1\660MW超临界机组</t>
  </si>
  <si>
    <t>【东方锅炉】冷端蓄热元件\BH300\搪瓷\47YR12-0/№9</t>
  </si>
  <si>
    <t>【东方锅炉】冷端蓄热元件\CH300\搪瓷\47YR12-0/№10</t>
  </si>
  <si>
    <t>【东方锅炉】冷端蓄热元件\DH300\搪瓷\47YR12-0/№11</t>
  </si>
  <si>
    <t>【东方锅炉】密封块\δ4 №1\15CrMo\TGN11514\660MW超临界机组</t>
  </si>
  <si>
    <t>【东方锅炉】钢板\δ9 20×15\15CrMo\99N1131-25-1\660MW超临界机组</t>
  </si>
  <si>
    <t>【东方锅炉】冷端蓄热元件\AH3/1.2\搪瓷\28YR12-1-0/№1</t>
  </si>
  <si>
    <t>【东方锅炉】内螺纹管\φ38.1×7.5 №1\SA-213T2\99N112-20-2\660MW超临界机组</t>
  </si>
  <si>
    <t>【东方锅炉】内螺纹管\φ38.1×7.5 №2\SA-213T2\99N112-20-2\660MW超临界机组</t>
  </si>
  <si>
    <t>【东方锅炉】内螺纹管\φ38.1×7.5 №3\SA-213T2\99N112-20-2\660MW超临界机组</t>
  </si>
  <si>
    <t>【东方锅炉】内螺纹管\φ38.1×7.5 №4\SA-213T2\99N112-20-2\660MW超临界机组</t>
  </si>
  <si>
    <t>【东方锅炉】内螺纹管\φ38.1×7.5 №5\SA-213T2\99N112-20-2\660MW超临界机组</t>
  </si>
  <si>
    <t>【东方锅炉】内螺纹管\φ38.1×7.5 №6\SA-213T2\99N112-20-2\660MW超临界机组</t>
  </si>
  <si>
    <t>【东方锅炉】内螺纹管\φ38.1×7.5 №7\SA-213T2\99N112-20-2\660MW超临界机组</t>
  </si>
  <si>
    <t>【东方锅炉】内螺纹管\φ38.1×7.5 №8\SA-213T2\99N112-20-2\660MW超临界机组</t>
  </si>
  <si>
    <t>【东方锅炉】内螺纹管\φ38.1×7.5 №9\SA-213T2\99N112-20-2\660MW超临界机组</t>
  </si>
  <si>
    <t>【东方锅炉】内螺纹管\φ38.1×7.5 №10\SA-213T2\99N112-20-2\660MW超临界机组</t>
  </si>
  <si>
    <t>【东方锅炉】内螺纹管\φ38.1×7.5 №11\SA-213T2\99N112-20-2\660MW超临界机组</t>
  </si>
  <si>
    <t>【东方锅炉】内螺纹管\φ38.1×7.5 №12\SA-213T2\99N112-20-2\660MW超临界机组</t>
  </si>
  <si>
    <t>【东方锅炉】内螺纹管\φ38.1×7.5 №13\SA-213T2\99N112-20-2\660MW超临界机组</t>
  </si>
  <si>
    <t>【东方锅炉】内螺纹管\φ38.1×7.5 №14\SA-213T2\99N112-20-2\660MW超临界机组</t>
  </si>
  <si>
    <t>【东方锅炉】内螺纹管\φ38.1×7.5 №1\SA-213T2\99N112-20-6\660MW超临界机组</t>
  </si>
  <si>
    <t>【东方锅炉】内螺纹管\φ38.1×7.5 №2\SA-213T2\99N112-20-6\660MW超临界机组</t>
  </si>
  <si>
    <t>【东方锅炉】内螺纹管\φ38.1×7.5 №3\SA-213T2\99N112-20-6\660MW超临界机组</t>
  </si>
  <si>
    <t>【东方锅炉】内螺纹管\φ38.1×7.5 №4\SA-213T2\99N112-20-6\660MW超临界机组</t>
  </si>
  <si>
    <t>【东方锅炉】内螺纹管\φ38.1×7.5 №5\SA-213T2\99N112-20-6\660MW超临界机组</t>
  </si>
  <si>
    <t>【东方锅炉】内螺纹管\φ38.1×7.5 №6\SA-213T2\99N112-20-6\660MW超临界机组</t>
  </si>
  <si>
    <t>【东方锅炉】内螺纹管\φ38.1×7.5 №7\SA-213T2\99N112-20-6\660MW超临界机组</t>
  </si>
  <si>
    <t>【东方锅炉】内螺纹管\φ38.1×7.5 №8\SA-213T2\99N112-20-6\660MW超临界机组</t>
  </si>
  <si>
    <t>【东方锅炉】内螺纹管\φ38.1×7.5 №9\SA-213T2\99N112-20-6\660MW超临界机组</t>
  </si>
  <si>
    <t>【东方锅炉】内螺纹管\φ38.1×7.5 №1\SA-213T2\99N112-21-3\660MW超临界机组</t>
  </si>
  <si>
    <t>【东方锅炉】内螺纹管\φ38.1×7.5 №2\SA-213T2\99N112-21-3\660MW超临界机组</t>
  </si>
  <si>
    <t>【东方锅炉】钢板\δ6.4\15CrMo\99N112-21-4\660MW超临界机组</t>
  </si>
  <si>
    <t>【东方锅炉】内螺纹管\φ38.1×7.5 №1\SA-213T2\99N112-21-8\660MW超临界机组</t>
  </si>
  <si>
    <t>【东方锅炉】内螺纹管\φ38.1×7.5 №2\SA-213T2\99N112-21-8\660MW超临界机组</t>
  </si>
  <si>
    <t>【东方锅炉】内螺纹管\φ38.1×7.5 №3\SA-213T2\99N112-21-8\660MW超临界机组</t>
  </si>
  <si>
    <t>【东方锅炉】内螺纹管\φ38.1×7.5 №4\SA-213T2\99N112-21-8\660MW超临界机组</t>
  </si>
  <si>
    <t>【东方锅炉】内螺纹管\φ38.1×7.5 №5\SA-213T2\99N112-21-8\660MW超临界机组</t>
  </si>
  <si>
    <t>【东方锅炉】内螺纹管\φ38.1×7.5 №6\SA-213T2\99N112-21-8\660MW超临界机组</t>
  </si>
  <si>
    <t>【东方锅炉】内螺纹管\φ38.1×7.5 №7\SA-213T2\99N112-21-8\660MW超临界机组</t>
  </si>
  <si>
    <t>【东方锅炉】内螺纹管\φ38.1×7.5 №8\SA-213T2\99N112-21-8\660MW超临界机组</t>
  </si>
  <si>
    <t>【东方锅炉】内螺纹管\φ38.1×7.5 №9\SA-213T2\99N112-21-8\660MW超临界机组</t>
  </si>
  <si>
    <t>【东方锅炉】内螺纹管\φ38.1×7.5 №10\SA-213T2\99N112-21-8\660MW超临界机组</t>
  </si>
  <si>
    <t>【东方锅炉】内螺纹管\φ38.1×7.5 №11\SA-213T2\99N112-21-8\660MW超临界机组</t>
  </si>
  <si>
    <t>【东方锅炉】内螺纹管\φ38.1×7.5 №12\SA-213T2\99N112-21-8\660MW超临界机组</t>
  </si>
  <si>
    <t>【东方锅炉】内螺纹管\φ38.1×7.5\SA-213T2\99N112-21-9\660MW超临界机组</t>
  </si>
  <si>
    <t>【东方锅炉】扁钢\δ6.4\15CrMo\99N112-21-10\660MW超临界机组</t>
  </si>
  <si>
    <t>【东方锅炉】内螺纹管\φ38.1×7.5\SA-213T2\99N112-22-2\660MW超临界机组</t>
  </si>
  <si>
    <t>【东方锅炉】内螺纹管\φ38.1×7.5\SA-213T2\99N112-22-3\660MW超临界机组</t>
  </si>
  <si>
    <t>【东方锅炉】内螺纹管\φ38.1×7.5 №1\SA-213T2\99N112-22-5\660MW超临界机组</t>
  </si>
  <si>
    <t>【东方锅炉】内螺纹管\φ38.1×7.5 №2\SA-213T2\99N112-22-5\660MW超临界机组</t>
  </si>
  <si>
    <t>【东方锅炉】内螺纹管\φ38.1×7.5 №3\SA-213T2\99N112-22-5\660MW超临界机组</t>
  </si>
  <si>
    <t>【东方锅炉】内螺纹管\φ38.1×7.5 №4\SA-213T2\99N112-22-5\660MW超临界机组</t>
  </si>
  <si>
    <t>【东方锅炉】内螺纹管\φ38.1×7.5 №5\SA-213T2\99N112-22-5\660MW超临界机组</t>
  </si>
  <si>
    <t>【东方锅炉】内螺纹管\φ38.1×7.5 №6\SA-213T2\99N112-22-5\660MW超临界机组</t>
  </si>
  <si>
    <t>【东方锅炉】内螺纹管\φ38.1×7.5 №7\SA-213T2\99N112-22-5\660MW超临界机组</t>
  </si>
  <si>
    <t>【东方锅炉】内螺纹管\φ38.1×7.5 №8\SA-213T2\99N112-22-5\660MW超临界机组</t>
  </si>
  <si>
    <t>【东方锅炉】内螺纹管\φ38.1×7.5\SA-213T2\99N112-22-8\660MW超临界机组</t>
  </si>
  <si>
    <t>【东方锅炉】冷端蓄热元件\BH3/1.2\搪瓷\28YR12-2-0/№1</t>
  </si>
  <si>
    <t>【东方锅炉】冷端蓄热元件\CH3/1.2\搪瓷\28YR12-3-0/№1</t>
  </si>
  <si>
    <t>【东方锅炉】内螺纹管\φ38.1×7.5\SA-213T2\99N112-22-11\660MW超临界机组</t>
  </si>
  <si>
    <t>【东方锅炉】内螺纹管\φ38.1×7.5\SA-213T2\99N112-22-12\660MW超临界机组</t>
  </si>
  <si>
    <t>【东方锅炉】内螺纹管\φ38.1×7.5\SA-213T2\99N112-22-13\660MW超临界机组</t>
  </si>
  <si>
    <t>【东方锅炉】内螺纹管\φ38.1×7.5\SA-213T2\99N112-22-14\660MW超临界机组</t>
  </si>
  <si>
    <t>【东方锅炉】内螺纹管\φ38.1×7.5\SA-213T2\99N112-22-15\660MW超临界机组</t>
  </si>
  <si>
    <t>【东方锅炉】扁钢\δ9\15CrMo\99N112-22-16\660MW超临界机组</t>
  </si>
  <si>
    <t>【东方锅炉】扁钢\δ9\15CrMo\99N112-22-17\660MW超临界机组</t>
  </si>
  <si>
    <t>【东方锅炉】扁钢\δ9\15CrMo\99N112-22-18\660MW超临界机组</t>
  </si>
  <si>
    <t>【东方锅炉】扁钢\δ9\15CrMo\99N112-22-19\660MW超临界机组</t>
  </si>
  <si>
    <t>【东方锅炉】扁钢\δ9\15CrMo\99N112-22-20\660MW超临界机组</t>
  </si>
  <si>
    <t>【东方锅炉】内螺纹管\φ38.1×7.5 №1\SA-213T2\99N112-22-22\660MW超临界机组</t>
  </si>
  <si>
    <t>【东方锅炉】内螺纹管\φ38.1×7.5 №2\SA-213T2\99N112-22-22\660MW超临界机组</t>
  </si>
  <si>
    <t>【东方锅炉】内螺纹管\φ38.1×7.5 №3\SA-213T2\99N112-22-22\660MW超临界机组</t>
  </si>
  <si>
    <t>【东方锅炉】内螺纹管\φ38.1×7.5 №4\SA-213T2\99N112-22-22\660MW超临界机组</t>
  </si>
  <si>
    <t>【东方锅炉】内螺纹管\φ38.1×7.5\SA-213T2\99N112-22-23\660MW超临界机组</t>
  </si>
  <si>
    <t>【东方锅炉】内螺纹管\φ38.1×7.5\SA-213T2\99N112-22-24\660MW超临界机组</t>
  </si>
  <si>
    <t>【东方锅炉】内螺纹管\φ38.1×7.5\SA-213T2\99N112-22-25\660MW超临界机组</t>
  </si>
  <si>
    <t>【东方锅炉】冷端蓄热元件\DH3/1.2\搪瓷\28YR12-4-0/№1</t>
  </si>
  <si>
    <t>【东方锅炉】扁钢\δ9\15CrMo\99N112-22-26\660MW超临界机组</t>
  </si>
  <si>
    <t>【东方锅炉】冷端蓄热元件\AH300\搪瓷\47YR12-0/№12</t>
  </si>
  <si>
    <t>【东方锅炉】钢板\δ6\20#\99N112-22-27\660MW超临界机组</t>
  </si>
  <si>
    <t>【东方锅炉】钢板\δ6\20#\99N112-22-28\660MW超临界机组</t>
  </si>
  <si>
    <t>【东方锅炉】钢板\6×100 L=2000\20#\99N112-0\660MW超临界机组</t>
  </si>
  <si>
    <t>【东方锅炉】钢板\6×8.5 L=3500\20#\99N112-0\660MW超临界机组</t>
  </si>
  <si>
    <t>【东方锅炉】钢板\δ6 50×2334\20#\99N112-0\660MW超临界机组</t>
  </si>
  <si>
    <t>【东方锅炉】内螺纹管\φ38.1×7.5 №1\SA-213T2\99N112-23-1\660MW超临界机组</t>
  </si>
  <si>
    <t>【东方锅炉】内螺纹管\φ38.1×7.5 №2\SA-213T2\99N112-23-1\660MW超临界机组</t>
  </si>
  <si>
    <t>【东方锅炉】内螺纹管\φ38.1×7.5 №3\SA-213T2\99N112-23-1\660MW超临界机组</t>
  </si>
  <si>
    <t>【东方锅炉】内螺纹管\φ38.1×7.5 №4\SA-213T2\99N112-23-1\660MW超临界机组</t>
  </si>
  <si>
    <t>【东方锅炉】内螺纹管\φ38.1×7.5 №5\SA-213T2\99N112-23-1\660MW超临界机组</t>
  </si>
  <si>
    <t>【东方锅炉】内螺纹管\φ38.1×7.5 №6\SA-213T2\99N112-23-1\660MW超临界机组</t>
  </si>
  <si>
    <t>【东方锅炉】内螺纹管\φ38.1×7.5 №7\SA-213T2\99N112-23-1\660MW超临界机组</t>
  </si>
  <si>
    <t>【东方锅炉】内螺纹管\φ38.1×7.5 №8\SA-213T2\99N112-23-1\660MW超临界机组</t>
  </si>
  <si>
    <t>【东方锅炉】内螺纹管\φ38.1×7.5 №9\SA-213T2\99N112-23-1\660MW超临界机组</t>
  </si>
  <si>
    <t>【东方锅炉】内螺纹管\φ38.1×7.5 №10\SA-213T2\99N112-23-1\660MW超临界机组</t>
  </si>
  <si>
    <t>【东方锅炉】内螺纹管\φ38.1×7.5 №11\SA-213T2\99N112-23-1\660MW超临界机组</t>
  </si>
  <si>
    <t>【东方锅炉】内螺纹管\φ38.1×7.5 №12\SA-213T2\99N112-23-1\660MW超临界机组</t>
  </si>
  <si>
    <t>【东方锅炉】内螺纹管\φ38.1×7.5 №13\SA-213T2\99N112-23-1\660MW超临界机组</t>
  </si>
  <si>
    <t>【东方锅炉】内螺纹管\φ38.1×7.5 №14\SA-213T2\99N112-23-1\660MW超临界机组</t>
  </si>
  <si>
    <t>【东方锅炉】内螺纹管\φ38.1×7.5 №15\SA-213T2\99N112-23-1\660MW超临界机组</t>
  </si>
  <si>
    <t>【东方锅炉】内螺纹管\φ38.1×7.5 №16\SA-213T2\99N112-23-1\660MW超临界机组</t>
  </si>
  <si>
    <t>【东方锅炉】内螺纹管\φ38.1×7.5 №17\SA-213T2\99N112-23-1\660MW超临界机组</t>
  </si>
  <si>
    <t>【东方锅炉】内螺纹管\φ38.1×7.5 №18\SA-213T2\99N112-23-1\660MW超临界机组</t>
  </si>
  <si>
    <t>【东方锅炉】内螺纹管\φ38.1×7.5 №19\SA-213T2\99N112-23-1\660MW超临界机组</t>
  </si>
  <si>
    <t>【东方锅炉】内螺纹管\φ38.1×7.5 №20\SA-213T2\99N112-23-1\660MW超临界机组</t>
  </si>
  <si>
    <t>【东方锅炉】内螺纹管\φ38.1×7.5 №21\SA-213T2\99N112-23-1\660MW超临界机组</t>
  </si>
  <si>
    <t>【东方锅炉】内螺纹管\φ38.1×7.5 №22\SA-213T2\99N112-23-1\660MW超临界机组</t>
  </si>
  <si>
    <t>【东方锅炉】内螺纹管\φ38.1×7.5 №23\SA-213T2\99N112-23-1\660MW超临界机组</t>
  </si>
  <si>
    <t>【东方锅炉】内螺纹管\φ38.1×7.5 №24\SA-213T2\99N112-23-1\660MW超临界机组</t>
  </si>
  <si>
    <t>【东方锅炉】内螺纹管\φ38.1×7.5 №25\SA-213T2\99N112-23-1\660MW超临界机组</t>
  </si>
  <si>
    <t>【东方锅炉】内螺纹管\φ38.1×7.5 №26\SA-213T2\99N112-23-1\660MW超临界机组</t>
  </si>
  <si>
    <t>【东方锅炉】人孔\d550 L1/L2=1650/425.2\装配件\99N112-24-1\660MW超临界机组</t>
  </si>
  <si>
    <t>【东方锅炉】内螺纹管\φ38.1×7.5\SA-213T2\99N112-24-1\660MW超临界机组</t>
  </si>
  <si>
    <t>【东方锅炉】冷端蓄热元件\BH300\搪瓷\47YR12-0/№13</t>
  </si>
  <si>
    <t>【东方锅炉】冷端蓄热元件\CH300\搪瓷\47YR12-0/№14</t>
  </si>
  <si>
    <t>【东方锅炉】冷端蓄热元件\DH300\搪瓷\47YR12-0/№15</t>
  </si>
  <si>
    <t>【东方锅炉】冷端蓄热元件\AH3/1.2\搪瓷\28YR12-1-0/№2</t>
  </si>
  <si>
    <t>【东方锅炉】内螺纹管\φ38.1×7.5 №1\SA-213T2\99N112-27-3\660MW超临界机组</t>
  </si>
  <si>
    <t>【东方锅炉】内螺纹管\φ38.1×7.5 №2\SA-213T2\99N112-27-3\660MW超临界机组</t>
  </si>
  <si>
    <t>【东方锅炉】内螺纹管\φ38.1×7.5 №3\SA-213T2\99N112-27-3\660MW超临界机组</t>
  </si>
  <si>
    <t>【东方锅炉】内螺纹管\φ38.1×7.5 №4\SA-213T2\99N112-27-3\660MW超临界机组</t>
  </si>
  <si>
    <t>【东方锅炉】内螺纹管\φ38.1×7.5 №5\SA-213T2\99N112-27-3\660MW超临界机组</t>
  </si>
  <si>
    <t>【东方锅炉】内螺纹管\φ38.1×7.5 №6\SA-213T2\99N112-27-3\660MW超临界机组</t>
  </si>
  <si>
    <t>【东方锅炉】内螺纹管\φ38.1×7.5 №7\SA-213T2\99N112-27-3\660MW超临界机组</t>
  </si>
  <si>
    <t>【东方锅炉】扁钢\δ6.4\15CrMo\99N112-28\660MW超临界机组</t>
  </si>
  <si>
    <t>【东方锅炉】密封块\δ4 №1\20#\99N1131-1-1\660MW超临界机组</t>
  </si>
  <si>
    <t>【东方锅炉】密封块\δ4 №4\20#\99N1131-1-1\660MW超临界机组</t>
  </si>
  <si>
    <t>【东方锅炉】钢板\δ12\15CrMo\99N1131-1-2\660MW超临界机组</t>
  </si>
  <si>
    <t>【东方锅炉】耳板\δ20\20#\99N1131-1-3\660MW超临界机组</t>
  </si>
  <si>
    <t>【东方锅炉】钢板\δ6 130×23\15CrMo\99N1131-0\660MW超临界机组</t>
  </si>
  <si>
    <t>【东方锅炉】钢板\δ6 125×23\20#\99N1131-0\660MW超临界机组</t>
  </si>
  <si>
    <t>【东方锅炉】钢板\δ6 №2\20#\99N1131-2-1\660MW超临界机组</t>
  </si>
  <si>
    <t>【东方锅炉】耳板\δ6 №1\20#\99N1131-2-2\660MW超临界机组</t>
  </si>
  <si>
    <t>【东方锅炉】钢板\δ6 75×23\20#\99N1131-0\660MW超临界机组</t>
  </si>
  <si>
    <t>【东方锅炉】钢板\δ6 №1\20#\99N1131-2-1\660MW超临界机组</t>
  </si>
  <si>
    <t>【东方锅炉】耳板\δ6 №2\20#\99N1131-2-2\660MW超临界机组</t>
  </si>
  <si>
    <t>【东方锅炉】冷端蓄热元件\BH3/1.2\搪瓷\28YR12-2-0/№2</t>
  </si>
  <si>
    <t>【东方锅炉】内螺纹管\φ38.1×7.5 №1\SA-213T2\99N1131-2-4\660MW超临界机组</t>
  </si>
  <si>
    <t>【东方锅炉】内螺纹管\φ38.1×7.5 №1\SA-213T2\99N1131-2-5\660MW超临界机组</t>
  </si>
  <si>
    <t>【东方锅炉】内螺纹管\φ38.1×7.5 №1\SA-213T2\99N1131-2-6\660MW超临界机组</t>
  </si>
  <si>
    <t>【东方锅炉】内螺纹管\φ38.1×7.5 №1\SA-213T2\99N1131-2-7\660MW超临界机组</t>
  </si>
  <si>
    <t>【东方锅炉】内螺纹管\φ38.1×7.5 №1\SA-213T2\99N1131-2-8\660MW超临界机组</t>
  </si>
  <si>
    <t>【东方锅炉】内螺纹管\φ38.1×7.5 №1\SA-213T2\99N1131-2-9\660MW超临界机组</t>
  </si>
  <si>
    <t>【东方锅炉】内螺纹管\φ38.1×7.5 №1\SA-213T2\99N1131-2-10\660MW超临界机组</t>
  </si>
  <si>
    <t>【东方锅炉】内螺纹管\φ38.1×7.5\SA-213T2\99N1131-2-11\660MW超临界机组</t>
  </si>
  <si>
    <t>【东方锅炉】内螺纹管\φ38.1×7.5 №1\SA-213T2\99N1131-2-12\660MW超临界机组</t>
  </si>
  <si>
    <t>【东方锅炉】内螺纹管\φ38.1×7.5 №1\SA-213T2\99N1131-2-13\660MW超临界机组</t>
  </si>
  <si>
    <t>【东方锅炉】内螺纹管\φ38.1×7.5 №1\SA-213T2\99N1131-2-14\660MW超临界机组</t>
  </si>
  <si>
    <t>【东方锅炉】内螺纹管\φ38.1×7.5 №1\SA-213T2\99N1131-2-15\660MW超临界机组</t>
  </si>
  <si>
    <t>【东方锅炉】内螺纹管\φ38.1×7.5 №1\SA-213T2\99N1131-2-16\660MW超临界机组</t>
  </si>
  <si>
    <t>【东方锅炉】内螺纹管\φ38.1×7.5 №1\SA-213T2\99N1131-2-17\660MW超临界机组</t>
  </si>
  <si>
    <t>【东方锅炉】内螺纹管\φ38.1×7.5 №1\SA-213T2\99N1131-2-18\660MW超临界机组</t>
  </si>
  <si>
    <t>【东方锅炉】内螺纹管\φ38.1×7.5 №2\SA-213T2\99N1131-2-4\660MW超临界机组</t>
  </si>
  <si>
    <t>【东方锅炉】内螺纹管\φ38.1×7.5 №2\SA-213T2\99N1131-2-5\660MW超临界机组</t>
  </si>
  <si>
    <t>【东方锅炉】内螺纹管\φ38.1×7.5 №2\SA-213T2\99N1131-2-6\660MW超临界机组</t>
  </si>
  <si>
    <t>【东方锅炉】内螺纹管\φ38.1×7.5 №2\SA-213T2\99N1131-2-7\660MW超临界机组</t>
  </si>
  <si>
    <t>【东方锅炉】内螺纹管\φ38.1×7.5 №2\SA-213T2\99N1131-2-8\660MW超临界机组</t>
  </si>
  <si>
    <t>【东方锅炉】内螺纹管\φ38.1×7.5 №2\SA-213T2\99N1131-2-9\660MW超临界机组</t>
  </si>
  <si>
    <t>【东方锅炉】内螺纹管\φ38.1×7.5 №2\SA-213T2\99N1131-2-10\660MW超临界机组</t>
  </si>
  <si>
    <t>【东方锅炉】内螺纹管\φ38.1×7.5 №2\SA-213T2\99N1131-2-12\660MW超临界机组</t>
  </si>
  <si>
    <t>【东方锅炉】内螺纹管\φ38.1×7.5 №2\SA-213T2\99N1131-2-13\660MW超临界机组</t>
  </si>
  <si>
    <t>【东方锅炉】内螺纹管\φ38.1×7.5 №2\SA-213T2\99N1131-2-14\660MW超临界机组</t>
  </si>
  <si>
    <t>【东方锅炉】内螺纹管\φ38.1×7.5 №2\SA-213T2\99N1131-2-15\660MW超临界机组</t>
  </si>
  <si>
    <t>【东方锅炉】内螺纹管\φ38.1×7.5 №2\SA-213T2\99N1131-2-16\660MW超临界机组</t>
  </si>
  <si>
    <t>【东方锅炉】内螺纹管\φ38.1×7.5 №2\SA-213T2\99N1131-2-17\660MW超临界机组</t>
  </si>
  <si>
    <t>【东方锅炉】内螺纹管\φ38.1×7.5 №2\SA-213T2\99N1131-2-18\660MW超临界机组</t>
  </si>
  <si>
    <t>【东方锅炉】销钉\φ8 L=25\15CrMo\99N1131-0\660MW超临界机组</t>
  </si>
  <si>
    <t>【东方锅炉】销钉\φ8 L=40\15CrMo\99N1131-0\660MW超临界机组</t>
  </si>
  <si>
    <t>【东方锅炉】扁钢\δ6.4\15CrMo\99N1131-2-19\660MW超临界机组</t>
  </si>
  <si>
    <t>【东方锅炉】钢板\δ6 230×23\15CrMo\99N1131-0\660MW超临界机组</t>
  </si>
  <si>
    <t>【东方锅炉】张力板\δ60\15CrMo\99N1131-3-1\660MW超临界机组</t>
  </si>
  <si>
    <t>【东方锅炉】固定块\δ60\15CrMo\99N1131-3-2\660MW超临界机组</t>
  </si>
  <si>
    <t>【东方锅炉】钢板\δ32\15CrMo\99N1131-3-3\660MW超临界机组</t>
  </si>
  <si>
    <t>【东方锅炉】肋板\δ12\15CrMo\99N1131-3-4\660MW超临界机组</t>
  </si>
  <si>
    <t>【东方锅炉】压块\δ25\15CrMo\99N1131-3-5\660MW超临界机组</t>
  </si>
  <si>
    <t>【东方锅炉】冷端蓄热元件\CH3/1.2\搪瓷\28YR12-3-0/№2</t>
  </si>
  <si>
    <t>【东方锅炉】内螺纹管\φ38.1×7.5 №1\SA-213T2\99N1131-3-7\660MW超临界机组</t>
  </si>
  <si>
    <t>【东方锅炉】内螺纹管\φ38.1×7.5 №1\SA-213T2\99N1131-3-8\660MW超临界机组</t>
  </si>
  <si>
    <t>【东方锅炉】内螺纹管\φ38.1×7.5 №1\SA-213T2\99N1131-3-9\660MW超临界机组</t>
  </si>
  <si>
    <t>【东方锅炉】内螺纹管\φ38.1×7.5 №1\SA-213T2\99N1131-3-10\660MW超临界机组</t>
  </si>
  <si>
    <t>【东方锅炉】内螺纹管\φ38.1×7.5 №1\SA-213T2\99N1131-3-11\660MW超临界机组</t>
  </si>
  <si>
    <t>【东方锅炉】内螺纹管\φ38.1×7.5 №1\SA-213T2\99N1131-3-12\660MW超临界机组</t>
  </si>
  <si>
    <t>【东方锅炉】内螺纹管\φ38.1×7.5 №1\SA-213T2\99N1131-3-13\660MW超临界机组</t>
  </si>
  <si>
    <t>【东方锅炉】内螺纹管\φ38.1×7.5\SA-213T2\99N1131-3-14\660MW超临界机组</t>
  </si>
  <si>
    <t>【东方锅炉】内螺纹管\φ38.1×7.5 №1\SA-213T2\99N1131-3-15\660MW超临界机组</t>
  </si>
  <si>
    <t>【东方锅炉】内螺纹管\φ38.1×7.5 №1\SA-213T2\99N1131-3-16\660MW超临界机组</t>
  </si>
  <si>
    <t>【东方锅炉】内螺纹管\φ38.1×7.5 №1\SA-213T2\99N1131-3-17\660MW超临界机组</t>
  </si>
  <si>
    <t>【东方锅炉】内螺纹管\φ38.1×7.5 №1\SA-213T2\99N1131-3-18\660MW超临界机组</t>
  </si>
  <si>
    <t>【东方锅炉】内螺纹管\φ38.1×7.5 №1\SA-213T2\99N1131-3-19\660MW超临界机组</t>
  </si>
  <si>
    <t>【东方锅炉】内螺纹管\φ38.1×7.5 №1\SA-213T2\99N1131-3-20\660MW超临界机组</t>
  </si>
  <si>
    <t>【东方锅炉】内螺纹管\φ38.1×7.5 №1\SA-213T2\99N1131-3-21\660MW超临界机组</t>
  </si>
  <si>
    <t>【东方锅炉】内螺纹管\φ38.1×7.5 №2\SA-213T2\99N1131-3-7\660MW超临界机组</t>
  </si>
  <si>
    <t>【东方锅炉】内螺纹管\φ38.1×7.5 №2\SA-213T2\99N1131-3-8\660MW超临界机组</t>
  </si>
  <si>
    <t>【东方锅炉】内螺纹管\φ38.1×7.5 №2\SA-213T2\99N1131-3-9\660MW超临界机组</t>
  </si>
  <si>
    <t>【东方锅炉】内螺纹管\φ38.1×7.5 №2\SA-213T2\99N1131-3-10\660MW超临界机组</t>
  </si>
  <si>
    <t>【东方锅炉】内螺纹管\φ38.1×7.5 №2\SA-213T2\99N1131-3-11\660MW超临界机组</t>
  </si>
  <si>
    <t>【东方锅炉】内螺纹管\φ38.1×7.5 №2\SA-213T2\99N1131-3-12\660MW超临界机组</t>
  </si>
  <si>
    <t>【东方锅炉】内螺纹管\φ38.1×7.5 №2\SA-213T2\99N1131-3-13\660MW超临界机组</t>
  </si>
  <si>
    <t>【东方锅炉】内螺纹管\φ38.1×7.5 №2\SA-213T2\99N1131-3-15\660MW超临界机组</t>
  </si>
  <si>
    <t>【东方锅炉】内螺纹管\φ38.1×7.5 №2\SA-213T2\99N1131-3-16\660MW超临界机组</t>
  </si>
  <si>
    <t>【东方锅炉】内螺纹管\φ38.1×7.5 №2\SA-213T2\99N1131-3-17\660MW超临界机组</t>
  </si>
  <si>
    <t>【东方锅炉】内螺纹管\φ38.1×7.5 №2\SA-213T2\99N1131-3-18\660MW超临界机组</t>
  </si>
  <si>
    <t>【东方锅炉】内螺纹管\φ38.1×7.5 №2\SA-213T2\99N1131-3-19\660MW超临界机组</t>
  </si>
  <si>
    <t>【东方锅炉】内螺纹管\φ38.1×7.5 №2\SA-213T2\99N1131-3-20\660MW超临界机组</t>
  </si>
  <si>
    <t>【东方锅炉】内螺纹管\φ38.1×7.5 №2\SA-213T2\99N1131-3-21\660MW超临界机组</t>
  </si>
  <si>
    <t>【东方锅炉】钢板\δ12\15CrMo\99N1131-6-1\660MW超临界机组</t>
  </si>
  <si>
    <t>【东方锅炉】钢板\δ28\15CrMo\99N1131-6-2\660MW超临界机组</t>
  </si>
  <si>
    <t>【东方锅炉】冷端蓄热元件\DH3/1.2\搪瓷\28YR12-4-0/№2</t>
  </si>
  <si>
    <t>【东方锅炉】内螺纹管\φ38.1×7.5 №1\SA-213T2\99N1131-8-2\660MW超临界机组</t>
  </si>
  <si>
    <t>【东方锅炉】内螺纹管\φ38.1×7.5 №1\SA-213T2\99N1131-8-3\660MW超临界机组</t>
  </si>
  <si>
    <t>【东方锅炉】内螺纹管\φ38.1×7.5 №1\SA-213T2\99N1131-8-4\660MW超临界机组</t>
  </si>
  <si>
    <t>【东方锅炉】内螺纹管\φ38.1×7.5 №1\SA-213T2\99N1131-8-5\660MW超临界机组</t>
  </si>
  <si>
    <t>【东方锅炉】内螺纹管\φ38.1×7.5 №1\SA-213T2\99N1131-8-6\660MW超临界机组</t>
  </si>
  <si>
    <t>【东方锅炉】内螺纹管\φ38.1×7.5\SA-213T2\99N1131-8-7\660MW超临界机组</t>
  </si>
  <si>
    <t>【东方锅炉】内螺纹管\φ38.1×7.5 №1\SA-213T2\99N1131-8-8\660MW超临界机组</t>
  </si>
  <si>
    <t>【东方锅炉】内螺纹管\φ38.1×7.5 №1\SA-213T2\99N1131-8-9\660MW超临界机组</t>
  </si>
  <si>
    <t>【东方锅炉】内螺纹管\φ38.1×7.5 №2\SA-213T2\99N1131-8-2\660MW超临界机组</t>
  </si>
  <si>
    <t>【东方锅炉】内螺纹管\φ38.1×7.5 №2\SA-213T2\99N1131-8-3\660MW超临界机组</t>
  </si>
  <si>
    <t>【东方锅炉】内螺纹管\φ38.1×7.5 №2\SA-213T2\99N1131-8-4\660MW超临界机组</t>
  </si>
  <si>
    <t>【东方锅炉】内螺纹管\φ38.1×7.5 №2\SA-213T2\99N1131-8-5\660MW超临界机组</t>
  </si>
  <si>
    <t>【东方锅炉】内螺纹管\φ38.1×7.5 №2\SA-213T2\99N1131-8-6\660MW超临界机组</t>
  </si>
  <si>
    <t>【东方锅炉】内螺纹管\φ38.1×7.5 №2\SA-213T2\99N1131-8-8\660MW超临界机组</t>
  </si>
  <si>
    <t>【东方锅炉】内螺纹管\φ38.1×7.5 №2\SA-213T2\99N1131-8-9\660MW超临界机组</t>
  </si>
  <si>
    <t>【东方锅炉】扁钢\δ6.4\15CrMo\99N1131-8-10\660MW超临界机组</t>
  </si>
  <si>
    <t>【东方锅炉】密封块\δ4 №9\20#\99N1131-1-1\660MW超临界机组</t>
  </si>
  <si>
    <t>【东方锅炉】密封块\δ4 №6\20#\99N1131-1-1\660MW超临界机组</t>
  </si>
  <si>
    <t>【东方锅炉】密封块\δ4 №7\20#\99N1131-1-1\660MW超临界机组</t>
  </si>
  <si>
    <t>【东方锅炉】密封块\δ4 №3\20#\99N1131-1-1\660MW超临界机组</t>
  </si>
  <si>
    <t>【东方锅炉】密封块\δ4 №8\20#\99N1131-1-1\660MW超临界机组</t>
  </si>
  <si>
    <t>【东方锅炉】冷端蓄热元件\AH300/1\Q355GNH\131YR12-1-0</t>
  </si>
  <si>
    <t>【东方锅炉】内螺纹管\φ38.1×7.5 №1\SA-213T2\99N1131-23-2\660MW超临界机组</t>
  </si>
  <si>
    <t>【东方锅炉】内螺纹管\φ38.1×7.5 №1\SA-213T2\99N1131-23-3\660MW超临界机组</t>
  </si>
  <si>
    <t>【东方锅炉】内螺纹管\φ38.1×7.5 №1\SA-213T2\99N1131-23-4\660MW超临界机组</t>
  </si>
  <si>
    <t>【东方锅炉】内螺纹管\φ38.1×7.5 №1\SA-213T2\99N1131-23-5\660MW超临界机组</t>
  </si>
  <si>
    <t>【东方锅炉】内螺纹管\φ38.1×7.5 №1\SA-213T2\99N1131-23-6\660MW超临界机组</t>
  </si>
  <si>
    <t>【东方锅炉】内螺纹管\φ38.1×7.5\SA-213T2\99N1131-23-7\660MW超临界机组</t>
  </si>
  <si>
    <t>【东方锅炉】内螺纹管\φ38.1×7.5 №1\SA-213T2\99N1131-23-8\660MW超临界机组</t>
  </si>
  <si>
    <t>【东方锅炉】内螺纹管\φ38.1×7.5 №1\SA-213T2\99N1131-23-9\660MW超临界机组</t>
  </si>
  <si>
    <t>【东方锅炉】内螺纹管\φ38.1×7.5 №1\SA-213T2\99N1131-23-10\660MW超临界机组</t>
  </si>
  <si>
    <t>【东方锅炉】内螺纹管\φ38.1×7.5 №2\SA-213T2\99N1131-23-2\660MW超临界机组</t>
  </si>
  <si>
    <t>【东方锅炉】内螺纹管\φ38.1×7.5 №2\SA-213T2\99N1131-23-3\660MW超临界机组</t>
  </si>
  <si>
    <t>【东方锅炉】内螺纹管\φ38.1×7.5 №2\SA-213T2\99N1131-23-4\660MW超临界机组</t>
  </si>
  <si>
    <t>【东方锅炉】内螺纹管\φ38.1×7.5 №2\SA-213T2\99N1131-23-5\660MW超临界机组</t>
  </si>
  <si>
    <t>【东方锅炉】内螺纹管\φ38.1×7.5 №2\SA-213T2\99N1131-23-6\660MW超临界机组</t>
  </si>
  <si>
    <t>【东方锅炉】内螺纹管\φ38.1×7.5 №2\SA-213T2\99N1131-23-8\660MW超临界机组</t>
  </si>
  <si>
    <t>【东方锅炉】内螺纹管\φ38.1×7.5 №2\SA-213T2\99N1131-23-9\660MW超临界机组</t>
  </si>
  <si>
    <t>【东方锅炉】内螺纹管\φ38.1×7.5 №2\SA-213T2\99N1131-23-10\660MW超临界机组</t>
  </si>
  <si>
    <t>【东方锅炉】吹灰孔\d120 L1/L2=1000/251.6\装配件\99N1131-24-1\660MW超临界机组</t>
  </si>
  <si>
    <t>【东方锅炉】内螺纹管\φ38.1×7.5\SA-213T2\99N1131-24-1\660MW超临界机组</t>
  </si>
  <si>
    <t>【东方锅炉】冷端蓄热元件\BH300/1\Q455GNH\131YR12--2-0</t>
  </si>
  <si>
    <t>【东方锅炉】冷端蓄热元件\CH300/1\Q156GNH\131YR12--3-0</t>
  </si>
  <si>
    <t>【东方锅炉】冷端蓄热元件\DH300/1\Q256GNH\131YR12--4-0</t>
  </si>
  <si>
    <t>【东方锅炉】密封块\δ4 №3\15CrMo\TGN11514\660MW超临界机组</t>
  </si>
  <si>
    <t>【东方锅炉】钢板\δ9 20×15\15CrMo\99N1131-0\660MW超临界机组</t>
  </si>
  <si>
    <t>【东方锅炉】冷端蓄热元件\AH3\Q355GNH\59YR12-1-0</t>
  </si>
  <si>
    <t>【东方锅炉】冷端蓄热元件\BH3\Q355GNH\59YR12-2-0</t>
  </si>
  <si>
    <t>【东方锅炉】密封块\δ4 №5\20#\99N1131-1-1\660MW超临界机组</t>
  </si>
  <si>
    <t>【东方锅炉】摄像孔\L1/L2=806.8/200\装配件\99N1131-31-1\660MW超临界机组</t>
  </si>
  <si>
    <t>【东方锅炉】内螺纹管\φ38.1×7.5\SA-213T2\99N1131-31-1\660MW超临界机组</t>
  </si>
  <si>
    <t>【东方锅炉】冷端蓄热元件\CH3\Q355GNH\59YR12-3-0</t>
  </si>
  <si>
    <t>【东方锅炉】冷端蓄热元件\DH3\Q355GNH\59YR12-4-0</t>
  </si>
  <si>
    <t>【东方锅炉】冷端蓄热元件\EH3\Q355GNH\59YR12-5-0</t>
  </si>
  <si>
    <t>【东方锅炉】张力板\δ60\15CrMo\99N1131-36-1\660MW超临界机组</t>
  </si>
  <si>
    <t>【东方锅炉】耳板\δ32\15CrMo\99N1131-36-2\660MW超临界机组</t>
  </si>
  <si>
    <t>【东方锅炉】扁钢\6×25\Q245R\99N1131-0\660MW超临界机组</t>
  </si>
  <si>
    <t>【东方锅炉】扁钢\δ6.4\15CrMo\99N1131-38\660MW超临界机组</t>
  </si>
  <si>
    <t>【东方锅炉】耳板\δ6\Q245R\99N1133-1-1\660MW超临界机组</t>
  </si>
  <si>
    <t>【东方锅炉】销\φ20\20#\99N1133-1-2\660MW超临界机组</t>
  </si>
  <si>
    <t>【东方锅炉】冷端蓄热元件\AH300/1.2\Q355GNH\34YR12-0/№1</t>
  </si>
  <si>
    <t>【东方锅炉】钢板\δ12\15CrMo\99N1133-3-1\660MW超临界机组</t>
  </si>
  <si>
    <t>【东方锅炉】压块\δ40\15CrMo\99N1133-3-2\660MW超临界机组</t>
  </si>
  <si>
    <t>【东方锅炉】管子\φ31.8×7\12Cr1MoVG\99N1141-1-2\660MW超临界机组</t>
  </si>
  <si>
    <t>【东方锅炉】管子\φ31.8×7\12Cr1MoVG\99N1141-1-3\660MW超临界机组</t>
  </si>
  <si>
    <t>【东方锅炉】管子\φ31.8×7\12Cr1MoVG\99N1141-1-4\660MW超临界机组</t>
  </si>
  <si>
    <t>【东方锅炉】管子\φ31.8×7\12Cr1MoVG\99N1141-1-5\660MW超临界机组</t>
  </si>
  <si>
    <t>【东方锅炉】管子\φ31.8×7\12Cr1MoVG\99N1141-1-6\660MW超临界机组</t>
  </si>
  <si>
    <t>【东方锅炉】管子\φ31.8×7\12Cr1MoVG\99N1141-1-7\660MW超临界机组</t>
  </si>
  <si>
    <t>【东方锅炉】管子\φ31.8×7\12Cr1MoVG\99N1141-1-8\660MW超临界机组</t>
  </si>
  <si>
    <t>【东方锅炉】内螺纹管\φ38.1×7.5\SA-213T2\99N1141-1-9\660MW超临界机组</t>
  </si>
  <si>
    <t>【东方锅炉】内螺纹管\φ38.1×7.5\SA-213T2\99N1141-1-10\660MW超临界机组</t>
  </si>
  <si>
    <t>【东方锅炉】内螺纹管\φ38.1×7.5\SA-213T2\99N1141-1-11\660MW超临界机组</t>
  </si>
  <si>
    <t>【东方锅炉】内螺纹管\φ38.1×7.5\SA-213T2\99N1141-1-12\660MW超临界机组</t>
  </si>
  <si>
    <t>【东方锅炉】内螺纹管\φ38.1×7.5\SA-213T2\99N1141-1-13\660MW超临界机组</t>
  </si>
  <si>
    <t>【东方锅炉】内螺纹管\φ38.1×7.5\SA-213T2\99N1141-1-14\660MW超临界机组</t>
  </si>
  <si>
    <t>【东方锅炉】内螺纹管\φ38.1×7.5\SA-213T2\99N1141-1-15\660MW超临界机组</t>
  </si>
  <si>
    <t>【东方锅炉】冷端蓄热元件\BH300/1.2\Q355GNH\34YR12-0/№2</t>
  </si>
  <si>
    <t>【东方锅炉】冷端蓄热元件\CH300/1.2\Q355GNH\34YR12-0/№3</t>
  </si>
  <si>
    <t>【东方锅炉】冷端蓄热元件\DH300/1.2\Q355GNH\34YR12-0/№4</t>
  </si>
  <si>
    <t>【东方锅炉】内螺纹管\φ38.1×7.5\SA-213T2\99N1141-1-20\660MW超临界机组</t>
  </si>
  <si>
    <t>【东方锅炉】内螺纹管\φ38.1×7.5\SA-213T2\99N1141-1-21\660MW超临界机组</t>
  </si>
  <si>
    <t>【东方锅炉】内螺纹管\φ38.1×7.5\SA-213T2\99N1141-1-22\660MW超临界机组</t>
  </si>
  <si>
    <t>【东方锅炉】内螺纹管\φ38.1×7.5\SA-213T2\99N1141-1-23\660MW超临界机组</t>
  </si>
  <si>
    <t>【东方锅炉】内螺纹管\φ38.1×7.5\SA-213T2\99N1141-1-24\660MW超临界机组</t>
  </si>
  <si>
    <t>【东方锅炉】内螺纹管\φ38.1×7.5\SA-213T2\99N1141-1-25\660MW超临界机组</t>
  </si>
  <si>
    <t>【东方锅炉】内螺纹管\φ38.1×7.5\SA-213T2\99N1141-1-26\660MW超临界机组</t>
  </si>
  <si>
    <t>【东方锅炉】内螺纹管\φ38.1×7.5\SA-213T2\99N1141-1-27\660MW超临界机组</t>
  </si>
  <si>
    <t>【东方锅炉】内螺纹管\φ38.1×7.5\SA-213T2\99N1141-1-29\660MW超临界机组</t>
  </si>
  <si>
    <t>【东方锅炉】内螺纹管\φ38.1×7.5\SA-213T2\99N1141-1-30\660MW超临界机组</t>
  </si>
  <si>
    <t>【东方锅炉】内螺纹管\φ38.1×7.5\SA-213T2\99N1141-1-31\660MW超临界机组</t>
  </si>
  <si>
    <t>【东方锅炉】内螺纹管\φ38.1×7.5\SA-213T2\99N1141-1-32\660MW超临界机组</t>
  </si>
  <si>
    <t>【东方锅炉】内螺纹管\φ38.1×7.5\SA-213T2\99N1141-1-33\660MW超临界机组</t>
  </si>
  <si>
    <t>【东方锅炉】内螺纹管\φ38.1×7.5\SA-213T2\99N1141-1-34\660MW超临界机组</t>
  </si>
  <si>
    <t>【东方锅炉】内螺纹管\φ38.1×7.5\SA-213T2\99N1141-1-35\660MW超临界机组</t>
  </si>
  <si>
    <t>【东方锅炉】内螺纹管\φ38.1×7.5\SA-213T2\99N1141-1-36\660MW超临界机组</t>
  </si>
  <si>
    <t>【东方锅炉】内螺纹管\φ38.1×7.5\SA-213T2\99N1141-1-37\660MW超临界机组</t>
  </si>
  <si>
    <t>【东方锅炉】内螺纹管\φ38.1×7.5\SA-213T2\99N1141-1-38\660MW超临界机组</t>
  </si>
  <si>
    <t>【东方锅炉】耳板\δ6\15CrMo\99N1141-1-39\660MW超临界机组</t>
  </si>
  <si>
    <t>【东方锅炉】耳板\δ10\15CrMo\99N1141-1-40\660MW超临界机组</t>
  </si>
  <si>
    <t>【东方锅炉】钢板\δ12\15CrMo\99N1141-1-41\660MW超临界机组</t>
  </si>
  <si>
    <t>【东方锅炉】钢板\δ12\15CrMo\99N1141-1-42\660MW超临界机组</t>
  </si>
  <si>
    <t>【东方锅炉】钢板\δ20\15CrMo\99N1141-1-43\660MW超临界机组</t>
  </si>
  <si>
    <t>【东方锅炉】钢板\δ6\15CrMo\99N1141-1-44\660MW超临界机组</t>
  </si>
  <si>
    <t>【东方锅炉】钢板\δ6\15CrMo\99N1141-1-45\660MW超临界机组</t>
  </si>
  <si>
    <t>【东方锅炉】衬垫\δ2.5\XB450\99N1141-1-46\660MW超临界机组</t>
  </si>
  <si>
    <t>【东方锅炉】衬垫\δ2.5\XB450\99N1141-1-47\660MW超临界机组</t>
  </si>
  <si>
    <t>【东方锅炉】钢板\δ6\15CrMo\99N1141-1-48\660MW超临界机组</t>
  </si>
  <si>
    <t>【东方锅炉】钢板\δ6\15CrMo\99N1141-1-49\660MW超临界机组</t>
  </si>
  <si>
    <t>【东方锅炉】耳板\δ20\15CrMo\99N1141-1-50\660MW超临界机组</t>
  </si>
  <si>
    <t>【东方锅炉】测点块\δ4\15CrMo\99N1141-1-51\660MW超临界机组</t>
  </si>
  <si>
    <t>【东方锅炉】套管\φ22×3 L=75\20(GB3087-1999)\99N1141-1-0\660MW超临界机组</t>
  </si>
  <si>
    <t>【东方锅炉】耳板\δ10\15CrMo\99N1141-1-52\660MW超临界机组</t>
  </si>
  <si>
    <t>【东方锅炉】内螺纹管\φ38.1×7.5\SA-213T2\99N1141-2-2\660MW超临界机组</t>
  </si>
  <si>
    <t>【东方锅炉】管子\φ31.8×7\12Cr1MoVG\99N1141-2-3\660MW超临界机组</t>
  </si>
  <si>
    <t>【东方锅炉】管子\φ31.8×7\12Cr1MoVG\99N1141-2-4\660MW超临界机组</t>
  </si>
  <si>
    <t>【东方锅炉】管子\φ31.8×7\12Cr1MoVG\99N1141-2-5\660MW超临界机组</t>
  </si>
  <si>
    <t>【东方锅炉】管子\φ31.8×7\12Cr1MoVG\99N1141-2-6\660MW超临界机组</t>
  </si>
  <si>
    <t>【东方锅炉】管子\φ31.8×7\12Cr1MoVG\99N1141-2-7\660MW超临界机组</t>
  </si>
  <si>
    <t>【东方锅炉】管子\φ31.8×7\12Cr1MoVG\99N1141-2-8\660MW超临界机组</t>
  </si>
  <si>
    <t>【东方锅炉】管子\φ31.8×7\12Cr1MoVG\99N1141-2-9\660MW超临界机组</t>
  </si>
  <si>
    <t>【东方锅炉】内螺纹管\φ38.1×7.5\SA-213T2\99N1141-2-10\660MW超临界机组</t>
  </si>
  <si>
    <t>【东方锅炉】管子\φ31.8×7\12Cr1MoVG\99N1141-2-11\660MW超临界机组</t>
  </si>
  <si>
    <t>【东方锅炉】钢板\δ6\15CrMo\99N1141-2-12\660MW超临界机组</t>
  </si>
  <si>
    <t>【东方锅炉】钢板\δ6\15CrMo\99N1141-2-13\660MW超临界机组</t>
  </si>
  <si>
    <t>【东方锅炉】衬垫\δ2.5\XB450\99N1141-2-14\660MW超临界机组</t>
  </si>
  <si>
    <t>【东方锅炉】衬垫\δ2.5\XB450\99N1141-2-15\660MW超临界机组</t>
  </si>
  <si>
    <t>【东方锅炉】钢板\δ6\15CrMo\99N1141-2-16\660MW超临界机组</t>
  </si>
  <si>
    <t>【东方锅炉】钢板\δ6\15CrMo\99N1141-2-17\660MW超临界机组</t>
  </si>
  <si>
    <t>【东方锅炉】管子\φ31.8×7\12Cr1MoVG\99N1141-3-2\660MW超临界机组</t>
  </si>
  <si>
    <t>【东方锅炉】内螺纹管\φ38.1×7.5\SA-213T2\99N1141-4-1\660MW超临界机组</t>
  </si>
  <si>
    <t>【东方锅炉】内螺纹管\φ38.1×7.5\SA-213T2\99N1141-4-2\660MW超临界机组</t>
  </si>
  <si>
    <t>【东方锅炉】耳板\δ6 №1\15CrMo\99N1141-5\660MW超临界机组</t>
  </si>
  <si>
    <t>【东方锅炉】冷端蓄热元件\EH300/1.2\Q355GNH\34YR12-0/№5</t>
  </si>
  <si>
    <t>【东方锅炉】冷端蓄热元件\AH1050\搪瓷\166YR12-0/№1</t>
  </si>
  <si>
    <t>【东方锅炉】冷端蓄热元件\BH1050\搪瓷\166YR12-0/№2</t>
  </si>
  <si>
    <t>【东方锅炉】钢板\δ6.4 13.2×280\15CrMo\99N1141-0\660MW超临界机组</t>
  </si>
  <si>
    <t>【东方锅炉】销\φ20\15CrMo\99N1141-9\660MW超临界机组</t>
  </si>
  <si>
    <t>【东方锅炉】冷端蓄热元件\CH1050\搪瓷\166YR12-0/№3</t>
  </si>
  <si>
    <t>【东方锅炉】耳板\δ6 №2\15CrMo\99N1141-5\660MW超临界机组</t>
  </si>
  <si>
    <t>【东方锅炉】管子\φ31.8×6.5\12Cr1MoVG\99N1142-1-2\660MW超临界机组</t>
  </si>
  <si>
    <t>【东方锅炉】管子\φ31.8×6.5\12Cr1MoVG\99N1142-1-3\660MW超临界机组</t>
  </si>
  <si>
    <t>【东方锅炉】管子\φ31.8×6.5\12Cr1MoVG\99N1142-1-4\660MW超临界机组</t>
  </si>
  <si>
    <t>【东方锅炉】管子\φ31.8×6.5\12Cr1MoVG\99N1142-1-5\660MW超临界机组</t>
  </si>
  <si>
    <t>【东方锅炉】管子\φ31.8×6.5\12Cr1MoVG\99N1142-1-6\660MW超临界机组</t>
  </si>
  <si>
    <t>【东方锅炉】管子\φ31.8×6.5\12Cr1MoVG\99N1142-1-7\660MW超临界机组</t>
  </si>
  <si>
    <t>【东方锅炉】管子\φ31.8×6.5\12Cr1MoVG\99N1142-1-8\660MW超临界机组</t>
  </si>
  <si>
    <t>【东方锅炉】管子\φ31.8×6.5\12Cr1MoVG\99N1142-1-9\660MW超临界机组</t>
  </si>
  <si>
    <t>【东方锅炉】管子\φ31.8×6.5\12Cr1MoVG\99N1142-1-10\660MW超临界机组</t>
  </si>
  <si>
    <t>【东方锅炉】管子\φ31.8×6.5\12Cr1MoVG\99N1142-1-11\660MW超临界机组</t>
  </si>
  <si>
    <t>【东方锅炉】管子\φ31.8×6.5\12Cr1MoVG\99N1142-1-12\660MW超临界机组</t>
  </si>
  <si>
    <t>【东方锅炉】内螺纹管\φ38.1×7.5\SA-213T2\99N1142-1-13\660MW超临界机组</t>
  </si>
  <si>
    <t>【东方锅炉】内螺纹管\φ38.1×7.5\SA-213T2\99N1142-1-14\660MW超临界机组</t>
  </si>
  <si>
    <t>【东方锅炉】内螺纹管\φ38.1×7.5\SA-213T2\99N1142-1-15\660MW超临界机组</t>
  </si>
  <si>
    <t>【东方锅炉】内螺纹管\φ38.1×7.5\SA-213T2\99N1142-1-16\660MW超临界机组</t>
  </si>
  <si>
    <t>【东方锅炉】内螺纹管\φ38.1×7.5\SA-213T2\99N1142-1-17\660MW超临界机组</t>
  </si>
  <si>
    <t>【东方锅炉】内螺纹管\φ38.1×7.5\SA-213T2\99N1142-1-18\660MW超临界机组</t>
  </si>
  <si>
    <t>【东方锅炉】内螺纹管\φ38.1×7.5\SA-213T2\99N1142-1-19\660MW超临界机组</t>
  </si>
  <si>
    <t>【东方锅炉】钢板\δ6.4\15CrMo\99N1142-1-20\660MW超临界机组</t>
  </si>
  <si>
    <t>【东方锅炉】钢板\δ6.4\15CrMo\99N1142-1-21\660MW超临界机组</t>
  </si>
  <si>
    <t>【东方锅炉】冷端蓄热元件\DH1050\搪瓷\166YR12-0/№4</t>
  </si>
  <si>
    <t>【东方锅炉】冷端蓄热元件\EH1050\搪瓷\166YR12-0/№5</t>
  </si>
  <si>
    <t>【东方锅炉】冷端蓄热元件\AH1050\Q355GNH\166YR12-0/№6</t>
  </si>
  <si>
    <t>【东方锅炉】冷端蓄热元件\BH1050\Q355GNH\166YR12-0/№7</t>
  </si>
  <si>
    <t>【东方锅炉】冷端蓄热元件\CH1050\Q355GNH\166YR12-0/№8</t>
  </si>
  <si>
    <t>【东方锅炉】扁钢\6.4×12.65\15CrMo\99N1142-0\660MW超临界机组</t>
  </si>
  <si>
    <t>【东方锅炉】冷端蓄热元件\DH1050\Q355GNH\166YR12-0/№9</t>
  </si>
  <si>
    <t>【东方锅炉】冷端蓄热元件\EH1050\Q355GNH\166YR12-0/№10</t>
  </si>
  <si>
    <t>【东方锅炉】冷端蓄热元件\AH1050\搪瓷\158YR/№11</t>
  </si>
  <si>
    <t>【东方锅炉】冷端蓄热元件\BH1050\搪瓷\158YR/№12</t>
  </si>
  <si>
    <t>【东方锅炉】冷端蓄热元件\CH1050\搪瓷\158YR/№13</t>
  </si>
  <si>
    <t>【东方锅炉】内螺纹管\φ38.1×7.5\SA-213T2\99N1142-1-28\660MW超临界机组</t>
  </si>
  <si>
    <t>【东方锅炉】内螺纹管\φ38.1×7.5\SA-213T2\99N1142-1-29\660MW超临界机组</t>
  </si>
  <si>
    <t>【东方锅炉】内螺纹管\φ38.1×7.5\SA-213T2\99N1142-1-30\660MW超临界机组</t>
  </si>
  <si>
    <t>【东方锅炉】内螺纹管\φ38.1×7.5\SA-213T2\99N1142-1-31\660MW超临界机组</t>
  </si>
  <si>
    <t>【东方锅炉】内螺纹管\φ38.1×7.5\SA-213T2\99N1142-1-32\660MW超临界机组</t>
  </si>
  <si>
    <t>【东方锅炉】内螺纹管\φ38.1×7.5\SA-213T2\99N1142-1-33\660MW超临界机组</t>
  </si>
  <si>
    <t>【东方锅炉】内螺纹管\φ38.1×7.5\SA-213T2\99N1142-1-34\660MW超临界机组</t>
  </si>
  <si>
    <t>【东方锅炉】内螺纹管\φ38.1×7.5\SA-213T2\99N1142-1-36\660MW超临界机组</t>
  </si>
  <si>
    <t>【东方锅炉】内螺纹管\φ38.1×7.5\SA-213T2\99N1142-1-37\660MW超临界机组</t>
  </si>
  <si>
    <t>【东方锅炉】内螺纹管\φ38.1×7.5\SA-213T2\99N1142-1-38\660MW超临界机组</t>
  </si>
  <si>
    <t>【东方锅炉】内螺纹管\φ38.1×7.5\SA-213T2\99N1142-1-39\660MW超临界机组</t>
  </si>
  <si>
    <t>【东方锅炉】内螺纹管\φ38.1×7.5\SA-213T2\99N1142-1-40\660MW超临界机组</t>
  </si>
  <si>
    <t>【东方锅炉】内螺纹管\φ38.1×7.5\SA-213T2\99N1142-1-41\660MW超临界机组</t>
  </si>
  <si>
    <t>【东方锅炉】内螺纹管\φ38.1×7.5\SA-213T2\99N1142-1-42\660MW超临界机组</t>
  </si>
  <si>
    <t>【东方锅炉】内螺纹管\φ38.1×7.5\SA-213T2\99N1142-1-43\660MW超临界机组</t>
  </si>
  <si>
    <t>【东方锅炉】内螺纹管\φ38.1×7.5\SA-213T2\99N1142-1-44\660MW超临界机组</t>
  </si>
  <si>
    <t>【东方锅炉】内螺纹管\φ38.1×7.5\SA-213T2\99N1142-1-45\660MW超临界机组</t>
  </si>
  <si>
    <t>【东方锅炉】内螺纹管\φ38.1×7.5\SA-213T2\99N1142-1-47\660MW超临界机组</t>
  </si>
  <si>
    <t>【东方锅炉】内螺纹管\φ38.1×7.5\SA-213T2\99N1142-1-48\660MW超临界机组</t>
  </si>
  <si>
    <t>【东方锅炉】内螺纹管\φ38.1×7.5\SA-213T2\99N1142-1-49\660MW超临界机组</t>
  </si>
  <si>
    <t>【东方锅炉】内螺纹管\φ38.1×7.5\SA-213T2\99N1142-1-50\660MW超临界机组</t>
  </si>
  <si>
    <t>【东方锅炉】内螺纹管\φ38.1×7.5\SA-213T2\99N1142-1-51\660MW超临界机组</t>
  </si>
  <si>
    <t>【东方锅炉】内螺纹管\φ38.1×7.5\SA-213T2\99N1142-1-52\660MW超临界机组</t>
  </si>
  <si>
    <t>【东方锅炉】内螺纹管\φ38.1×7.5\SA-213T2\99N1142-1-53\660MW超临界机组</t>
  </si>
  <si>
    <t>【东方锅炉】内螺纹管\φ38.1×7.5\SA-213T2\99N1142-1-54\660MW超临界机组</t>
  </si>
  <si>
    <t>【东方锅炉】内螺纹管\φ38.1×7.5\SA-213T2\99N1142-1-55\660MW超临界机组</t>
  </si>
  <si>
    <t>【东方锅炉】内螺纹管\φ38.1×7.5\SA-213T2\99N1142-1-56\660MW超临界机组</t>
  </si>
  <si>
    <t>【东方锅炉】内螺纹管\φ38.1×7.5\SA-213T2\99N1142-1-58\660MW超临界机组</t>
  </si>
  <si>
    <t>【东方锅炉】内螺纹管\φ38.1×7.5\SA-213T2\99N1142-1-59\660MW超临界机组</t>
  </si>
  <si>
    <t>【东方锅炉】内螺纹管\φ38.1×7.5\SA-213T2\99N1142-1-60\660MW超临界机组</t>
  </si>
  <si>
    <t>【东方锅炉】内螺纹管\φ38.1×7.5\SA-213T2\99N1142-1-61\660MW超临界机组</t>
  </si>
  <si>
    <t>【东方锅炉】内螺纹管\φ38.1×7.5\SA-213T2\99N1142-1-62\660MW超临界机组</t>
  </si>
  <si>
    <t>【东方锅炉】内螺纹管\φ38.1×7.5\SA-213T2\99N1142-1-63\660MW超临界机组</t>
  </si>
  <si>
    <t>【东方锅炉】内螺纹管\φ38.1×7.5\SA-213T2\99N1142-1-64\660MW超临界机组</t>
  </si>
  <si>
    <t>【东方锅炉】内螺纹管\φ38.1×7.5\SA-213T2\99N1142-1-65\660MW超临界机组</t>
  </si>
  <si>
    <t>【东方锅炉】内螺纹管\φ38.1×7.5\SA-213T2\99N1142-1-66\660MW超临界机组</t>
  </si>
  <si>
    <t>【东方锅炉】内螺纹管\φ38.1×7.5\SA-213T2\99N1142-1-67\660MW超临界机组</t>
  </si>
  <si>
    <t>【东方锅炉】耳板\δ6\15CrMo\99N1142-1-68\660MW超临界机组</t>
  </si>
  <si>
    <t>【东方锅炉】钢板\δ6 75×28.5\15CrMo\99N1142-0\660MW超临界机组</t>
  </si>
  <si>
    <t>【东方锅炉】钢板\δ6 225×23.1\15CrMo\99N1142-0\660MW超临界机组</t>
  </si>
  <si>
    <t>【东方锅炉】钢板\δ6 225×31.6\15CrMo\99N1142-0\660MW超临界机组</t>
  </si>
  <si>
    <t>【东方锅炉】钢板\δ6 75×20.5\15CrMo\99N1142-0\660MW超临界机组</t>
  </si>
  <si>
    <t>【东方锅炉】钢板\δ6\15CrMo\99N1142-1-69\660MW超临界机组</t>
  </si>
  <si>
    <t>【东方锅炉】钢板\δ6\15CrMo\99N1142-1-70\660MW超临界机组</t>
  </si>
  <si>
    <t>【东方锅炉】钢板\δ6\15CrMo\99N1142-1-71\660MW超临界机组</t>
  </si>
  <si>
    <t>【东方锅炉】衬垫\δ2.5\XB450\99N1142-1-72\660MW超临界机组</t>
  </si>
  <si>
    <t>【东方锅炉】衬垫\δ2.5\XB450\99N1142-1-73\660MW超临界机组</t>
  </si>
  <si>
    <t>【东方锅炉】衬垫\δ2.5\XB450\99N1142-1-74\660MW超临界机组</t>
  </si>
  <si>
    <t>【东方锅炉】钢板\δ6\15CrMo\99N1142-1-75\660MW超临界机组</t>
  </si>
  <si>
    <t>【东方锅炉】钢板\δ6\15CrMo\99N1142-1-76\660MW超临界机组</t>
  </si>
  <si>
    <t>【东方锅炉】钢板\δ6\15CrMo\99N1142-1-77\660MW超临界机组</t>
  </si>
  <si>
    <t>【东方锅炉】套管\φ22×3 L=75\15CrMo\99N1142-1-0\660MW超临界机组</t>
  </si>
  <si>
    <t>【东方锅炉】钢板\δ6 23×100\15CrMo\99N1142-0\660MW超临界机组</t>
  </si>
  <si>
    <t>【东方锅炉】管子\φ31.8×6.5\12Cr1MoVG\99N1142-2-3\660MW超临界机组</t>
  </si>
  <si>
    <t>【东方锅炉】管子\φ31.8×6.5\12Cr1MoVG\99N1142-2-4\660MW超临界机组</t>
  </si>
  <si>
    <t>【东方锅炉】管子\φ31.8×6.5\12Cr1MoVG\99N1142-2-5\660MW超临界机组</t>
  </si>
  <si>
    <t>【东方锅炉】管子\φ31.8×6.5\12Cr1MoVG\99N1142-2-6\660MW超临界机组</t>
  </si>
  <si>
    <t>【东方锅炉】管子\φ31.8×6.5\12Cr1MoVG\99N1142-2-7\660MW超临界机组</t>
  </si>
  <si>
    <t>【东方锅炉】钢板\δ6\15CrMo\99N1142-2-8\660MW超临界机组</t>
  </si>
  <si>
    <t>【东方锅炉】衬垫\δ2.5\XB450\99N1142-2-9\660MW超临界机组</t>
  </si>
  <si>
    <t>【东方锅炉】钢板\δ6\15CrMo\99N1142-2-10\660MW超临界机组</t>
  </si>
  <si>
    <t>【东方锅炉】管子\φ31.8×6.5\12Cr1MoVG\99N1142-3-2\660MW超临界机组</t>
  </si>
  <si>
    <t>【东方锅炉】管子\φ31.8×6.5\12Cr1MoVG\99N1142-3-3\660MW超临界机组</t>
  </si>
  <si>
    <t>【东方锅炉】管子\φ31.8×6.5\12Cr1MoVG\99N1142-3-4\660MW超临界机组</t>
  </si>
  <si>
    <t>【东方锅炉】管子\φ31.8×6.5\12Cr1MoVG\99N1142-3-5\660MW超临界机组</t>
  </si>
  <si>
    <t>【东方锅炉】管子\φ31.8×6.5\12Cr1MoVG\99N1142-3-6\660MW超临界机组</t>
  </si>
  <si>
    <t>【东方锅炉】内螺纹管\φ38.1×7.5\SA-213T2\99N1142-3-7\660MW超临界机组</t>
  </si>
  <si>
    <t>【东方锅炉】内螺纹管\φ38.1×7.5\SA-213T2\99N1142-3-8\660MW超临界机组</t>
  </si>
  <si>
    <t>【东方锅炉】管子\φ31.8×6.5\12Cr1MoVG\99N1142-3-9\660MW超临界机组</t>
  </si>
  <si>
    <t>【东方锅炉】内螺纹管\φ38.1×7.5\SA-213T2\99N1142-3-11\660MW超临界机组</t>
  </si>
  <si>
    <t>【东方锅炉】管子\φ31.8×6.5\12Cr1MoVG\99N1142-3-12\660MW超临界机组</t>
  </si>
  <si>
    <t>【东方锅炉】管子\φ31.8×6.5\12Cr1MoVG\99N1142-3-13\660MW超临界机组</t>
  </si>
  <si>
    <t>【东方锅炉】钢板\δ6\15CrMo\99N1142-3-14\660MW超临界机组</t>
  </si>
  <si>
    <t>【东方锅炉】钢板\δ6\15CrMo\99N1142-3-15\660MW超临界机组</t>
  </si>
  <si>
    <t>【东方锅炉】衬垫\δ2.5\XB450\99N1142-3-16\660MW超临界机组</t>
  </si>
  <si>
    <t>【东方锅炉】衬垫\δ2.5\XB450\99N1142-3-17\660MW超临界机组</t>
  </si>
  <si>
    <t>【东方锅炉】钢板\δ6\15CrMo\99N1142-3-18\660MW超临界机组</t>
  </si>
  <si>
    <t>【东方锅炉】钢板\δ6\15CrMo\99N1142-3-19\660MW超临界机组</t>
  </si>
  <si>
    <t>【东方锅炉】冷端蓄热元件\DH1050\搪瓷\158YR/№14</t>
  </si>
  <si>
    <t>【东方锅炉】冷端蓄热元件\EH1050\搪瓷\158YR/№15</t>
  </si>
  <si>
    <t>【东方锅炉】冷端蓄热元件\AH300\搪瓷\43YR12-0/№1</t>
  </si>
  <si>
    <t>【东方锅炉】管子\φ31.8×7 №1\12Cr1MoVG\99N1143-1-2\660MW超临界机组</t>
  </si>
  <si>
    <t>【东方锅炉】管子\φ31.8×7\12Cr1MoVG\99N1143-1-3\660MW超临界机组</t>
  </si>
  <si>
    <t>【东方锅炉】管子\φ31.8×7\12Cr1MoVG\99N1143-1-4\660MW超临界机组</t>
  </si>
  <si>
    <t>【东方锅炉】管子\φ31.8×7\12Cr1MoVG\99N1143-1-5\660MW超临界机组</t>
  </si>
  <si>
    <t>【东方锅炉】管子\φ31.8×7\12Cr1MoVG\99N1143-1-6\660MW超临界机组</t>
  </si>
  <si>
    <t>【东方锅炉】管子\φ31.8×7\12Cr1MoVG\99N1143-1-7\660MW超临界机组</t>
  </si>
  <si>
    <t>【东方锅炉】管子\φ31.8×7\12Cr1MoVG\99N1143-1-8\660MW超临界机组</t>
  </si>
  <si>
    <t>【东方锅炉】管子\φ31.8×7\12Cr1MoVG\99N1143-1-9\660MW超临界机组</t>
  </si>
  <si>
    <t>【东方锅炉】内螺纹管\φ38.1×7.5\SA-213T2\99N1143-1-10\660MW超临界机组</t>
  </si>
  <si>
    <t>【东方锅炉】内螺纹管\φ38.1×7.5\SA-213T2\99N1143-1-11\660MW超临界机组</t>
  </si>
  <si>
    <t>【东方锅炉】内螺纹管\φ38.1×7.5\SA-213T2\99N1143-1-12\660MW超临界机组</t>
  </si>
  <si>
    <t>【东方锅炉】内螺纹管\φ38.1×7.5\SA-213T2\99N1143-1-13\660MW超临界机组</t>
  </si>
  <si>
    <t>【东方锅炉】内螺纹管\φ38.1×7.5\SA-213T2\99N1143-1-14\660MW超临界机组</t>
  </si>
  <si>
    <t>【东方锅炉】内螺纹管\φ38.1×7.5\SA-213T2\99N1143-1-15\660MW超临界机组</t>
  </si>
  <si>
    <t>【东方锅炉】内螺纹管\φ38.1×7.5\SA-213T2\99N1143-1-16\660MW超临界机组</t>
  </si>
  <si>
    <t>【东方锅炉】内螺纹管\φ38.1×7.5\SA-213T2\99N1143-1-17\660MW超临界机组</t>
  </si>
  <si>
    <t>【东方锅炉】内螺纹管\φ38.1×7.5\SA-213T2\99N1143-1-18\660MW超临界机组</t>
  </si>
  <si>
    <t>【东方锅炉】内螺纹管\φ38.1×7.5\SA-213T2\99N1143-1-19\660MW超临界机组</t>
  </si>
  <si>
    <t>【东方锅炉】冷端蓄热元件\BH300\搪瓷\43YR12-0/№2</t>
  </si>
  <si>
    <t>【东方锅炉】冷端蓄热元件\CH300\搪瓷\43YR12-0/№3</t>
  </si>
  <si>
    <t>【东方锅炉】冷端蓄热元件\DH300\搪瓷\43YR12-0/№4</t>
  </si>
  <si>
    <t>【东方锅炉】内螺纹管\φ38.1×7.5\SA-213T2\99N1143-1-24\660MW超临界机组</t>
  </si>
  <si>
    <t>【东方锅炉】内螺纹管\φ38.1×7.5\SA-213T2\99N1143-1-25\660MW超临界机组</t>
  </si>
  <si>
    <t>【东方锅炉】内螺纹管\φ38.1×7.5\SA-213T2\99N1143-1-26\660MW超临界机组</t>
  </si>
  <si>
    <t>【东方锅炉】内螺纹管\φ38.1×7.5\SA-213T2\99N1143-1-27\660MW超临界机组</t>
  </si>
  <si>
    <t>【东方锅炉】内螺纹管\φ38.1×7.5\SA-213T2\99N1143-1-28\660MW超临界机组</t>
  </si>
  <si>
    <t>【东方锅炉】内螺纹管\φ38.1×7.5\SA-213T2\99N1143-1-29\660MW超临界机组</t>
  </si>
  <si>
    <t>【东方锅炉】内螺纹管\φ38.1×7.5\SA-213T2\99N1143-1-30\660MW超临界机组</t>
  </si>
  <si>
    <t>【东方锅炉】内螺纹管\φ38.1×7.5\SA-213T2\99N1143-1-32\660MW超临界机组</t>
  </si>
  <si>
    <t>【东方锅炉】内螺纹管\φ38.1×7.5\SA-213T2\99N1143-1-33\660MW超临界机组</t>
  </si>
  <si>
    <t>【东方锅炉】内螺纹管\φ38.1×7.5\SA-213T2\99N1143-1-34\660MW超临界机组</t>
  </si>
  <si>
    <t>【东方锅炉】内螺纹管\φ38.1×7.5\SA-213T2\99N1143-1-35\660MW超临界机组</t>
  </si>
  <si>
    <t>【东方锅炉】内螺纹管\φ38.1×7.5\SA-213T2\99N1143-1-36\660MW超临界机组</t>
  </si>
  <si>
    <t>【东方锅炉】内螺纹管\φ38.1×7.5\SA-213T2\99N1143-1-37\660MW超临界机组</t>
  </si>
  <si>
    <t>【东方锅炉】内螺纹管\φ38.1×7.5\SA-213T2\99N1143-1-38\660MW超临界机组</t>
  </si>
  <si>
    <t>【东方锅炉】内螺纹管\φ38.1×7.5\SA-213T2\99N1143-1-39\660MW超临界机组</t>
  </si>
  <si>
    <t>【东方锅炉】内螺纹管\φ38.1×7.5\SA-213T2\99N1143-1-40\660MW超临界机组</t>
  </si>
  <si>
    <t>【东方锅炉】内螺纹管\φ38.1×7.5\SA-213T2\99N1143-1-42\660MW超临界机组</t>
  </si>
  <si>
    <t>【东方锅炉】管子\φ31.8×7\12Cr1MoVG\99N1143-1-43\660MW超临界机组</t>
  </si>
  <si>
    <t>【东方锅炉】管子\φ31.8×7\12Cr1MoVG\99N1143-1-44\660MW超临界机组</t>
  </si>
  <si>
    <t>【东方锅炉】管子\φ31.8×7\12Cr1MoVG\99N1143-1-45\660MW超临界机组</t>
  </si>
  <si>
    <t>【东方锅炉】管子\φ31.8×7\12Cr1MoVG\99N1143-1-46\660MW超临界机组</t>
  </si>
  <si>
    <t>【东方锅炉】钢板\δ6\15CrMo\99N1143-1-47\660MW超临界机组</t>
  </si>
  <si>
    <t>【东方锅炉】钢板\δ6\15CrMo\99N1143-1-48\660MW超临界机组</t>
  </si>
  <si>
    <t>【东方锅炉】钢板\δ6\15CrMo\99N1143-1-49\660MW超临界机组</t>
  </si>
  <si>
    <t>【东方锅炉】钢板\δ6\15CrMo\99N1143-1-50\660MW超临界机组</t>
  </si>
  <si>
    <t>【东方锅炉】衬垫\δ2.5\XB450\99N1143-1-51\660MW超临界机组</t>
  </si>
  <si>
    <t>【东方锅炉】衬垫\δ2.5\XB450\99N1143-1-52\660MW超临界机组</t>
  </si>
  <si>
    <t>【东方锅炉】耳板\δ6\15CrMo\99N1143-1-53\660MW超临界机组</t>
  </si>
  <si>
    <t>【东方锅炉】耳板\δ10\15CrMo\99N1143-1-54\660MW超临界机组</t>
  </si>
  <si>
    <t>【东方锅炉】钢板\δ6 26×75\15CrMo\99N1143-0\660MW超临界机组</t>
  </si>
  <si>
    <t>【东方锅炉】钢板\δ6 26×225\15CrMo\99N1143-0\660MW超临界机组</t>
  </si>
  <si>
    <t>【东方锅炉】钢板\δ12\15CrMo\99N1143-1-55\660MW超临界机组</t>
  </si>
  <si>
    <t>【东方锅炉】钢板\δ12\15CrMo\99N1143-1-56\660MW超临界机组</t>
  </si>
  <si>
    <t>【东方锅炉】钢板\δ20\15CrMo\99N1143-1-57\660MW超临界机组</t>
  </si>
  <si>
    <t>【东方锅炉】钢板\δ20 300×920\15CrMo\99N1143-0\660MW超临界机组</t>
  </si>
  <si>
    <t>【东方锅炉】套管\φ22×3 L=75\15CrMo\99N1143-1-0\660MW超临界机组</t>
  </si>
  <si>
    <t>【东方锅炉】耳板\δ20\15CrMo\99N1143-1-58\660MW超临界机组</t>
  </si>
  <si>
    <t>【东方锅炉】测点块\δ4\15CrMo\99N1143-1-59\660MW超临界机组</t>
  </si>
  <si>
    <t>【东方锅炉】耳板\δ10\15CrMo\99N1143-1-60\660MW超临界机组</t>
  </si>
  <si>
    <t>【东方锅炉】密封块\δ10\15CrMo\99N1143-1-61\660MW超临界机组</t>
  </si>
  <si>
    <t>【东方锅炉】管子\φ31.8×7\12Cr1MoVG\99N1143-2-2\660MW超临界机组</t>
  </si>
  <si>
    <t>【东方锅炉】管子\φ31.8×7\12Cr1MoVG\99N1143-2-3\660MW超临界机组</t>
  </si>
  <si>
    <t>【东方锅炉】内螺纹管\φ38.1×7.5\SA-213T2\99N1143-2-4\660MW超临界机组</t>
  </si>
  <si>
    <t>【东方锅炉】管子\φ31.8×7\12Cr1MoVG\99N1143-2-5\660MW超临界机组</t>
  </si>
  <si>
    <t>【东方锅炉】管子\φ31.8×7\12Cr1MoVG\99N1143-2-6\660MW超临界机组</t>
  </si>
  <si>
    <t>【东方锅炉】内螺纹管\φ38.1×7.5\SA-213T2\99N1143-2-8\660MW超临界机组</t>
  </si>
  <si>
    <t>【东方锅炉】管子\φ31.8×7\12Cr1MoVG\99N1143-2-9\660MW超临界机组</t>
  </si>
  <si>
    <t>【东方锅炉】管子\φ31.8×7 №2\12Cr1MoVG\99N1143-1-2\660MW超临界机组</t>
  </si>
  <si>
    <t>【东方锅炉】内螺纹管\φ38.1×7.5\SA-213T2\99N1143-3-1\660MW超临界机组</t>
  </si>
  <si>
    <t>【东方锅炉】内螺纹管\φ38.1×7.5\SA-213T2\99N1143-3-2\660MW超临界机组</t>
  </si>
  <si>
    <t>【东方锅炉】冷端蓄热元件\EH300\搪瓷\43YR12-0/№5</t>
  </si>
  <si>
    <t>【东方锅炉】冷端蓄热元件\AH3/1.0\Q355GNH\106YR12-1-0</t>
  </si>
  <si>
    <t>【东方锅炉】冷端蓄热元件\BH3/1.0\Q355GNH\106YR12-2-0</t>
  </si>
  <si>
    <t>【东方锅炉】管子\φ31.8×7\12Cr1MoVG\99N1144-1-2\660MW超临界机组</t>
  </si>
  <si>
    <t>【东方锅炉】管子\φ31.8×7\12Cr1MoVG\99N1144-1-3\660MW超临界机组</t>
  </si>
  <si>
    <t>【东方锅炉】管子\φ31.8×7\12Cr1MoVG\99N1144-1-4\660MW超临界机组</t>
  </si>
  <si>
    <t>【东方锅炉】管子\φ31.8×7\12Cr1MoVG\99N1144-1-5\660MW超临界机组</t>
  </si>
  <si>
    <t>【东方锅炉】管子\φ31.8×7\12Cr1MoVG\99N1144-1-6\660MW超临界机组</t>
  </si>
  <si>
    <t>【东方锅炉】管子\φ31.8×7\12Cr1MoVG\99N1144-2-2\660MW超临界机组</t>
  </si>
  <si>
    <t>【东方锅炉】内螺纹管\φ38.1×7.5\SA-213T2\99N1144-3-1\660MW超临界机组</t>
  </si>
  <si>
    <t>【东方锅炉】内螺纹管\φ38.1×7.5\SA-213T2\99N1144-3-2\660MW超临界机组</t>
  </si>
  <si>
    <t>【东方锅炉】冷端蓄热元件\CH3/1.0\Q355GNH\106YR12-3-0</t>
  </si>
  <si>
    <t>【东方锅炉】耳板\δ10\Q245R\99N161-22-1\660MW超临界机组</t>
  </si>
  <si>
    <t>【东方锅炉】耳板\d30 R134\15CrMoR\TGN25501\660MW超临界机组</t>
  </si>
  <si>
    <t>【东方锅炉】钢板\δ12 200×42\15CrMo\99N161-0\660MW超临界机组</t>
  </si>
  <si>
    <t>【东方锅炉】钢板\δ12\15CrMo\99N161-23-1\660MW超临界机组</t>
  </si>
  <si>
    <t>【东方锅炉】钢板\δ12\15CrMo\99N161-23-2\660MW超临界机组</t>
  </si>
  <si>
    <t>【东方锅炉】冷端蓄热元件\DH3/1.0\Q355GNH\106YR12-4-0</t>
  </si>
  <si>
    <t>【东方锅炉】冷端蓄热元件\EH3/1.0\Q355GNH\106YR12-5-0</t>
  </si>
  <si>
    <t>【东方锅炉】圆弧板\δ30\Q245R\99N167-2-1\660MW超临界机组</t>
  </si>
  <si>
    <t>【东方锅炉】钢板\δ12 90×140\20#\99N167-0\660MW超临界机组</t>
  </si>
  <si>
    <t>【东方锅炉】钢板\δ12\20#\99N167-4-2\660MW超临界机组</t>
  </si>
  <si>
    <t>【东方锅炉】钢板\δ12 140×138\20#\99N167-0\660MW超临界机组</t>
  </si>
  <si>
    <t>【东方锅炉】钢板\δ6 100×10\Q235A\99N167-0\660MW超临界机组</t>
  </si>
  <si>
    <t>【东方锅炉】钢板\δ3 100×2912\Q235A\99N167-0\660MW超临界机组</t>
  </si>
  <si>
    <t>【东方锅炉】冷端蓄热元件\AH1050\搪瓷\142YR/№11</t>
  </si>
  <si>
    <t>【东方锅炉】冷端蓄热元件\BH1050\搪瓷\142YR/№12</t>
  </si>
  <si>
    <t>【东方锅炉】冷端蓄热元件\CH1050\搪瓷\142YR/№13</t>
  </si>
  <si>
    <t>【东方锅炉】管子\φ45×8.5\SA-213TP347HFG\99N211-1-4\660MW超临界机组</t>
  </si>
  <si>
    <t>【东方锅炉】冷端蓄热元件\DH1050\搪瓷\142YR/№14</t>
  </si>
  <si>
    <t>【东方锅炉】管子\φ45×8.5\SA-213TP347HFG\99N211-1-6\660MW超临界机组</t>
  </si>
  <si>
    <t>【东方锅炉】冷端蓄热元件\EH1050\搪瓷\142YR/№15</t>
  </si>
  <si>
    <t>【东方锅炉】管子\φ45×8.5\SA-213TP347HFG\99N211-1-8\660MW超临界机组</t>
  </si>
  <si>
    <t>【东方锅炉】冷端蓄热元件\AH600\搪瓷\120YR12-0/№1</t>
  </si>
  <si>
    <t>【东方锅炉】管子\φ45×8.5\SA-213TP347HFG\99N211-1-10\660MW超临界机组</t>
  </si>
  <si>
    <t>【东方锅炉】冷端蓄热元件\BH600\搪瓷\120YR12-0/№2</t>
  </si>
  <si>
    <t>【东方锅炉】管子\φ45×8.5\SA-213TP347HFG\99N211-1-12\660MW超临界机组</t>
  </si>
  <si>
    <t>【东方锅炉】冷端蓄热元件\CH600\搪瓷\120YR12-0/№3</t>
  </si>
  <si>
    <t>【东方锅炉】管子\φ45×8.5\SA-213TP347HFG\99N211-1-14\660MW超临界机组</t>
  </si>
  <si>
    <t>【东方锅炉】冷端蓄热元件\DH600\搪瓷\120YR12-0/№4</t>
  </si>
  <si>
    <t>【东方锅炉】管子\φ45×8.5\SA-213TP347HFG\99N211-1-16\660MW超临界机组</t>
  </si>
  <si>
    <t>【东方锅炉】冷端蓄热元件\EH600\搪瓷\120YR12-0/№5</t>
  </si>
  <si>
    <t>【东方锅炉】管子\φ45×8.5\SA-213TP347HFG\99N211-1-18\660MW超临界机组</t>
  </si>
  <si>
    <t>【东方锅炉】冷端蓄热元件\AH1100/0.8\搪瓷\290YR12-0/№1</t>
  </si>
  <si>
    <t>【东方锅炉】管子\φ45×8.5\SA-213TP347HFG\99N211-1-20\660MW超临界机组</t>
  </si>
  <si>
    <t>【东方锅炉】管子\φ45×8.5\SA-213TP347HFG\99N211-1-22\660MW超临界机组</t>
  </si>
  <si>
    <t>【东方锅炉】管子\φ45×8.5\SA-213TP347HFG\99N211-1-23\660MW超临界机组</t>
  </si>
  <si>
    <t>【东方锅炉】管子\φ45×8.5\SA-213TP347HFG\99N211-1-24\660MW超临界机组</t>
  </si>
  <si>
    <t>【东方锅炉】管子\φ45×8.5\SA-213TP347HFG\99N211-1-25\660MW超临界机组</t>
  </si>
  <si>
    <t>【东方锅炉】管子\φ45×8.5\SA-213TP347HFG\99N211-1-26\660MW超临界机组</t>
  </si>
  <si>
    <t>【东方锅炉】冷端蓄热元件\BH1100/0.8\搪瓷\290YR12-0/№2</t>
  </si>
  <si>
    <t>【东方锅炉】管子\φ45×8.5\SA-213TP347HFG\99N211-1-27\660MW超临界机组</t>
  </si>
  <si>
    <t>【东方锅炉】冷端蓄热元件\CH1100/0.8\搪瓷\290YR12-0/№3</t>
  </si>
  <si>
    <t>【东方锅炉】管子\φ45×8.5\SA-213TP347HFG\99N211-1-28\660MW超临界机组</t>
  </si>
  <si>
    <t>【东方锅炉】冷端蓄热元件\DH1100/0.8\搪瓷\290YR12-0/№4</t>
  </si>
  <si>
    <t>【东方锅炉】管子\φ45×8.5\SA-213TP347HFG\99N211-1-29\660MW超临界机组</t>
  </si>
  <si>
    <t>【东方锅炉】冷端蓄热元件\EH1100/0.8\搪瓷\290YR12-0/№5</t>
  </si>
  <si>
    <t>【东方锅炉】管子\φ45×8.5\SA-213TP347HFG\99N211-1-30\660MW超临界机组</t>
  </si>
  <si>
    <t>【东方锅炉】冷端蓄热元件\FH1100/0.8\搪瓷\290YR12-0/№6</t>
  </si>
  <si>
    <t>【东方锅炉】管子\φ45×8.5\SA-213TP347HFG\99N211-1-31\660MW超临界机组</t>
  </si>
  <si>
    <t>【东方锅炉】U型块\L=150\ZG16Cr20Ni14Si2\99N211-1-33\660MW超临界机组</t>
  </si>
  <si>
    <t>【东方锅炉】U型块\L=125\ZG16Cr20Ni14Si2\99N211-1-34\660MW超临界机组</t>
  </si>
  <si>
    <t>【东方锅炉】挡块\δ6\ZG16Cr20Ni14Si2\TGS22001-1\660MW超临界机组</t>
  </si>
  <si>
    <t>【东方锅炉】滑动块\L=80\ZG16Cr20Ni14Si2\TGS22001-2\660MW超临界机组</t>
  </si>
  <si>
    <t>【东方锅炉】U型板\δ10\06Cr19Ni10\99N211-1-35\660MW超临界机组</t>
  </si>
  <si>
    <t>【东方锅炉】钢板\δ6 63.5×110\12Cr18Ni9\99N211-0\660MW超临界机组</t>
  </si>
  <si>
    <t>【东方锅炉】钢板\δ3\16Cr20Ni14Si2\99N211-1-36\660MW超临界机组</t>
  </si>
  <si>
    <t>【东方锅炉】钢板\δ3\16Cr20Ni14Si2\99N211-1-37\660MW超临界机组</t>
  </si>
  <si>
    <t>【东方锅炉】梳型板\δ4\12Cr18Ni9\99N211-1-38\660MW超临界机组</t>
  </si>
  <si>
    <t>【东方锅炉】钢板\δ12\12Cr18Ni9\99N211-1-39\660MW超临界机组</t>
  </si>
  <si>
    <t>【东方锅炉】钢板\δ10 120×76\06Cr19Ni10\99N211-0\660MW超临界机组</t>
  </si>
  <si>
    <t>【东方锅炉】瓦型板\δ12\12Cr18Ni9\99N211-1-40\660MW超临界机组</t>
  </si>
  <si>
    <t>【东方锅炉】瓦型板\δ12\12Cr18Ni9\99N211-1-41\660MW超临界机组</t>
  </si>
  <si>
    <t>【东方锅炉】钢板\δ3 1080×140\12Cr18Ni9\99N211-0\660MW超临界机组</t>
  </si>
  <si>
    <t>【东方锅炉】管子\φ45×6.5\12Cr1MoVG\99N2121-1-1\660MW超临界机组</t>
  </si>
  <si>
    <t>【东方锅炉】冷端蓄热元件\GH1100/0.8\搪瓷\290YR12-0/№7</t>
  </si>
  <si>
    <t>【东方锅炉】管子\φ45×6.5\12Cr1MoVG\99N2121-1-2\660MW超临界机组</t>
  </si>
  <si>
    <t>【东方锅炉】冷端蓄热元件\HH1100/0.8\搪瓷\290YR12-0/№8</t>
  </si>
  <si>
    <t>【东方锅炉】管子\φ45×6.5\12Cr1MoVG\99N2121-1-3\660MW超临界机组</t>
  </si>
  <si>
    <t>【东方锅炉】冷端蓄热元件\AH1100/0.8篮框\Q355GNH\290YR12-0/№9</t>
  </si>
  <si>
    <t>【东方锅炉】管子\φ45×6.5\12Cr1MoVG\99N2121-1-4\660MW超临界机组</t>
  </si>
  <si>
    <t>【东方锅炉】冷端蓄热元件\BH1100/0.8篮框\Q355GNH\290YR12-0/№10</t>
  </si>
  <si>
    <t>【东方锅炉】管夹\L=1941\1Cr6Si2Mo\99N2121-1-5\660MW超临界机组</t>
  </si>
  <si>
    <t>【东方锅炉】管夹\L=2629\1Cr6Si2Mo\99N2121-1-6\660MW超临界机组</t>
  </si>
  <si>
    <t>【东方锅炉】冷端蓄热元件\CH1100/0.8篮框\Q355GNH\290YR12-0/№11</t>
  </si>
  <si>
    <t>【东方锅炉】弧型板\δ6\12Cr1MoV\99N2121-1-8\660MW超临界机组</t>
  </si>
  <si>
    <t>【东方锅炉】支撑块\№1\ZG12Cr18Ni9\TG21031-2005\660MW超临界机组</t>
  </si>
  <si>
    <t>【东方锅炉】支撑块\№2\ZG12Cr18Ni9\TG21031-2005\660MW超临界机组</t>
  </si>
  <si>
    <t>【东方锅炉】冷端蓄热元件\DH1100/0.8篮框\Q355GNH\290YR12-0/№12</t>
  </si>
  <si>
    <t>【东方锅炉】冷端蓄热元件\EH1100/0.8篮框\Q355GNH\290YR12-0/№13</t>
  </si>
  <si>
    <t>【东方锅炉】管子\φ45×6.5\12Cr1MoVG\99N2121-2-1\660MW超临界机组</t>
  </si>
  <si>
    <t>【东方锅炉】冷端蓄热元件\FH1100/0.8篮框\Q355GNH\290YR12-0/№14</t>
  </si>
  <si>
    <t>【东方锅炉】管子\φ45×6.5\12Cr1MoVG\99N2121-2-2\660MW超临界机组</t>
  </si>
  <si>
    <t>【东方锅炉】冷端蓄热元件\GH1100/0.8篮框\Q355GNH\290YR12-0/№15</t>
  </si>
  <si>
    <t>【东方锅炉】管子\φ45×6.5\12Cr1MoVG\99N2121-2-3\660MW超临界机组</t>
  </si>
  <si>
    <t>【东方锅炉】冷端蓄热元件\HH1100/0.8篮框\Q355GNH\290YR12-0/№16</t>
  </si>
  <si>
    <t>【东方锅炉】管子\φ45×6.5\12Cr1MoVG\99N2121-2-4\660MW超临界机组</t>
  </si>
  <si>
    <t>【东方锅炉】冷端蓄热元件\AH1050\搪瓷\165YR12-0/№1</t>
  </si>
  <si>
    <t>【东方锅炉】钢板\δ10\SA-240GR304H\99N2121-3-1\660MW超临界机组</t>
  </si>
  <si>
    <t>【东方锅炉】U型板\δ10\SA-240GR304H\99N2121-9\660MW超临界机组</t>
  </si>
  <si>
    <t>【东方锅炉】圆钢\φ14\12Cr18Ni9\99N2121-10\660MW超临界机组</t>
  </si>
  <si>
    <t>【东方锅炉】钢板\δ6 50×140\1Cr6Si2Mo\99N2121-0\660MW超临界机组</t>
  </si>
  <si>
    <t>【东方锅炉】钢板\δ6 50×57\1Cr6Si2Mo\99N2121-0\660MW超临界机组</t>
  </si>
  <si>
    <t>【东方锅炉】U型板\δ6\1Cr6Si2Mo\99N2121-11-1\660MW超临界机组</t>
  </si>
  <si>
    <t>【东方锅炉】管子\φ45×6.5\12Cr1MoVG\99N2122-1-1\660MW超临界机组</t>
  </si>
  <si>
    <t>【东方锅炉】管子\φ45×6.5\12Cr1MoVG\99N2122-1-2\660MW超临界机组</t>
  </si>
  <si>
    <t>【东方锅炉】管子\φ45×6.5\12Cr1MoVG\99N2122-1-3\660MW超临界机组</t>
  </si>
  <si>
    <t>【东方锅炉】管子\φ45×6.5\12Cr1MoVG\99N2122-1-4\660MW超临界机组</t>
  </si>
  <si>
    <t>【东方锅炉】U型块\δ6\ZG12Cr1MoV\TG21034.1-2005\660MW超临界机组</t>
  </si>
  <si>
    <t>【东方锅炉】U型块\δ6\ZG12Cr1MoV\TG21034.2-2005\660MW超临界机组</t>
  </si>
  <si>
    <t>【东方锅炉】钢板\δ6\16Cr20Ni14Si2\TG21033-2005\660MW超临界机组</t>
  </si>
  <si>
    <t>【东方锅炉】滑动块\φ45\ZG16Cr20Ni14Si2\TG21033-2005\660MW超临界机组</t>
  </si>
  <si>
    <t>【东方锅炉】冷端蓄热元件\BH1050\搪瓷\165YR12-0/№2</t>
  </si>
  <si>
    <t>【东方锅炉】梳型板\δ4\12Cr1MoV\99N2122-1-6\660MW超临界机组</t>
  </si>
  <si>
    <t>【东方锅炉】钢板\δ12 80×618\Q235A\99N2122-0\660MW超临界机组</t>
  </si>
  <si>
    <t>【东方锅炉】钢板\δ6 19×80\Q235A\99N2122-0\660MW超临界机组</t>
  </si>
  <si>
    <t>【东方锅炉】夹块\δ10\16Cr20Ni14Si2\TG21032-2005\660MW超临界机组</t>
  </si>
  <si>
    <t>【东方锅炉】管子\φ76.2×16\15CrMoG\99N2131-1-1\660MW超临界机组</t>
  </si>
  <si>
    <t>【东方锅炉】过渡管\φ76.2×16/φ63.5×10\15CrMoG\99N2131-1-2\660MW超临界机组</t>
  </si>
  <si>
    <t>【东方锅炉】管子\φ76.2×16\15CrMoG\99N2131-1-3\660MW超临界机组</t>
  </si>
  <si>
    <t>【东方锅炉】管子\φ76.2×16\15CrMoG\99N2131-1-4\660MW超临界机组</t>
  </si>
  <si>
    <t>【东方锅炉】管子\φ76.2×16\15CrMoG\99N2131-1-5\660MW超临界机组</t>
  </si>
  <si>
    <t>【东方锅炉】管子\φ76.2×16\15CrMoG\99N2131-1-6\660MW超临界机组</t>
  </si>
  <si>
    <t>【东方锅炉】管子\φ76.2×16\15CrMoG\99N2131-1-7\660MW超临界机组</t>
  </si>
  <si>
    <t>【东方锅炉】管子\φ76.2×16\15CrMoG\99N2131-1-8\660MW超临界机组</t>
  </si>
  <si>
    <t>【东方锅炉】管子\φ76.2×16\15CrMoG\99N2131-1-9\660MW超临界机组</t>
  </si>
  <si>
    <t>【东方锅炉】钢板\δ10\15CrMo\99N2131-1-10\660MW超临界机组</t>
  </si>
  <si>
    <t>【东方锅炉】钢板\δ10\15CrMo\99N2131-1-11\660MW超临界机组</t>
  </si>
  <si>
    <t>【东方锅炉】钢板\δ10\15CrMo\99N2131-1-12\660MW超临界机组</t>
  </si>
  <si>
    <t>【东方锅炉】钢板\δ10\15CrMo\99N2131-1-13\660MW超临界机组</t>
  </si>
  <si>
    <t>【东方锅炉】钢板\δ10\15CrMo\99N2131-1-14\660MW超临界机组</t>
  </si>
  <si>
    <t>【东方锅炉】钢板\δ10 №1\15CrMo\99N2131-1-15\660MW超临界机组</t>
  </si>
  <si>
    <t>【东方锅炉】钢板\δ10\15CrMo\99N2131-1-16\660MW超临界机组</t>
  </si>
  <si>
    <t>【东方锅炉】扁钢\δ9\15CrMo\99N2131-1-17\660MW超临界机组</t>
  </si>
  <si>
    <t>【东方锅炉】扁钢\δ9 №1\15CrMo\99N2131-1-18\660MW超临界机组</t>
  </si>
  <si>
    <t>【东方锅炉】扁钢\δ9 №2\15CrMo\99N2131-1-18\660MW超临界机组</t>
  </si>
  <si>
    <t>【东方锅炉】钢板\δ10\15CrMo\99N2131-1-19\660MW超临界机组</t>
  </si>
  <si>
    <t>【东方锅炉】钢板\δ10 №1\15CrMo\99N2131-1-20\660MW超临界机组</t>
  </si>
  <si>
    <t>【东方锅炉】扁钢\δ9 №1\15CrMo\99N2131-1-21\660MW超临界机组</t>
  </si>
  <si>
    <t>【东方锅炉】扁钢\δ9 №1\15CrMo\99N2131-1-22\660MW超临界机组</t>
  </si>
  <si>
    <t>【东方锅炉】扁钢\δ9\15CrMo\99N2131-1-23\660MW超临界机组</t>
  </si>
  <si>
    <t>【东方锅炉】扁钢\δ9\15CrMo\99N2131-1-24\660MW超临界机组</t>
  </si>
  <si>
    <t>【东方锅炉】扁钢\δ9\15CrMo\99N2131-1-25\660MW超临界机组</t>
  </si>
  <si>
    <t>【东方锅炉】扁钢\δ9 №2\15CrMo\99N2131-1-22\660MW超临界机组</t>
  </si>
  <si>
    <t>【东方锅炉】扁钢\δ9 №1\15CrMo\99N2131-1-26\660MW超临界机组</t>
  </si>
  <si>
    <t>【东方锅炉】扁钢\δ9 №2\15CrMo\99N2131-1-26\660MW超临界机组</t>
  </si>
  <si>
    <t>【东方锅炉】密封块\δ9\Q245R\99N2131-1-27\660MW超临界机组</t>
  </si>
  <si>
    <t>【东方锅炉】冷端蓄热元件\CH1050\搪瓷\165YR12-0/№3</t>
  </si>
  <si>
    <t>【东方锅炉】冷端蓄热元件\DH1050\搪瓷\165YR12-0/№4</t>
  </si>
  <si>
    <t>【东方锅炉】冷端蓄热元件\EH1050\搪瓷\165YR12-0/№5</t>
  </si>
  <si>
    <t>【东方锅炉】冷端蓄热元件\FH1050\搪瓷\165YR12-0/№6</t>
  </si>
  <si>
    <t>【东方锅炉】管子\φ76.2×16\15CrMoG\99N2131-2-1\660MW超临界机组</t>
  </si>
  <si>
    <t>【东方锅炉】扁钢\δ9 №1\15CrMo\99N2131-2-2\660MW超临界机组</t>
  </si>
  <si>
    <t>【东方锅炉】扁钢\δ9 №1\15CrMo\99N2131-2-3\660MW超临界机组</t>
  </si>
  <si>
    <t>【东方锅炉】扁钢\δ9 №2\15CrMo\99N2131-2-2\660MW超临界机组</t>
  </si>
  <si>
    <t>【东方锅炉】扁钢\δ9 №2\15CrMo\99N2131-1-21\660MW超临界机组</t>
  </si>
  <si>
    <t>【东方锅炉】管子\φ76.2×16\15CrMoG\99N2131-2-4\660MW超临界机组</t>
  </si>
  <si>
    <t>【东方锅炉】钢板\δ10 №2\15CrMo\99N2131-1-15\660MW超临界机组</t>
  </si>
  <si>
    <t>【东方锅炉】钢板\δ10 №2\15CrMo\99N2131-1-20\660MW超临界机组</t>
  </si>
  <si>
    <t>【东方锅炉】管子\φ76.2×16\15CrMoG\99N2131-3-1\660MW超临界机组</t>
  </si>
  <si>
    <t>【东方锅炉】冷端蓄热元件\GH1050\搪瓷\165YR12-0/№7</t>
  </si>
  <si>
    <t>【东方锅炉】扁钢\δ9 №3\15CrMo\99N2131-2-2\660MW超临界机组</t>
  </si>
  <si>
    <t>【东方锅炉】钢板\δ10\15CrMo\99N2131-3-3\660MW超临界机组</t>
  </si>
  <si>
    <t>【东方锅炉】冷端蓄热元件\HH1050\搪瓷\165YR12-0/№8</t>
  </si>
  <si>
    <t>【东方锅炉】扁钢\δ9 №3\15CrMo\99N2131-1-22\660MW超临界机组</t>
  </si>
  <si>
    <t>【东方锅炉】扁钢\δ9 №4\15CrMo\99N2131-1-22\660MW超临界机组</t>
  </si>
  <si>
    <t>【东方锅炉】扁钢\δ9\15CrMo\99N2131-3-5\660MW超临界机组</t>
  </si>
  <si>
    <t>【东方锅炉】扁钢\δ9\15CrMo\99N2131-3-6\660MW超临界机组</t>
  </si>
  <si>
    <t>【东方锅炉】管子\φ76.2×16\15CrMoG\99N2131-3-7\660MW超临界机组</t>
  </si>
  <si>
    <t>【东方锅炉】扁钢\δ9 №2\15CrMo\99N2131-2-3\660MW超临界机组</t>
  </si>
  <si>
    <t>【东方锅炉】管子\φ76.2×16\15CrMoG\99N2131-6-1\660MW超临界机组</t>
  </si>
  <si>
    <t>【东方锅炉】扁钢\δ9\15CrMo\99N2131-6-2\660MW超临界机组</t>
  </si>
  <si>
    <t>【东方锅炉】扁钢\δ9 №5\15CrMo\99N2131-1-22\660MW超临界机组</t>
  </si>
  <si>
    <t>【东方锅炉】扁钢\δ9 №6\15CrMo\99N2131-1-22\660MW超临界机组</t>
  </si>
  <si>
    <t>【东方锅炉】扁钢\δ9 №7\15CrMo\99N2131-1-22\660MW超临界机组</t>
  </si>
  <si>
    <t>【东方锅炉】管子\φ76.2×16\15CrMoG\99N2131-6-3\660MW超临界机组</t>
  </si>
  <si>
    <t>【东方锅炉】钢板\δ25 200×10711.2\15CrMoR\99N2131-0\660MW超临界机组</t>
  </si>
  <si>
    <t>【东方锅炉】钢板\δ19\15CrMoR\99N2131-7-1\660MW超临界机组</t>
  </si>
  <si>
    <t>【东方锅炉】钢板\δ19\15CrMoR\99N2131-8-1\660MW超临界机组</t>
  </si>
  <si>
    <t>【东方锅炉】密封块\δ9\20#\99N2131-9\660MW超临界机组</t>
  </si>
  <si>
    <t>【东方锅炉】密封块\δ9 №1\20#\99N2131-10\660MW超临界机组</t>
  </si>
  <si>
    <t>【东方锅炉】耳板\δ10\15CrMoR\99N2131-11\660MW超临界机组</t>
  </si>
  <si>
    <t>【东方锅炉】钢板\δ12\15CrMo\99N2131-12\660MW超临界机组</t>
  </si>
  <si>
    <t>【东方锅炉】钢板\δ9 25×60\16Cr20Ni14Si2\99N2131-0\660MW超临界机组</t>
  </si>
  <si>
    <t>【东方锅炉】钢板\δ9 25×70\16Cr20Ni14Si2\99N2131-0\660MW超临界机组</t>
  </si>
  <si>
    <t>【东方锅炉】冷端蓄热元件\AH1050/0.8\搪瓷\269YR12-0/№1</t>
  </si>
  <si>
    <t>【东方锅炉】冷端蓄热元件\BH1050/0.8\搪瓷\269YR12-0/№2</t>
  </si>
  <si>
    <t>【东方锅炉】冷端蓄热元件\CH1050/0.8\搪瓷\269YR12-0/№3</t>
  </si>
  <si>
    <t>【东方锅炉】钢板\δ6 50×62.2\15CrMo\99N2131-0\660MW超临界机组</t>
  </si>
  <si>
    <t>【东方锅炉】钢板\δ6 50×60\15CrMo\99N2131-0\660MW超临界机组</t>
  </si>
  <si>
    <t>【东方锅炉】钢板\δ6 50×63.3\15CrMo\99N2131-0\660MW超临界机组</t>
  </si>
  <si>
    <t>【东方锅炉】钢板\δ4\20#\99N2131-16-2\660MW超临界机组</t>
  </si>
  <si>
    <t>【东方锅炉】梳型板\δ4\20#\99N2131-16-3\660MW超临界机组</t>
  </si>
  <si>
    <t>【东方锅炉】梳型板\δ4\20#\99N2131-16-4\660MW超临界机组</t>
  </si>
  <si>
    <t>【东方锅炉】钢板\δ4\15CrMo\99N2131-16-5\660MW超临界机组</t>
  </si>
  <si>
    <t>【东方锅炉】钢板\δ8\15CrMo\99N2131-16-6\660MW超临界机组</t>
  </si>
  <si>
    <t>【东方锅炉】梳型板\δ4\20#\99N2131-16-7\660MW超临界机组</t>
  </si>
  <si>
    <t>【东方锅炉】梳型板\δ4\20#\99N2131-16-8\660MW超临界机组</t>
  </si>
  <si>
    <t>【东方锅炉】钢板\δ8\15CrMo\99N2131-16-9\660MW超临界机组</t>
  </si>
  <si>
    <t>【东方锅炉】钢板\δ4\15CrMo\99N2131-16-10\660MW超临界机组</t>
  </si>
  <si>
    <t>【东方锅炉】钢板\δ4\15CrMo\99N2131-16-11\660MW超临界机组</t>
  </si>
  <si>
    <t>【东方锅炉】钢板\δ4\20#\99N2131-16-13\660MW超临界机组</t>
  </si>
  <si>
    <t>【东方锅炉】管子\φ76.2×16\15CrMoG\99N2131-17-1\660MW超临界机组</t>
  </si>
  <si>
    <t>【东方锅炉】管子\φ76.2×16\15CrMoG\99N2131-17-2\660MW超临界机组</t>
  </si>
  <si>
    <t>【东方锅炉】管子\φ76.2×16\15CrMoG\99N2131-17-3\660MW超临界机组</t>
  </si>
  <si>
    <t>【东方锅炉】管子\φ76.2×16\15CrMoG\99N2131-17-4\660MW超临界机组</t>
  </si>
  <si>
    <t>【东方锅炉】管子\φ76.2×16\15CrMoG\99N2131-17-5\660MW超临界机组</t>
  </si>
  <si>
    <t>【东方锅炉】冷端蓄热元件\DH1050/0.8\搪瓷\269YR12-0/№4</t>
  </si>
  <si>
    <t>【东方锅炉】钢板\δ12 №1\15CrMo\99N2131-24\660MW超临界机组</t>
  </si>
  <si>
    <t>【东方锅炉】扁钢\δ9\15CrMo\99N2131-25\660MW超临界机组</t>
  </si>
  <si>
    <t>【东方锅炉】扁钢\δ9 №1\15CrMo\99N2131-26\660MW超临界机组</t>
  </si>
  <si>
    <t>【东方锅炉】扁钢\δ9\15CrMo\99N2131-27\660MW超临界机组</t>
  </si>
  <si>
    <t>【东方锅炉】钢板\δ10 №1\15CrMo\99N2131-28\660MW超临界机组</t>
  </si>
  <si>
    <t>【东方锅炉】扁钢\δ9\15CrMo\99N2131-29\660MW超临界机组</t>
  </si>
  <si>
    <t>【东方锅炉】扁钢\№1\15CrMo\99N2131-30\660MW超临界机组</t>
  </si>
  <si>
    <t>【东方锅炉】扁钢\№2\15CrMo\99N2131-30\660MW超临界机组</t>
  </si>
  <si>
    <t>【东方锅炉】扁钢\№3\15CrMo\99N2131-30\660MW超临界机组</t>
  </si>
  <si>
    <t>【东方锅炉】钢板\δ25 1408.75×75\15CrMo\99N2131-0\660MW超临界机组</t>
  </si>
  <si>
    <t>【东方锅炉】钢板\δ25 1008.7×75\15CrMo\99N2131-0\660MW超临界机组</t>
  </si>
  <si>
    <t>【东方锅炉】钢板\δ20 20×50\20#\99N2131-0\660MW超临界机组</t>
  </si>
  <si>
    <t>【东方锅炉】耳板\δ9\15CrMoR\99N2131-31\660MW超临界机组</t>
  </si>
  <si>
    <t>【东方锅炉】钢板\δ12 №2\15CrMo\99N2131-24\660MW超临界机组</t>
  </si>
  <si>
    <t>【东方锅炉】扁钢\δ9 №2\15CrMo\99N2131-26\660MW超临界机组</t>
  </si>
  <si>
    <t>【东方锅炉】钢板\δ10 №2\15CrMo\99N2131-28\660MW超临界机组</t>
  </si>
  <si>
    <t>【东方锅炉】扁钢\δ9 №1\15CrMo\99N2132-1-1\660MW超临界机组</t>
  </si>
  <si>
    <t>【东方锅炉】扁钢\δ9\15CrMo\99N2132-1-2\660MW超临界机组</t>
  </si>
  <si>
    <t>【东方锅炉】扁钢\δ12\15CrMo\99N2132-1-3\660MW超临界机组</t>
  </si>
  <si>
    <t>【东方锅炉】扁钢\δ12\15CrMo\99N2132-1-4\660MW超临界机组</t>
  </si>
  <si>
    <t>【东方锅炉】扁钢\δ12\15CrMo\99N2132-1-5\660MW超临界机组</t>
  </si>
  <si>
    <t>【东方锅炉】扁钢\δ12\15CrMo\99N2132-1-6\660MW超临界机组</t>
  </si>
  <si>
    <t>【东方锅炉】扁钢\δ12\15CrMo\99N2132-1-7\660MW超临界机组</t>
  </si>
  <si>
    <t>【东方锅炉】扁钢\δ9 №2\15CrMo\99N2132-1-1\660MW超临界机组</t>
  </si>
  <si>
    <t>【东方锅炉】扁钢\δ9\12Cr1MoV\99N2132-1-8\660MW超临界机组</t>
  </si>
  <si>
    <t>【东方锅炉】扁钢\δ9 №3\15CrMo\99N2132-1-1\660MW超临界机组</t>
  </si>
  <si>
    <t>【东方锅炉】扁钢\δ9 №4\15CrMo\99N2132-1-1\660MW超临界机组</t>
  </si>
  <si>
    <t>【东方锅炉】冷端蓄热元件\EH1050/0.8\搪瓷\269YR12-0/№5</t>
  </si>
  <si>
    <t>【东方锅炉】管子\φ57×9\15CrMoG\99N2132-2-1\660MW超临界机组</t>
  </si>
  <si>
    <t>【东方锅炉】钢板\δ10\15CrMo\99N2132-2-2\660MW超临界机组</t>
  </si>
  <si>
    <t>【东方锅炉】钢板\δ10\15CrMo\99N2132-2-3\660MW超临界机组</t>
  </si>
  <si>
    <t>【东方锅炉】钢板\δ10\15CrMo\99N2132-2-4\660MW超临界机组</t>
  </si>
  <si>
    <t>【东方锅炉】钢板\δ10 №1\15CrMo\99N2132-2-5\660MW超临界机组</t>
  </si>
  <si>
    <t>【东方锅炉】钢板\δ10\15CrMo\99N2132-2-6\660MW超临界机组</t>
  </si>
  <si>
    <t>【东方锅炉】钢板\δ10\15CrMo\99N2132-2-7\660MW超临界机组</t>
  </si>
  <si>
    <t>【东方锅炉】钢板\δ10\15CrMo\99N2132-2-8\660MW超临界机组</t>
  </si>
  <si>
    <t>【东方锅炉】钢板\δ10\12Cr1MoV\99N2132-2-9\660MW超临界机组</t>
  </si>
  <si>
    <t>【东方锅炉】扁钢\δ9 №5\15CrMo\99N2132-1-1\660MW超临界机组</t>
  </si>
  <si>
    <t>【东方锅炉】钢板\δ10\15CrMo\99N2132-3-1\660MW超临界机组</t>
  </si>
  <si>
    <t>【东方锅炉】钢板\δ10\15CrMo\99N2132-3-2\660MW超临界机组</t>
  </si>
  <si>
    <t>【东方锅炉】钢板\δ10\15CrMo\99N2132-3-3\660MW超临界机组</t>
  </si>
  <si>
    <t>【东方锅炉】扁钢\δ9 №6\15CrMo\99N2132-1-1\660MW超临界机组</t>
  </si>
  <si>
    <t>【东方锅炉】扁钢\δ9 №7\15CrMo\99N2132-1-1\660MW超临界机组</t>
  </si>
  <si>
    <t>【东方锅炉】冷端蓄热元件\FH1050/0.8\搪瓷\269YR12-0/№6</t>
  </si>
  <si>
    <t>【东方锅炉】管子\φ57×9\15CrMoG\99N2132-6-1\660MW超临界机组</t>
  </si>
  <si>
    <t>【东方锅炉】钢板\δ10 №4\15CrMo\99N2132-2-5\660MW超临界机组</t>
  </si>
  <si>
    <t>【东方锅炉】钢板\δ10 №1\15CrMo\99N2132-6-2\660MW超临界机组</t>
  </si>
  <si>
    <t>【东方锅炉】扁钢\δ9 №8\15CrMo\99N2132-1-1\660MW超临界机组</t>
  </si>
  <si>
    <t>【东方锅炉】扁钢\δ9\15CrMo\99N2132-8-1\660MW超临界机组</t>
  </si>
  <si>
    <t>【东方锅炉】钢板\δ10 №1\15CrMo\99N2132-10-1\660MW超临界机组</t>
  </si>
  <si>
    <t>【东方锅炉】扁钢\δ9 №9\15CrMo\99N2132-1-1\660MW超临界机组</t>
  </si>
  <si>
    <t>【东方锅炉】钢板\δ10 №2\15CrMo\99N2132-6-2\660MW超临界机组</t>
  </si>
  <si>
    <t>【东方锅炉】扁钢\δ9 №10\15CrMo\99N2132-1-1\660MW超临界机组</t>
  </si>
  <si>
    <t>【东方锅炉】钢板\δ10 №3\15CrMo\99N2132-6-2\660MW超临界机组</t>
  </si>
  <si>
    <t>【东方锅炉】钢板\δ10 №6\15CrMo\99N2132-6-2\660MW超临界机组</t>
  </si>
  <si>
    <t>【东方锅炉】钢板\δ10 №3\15CrMo\99N2132-2-5\660MW超临界机组</t>
  </si>
  <si>
    <t>【东方锅炉】钢板\δ10 №2\15CrMo\99N2132-2-5\660MW超临界机组</t>
  </si>
  <si>
    <t>【东方锅炉】钢板\δ10 №2\15CrMo\99N2132-10-1\660MW超临界机组</t>
  </si>
  <si>
    <t>【东方锅炉】钢板\δ10 №4\15CrMo\99N2132-6-2\660MW超临界机组</t>
  </si>
  <si>
    <t>【东方锅炉】管子\φ63.5×10\15CrMoG\99N2132-27-1\660MW超临界机组</t>
  </si>
  <si>
    <t>【东方锅炉】管子\φ63.5×10\15CrMoG\99N2132-27-2\660MW超临界机组</t>
  </si>
  <si>
    <t>【东方锅炉】钢板\δ12\15CrMo\99N2132-27-3\660MW超临界机组</t>
  </si>
  <si>
    <t>【东方锅炉】钢板\δ12\15CrMo\99N2132-27-4\660MW超临界机组</t>
  </si>
  <si>
    <t>【东方锅炉】钢板\δ10\15CrMo\99N2132-27-5\660MW超临界机组</t>
  </si>
  <si>
    <t>【东方锅炉】钢板\δ10\15CrMo\99N2132-27-6\660MW超临界机组</t>
  </si>
  <si>
    <t>【东方锅炉】钢板\δ10\15CrMo\99N2132-27-7\660MW超临界机组</t>
  </si>
  <si>
    <t>【东方锅炉】钢板\δ10 №1\15CrMo\99N2132-27-8\660MW超临界机组</t>
  </si>
  <si>
    <t>【东方锅炉】扁钢\δ9 №1\15CrMo\99N2132-27-9\660MW超临界机组</t>
  </si>
  <si>
    <t>【东方锅炉】扁钢\δ9 №2\15CrMo\99N2132-27-9\660MW超临界机组</t>
  </si>
  <si>
    <t>【东方锅炉】扁钢\δ9 №3\15CrMo\99N2132-27-9\660MW超临界机组</t>
  </si>
  <si>
    <t>【东方锅炉】钢板\δ10\15CrMo\99N2132-27-10\660MW超临界机组</t>
  </si>
  <si>
    <t>【东方锅炉】钢板\δ10 №1\15CrMo\99N2132-27-11\660MW超临界机组</t>
  </si>
  <si>
    <t>【东方锅炉】扁钢\δ9\15CrMo\99N2132-27-12\660MW超临界机组</t>
  </si>
  <si>
    <t>【东方锅炉】密封块\δ6\20#\99N2132-27-13\660MW超临界机组</t>
  </si>
  <si>
    <t>【东方锅炉】密封块\δ6\20#\99N2132-27-14\660MW超临界机组</t>
  </si>
  <si>
    <t>【东方锅炉】管子\φ63.5×10\15CrMoG\99N2132-28-1\660MW超临界机组</t>
  </si>
  <si>
    <t>【东方锅炉】管子\φ63.5×10\15CrMoG\99N2132-28-2\660MW超临界机组</t>
  </si>
  <si>
    <t>【东方锅炉】扁钢\δ9 №4\15CrMo\99N2132-27-9\660MW超临界机组</t>
  </si>
  <si>
    <t>【东方锅炉】钢板\δ10 №2\15CrMo\99N2132-27-11\660MW超临界机组</t>
  </si>
  <si>
    <t>【东方锅炉】密封块\δ6\20#\99N2132-28-3\660MW超临界机组</t>
  </si>
  <si>
    <t>【东方锅炉】钢板\δ10 №2\15CrMo\99N2132-27-8\660MW超临界机组</t>
  </si>
  <si>
    <t>【东方锅炉】钢板\δ10\15CrMo\99N2132-28-4\660MW超临界机组</t>
  </si>
  <si>
    <t>【东方锅炉】钢板\δ10 №1\15CrMo\99N2132-28-5\660MW超临界机组</t>
  </si>
  <si>
    <t>【东方锅炉】圆弧板\δ9\15CrMoR\99N2132-28-6\660MW超临界机组</t>
  </si>
  <si>
    <t>【东方锅炉】钢板\δ10 №2\15CrMo\99N2132-28-5\660MW超临界机组</t>
  </si>
  <si>
    <t>【东方锅炉】钢板\δ10 №5\15CrMo\99N2132-6-2\660MW超临界机组</t>
  </si>
  <si>
    <t>【东方锅炉】钢板\δ12\15CrMo\99N2132-35\660MW超临界机组</t>
  </si>
  <si>
    <t>【东方锅炉】钢板\δ12\15CrMo\99N2132-36\660MW超临界机组</t>
  </si>
  <si>
    <t>【东方锅炉】密封块\δ6\20#\99N2132-37\660MW超临界机组</t>
  </si>
  <si>
    <t>【东方锅炉】吊耳\δ9\15CrMoR\99N2132-38\660MW超临界机组</t>
  </si>
  <si>
    <t>【东方锅炉】吊耳\δ9\15CrMoR\99N2132-39\660MW超临界机组</t>
  </si>
  <si>
    <t>【东方锅炉】冷端蓄热元件\GH1050/0.8\搪瓷\269YR12-0/№7</t>
  </si>
  <si>
    <t>【东方锅炉】扁钢\δ9\15CrMo\99N2132-41\660MW超临界机组</t>
  </si>
  <si>
    <t>【东方锅炉】扁钢\δ9\15CrMo\99N2132-42\660MW超临界机组</t>
  </si>
  <si>
    <t>【东方锅炉】钢板\δ19\15CrMoR\99N2132-43-1\660MW超临界机组</t>
  </si>
  <si>
    <t>【东方锅炉】钢板\δ25\15CrMoR\99N2132-44-1\660MW超临界机组</t>
  </si>
  <si>
    <t>【东方锅炉】钢板\δ19\15CrMoR\99N2132-44-2\660MW超临界机组</t>
  </si>
  <si>
    <t>【东方锅炉】钢板\δ19\15CrMoR\99N2132-45-1\660MW超临界机组</t>
  </si>
  <si>
    <t>【东方锅炉】钢板\δ19\15CrMoR\99N2132-46-1\660MW超临界机组</t>
  </si>
  <si>
    <t>【东方锅炉】冷端蓄热元件\HH1050/0.8\搪瓷\269YR12-0/№8</t>
  </si>
  <si>
    <t>【东方锅炉】扁钢\6.4×10.9\15CrMo\99N2132-0\660MW超临界机组</t>
  </si>
  <si>
    <t>【东方锅炉】冷端蓄热元件\AH1050/0.8篮框\Q355GNH\269YR12-0/№9</t>
  </si>
  <si>
    <t>【东方锅炉】圆弧板\δ9\15CrMo\99N2133-4-1\660MW超临界机组</t>
  </si>
  <si>
    <t>【东方锅炉】冷端蓄热元件\BH1050/0.8篮框\Q355GNH\269YR12-0/№10</t>
  </si>
  <si>
    <t>【东方锅炉】冷端蓄热元件\CH1050/0.8篮框\Q355GNH\269YR12-0/№11</t>
  </si>
  <si>
    <t>【东方锅炉】冷端蓄热元件\DH1050/0.8篮框\Q355GNH\269YR12-0/№12</t>
  </si>
  <si>
    <t>【东方锅炉】冷端蓄热元件\EH1050/0.8篮框\Q355GNH\269YR12-0/№13</t>
  </si>
  <si>
    <t>【东方锅炉】冷端蓄热元件\FH1050/0.8篮框\Q355GNH\269YR12-0/№14</t>
  </si>
  <si>
    <t>【东方锅炉】冷端蓄热元件\GH1050/0.8篮框\Q355GNH\269YR12-0/№15</t>
  </si>
  <si>
    <t>【东方锅炉】冷端蓄热元件\HH1050/0.8篮框\Q355GNH\269YR12-0/№16</t>
  </si>
  <si>
    <t>【东方锅炉】冷端蓄热元件\AH800\搪瓷\122YR12-0/№1</t>
  </si>
  <si>
    <t>【东方锅炉】折板\δ12 №1\15CrMoR\99N2133-17-1\660MW超临界机组</t>
  </si>
  <si>
    <t>【东方锅炉】肋板\δ9\15CrMo\99N2133-17-2\660MW超临界机组</t>
  </si>
  <si>
    <t>【东方锅炉】折板\δ12 №2\15CrMoR\99N2133-17-1\660MW超临界机组</t>
  </si>
  <si>
    <t>【东方锅炉】耳板\δ12\15CrMoR\99N2133-19\660MW超临界机组</t>
  </si>
  <si>
    <t>【东方锅炉】U型螺栓\R33.5\35\99N2133-20\660MW超临界机组</t>
  </si>
  <si>
    <t>【东方锅炉】钢板\δ10 40×50\15CrMoR\99N2133-19\660MW超临界机组</t>
  </si>
  <si>
    <t>【东方锅炉】折板\δ12 №1\15CrMoR\99N2133-21-1\660MW超临界机组</t>
  </si>
  <si>
    <t>【东方锅炉】肋板\δ9\15CrMo\99N2133-21-2\660MW超临界机组</t>
  </si>
  <si>
    <t>【东方锅炉】折板\δ12 №2\15CrMoR\99N2133-21-1\660MW超临界机组</t>
  </si>
  <si>
    <t>【东方锅炉】折板\δ12 №1\15CrMoR\99N2133-23-1\660MW超临界机组</t>
  </si>
  <si>
    <t>【东方锅炉】折板\δ12 №1\15CrMoR\99N2133-24-1\660MW超临界机组</t>
  </si>
  <si>
    <t>【东方锅炉】冷端蓄热元件\BH800\搪瓷\122YR12-0/№2</t>
  </si>
  <si>
    <t>【东方锅炉】冷端蓄热元件\CH800\搪瓷\122YR12-0/№3</t>
  </si>
  <si>
    <t>【东方锅炉】冷端蓄热元件\DH800\搪瓷\122YR12-0/№4</t>
  </si>
  <si>
    <t>【东方锅炉】冷端蓄热元件\EH800\搪瓷\122YR12-0/№5</t>
  </si>
  <si>
    <t>【东方锅炉】冷端蓄热元件\FH800\搪瓷\122YR12-0/№6</t>
  </si>
  <si>
    <t>【东方锅炉】折板\δ12 №3\15CrMoR\99N2133-17-1\660MW超临界机组</t>
  </si>
  <si>
    <t>【东方锅炉】折板\δ12 №4\15CrMoR\99N2133-17-1\660MW超临界机组</t>
  </si>
  <si>
    <t>【东方锅炉】折板\δ12 №3\15CrMoR\99N2133-21-1\660MW超临界机组</t>
  </si>
  <si>
    <t>【东方锅炉】折板\δ12 №4\15CrMoR\99N2133-21-1\660MW超临界机组</t>
  </si>
  <si>
    <t>【东方锅炉】折板\δ12 №2\15CrMoR\99N2133-23-1\660MW超临界机组</t>
  </si>
  <si>
    <t>【东方锅炉】折板\δ12 №2\15CrMoR\99N2133-24-1\660MW超临界机组</t>
  </si>
  <si>
    <t>【东方锅炉】扁钢\6.4×7\15CrMo\99N2133-0\660MW超临界机组</t>
  </si>
  <si>
    <t>【东方锅炉】管子\φ38.1×9\15CrMoG\99N2141-1-1\660MW超临界机组</t>
  </si>
  <si>
    <t>【东方锅炉】管子\φ38.1×9\15CrMoG\99N2141-1-2\660MW超临界机组</t>
  </si>
  <si>
    <t>【东方锅炉】管子\φ38.1×9\15CrMoG\99N2141-1-3\660MW超临界机组</t>
  </si>
  <si>
    <t>【东方锅炉】管子\φ38.1×9\15CrMoG\99N2141-1-4\660MW超临界机组</t>
  </si>
  <si>
    <t>【东方锅炉】冷端蓄热元件\GH800\搪瓷\122YR12-0/№7</t>
  </si>
  <si>
    <t>【东方锅炉】冷端蓄热元件\HH800\搪瓷\122YR12-0/№8</t>
  </si>
  <si>
    <t>【东方锅炉】冷端小径向密封\1mm\Q355GNH\253YR41-6-0</t>
  </si>
  <si>
    <t>【东方锅炉】冷端旁路密封\1mm\Q355GNH\205YR43</t>
  </si>
  <si>
    <t>【东方锅炉】密封块\δ6 №1\20#\99N2141-1-9\660MW超临界机组</t>
  </si>
  <si>
    <t>【东方锅炉】耳板\δ6\20#\99N2141-1-10\660MW超临界机组</t>
  </si>
  <si>
    <t>【东方锅炉】密封块\δ6\20#\99N2141-1-11\660MW超临界机组</t>
  </si>
  <si>
    <t>【东方锅炉】密封块\δ6\20#\99N2141-1-12\660MW超临界机组</t>
  </si>
  <si>
    <t>【东方锅炉】管子\φ38.1×9\15CrMoG\99N2141-3-1\660MW超临界机组</t>
  </si>
  <si>
    <t>【东方锅炉】冷端旁路密封\Q355GNH\105YR43</t>
  </si>
  <si>
    <t>【东方锅炉】冷端旁路密封\1mm\Q355GNH\193YR43-1</t>
  </si>
  <si>
    <t>【东方锅炉】密封块\δ4\15CrMo\99N2141-3-4\660MW超临界机组</t>
  </si>
  <si>
    <t>【东方锅炉】钢板\δ6 86.5×950\15CrMo\99N2133-0\660MW超临界机组</t>
  </si>
  <si>
    <t>【东方锅炉】冷端旁路密封\1mm\Q355GNH\127YR43</t>
  </si>
  <si>
    <t>【东方锅炉】冷端旁路密封\1mm\Q355GNH\276YR43-1</t>
  </si>
  <si>
    <t>【东方锅炉】钢板\δ12\15CrMo\99N2141-5-1\660MW超临界机组</t>
  </si>
  <si>
    <t>【东方锅炉】钢板\δ6 125×86.2\15CrMo\99N2133-0\660MW超临界机组</t>
  </si>
  <si>
    <t>【东方锅炉】张力板\δ60\15CrMo\99N2141-5-2\660MW超临界机组</t>
  </si>
  <si>
    <t>【东方锅炉】固定块\δ60\15CrMo\99N2141-5-3\660MW超临界机组</t>
  </si>
  <si>
    <t>【东方锅炉】塞块\δ6\15CrMo\99N2141-5-4\660MW超临界机组</t>
  </si>
  <si>
    <t>【东方锅炉】耳板\δ32\15CrMo\99N2141-5-5\660MW超临界机组</t>
  </si>
  <si>
    <t>【东方锅炉】冷端旁路密封\1mm\Q355GNH\276YR43-4</t>
  </si>
  <si>
    <t>【东方锅炉】冷端旁路密封\1mm\Q355GNH\253YR43</t>
  </si>
  <si>
    <t>【东方锅炉】冷端旁路密封\1mm\Q355GNH\199YR43-1</t>
  </si>
  <si>
    <t>【东方锅炉】管子\φ38.1×9\15CrMoG\99N2141-5-9\660MW超临界机组</t>
  </si>
  <si>
    <t>【东方锅炉】管子\φ38.1×9\15CrMoG\99N2141-6-1\660MW超临界机组</t>
  </si>
  <si>
    <t>【东方锅炉】管子\φ38.1×9\15CrMoG\99N2141-6-2\660MW超临界机组</t>
  </si>
  <si>
    <t>【东方锅炉】圆弧板\δ6\15CrMo\99N2141-6-3\660MW超临界机组</t>
  </si>
  <si>
    <t>【东方锅炉】密封块\δ6 №1\20#\99N2141-6-4\660MW超临界机组</t>
  </si>
  <si>
    <t>【东方锅炉】钢板\δ6 №1\20#\99N2141-6-5\660MW超临界机组</t>
  </si>
  <si>
    <t>【东方锅炉】钢板\δ10 №1\15CrMo\99N2141-6-6\660MW超临界机组</t>
  </si>
  <si>
    <t>【东方锅炉】钢板\δ4\15CrMo\99N2141-6-7\660MW超临界机组</t>
  </si>
  <si>
    <t>【东方锅炉】钢板\δ4\15CrMo\99N2141-6-8\660MW超临界机组</t>
  </si>
  <si>
    <t>【东方锅炉】扁钢\δ6.4\15CrMo\99N2141-6-9\660MW超临界机组</t>
  </si>
  <si>
    <t>【东方锅炉】扁钢\δ6.4\15CrMo\99N2141-6-10\660MW超临界机组</t>
  </si>
  <si>
    <t>【东方锅炉】密封块\δ6 №2\20#\99N2141-6-4\660MW超临界机组</t>
  </si>
  <si>
    <t>【东方锅炉】管子\φ38.1×9\15CrMoG\99N2141-8-1\660MW超临界机组</t>
  </si>
  <si>
    <t>【东方锅炉】钢板\δ6 №2\20#\99N2141-6-5\660MW超临界机组</t>
  </si>
  <si>
    <t>【东方锅炉】钢板\δ10 №2\15CrMo\99N2141-6-6\660MW超临界机组</t>
  </si>
  <si>
    <t>【东方锅炉】钢板\δ6 №3\20#\99N2141-6-5\660MW超临界机组</t>
  </si>
  <si>
    <t>【东方锅炉】圆弧板\δ6\15CrMo\99N2141-9-1\660MW超临界机组</t>
  </si>
  <si>
    <t>【东方锅炉】冷端旁路密封\Q355GNH\35YR43-1/№1</t>
  </si>
  <si>
    <t>【东方锅炉】冷端旁路密封\Q355GNH\35YR43-1/№2</t>
  </si>
  <si>
    <t>【东方锅炉】冷端旁路密封\Q355GNH\31YR43-1</t>
  </si>
  <si>
    <t>【东方锅炉】密封块\δ6 №2\20#\99N2141-1-9\660MW超临界机组</t>
  </si>
  <si>
    <t>【东方锅炉】冷端旁路密封\1mm\Q355GNH\89YR43/№2</t>
  </si>
  <si>
    <t>【东方锅炉】冷端旁路密封\Q355GNH\28YR43-1/№1</t>
  </si>
  <si>
    <t>【东方锅炉】扁钢\6.4×45.3\15CrMo\99N2141-0\660MW超临界机组</t>
  </si>
  <si>
    <t>【东方锅炉】钢板\δ6\15CrMo\99N2141-16\660MW超临界机组</t>
  </si>
  <si>
    <t>【东方锅炉】扁钢\δ6.4\15CrMo\99N2141-17\660MW超临界机组</t>
  </si>
  <si>
    <t>【东方锅炉】钢板\δ6\20#\99N2141-18\660MW超临界机组</t>
  </si>
  <si>
    <t>【东方锅炉】钢板\δ6\20#\99N2141-19\660MW超临界机组</t>
  </si>
  <si>
    <t>【东方锅炉】冷端旁路密封\1mm\Q355GNH\89YR43/№4</t>
  </si>
  <si>
    <t>【东方锅炉】钢板\δ6 100×168.8\15CrMo\99N2141-0\660MW超临界机组</t>
  </si>
  <si>
    <t>【东方锅炉】钢板\δ6 30×168.8\15CrMo\99N2141-0\660MW超临界机组</t>
  </si>
  <si>
    <t>【东方锅炉】钢板\δ6 58.2×330\15CrMo\99N2141-0\660MW超临界机组</t>
  </si>
  <si>
    <t>【东方锅炉】冷端旁路密封\Q355GNH\28YR43-1/№2</t>
  </si>
  <si>
    <t>【东方锅炉】耳板\δ6\20#\99N2142-1-1\660MW超临界机组</t>
  </si>
  <si>
    <t>【东方锅炉】钢板\δ6 №1\20#\99N2142-1-2\660MW超临界机组</t>
  </si>
  <si>
    <t>【东方锅炉】管子\φ38.1×9\15CrMoG\99N2142-1-3\660MW超临界机组</t>
  </si>
  <si>
    <t>【东方锅炉】钢板\δ6 №1\15CrMo\99N2142-1-4\660MW超临界机组</t>
  </si>
  <si>
    <t>【东方锅炉】冷端旁路密封\1mm\Q355GNH\136YR43/№2</t>
  </si>
  <si>
    <t>【东方锅炉】测点块\δ4\15CrMo\99N2142-1-6\660MW超临界机组</t>
  </si>
  <si>
    <t>【东方锅炉】钢板\δ6 №2\15CrMo\99N2142-1-4\660MW超临界机组</t>
  </si>
  <si>
    <t>【东方锅炉】钢板\δ6 №2\20#\99N2142-1-2\660MW超临界机组</t>
  </si>
  <si>
    <t>【东方锅炉】钢板\δ20 19×50\20#\99N2141-0\660MW超临界机组</t>
  </si>
  <si>
    <t>【东方锅炉】钢板\δ6 №3\20#\99N2142-1-2\660MW超临界机组</t>
  </si>
  <si>
    <t>【东方锅炉】张力板\δ60\15CrMo\99N2142-5-1\660MW超临界机组</t>
  </si>
  <si>
    <t>【东方锅炉】管子\φ38.1×9\15CrMoG\99N2142-8-1\660MW超临界机组</t>
  </si>
  <si>
    <t>【东方锅炉】管子\φ38.1×9\15CrMoG\99N2142-10-1\660MW超临界机组</t>
  </si>
  <si>
    <t>【东方锅炉】钢板\δ6 №1\15CrMo\99N2142-19\660MW超临界机组</t>
  </si>
  <si>
    <t>【东方锅炉】钢板\δ6\20#\99N2142-20\660MW超临界机组</t>
  </si>
  <si>
    <t>【东方锅炉】钢板\δ6\20#\99N2142-21\660MW超临界机组</t>
  </si>
  <si>
    <t>【东方锅炉】扁钢\δ6.4 №1\15CrMo\99N2142-22\660MW超临界机组</t>
  </si>
  <si>
    <t>【东方锅炉】扁钢\δ6.4 №2\15CrMo\99N2142-22\660MW超临界机组</t>
  </si>
  <si>
    <t>【东方锅炉】冷端旁路密封\1mm\Q355GNH\169YR43-1</t>
  </si>
  <si>
    <t>【东方锅炉】钢板\δ6 №2\15CrMo\99N2142-19\660MW超临界机组</t>
  </si>
  <si>
    <t>【东方锅炉】扁钢\6.4×37.4\15CrMo\99N2142-0\660MW超临界机组</t>
  </si>
  <si>
    <t>【东方锅炉】密封块\δ6 №2\15CrMo\99N2143-1-1\660MW超临界机组</t>
  </si>
  <si>
    <t>【东方锅炉】密封块\δ6 №1\15CrMo\99N2143-1-2\660MW超临界机组</t>
  </si>
  <si>
    <t>【东方锅炉】密封块\δ6 №2\15CrMo\99N2143-1-2\660MW超临界机组</t>
  </si>
  <si>
    <t>【东方锅炉】耳板\δ6 №1\20#\99N2143-1-3\660MW超临界机组</t>
  </si>
  <si>
    <t>【东方锅炉】管子\φ31.8×9 №1\15CrMoG\99N2146-1-2\660MW超临界机组</t>
  </si>
  <si>
    <t>【东方锅炉】管子\φ34×8\15CrMoG\99N2143-1-4\660MW超临界机组</t>
  </si>
  <si>
    <t>【东方锅炉】管子\φ34×8\15CrMoG\99N2143-1-5\660MW超临界机组</t>
  </si>
  <si>
    <t>【东方锅炉】测点块\δ4\15CrMo\99N2143-1-6\660MW超临界机组</t>
  </si>
  <si>
    <t>【东方锅炉】密封块\δ6 №3\15CrMo\99N2143-1-2\660MW超临界机组</t>
  </si>
  <si>
    <t>【东方锅炉】密封块\δ6 №4\15CrMo\99N2143-1-2\660MW超临界机组</t>
  </si>
  <si>
    <t>【东方锅炉】密封块\δ6 №1\20#\99N2143-5-1\660MW超临界机组</t>
  </si>
  <si>
    <t>【东方锅炉】密封块\δ6 №2\20#\99N2143-5-1\660MW超临界机组</t>
  </si>
  <si>
    <t>【东方锅炉】密封块\δ6 №3\20#\99N2143-5-1\660MW超临界机组</t>
  </si>
  <si>
    <t>【东方锅炉】钢板\δ6 №1\20#\99N2143-5-2\660MW超临界机组</t>
  </si>
  <si>
    <t>【东方锅炉】冷端旁路密封\43YR43-1\Q355GNH\43YR43-1</t>
  </si>
  <si>
    <t>【东方锅炉】钢板\δ6 №2\20#\99N2143-5-2\660MW超临界机组</t>
  </si>
  <si>
    <t>【东方锅炉】钢板\δ6 №3\20#\99N2143-5-2\660MW超临界机组</t>
  </si>
  <si>
    <t>【东方锅炉】钢板\δ6\20#\99N2143-5-3\660MW超临界机组</t>
  </si>
  <si>
    <t>【东方锅炉】密封块\δ4 №1\15CrMo\TGN11517\660MW超临界机组</t>
  </si>
  <si>
    <t>【东方锅炉】塞块\δ6\15CrMo\99N2143-6-1\660MW超临界机组</t>
  </si>
  <si>
    <t>【东方锅炉】耳板\δ32\15CrMo\99N2143-6-2\660MW超临界机组</t>
  </si>
  <si>
    <t>【东方锅炉】张力板\δ60 №1\15CrMo\99N2143-6-3\660MW超临界机组</t>
  </si>
  <si>
    <t>【东方锅炉】固定块\δ60\15CrMo\99N2143-6-4\660MW超临界机组</t>
  </si>
  <si>
    <t>【东方锅炉】耳板\δ6 №2\20#\99N2143-1-3\660MW超临界机组</t>
  </si>
  <si>
    <t>【东方锅炉】扁钢\δ6.4\15CrMo\99N2143-6-5\660MW超临界机组</t>
  </si>
  <si>
    <t>【东方锅炉】张力板\δ60 №2\15CrMo\99N2143-6-3\660MW超临界机组</t>
  </si>
  <si>
    <t>【东方锅炉】管子\φ34×8\15CrMoG\99N2143-6-6\660MW超临界机组</t>
  </si>
  <si>
    <t>【东方锅炉】管子\φ34×8\15CrMoG\99N2143-6-7\660MW超临界机组</t>
  </si>
  <si>
    <t>【东方锅炉】冷端旁路密封\1mm\Q355GNH\57YR43-1</t>
  </si>
  <si>
    <t>【东方锅炉】冷端旁路密封\№19\Q355GNH\158YR/№20</t>
  </si>
  <si>
    <t>【东方锅炉】冷端旁路密封\№19\Q355GNH\158YR/№21</t>
  </si>
  <si>
    <t>【东方锅炉】管子\φ34×8\15CrMoG\99N2143-6-11\660MW超临界机组</t>
  </si>
  <si>
    <t>【东方锅炉】管子\φ34×8\15CrMoG\99N2143-6-12\660MW超临界机组</t>
  </si>
  <si>
    <t>【东方锅炉】冷端旁路密封\1mm\Q355GNH\110YR43/№2</t>
  </si>
  <si>
    <t>【东方锅炉】冷端旁路密封\63YR43-1\Q355GNH\63YR43-1</t>
  </si>
  <si>
    <t>【东方锅炉】冷端旁路密封\1mm\Q355GNH\142YR43-1</t>
  </si>
  <si>
    <t>【东方锅炉】人孔\d550 L1/L2=1390/414.3\装配件\99N2143-6-13\660MW超临界机组</t>
  </si>
  <si>
    <t>【东方锅炉】冷端旁路密封\1mm\Q355GNH\120YR43/№2</t>
  </si>
  <si>
    <t>【东方锅炉】冷端旁路密封\Q355GNH\290YR43-2</t>
  </si>
  <si>
    <t>【东方锅炉】冷端旁路密封\Q355GNH\290YR43-1</t>
  </si>
  <si>
    <t>【东方锅炉】冷端旁路密封\Q355GNH\178YR43-2</t>
  </si>
  <si>
    <t>【东方锅炉】冷端旁路密封\Q355GNH\193YR43-1</t>
  </si>
  <si>
    <t>【东方锅炉】冷端旁路密封\1mm\Q355GNH\122YR43/№2</t>
  </si>
  <si>
    <t>【东方锅炉】冷端旁路密封\59YR43-1\Q355GNH\59YR43-1</t>
  </si>
  <si>
    <t>【东方锅炉】冷端径向密封\1mm\Q355GNH\205YR41-0 No.4</t>
  </si>
  <si>
    <t>【东方锅炉】冷端径向密封\1.5mm\Q355GNH\205YR41-0 No.5</t>
  </si>
  <si>
    <t>【东方锅炉】冷端径向密封\1mm\Q355GNH\105YR41-0 No.4</t>
  </si>
  <si>
    <t>【东方锅炉】人孔\d550 L1/L2=1390/414.3\装配件\99N2143-6-23\660MW超临界机组</t>
  </si>
  <si>
    <t>【东方锅炉】管子\φ34×8\15CrMoG\99N2143-7-1\660MW超临界机组</t>
  </si>
  <si>
    <t>【东方锅炉】管子\φ34×8\15CrMoG\99N2143-7-2\660MW超临界机组</t>
  </si>
  <si>
    <t>【东方锅炉】管子\φ34×8\15CrMoG\99N2143-7-3\660MW超临界机组</t>
  </si>
  <si>
    <t>【东方锅炉】管子\φ34×8\15CrMoG\99N2143-7-4\660MW超临界机组</t>
  </si>
  <si>
    <t>【东方锅炉】管子\φ34×8\15CrMoG\99N2143-7-5\660MW超临界机组</t>
  </si>
  <si>
    <t>【东方锅炉】管子\φ34×8\15CrMoG\99N2143-7-6\660MW超临界机组</t>
  </si>
  <si>
    <t>【东方锅炉】冷端径向密封\1.5mm\Q355GNH\105YR41-0 No.5</t>
  </si>
  <si>
    <t>【东方锅炉】冷端径向密封\1mm\Q355GNH\193YR41-3-0</t>
  </si>
  <si>
    <t>【东方锅炉】冷端径向密封\1.5mm\Q355GNH\193YR41-4-0</t>
  </si>
  <si>
    <t>【东方锅炉】冷端径向密封\1mm\Q355GNH\127YR41-1-0</t>
  </si>
  <si>
    <t>【东方锅炉】冷端径向密封\1.5mm\Q355GNH\127YR41-2-0</t>
  </si>
  <si>
    <t>【东方锅炉】冷端径向密封\1mm\Q355GNH\276YR41-2-0</t>
  </si>
  <si>
    <t>【东方锅炉】冷端径向密封\1.5mm\Q355GNH\276YR41-2-0</t>
  </si>
  <si>
    <t>【东方锅炉】冷端径向密封\1mm\Q355GNH\253YR41-4-0</t>
  </si>
  <si>
    <t>【东方锅炉】冷端径向密封\1.5mm\Q355GNH\253YR41-5-0</t>
  </si>
  <si>
    <t>【东方锅炉】冷端径向密封\1mm\Q355GNH\169YR41-3-0</t>
  </si>
  <si>
    <t>【东方锅炉】冷端径向密封\1.5mm\Q355GNH\169YR41-4-0</t>
  </si>
  <si>
    <t>【东方锅炉】冷端径向密封\1.5mm\Q355GNH\31YR41-0/№2</t>
  </si>
  <si>
    <t>【东方锅炉】冷端径向密封\1.5mm\Q355GNH\31YR41-0/№4</t>
  </si>
  <si>
    <t>【东方锅炉】冷端径向密封\1.5mm\Q355GNH\199YR41-0/№2</t>
  </si>
  <si>
    <t>【东方锅炉】冷端径向密封\1.5mm\Q355GNH\31YR41-0/№7</t>
  </si>
  <si>
    <t>【东方锅炉】冷端径向密封\1mm\Q355GNH\89YR41/№3</t>
  </si>
  <si>
    <t>【东方锅炉】冷端径向密封\1.5mm\Q355GNH\89YR41/№4</t>
  </si>
  <si>
    <t>【东方锅炉】扁钢\δ6.4\15CrMo\99N2143-11\660MW超临界机组</t>
  </si>
  <si>
    <t>【东方锅炉】钢板\δ6\12Cr1MoV\99N2143-12\660MW超临界机组</t>
  </si>
  <si>
    <t>【东方锅炉】冷端径向密封\1.5mm\Q355GNH\28YR41-0/№2</t>
  </si>
  <si>
    <t>【东方锅炉】冷端径向密封\1mm\Q355GNH\89YR41/№7</t>
  </si>
  <si>
    <t>【东方锅炉】扁钢\6.4×17.7\15CrMo\99N2143-0\660MW超临界机组</t>
  </si>
  <si>
    <t>【东方锅炉】冷端径向密封\1.5mm\Q355GNH\89YR41/№8</t>
  </si>
  <si>
    <t>【东方锅炉】钢板\δ6 240×400\15CrMo\99N2143-0\660MW超临界机组</t>
  </si>
  <si>
    <t>【东方锅炉】冷端径向密封\1.5mm\Q355GNH\28YR41-0/№4</t>
  </si>
  <si>
    <t>【东方锅炉】密封块\δ6 №1\15CrMo\99N2143-1-1\660MW超临界机组</t>
  </si>
  <si>
    <t>【东方锅炉】管子\φ31.8×9 №2\15CrMoG\99N2146-1-2\660MW超临界机组</t>
  </si>
  <si>
    <t>【东方锅炉】管子\φ38.1×9\15CrMoG\99N2145-1-1\660MW超临界机组</t>
  </si>
  <si>
    <t>【东方锅炉】钢板\δ6\15CrMo\99N2145-1-2\660MW超临界机组</t>
  </si>
  <si>
    <t>【东方锅炉】钢板\δ6\15CrMo\99N2145-1-3\660MW超临界机组</t>
  </si>
  <si>
    <t>【东方锅炉】钢板\δ6\15CrMo\99N2145-3-1\660MW超临界机组</t>
  </si>
  <si>
    <t>【东方锅炉】管子\φ38.1×9\15CrMoG\99N2145-4-1\660MW超临界机组</t>
  </si>
  <si>
    <t>【东方锅炉】扁钢\δ6.4\15CrMo\99N2145-4-2\660MW超临界机组</t>
  </si>
  <si>
    <t>【东方锅炉】管子\φ38.1×9\15CrMoG\99N2145-6-1\660MW超临界机组</t>
  </si>
  <si>
    <t>【东方锅炉】钢板\δ6 152×250\15CrMo\99N2145-0\660MW超临界机组</t>
  </si>
  <si>
    <t>【东方锅炉】扁钢\6.4×38.1\15CrMo\99N2145-0\660MW超临界机组</t>
  </si>
  <si>
    <t>【东方锅炉】钢板\δ6 152×30\15CrMo\99N2145-0\660MW超临界机组</t>
  </si>
  <si>
    <t>【东方锅炉】冷端径向密封\1mm\Q355GNH\136YR41/№3</t>
  </si>
  <si>
    <t>【东方锅炉】冷端径向密封\1.5mm\Q355GNH\136YR41/№4</t>
  </si>
  <si>
    <t>【东方锅炉】钢板\δ6 114×250\15CrMo\99N2145-0\660MW超临界机组</t>
  </si>
  <si>
    <t>【东方锅炉】钢板\δ6 114×30\15CrMo\99N2145-0\660MW超临界机组</t>
  </si>
  <si>
    <t>【东方锅炉】耳板\δ6\20#\99N2146-1-1\660MW超临界机组</t>
  </si>
  <si>
    <t>【东方锅炉】耳板\δ10\15CrMo\99N2146-1-3\660MW超临界机组</t>
  </si>
  <si>
    <t>【东方锅炉】密封块\δ6 №4\15CrMo\99N2146-1-4\660MW超临界机组</t>
  </si>
  <si>
    <t>【东方锅炉】密封块\δ6 №1\15CrMo\99N2146-1-4\660MW超临界机组</t>
  </si>
  <si>
    <t>【东方锅炉】密封块\δ6 №3\15CrMo\99N2146-1-4\660MW超临界机组</t>
  </si>
  <si>
    <t>【东方锅炉】密封块\δ6 №2\15CrMo\99N2146-1-4\660MW超临界机组</t>
  </si>
  <si>
    <t>【东方锅炉】钢板\δ6 65×982\20#\99N2146-0\660MW超临界机组</t>
  </si>
  <si>
    <t>【东方锅炉】钢板\δ12\20#\99N2146-1-6\660MW超临界机组</t>
  </si>
  <si>
    <t>【东方锅炉】钢板\δ12 656×630\20#\99N2146-0\660MW超临界机组</t>
  </si>
  <si>
    <t>【东方锅炉】冷端径向密封\1.5mm\Q355GNH\169YR41-5-0</t>
  </si>
  <si>
    <t>【东方锅炉】钢板\δ12 100×571.5\20#\99N2146-0\660MW超临界机组</t>
  </si>
  <si>
    <t>【东方锅炉】钢板\δ6 10×50\20#\99N2146-0\660MW超临界机组</t>
  </si>
  <si>
    <t>【东方锅炉】钢板\δ20\20#\99N2146-1-8\660MW超临界机组</t>
  </si>
  <si>
    <t>【东方锅炉】冷端径向密封\1.5mm\Q355GNH\34YR41-0/№2</t>
  </si>
  <si>
    <t>【东方锅炉】密封块\δ6 №5\15CrMo\99N2146-1-4\660MW超临界机组</t>
  </si>
  <si>
    <t>【东方锅炉】扁钢\δ10\15CrMo\99N2146-1-10\660MW超临界机组</t>
  </si>
  <si>
    <t>【东方锅炉】钢板\δ12\15CrMo\99N2146-1-11\660MW超临界机组</t>
  </si>
  <si>
    <t>【东方锅炉】钢板\δ6\20#\99N2146-1-12\660MW超临界机组</t>
  </si>
  <si>
    <t>【东方锅炉】测点块\δ4\15CrMo\99N2146-1-13\660MW超临界机组</t>
  </si>
  <si>
    <t>【东方锅炉】管子\φ31.8×9 №1\15CrMoG\99N2146-1-14\660MW超临界机组</t>
  </si>
  <si>
    <t>【东方锅炉】人孔\d550 L1/L2=1898/750\装配件\99N2146-1-15\660MW超临界机组</t>
  </si>
  <si>
    <t>【东方锅炉】管子\φ31.8×9\15CrMoG\99N2146-1-16\660MW超临界机组</t>
  </si>
  <si>
    <t>【东方锅炉】管子\φ31.8×9\15CrMoG\99N2146-1-17\660MW超临界机组</t>
  </si>
  <si>
    <t>【东方锅炉】管子\φ31.8×9\15CrMoG\99N2146-1-18\660MW超临界机组</t>
  </si>
  <si>
    <t>【东方锅炉】管子\φ31.8×9\15CrMoG\99N2146-1-19\660MW超临界机组</t>
  </si>
  <si>
    <t>【东方锅炉】管子\φ31.8×9\15CrMoG\99N2146-1-20\660MW超临界机组</t>
  </si>
  <si>
    <t>【东方锅炉】管子\φ31.8×9\15CrMoG\99N2146-1-21\660MW超临界机组</t>
  </si>
  <si>
    <t>【东方锅炉】冷端径向密封\1.5mm\Q355GNH\162YR41-0/№2</t>
  </si>
  <si>
    <t>【东方锅炉】冷端径向密封\1.5mm\Q355GNH\158YR/№17</t>
  </si>
  <si>
    <t>【东方锅炉】冷端径向密封\1mm\Q355GNH\110YR41/№3</t>
  </si>
  <si>
    <t>【东方锅炉】冷端径向密封\1.5mm\Q355GNH\110YR41/№4</t>
  </si>
  <si>
    <t>【东方锅炉】冷端径向密封\1.5mm\Q355GNH\34YR41-0/№5</t>
  </si>
  <si>
    <t>【东方锅炉】冷端径向密封\1.5mm\Q355GNH\142YR41-3-0</t>
  </si>
  <si>
    <t>【东方锅炉】冷端径向密封\1mm\Q355GNH\120YR41/№3</t>
  </si>
  <si>
    <t>【东方锅炉】冷端径向密封\1.5mm\Q355GNH\120YR41/№4</t>
  </si>
  <si>
    <t>【东方锅炉】冷端径向密封\1mm\Q355GNH\290YR41-0/№3</t>
  </si>
  <si>
    <t>【东方锅炉】冷端径向密封\1.5mm\Q355GNH\290YR41-0/№4</t>
  </si>
  <si>
    <t>【东方锅炉】冷端径向密封\1mm\Q355GNH\178YR41-2-0/№1</t>
  </si>
  <si>
    <t>【东方锅炉】冷端径向密封\1.5mm\Q355GNH\178YR41-2-0/№2</t>
  </si>
  <si>
    <t>【东方锅炉】管子\φ31.8×9 №2\15CrMoG\99N2146-1-14\660MW超临界机组</t>
  </si>
  <si>
    <t>【东方锅炉】管子\φ54×13.5\15CrMoG\99N2147-1-1\660MW超临界机组</t>
  </si>
  <si>
    <t>【东方锅炉】耳板\L=120\ZG15CrMo\99N2147-1-2\660MW超临界机组</t>
  </si>
  <si>
    <t>【东方锅炉】冷端径向密封\1mm\Q355GNH\193YR41-0/№3</t>
  </si>
  <si>
    <t>【东方锅炉】钢板\δ3\12Cr1MoV\99N2147-1-4\660MW超临界机组</t>
  </si>
  <si>
    <t>【东方锅炉】管子\φ54×13.5\15CrMoG\99N2147-2-1\660MW超临界机组</t>
  </si>
  <si>
    <t>【东方锅炉】冷端径向密封\1.5mm\Q355GNH\193YR41-0/№4</t>
  </si>
  <si>
    <t>【东方锅炉】管子\φ54×13.5/φ57×13.5\15CrMoG\99N2147-3\660MW超临界机组</t>
  </si>
  <si>
    <t>【东方锅炉】过渡管\φ57×13.5/φ63.5×10.5\15CrMoⅢ\99N2147-4-1\660MW超临界机组</t>
  </si>
  <si>
    <t>【东方锅炉】管子\φ63.5×10.5\15CrMoG\99N2147-4-0\660MW超临界机组</t>
  </si>
  <si>
    <t>【东方锅炉】U型板\L=125\SA-240GR309S\99N2147-4-2\660MW超临界机组</t>
  </si>
  <si>
    <t>【东方锅炉】管子\φ57×9.5\12Cr1MoVG\99N2147-5-1\660MW超临界机组</t>
  </si>
  <si>
    <t>【东方锅炉】U型板\L=150\12Cr1MoV\99N2147-5-2\660MW超临界机组</t>
  </si>
  <si>
    <t>【东方锅炉】钢板\δ30\12Cr1MoV\99N2147-5-3\660MW超临界机组</t>
  </si>
  <si>
    <t>【东方锅炉】冷端径向密封\1mm\Q355GNH\122YR41/№3</t>
  </si>
  <si>
    <t>【东方锅炉】钢板\δ30\12Cr1MoV\99N2147-5-5\660MW超临界机组</t>
  </si>
  <si>
    <t>【东方锅炉】钢板\δ10\12Cr1MoV\99N2147-5-6\660MW超临界机组</t>
  </si>
  <si>
    <t>【东方锅炉】管子\φ57×9.5\12Cr1MoVG\99N2147-6-1\660MW超临界机组</t>
  </si>
  <si>
    <t>【东方锅炉】管子\φ57×9.5\12Cr1MoVG\99N2147-7-1\660MW超临界机组</t>
  </si>
  <si>
    <t>【东方锅炉】管子\φ57×9.5\12Cr1MoVG\99N2147-8-1\660MW超临界机组</t>
  </si>
  <si>
    <t>【东方锅炉】钢板\δ50\12Cr1MoV\99N2147-8-2\660MW超临界机组</t>
  </si>
  <si>
    <t>【东方锅炉】冷端径向密封\1.5mm\Q355GNH\122YR41/№4</t>
  </si>
  <si>
    <t>【东方锅炉】钢板\δ50\12Cr1MoV\99N2147-8-4\660MW超临界机组</t>
  </si>
  <si>
    <t>【东方锅炉】钢板\δ12\12Cr1MoV\99N2147-8-5\660MW超临界机组</t>
  </si>
  <si>
    <t>【东方锅炉】管子\φ57×9.5\12Cr1MoVG\99N2147-9-1\660MW超临界机组</t>
  </si>
  <si>
    <t>【东方锅炉】钢板\δ40\12Cr1MoV\99N2147-11-1\660MW超临界机组</t>
  </si>
  <si>
    <t>【东方锅炉】冷端径向密封\1.5mm\Q355GNH\34YR41-0/№7</t>
  </si>
  <si>
    <t>【东方锅炉】钢板\δ40\12Cr1MoV\99N2147-11-3\660MW超临界机组</t>
  </si>
  <si>
    <t>【东方锅炉】钢板\δ10\12Cr1MoV\99N2147-11-4\660MW超临界机组</t>
  </si>
  <si>
    <t>【东方锅炉】管子\φ54×8.5\15CrMoG\99N2147-13\660MW超临界机组</t>
  </si>
  <si>
    <t>【东方锅炉】管子\φ54×8.5\15CrMoG\99N2147-14\660MW超临界机组</t>
  </si>
  <si>
    <t>【东方锅炉】管子\φ54×8.5\15CrMoG\99N2147-15\660MW超临界机组</t>
  </si>
  <si>
    <t>【东方锅炉】管子\φ54×8.5\15CrMoG\99N2147-16\660MW超临界机组</t>
  </si>
  <si>
    <t>【东方锅炉】管子\φ54×8.5\15CrMoG\99N2147-17\660MW超临界机组</t>
  </si>
  <si>
    <t>【东方锅炉】管子\φ54×8.5\15CrMoG\99N2147-18\660MW超临界机组</t>
  </si>
  <si>
    <t>【东方锅炉】管子\φ54×8.5\15CrMoG\99N2147-19\660MW超临界机组</t>
  </si>
  <si>
    <t>【东方锅炉】管子\φ54×8.5\15CrMoG\99N2147-20\660MW超临界机组</t>
  </si>
  <si>
    <t>【东方锅炉】管子\φ54×8.5\15CrMoG\99N2147-21\660MW超临界机组</t>
  </si>
  <si>
    <t>【东方锅炉】管子\φ54×8.5\15CrMoG\99N2147-22\660MW超临界机组</t>
  </si>
  <si>
    <t>【东方锅炉】管子\φ54×8.5\15CrMoG\99N2147-23\660MW超临界机组</t>
  </si>
  <si>
    <t>【东方锅炉】管子\φ54×13.5\15CrMoG\99N2147-24-1\660MW超临界机组</t>
  </si>
  <si>
    <t>【东方锅炉】管子\φ54×13.5\15CrMoG\99N2147-25-1\660MW超临界机组</t>
  </si>
  <si>
    <t>【东方锅炉】管子\φ63.5×10.5\15CrMoG\99N2147-26-0\660MW超临界机组</t>
  </si>
  <si>
    <t>【东方锅炉】U型板\L=70\SA-240GR309S\99N2147-26-1\660MW超临界机组</t>
  </si>
  <si>
    <t>【东方锅炉】管子\φ63.5×10.5\15CrMoG\99N2147-27-0\660MW超临界机组</t>
  </si>
  <si>
    <t>【东方锅炉】管子\φ57×9.5\12Cr1MoVG\99N2147-28-1\660MW超临界机组</t>
  </si>
  <si>
    <t>【东方锅炉】钢板\δ10\12Cr1MoV\99N2147-28-2\660MW超临界机组</t>
  </si>
  <si>
    <t>【东方锅炉】管子\φ57×9.5\12Cr1MoVG\99N2147-29-1\660MW超临界机组</t>
  </si>
  <si>
    <t>【东方锅炉】管子\φ57×9.5\12Cr1MoVG\99N2147-30-1\660MW超临界机组</t>
  </si>
  <si>
    <t>【东方锅炉】管子\φ57×9.5\12Cr1MoVG\99N2147-31-1\660MW超临界机组</t>
  </si>
  <si>
    <t>【东方锅炉】钢板\δ12\12Cr1MoV\99N2147-31-2\660MW超临界机组</t>
  </si>
  <si>
    <t>【东方锅炉】管子\φ57×9.5\12Cr1MoVG\99N2147-32-1\660MW超临界机组</t>
  </si>
  <si>
    <t>【东方锅炉】钢板\δ10\12Cr1MoV\99N2147-34-1\660MW超临界机组</t>
  </si>
  <si>
    <t>【东方锅炉】管子\φ54×8.5\15CrMoG\99N2147-36\660MW超临界机组</t>
  </si>
  <si>
    <t>【东方锅炉】管子\φ54×8.5\15CrMoG\99N2147-37\660MW超临界机组</t>
  </si>
  <si>
    <t>【东方锅炉】管子\φ54×8.5\15CrMoG\99N2147-38\660MW超临界机组</t>
  </si>
  <si>
    <t>【东方锅炉】管子\φ54×8.5\15CrMoG\99N2147-39\660MW超临界机组</t>
  </si>
  <si>
    <t>【东方锅炉】管子\φ54×8.5\15CrMoG\99N2147-40\660MW超临界机组</t>
  </si>
  <si>
    <t>【东方锅炉】热端蓄热元件\AH300/0.5\SPCC\47YR11-5-0</t>
  </si>
  <si>
    <t>【东方锅炉】热端蓄热元件\BH300/0.5\SPCC\47YR11-6-0</t>
  </si>
  <si>
    <t>【东方锅炉】热端蓄热元件\CH300/0.5\SPCC\47YR11-7-0</t>
  </si>
  <si>
    <t>【东方锅炉】热端蓄热元件\DH300/0.5\SPCC\47YR11-8-0</t>
  </si>
  <si>
    <t>【东方锅炉】热端蓄热元件\AH800/0.5\SPCC\47YR11-1-0</t>
  </si>
  <si>
    <t>【东方锅炉】热端蓄热元件\BH800/0.5\SPCC\47YR11-2-0</t>
  </si>
  <si>
    <t>【东方锅炉】热端蓄热元件\CH800/0.5\SPCC\47YR11-3-0</t>
  </si>
  <si>
    <t>【东方锅炉】热端蓄热元件\DH800/0.5\SPCC\47YR11-4-0</t>
  </si>
  <si>
    <t>【东方锅炉】看火孔\φ245\装配件\DG4823-2016\330MW亚临界机组</t>
  </si>
  <si>
    <t>【东方锅炉】径向密封\DH300/1.2\Q355GNH\31YR41-0/№5</t>
  </si>
  <si>
    <t>【东方锅炉】径向密封\EH300/1.2\Q355GNH\34YR41-0/№3</t>
  </si>
  <si>
    <t>【东方锅炉】角钢\∠50×50×4\Q235A\JG-21\1000MW超超临界机组</t>
  </si>
  <si>
    <t>【东方锅炉】角钢\∠75×75×5\Q235A\JG-22\1000MW超超临界机组</t>
  </si>
  <si>
    <t>【东方锅炉】角钢\∠50×50×5\Q235A\JG-23\1000MW超超临界机组</t>
  </si>
  <si>
    <t>【东方锅炉】角钢\∠100×32×3\12Cr1MoV\JG-24\1000MW超超临界机组</t>
  </si>
  <si>
    <t>【东方锅炉】角钢\∠75×50×5\Q235A\JG-25\1000MW超超临界机组</t>
  </si>
  <si>
    <t>【东方锅炉】角钢\∠63×63×6\Q235A\JG-26\300MW亚临界机组</t>
  </si>
  <si>
    <t>【东方锅炉】角钢\L63×63×6\Q235A\28M531-2-19/№2\300MW亚临界机组</t>
  </si>
  <si>
    <t>【东方锅炉】减温器混合管\φ480.8×8;L=4000\装配件\47M23-5-1/№2\300MW亚临界机组</t>
  </si>
  <si>
    <t>【东方锅炉】减温器混合管\φ89×13\12Cr1MoVR\TGA00571-1-0/№2\660MW超临界机组</t>
  </si>
  <si>
    <t>【东方锅炉】减温器\φ288.4×8;L=4350\12Cr1MoV\47M23-3-1/№1\300MW亚临界机组</t>
  </si>
  <si>
    <t>【东方锅炉】减温器\φ288.4×8;L=4350\12Cr1MoV\47M23-3-1/№2\300MW亚临界机组</t>
  </si>
  <si>
    <t>【东方锅炉】减速机\93YR52-0\装配件\93YR52-0/№1</t>
  </si>
  <si>
    <t>【东方锅炉】二次风门气动执行器检修用备件\No1\装配件\FM-40\600MW超临界机组</t>
  </si>
  <si>
    <t>【东方锅炉】三次风门和中心风门气动执行器检修用备件\No1\装配件\FM-40\600MW超临界机组</t>
  </si>
  <si>
    <t>【东方锅炉】间隙测量探头\装配件\34YR33/№1</t>
  </si>
  <si>
    <t>【东方锅炉】夹持管\φ44.5×7\SA-213TP347H\15-09137T-2\600MW亚临界机组</t>
  </si>
  <si>
    <t>【东方锅炉】集箱三通\Dw609.6×609.6×609.6\装配件\ST-21\300MW亚临界机组</t>
  </si>
  <si>
    <t>【东方锅炉】火灾报警探头\43YR82\装配件\43YR82</t>
  </si>
  <si>
    <t>【东方锅炉】环\φ353\碳化硅陶瓷\152M6121-1-2\350MW超临界机组</t>
  </si>
  <si>
    <t>【东方锅炉】环\φ267\碳化硅陶瓷\152M6121-1-3\350MW超临界机组</t>
  </si>
  <si>
    <t>【东方锅炉】环\φ395\ZG8Cr26Ni4Mn3NRe\152M6121-1-4\350MW超临界机组</t>
  </si>
  <si>
    <t>【东方锅炉】环\φ309\ZG8Cr26Ni4Mn3NRe\152M6121-1-5\350MW超临界机组</t>
  </si>
  <si>
    <t>【东方锅炉】环\φ353\碳化硅陶瓷\153M6121-1-2\350MW超临界机组</t>
  </si>
  <si>
    <t>【东方锅炉】环\φ267\碳化硅陶瓷\153M6121-1-3\350MW超临界机组</t>
  </si>
  <si>
    <t>【东方锅炉】环\φ395\ZG8Cr26Ni4Mn3NRe\153M6121-1-4\350MW超临界机组</t>
  </si>
  <si>
    <t>【东方锅炉】环\φ309\ZG8Cr26Ni4Mn3NRe\153M6121-1-5\350MW超临界机组</t>
  </si>
  <si>
    <t>【东方锅炉】环\φ740\碳化硅陶瓷\TGA00902-3\350MW超临界机组</t>
  </si>
  <si>
    <t>【东方锅炉】环\φ332\装配件\15S6121-1-2\1000MW超超临界机组</t>
  </si>
  <si>
    <t>【东方锅炉】环\φ235\碳化硅陶瓷\15S6121-1-3\1000MW超超临界机组</t>
  </si>
  <si>
    <t>【东方锅炉】环\φ332\碳化硅陶瓷\15S6121-1-4\1000MW超超临界机组</t>
  </si>
  <si>
    <t>【东方锅炉】环\φ226\ZG8Cr26Ni4Mn3NRe\15S6121-1-5\1000MW超超临界机组</t>
  </si>
  <si>
    <t>【东方锅炉】环\φ332\碳化硅陶瓷\15S6121-1-2\1000MW超超临界机组</t>
  </si>
  <si>
    <t>【东方锅炉】环\φ332\ZG8Cr26Ni4Mn3NRe\15S6121-1-4\1000MW超超临界机组</t>
  </si>
  <si>
    <t>【东方锅炉】滑动块\φ51\装配件\TG248-94\300MW亚临界机组</t>
  </si>
  <si>
    <t>【东方锅炉】滑动块\φ57\装配件\TG248-94\300MW亚临界机组</t>
  </si>
  <si>
    <t>【东方锅炉】滑动块\φ60\装配件\TG248-94/№2\300MW亚临界机组</t>
  </si>
  <si>
    <t>【东方锅炉】滑动块\φ54\装配件\TG248-94\300MW亚临界机组</t>
  </si>
  <si>
    <t>【东方锅炉】滑动块\φ38.1×7.5\装配件\TGS22005/I型\1000MW超超临界机组</t>
  </si>
  <si>
    <t>【东方锅炉】滑动块\δ6\装配件\TGS22005/I型\1000MW超超临界机组</t>
  </si>
  <si>
    <t>【东方锅炉】滑动块\φ45\ZG1Cr20Ni14Si2\26N211-1-2/№2\600MW超临界机组</t>
  </si>
  <si>
    <t>【东方锅炉】滑动块\φ45\ZG1Cr20Ni14Si2\26N215-1-2/№2\600MW超临界机组</t>
  </si>
  <si>
    <t>【东方锅炉】滑动副\80×19.5×25\ZG06Cr25Ni20\TGS22002\1000MW超超临界机组</t>
  </si>
  <si>
    <t>【东方锅炉】弧型板\δ10\12Cr1MoV\57N312-1-8\600MW超临界机组</t>
  </si>
  <si>
    <t>【东方锅炉】弧型板\δ3\12Cr1MoV\57N312-1-9\600MW超临界机组</t>
  </si>
  <si>
    <t>【东方锅炉】热端蓄热元件\AH1000/0.6\SPCC\218YR11-1-0</t>
  </si>
  <si>
    <t>【东方锅炉】热端蓄热元件\BH1000/0.6\SPCC\218YR11-2-0</t>
  </si>
  <si>
    <t>【东方锅炉】热端蓄热元件\CH1000/0.6\SPCC\218YR11-3-0</t>
  </si>
  <si>
    <t>【东方锅炉】热端蓄热元件\DH1000/0.6\SPCC\218YR11-4-0</t>
  </si>
  <si>
    <t>【东方锅炉】热端蓄热元件\EH1000/0.6\SPCC\218YR11-5-0</t>
  </si>
  <si>
    <t>【东方锅炉】热端蓄热元件\AH500/0.6\SPCC\218YR11-6-0</t>
  </si>
  <si>
    <t>【东方锅炉】热端蓄热元件\BH500/0.6\SPCC\218YR11-7-0</t>
  </si>
  <si>
    <t>【东方锅炉】热端蓄热元件\CH500/0.6\SPCC\218YR11-8-0</t>
  </si>
  <si>
    <t>【东方锅炉】热端蓄热元件\DH500/0.6\SPCC\218YR11-9-0</t>
  </si>
  <si>
    <t>【东方锅炉】热端蓄热元件\EH500/0.6\SPCC\218YR11-10-0</t>
  </si>
  <si>
    <t>【东方锅炉】弧型板\δ6\12Cr1MoV\57N312-1-10\600MW超临界机组</t>
  </si>
  <si>
    <t>【东方锅炉】弧型板\δ6 №1\12Cr1MoV\29J1122-1-21\135MW超高压CFB机组</t>
  </si>
  <si>
    <t>【东方锅炉】弧型板\δ6 №2\12Cr1MoV\29J1122-1-21\135MW超高压CFB机组</t>
  </si>
  <si>
    <t>【东方锅炉】弧型板\δ6 №3\12Cr1MoV\29J1122-1-21\135MW超高压CFB机组</t>
  </si>
  <si>
    <t>【东方锅炉】弧型板\δ12\12Cr1MoV\99N2147-71-3\660MW超临界机组</t>
  </si>
  <si>
    <t>【东方锅炉】热端蓄热元件\AH1000/0.5\SPCC\259YR11-1-0</t>
  </si>
  <si>
    <t>【东方锅炉】热端蓄热元件\BH1000/0.5\SPCC\259YR11-2-0</t>
  </si>
  <si>
    <t>【东方锅炉】热端蓄热元件\CH1000/0.5\SPCC\259YR11-3-0</t>
  </si>
  <si>
    <t>【东方锅炉】热端蓄热元件\DH1000/0.5\SPCC\259YR11-4-0</t>
  </si>
  <si>
    <t>【东方锅炉】热端蓄热元件\EH1000/0.5\SPCC\259YR11-5-0</t>
  </si>
  <si>
    <t>【东方锅炉】热端蓄热元件\AH800/0.5\SPCC\59YR11-1-0</t>
  </si>
  <si>
    <t>【东方锅炉】热端蓄热元件\BH800/0.5\SPCC\59YR11-2-0</t>
  </si>
  <si>
    <t>【东方锅炉】热端蓄热元件\CH800/0.5\SPCC\59YR11-3-0</t>
  </si>
  <si>
    <t>【东方锅炉】热端蓄热元件\DH800/0.5\SPCC\59YR11-4-0</t>
  </si>
  <si>
    <t>【东方锅炉】热端蓄热元件\EH800/0.5\SPCC\59YR11-5-0</t>
  </si>
  <si>
    <t>【东方锅炉】弧型板\δ12\12Cr1MoV\99N2147-74-3\660MW超临界机组</t>
  </si>
  <si>
    <t>【东方锅炉】弧型板\δ12\12Cr1MoV\99N2147-77-2\660MW超临界机组</t>
  </si>
  <si>
    <t>【东方锅炉】弧型板\δ6\12Cr1MoV\99N2211-1-11\660MW超临界机组</t>
  </si>
  <si>
    <t>【东方锅炉】弧型板\δ10\12Cr1MoV\99N2212-1-9\660MW超临界机组</t>
  </si>
  <si>
    <t>【东方锅炉】弧型板\δ3\12Cr1MoV\99N2212-2-7\660MW超临界机组</t>
  </si>
  <si>
    <t>【东方锅炉】弧型板\δ3\12Cr1MoV\99N2214-1-8\660MW超临界机组</t>
  </si>
  <si>
    <t>【东方锅炉】弧型板\δ4\12Cr1MoV\99N2214-2-1\660MW超临界机组</t>
  </si>
  <si>
    <t>【东方锅炉】弧型板\δ10\12Cr1MoV\23S2121-1-7\1000MW超超临界机组</t>
  </si>
  <si>
    <t>【东方锅炉】弧型板\δ3\12Cr18Ni9\15S2121-1-4\1000MW超超临界机组</t>
  </si>
  <si>
    <t>【东方锅炉】弧型板\δ6\12Cr18Ni9\15S2121-1-5\1000MW超超临界机组</t>
  </si>
  <si>
    <t>【东方锅炉】弧型板\δ3\12Cr18Ni9\15S2122-1-6\1000MW超超临界机组</t>
  </si>
  <si>
    <t>【东方锅炉】弧型板\δ10\12Cr18Ni9\23S2121-1-7\1000MW超超临界机组</t>
  </si>
  <si>
    <t>【东方锅炉】弧型板\δ12\12Cr1MoV\19S2124-1-3\1000MW超超临界机组</t>
  </si>
  <si>
    <t>【东方锅炉】弧型板\δ12\12Cr18Ni9\23S2124-8-3\1000MW超超临界机组</t>
  </si>
  <si>
    <t>【东方锅炉】弧型板\δ3\SA-240GR309S\23S2213-1-12\1000MW超超临界机组</t>
  </si>
  <si>
    <t>【东方锅炉】弧型板\δ6\20#\19S311-1-13\1000MW超超临界机组</t>
  </si>
  <si>
    <t>【东方锅炉】弧型板\δ3\12Cr1MoV\23S312-10-8\1000MW超超临界机组</t>
  </si>
  <si>
    <t>【东方锅炉】弧型板\δ10 №1\SA-240GR309S\22S813-27\1000MW超超临界机组</t>
  </si>
  <si>
    <t>【东方锅炉】弧型板\δ10 №2\12Cr18Ni9\22S813-27\1000MW超超临界机组</t>
  </si>
  <si>
    <t>【东方锅炉】弧型板\δ6\15CrMo\TGP00332\350MW超临界机组</t>
  </si>
  <si>
    <t>【东方锅炉】弧型板\δ30\15CrMoR\99N161-23-3\660MW超临界机组</t>
  </si>
  <si>
    <t>【东方锅炉】弧型板\δ10\12Cr1MoV\99N2121-1-10\660MW超临界机组</t>
  </si>
  <si>
    <t>【东方锅炉】弧型板\δ3\12Cr1MoV\99N2121-1-11\660MW超临界机组</t>
  </si>
  <si>
    <t>【东方锅炉】弧型板\δ3\12Cr1MoV\99N2122-1-5\660MW超临界机组</t>
  </si>
  <si>
    <t>【东方锅炉】弧型板\δ6\15CrMoR\99N2132-1-9\660MW超临界机组</t>
  </si>
  <si>
    <t>【东方锅炉】弧型板\δ9\15CrMoR\99N2132-4-1\660MW超临界机组</t>
  </si>
  <si>
    <t>【东方锅炉】弧型板\δ6\15CrMo\99N2142-1-5\660MW超临界机组</t>
  </si>
  <si>
    <t>【东方锅炉】弧型板\δ10\12Cr1MoV\99N2147-1-3\660MW超临界机组</t>
  </si>
  <si>
    <t>【东方锅炉】弧型板\δ12\12Cr1MoV\99N2147-2-2\660MW超临界机组</t>
  </si>
  <si>
    <t>【东方锅炉】弧型板\δ10\12Cr1MoV\99N2147-5-4\660MW超临界机组</t>
  </si>
  <si>
    <t>【东方锅炉】弧型板\δ10\12Cr1MoV\99N2147-8-3\660MW超临界机组</t>
  </si>
  <si>
    <t>【东方锅炉】弧型板\δ10\12Cr1MoV\99N2147-11-2\660MW超临界机组</t>
  </si>
  <si>
    <t>【东方锅炉】弧型板\δ6\12Cr1MoV\140M2212-1-8\350MW超临界机组</t>
  </si>
  <si>
    <t>【东方锅炉】弧型板\δ6\12Cr18Ni9\140M2213-1-8\350MW超临界机组</t>
  </si>
  <si>
    <t>【东方锅炉】弧型板\R26\12Cr1MoV\142M312-1-10\350MW超临界机组</t>
  </si>
  <si>
    <t>【东方锅炉】横拉管\φ51×8\SA-213T91\34N252-22-0\600MW亚临界机组</t>
  </si>
  <si>
    <t>【东方锅炉】横拉管\φ44.5×7\SA-213T91\34N252-2-0-1\600MW亚临界机组</t>
  </si>
  <si>
    <t>【东方锅炉】过滤器\294/850EF\装配件\59YR71/№3</t>
  </si>
  <si>
    <t>【东方锅炉】过滤器\294/850EF\装配件\43YR72/№3</t>
  </si>
  <si>
    <t>【东方锅炉】过渡管\25×3/57×3.5\20#\DG3223-2000\300MW亚临界机组</t>
  </si>
  <si>
    <t>【东方锅炉】过渡管\φ32×3/57×3.5\20#\DG3223-2000\150MW超高压CFB机组</t>
  </si>
  <si>
    <t>【东方锅炉】过渡管\II\20G\29J114-8-3\135MW超高压CFB机组</t>
  </si>
  <si>
    <t>【东方锅炉】过渡管\φ28×4/76×7.5\20G\DG3223-2000\150MW超高压CFB机组</t>
  </si>
  <si>
    <t>【东方锅炉】过渡管\57×3.5/89×4.5\20G\DG3223-2000\1000MW超超临界机组</t>
  </si>
  <si>
    <t>【东方锅炉】过渡管\89×4.5/133×6\20#\DG3223-2000\1000MW超超临界机组</t>
  </si>
  <si>
    <t>【东方锅炉】过渡管\57×3.5/89×4.5\20#\DG3223-2000\1000MW超超临界机组</t>
  </si>
  <si>
    <t>【东方锅炉】过渡管\38×3.5/57×3.5\20#\DG3223-2000\1000MW超超临界机组</t>
  </si>
  <si>
    <t>【东方锅炉】过渡管\455×42.7/φ609.6×82.3\装配件\GDG-21\300MW亚临界机组</t>
  </si>
  <si>
    <t>【东方锅炉】过渡管\φ89×4.5/57×3.5\20#\DG3223-2000\300MW亚临界机组</t>
  </si>
  <si>
    <t>【东方锅炉】过渡管\φ108×4.5/89×4.5\20#\DG3223-2000\300MW亚临界机组</t>
  </si>
  <si>
    <t>【东方锅炉】过渡管\φ57×3.5/32×3\20#\DG3223-2000\300MW亚临界机组</t>
  </si>
  <si>
    <t>【东方锅炉】过渡管\φ76.1×8/φ63.5×8\SA-213T91\66M2172-1-9\300MW亚临界机组</t>
  </si>
  <si>
    <t>【东方锅炉】过渡管\φ63.5×10/φ57×9\SA-213T91\66M2172-1-15\300MW亚临界机组</t>
  </si>
  <si>
    <t>【东方锅炉】过渡管\φ76.1×4.5/φ63.5×4.5\SA-213T91\66M223-1-15\300MW亚临界机组</t>
  </si>
  <si>
    <t>【东方锅炉】过渡管\φ76×9 /φ133×16\15CrMo\38M1143-1-4/№2\300MW亚临界机组</t>
  </si>
  <si>
    <t>【东方锅炉】锅炉铭牌\50×50×5\装配件\56N981-15-0\600MW超临界机组</t>
  </si>
  <si>
    <t>【东方锅炉】管组\φ38.1×7.5\SA-213T2\TGA00613\660MW超临界机组</t>
  </si>
  <si>
    <t>【东方锅炉】管组\φ38.1×7.5\SA-213T2\TGN11530\660MW超临界机组</t>
  </si>
  <si>
    <t>【东方锅炉】管组\φ38.1×7.5\SA-213T2\TGN11534\660MW超临界机组</t>
  </si>
  <si>
    <t>【东方锅炉】管子\φ63.5×7\SA-210C\89M2145-4-3\300MW亚临界CFB机组</t>
  </si>
  <si>
    <t>【东方锅炉】管子\φ63.5×7\SA-210C\89M2145-4-6\300MW亚临界CFB机组</t>
  </si>
  <si>
    <t>【东方锅炉】热端蓄热元件\AH1150/0.5\SPCC\256YR11-1-0</t>
  </si>
  <si>
    <t>【东方锅炉】热端蓄热元件\BH1150/0.5\SPCC\256YR11-2-0</t>
  </si>
  <si>
    <t>【东方锅炉】热端蓄热元件\CH1150/0.5\SPCC\256YR11-3-0</t>
  </si>
  <si>
    <t>【东方锅炉】热端蓄热元件\DH1150/0.5\SPCC\256YR11-4-0</t>
  </si>
  <si>
    <t>【东方锅炉】热端蓄热元件\EH1150/0.5\SPCC\256YR11-5-0</t>
  </si>
  <si>
    <t>【东方锅炉】热端蓄热元件\FH1150/0.5\SPCC\256YR11-6-0</t>
  </si>
  <si>
    <t>【东方锅炉】热端蓄热元件\GH1150/0.5\SPCC\256YR11-7-0</t>
  </si>
  <si>
    <t>【东方锅炉】热端蓄热元件\HH1150/0.5\SPCC\256YR11-8-0</t>
  </si>
  <si>
    <t>【东方锅炉】管子\φ60×8\15CrMoG\20S1112-1-5\1000MW超超临界机组</t>
  </si>
  <si>
    <t>【东方锅炉】管子\φ60×8\12Cr1MoVG\23S1112-5-11\1000MW超超临界机组</t>
  </si>
  <si>
    <t>【东方锅炉】管子\φ45×7.5\SA-213T91\26S211-1-1\1052MW超超临界机组</t>
  </si>
  <si>
    <t>【东方锅炉】管子\φ45×7 L=10433.4\SA-213S30432\26S211-1-1\1052MW超超临界机组</t>
  </si>
  <si>
    <t>【东方锅炉】管子\φ45×13 L=200\SA-213TP310HCbN\26S211-1-1\1052MW超超临界机组</t>
  </si>
  <si>
    <t>【东方锅炉】管子\φ45×13 L=646\SA-213T92\26S211-1-1\1052MW超超临界机组</t>
  </si>
  <si>
    <t>【东方锅炉】管子\φ45×7.5\SA-213T91\26S211-1-2\1052MW超超临界机组</t>
  </si>
  <si>
    <t>【东方锅炉】管子\φ45×7 L=10433.4\SA-213S30432\26S211-1-2\1052MW超超临界机组</t>
  </si>
  <si>
    <t>【东方锅炉】管子\φ45×13 L=200\SA-213TP310HCbN\26S211-1-2\1052MW超超临界机组</t>
  </si>
  <si>
    <t>【东方锅炉】管子\φ45×13 L=646\SA-213T92\26S211-1-2\1052MW超超临界机组</t>
  </si>
  <si>
    <t>【东方锅炉】管子\φ45×7.5\SA-213T91\26S211-1-3\1052MW超超临界机组</t>
  </si>
  <si>
    <t>【东方锅炉】管子\φ45×7 L=10433.4\SA-213S30432\26S211-1-3\1052MW超超临界机组</t>
  </si>
  <si>
    <t>【东方锅炉】管子\φ45×13 L=200\SA-213TP310HCbN\26S211-1-3\1052MW超超临界机组</t>
  </si>
  <si>
    <t>【东方锅炉】管子\φ45×13 L=646\SA-213T92\26S211-1-3\1052MW超超临界机组</t>
  </si>
  <si>
    <t>【东方锅炉】管子\φ45×7.5\SA-213T91\26S211-1-4\1052MW超超临界机组</t>
  </si>
  <si>
    <t>【东方锅炉】管子\φ45×7 L=10433.4\SA-213S30432\26S211-1-4\1052MW超超临界机组</t>
  </si>
  <si>
    <t>【东方锅炉】管子\φ45×13 L=200\SA-213TP310HCbN\26S211-1-4\1052MW超超临界机组</t>
  </si>
  <si>
    <t>【东方锅炉】管子\φ45×13 L=646\SA-213T92\26S211-1-4\1052MW超超临界机组</t>
  </si>
  <si>
    <t>【东方锅炉】管子\φ45×7.5\SA-213T91\26S211-1-5\1052MW超超临界机组</t>
  </si>
  <si>
    <t>【东方锅炉】管子\φ45×7 L=10433.4\SA-213S30432\26S211-1-5\1052MW超超临界机组</t>
  </si>
  <si>
    <t>【东方锅炉】冷端蓄热元件\AH1000\搪瓷\197YR12-0</t>
  </si>
  <si>
    <t>【东方锅炉】冷端蓄热元件\BH1000\搪瓷\197YR12-0</t>
  </si>
  <si>
    <t>【东方锅炉】冷端蓄热元件\CH1000\搪瓷\197YR12-0</t>
  </si>
  <si>
    <t>【东方锅炉】冷端蓄热元件\DH1000\搪瓷\197YR12-0</t>
  </si>
  <si>
    <t>【东方锅炉】管子\φ45×13 L=200\SA-213TP310HCbN\26S211-1-5\1052MW超超临界机组</t>
  </si>
  <si>
    <t>【东方锅炉】管子\φ45×13 L=646\SA-213T92\26S211-1-5\1052MW超超临界机组</t>
  </si>
  <si>
    <t>【东方锅炉】管子\φ45×7.5\SA-213T91\26S211-1-6\1052MW超超临界机组</t>
  </si>
  <si>
    <t>【东方锅炉】管子\φ45×7 L=10433.4\SA-213S30432\26S211-1-6\1052MW超超临界机组</t>
  </si>
  <si>
    <t>【东方锅炉】管子\φ45×13 L=200\SA-213TP310HCbN\26S211-1-6\1052MW超超临界机组</t>
  </si>
  <si>
    <t>【东方锅炉】管子\φ45×13 L=646\SA-213T92\26S211-1-6\1052MW超超临界机组</t>
  </si>
  <si>
    <t>【东方锅炉】管子\φ45×7.5\SA-213T91\26S211-1-7\1052MW超超临界机组</t>
  </si>
  <si>
    <t>【东方锅炉】管子\φ45×7 L=10433.4\SA-213S30432\26S211-1-7\1052MW超超临界机组</t>
  </si>
  <si>
    <t>【东方锅炉】管子\φ45×13 L=200\SA-213TP310HCbN\26S211-1-7\1052MW超超临界机组</t>
  </si>
  <si>
    <t>【东方锅炉】管子\φ45×13 L=646\SA-213T92\26S211-1-7\1052MW超超临界机组</t>
  </si>
  <si>
    <t>【东方锅炉】管子\φ45×7.5\SA-213T91\26S211-1-8\1052MW超超临界机组</t>
  </si>
  <si>
    <t>【东方锅炉】管子\φ45×7 L=10433.4\SA-213S30432\26S211-1-8\1052MW超超临界机组</t>
  </si>
  <si>
    <t>【东方锅炉】管子\φ45×13 L=200\SA-213TP310HCbN\26S211-1-8\1052MW超超临界机组</t>
  </si>
  <si>
    <t>【东方锅炉】管子\φ45×13 L=646\SA-213T92\26S211-1-8\1052MW超超临界机组</t>
  </si>
  <si>
    <t>【东方锅炉】管子\φ45×7.5\SA-213T91\26S211-1-9\1052MW超超临界机组</t>
  </si>
  <si>
    <t>【东方锅炉】管子\φ45×7 L=10433.4\SA-213S30432\26S211-1-9\1052MW超超临界机组</t>
  </si>
  <si>
    <t>【东方锅炉】管子\φ45×13 L=200\SA-213TP310HCbN\26S211-1-9\1052MW超超临界机组</t>
  </si>
  <si>
    <t>【东方锅炉】管子\φ45×13 L=646\SA-213T92\26S211-1-9\1052MW超超临界机组</t>
  </si>
  <si>
    <t>【东方锅炉】管子\φ45×7.5\SA-213T91\26S211-1-10\1052MW超超临界机组</t>
  </si>
  <si>
    <t>【东方锅炉】管子\φ45×7 L=10433.4\SA-213S30432\26S211-1-10\1052MW超超临界机组</t>
  </si>
  <si>
    <t>【东方锅炉】管子\φ45×13 L=200\SA-213TP310HCbN\26S211-1-10\1052MW超超临界机组</t>
  </si>
  <si>
    <t>【东方锅炉】管子\φ45×13 L=646\SA-213T92\26S211-1-10\1052MW超超临界机组</t>
  </si>
  <si>
    <t>【东方锅炉】管子\φ45×7.5\SA-213T91\26S211-1-11\1052MW超超临界机组</t>
  </si>
  <si>
    <t>【东方锅炉】管子\φ45×7 L=10433.4\SA-213S30432\26S211-1-11\1052MW超超临界机组</t>
  </si>
  <si>
    <t>【东方锅炉】管子\φ45×13 L=200\SA-213TP310HCbN\26S211-1-11\1052MW超超临界机组</t>
  </si>
  <si>
    <t>【东方锅炉】管子\φ45×13 L=646\SA-213T92\26S211-1-11\1052MW超超临界机组</t>
  </si>
  <si>
    <t>【东方锅炉】管子\φ45×7.5\SA-213T91\26S211-1-12\1052MW超超临界机组</t>
  </si>
  <si>
    <t>【东方锅炉】管子\φ45×7 L=10433.4\SA-213S30432\26S211-1-12\1052MW超超临界机组</t>
  </si>
  <si>
    <t>【东方锅炉】管子\φ45×13 L=200\SA-213TP310HCbN\26S211-1-12\1052MW超超临界机组</t>
  </si>
  <si>
    <t>【东方锅炉】管子\φ45×13 L=646\SA-213T92\26S211-1-12\1052MW超超临界机组</t>
  </si>
  <si>
    <t>【东方锅炉】管子\φ45×7.5\SA-213T91\26S211-1-13\1052MW超超临界机组</t>
  </si>
  <si>
    <t>【东方锅炉】管子\φ45×7 L=10433.4\SA-213S30432\26S211-1-13\1052MW超超临界机组</t>
  </si>
  <si>
    <t>【东方锅炉】管子\φ45×13 L=200\SA-213TP310HCbN\26S211-1-13\1052MW超超临界机组</t>
  </si>
  <si>
    <t>【东方锅炉】管子\φ45×13 L=646\SA-213T92\26S211-1-13\1052MW超超临界机组</t>
  </si>
  <si>
    <t>【东方锅炉】管子\φ45×7.5\SA-213T91\26S211-1-14\1052MW超超临界机组</t>
  </si>
  <si>
    <t>【东方锅炉】管子\φ45×7 L=10433.4\SA-213S30432\26S211-1-14\1052MW超超临界机组</t>
  </si>
  <si>
    <t>【东方锅炉】管子\φ45×13 L=200\SA-213TP310HCbN\26S211-1-14\1052MW超超临界机组</t>
  </si>
  <si>
    <t>【东方锅炉】管子\φ45×13 L=646\SA-213T92\26S211-1-14\1052MW超超临界机组</t>
  </si>
  <si>
    <t>【东方锅炉】管子\φ45×7.5\SA-213T91\26S211-1-15\1052MW超超临界机组</t>
  </si>
  <si>
    <t>【东方锅炉】管子\φ45×7 L=10433.4\SA-213S30432\26S211-1-15\1052MW超超临界机组</t>
  </si>
  <si>
    <t>【东方锅炉】管子\φ45×13 L=200\SA-213TP310HCbN\26S211-1-15\1052MW超超临界机组</t>
  </si>
  <si>
    <t>【东方锅炉】管子\φ45×13 L=646\SA-213T92\26S211-1-15\1052MW超超临界机组</t>
  </si>
  <si>
    <t>【东方锅炉】管子\φ45×7.5\SA-213T91\26S211-1-16\1052MW超超临界机组</t>
  </si>
  <si>
    <t>【东方锅炉】管子\φ45×7 L=10433.4\SA-213S30432\26S211-1-16\1052MW超超临界机组</t>
  </si>
  <si>
    <t>【东方锅炉】管子\φ45×13 L=200\SA-213TP310HCbN\26S211-1-16\1052MW超超临界机组</t>
  </si>
  <si>
    <t>【东方锅炉】管子\φ45×13 L=646\SA-213T92\26S211-1-16\1052MW超超临界机组</t>
  </si>
  <si>
    <t>【东方锅炉】管子\φ45×7.5\SA-213T91\26S211-1-17\1052MW超超临界机组</t>
  </si>
  <si>
    <t>【东方锅炉】管子\φ45×7 L=10433.4\SA-213S30432\26S211-1-17\1052MW超超临界机组</t>
  </si>
  <si>
    <t>【东方锅炉】管子\φ45×13 L=200\SA-213TP310HCbN\26S211-1-17\1052MW超超临界机组</t>
  </si>
  <si>
    <t>【东方锅炉】管子\φ45×13 L=646\SA-213T92\26S211-1-17\1052MW超超临界机组</t>
  </si>
  <si>
    <t>【东方锅炉】管子\φ45×7.5\SA-213T91\26S211-1-18\1052MW超超临界机组</t>
  </si>
  <si>
    <t>【东方锅炉】管子\φ45×7 L=10433.4\SA-213S30432\26S211-1-18\1052MW超超临界机组</t>
  </si>
  <si>
    <t>【东方锅炉】管子\φ45×13 L=200\SA-213TP310HCbN\26S211-1-18\1052MW超超临界机组</t>
  </si>
  <si>
    <t>【东方锅炉】管子\φ45×13 L=646\SA-213T92\26S211-1-18\1052MW超超临界机组</t>
  </si>
  <si>
    <t>【东方锅炉】管子\φ45×7.5\SA-213T91\26S211-1-19\1052MW超超临界机组</t>
  </si>
  <si>
    <t>【东方锅炉】管子\φ45×7 L=10433.4\SA-213S30432\26S211-1-19\1052MW超超临界机组</t>
  </si>
  <si>
    <t>【东方锅炉】管子\φ45×13 L=200\SA-213TP310HCbN\26S211-1-19\1052MW超超临界机组</t>
  </si>
  <si>
    <t>【东方锅炉】管子\φ45×13 L=646\SA-213T92\26S211-1-19\1052MW超超临界机组</t>
  </si>
  <si>
    <t>【东方锅炉】管子\φ45×7.5\SA-213T91\26S211-1-20\1052MW超超临界机组</t>
  </si>
  <si>
    <t>【东方锅炉】管子\φ45×7 L=10433.4\SA-213S30432\26S211-1-20\1052MW超超临界机组</t>
  </si>
  <si>
    <t>【东方锅炉】管子\φ45×13 L=200\SA-213TP310HCbN\26S211-1-20\1052MW超超临界机组</t>
  </si>
  <si>
    <t>【东方锅炉】管子\φ45×13 L=646\SA-213T92\26S211-1-20\1052MW超超临界机组</t>
  </si>
  <si>
    <t>【东方锅炉】管子\φ45×7.5\SA-213T91\26S211-1-21\1052MW超超临界机组</t>
  </si>
  <si>
    <t>【东方锅炉】管子\φ45×7 L=10433.4\SA-213S30432\26S211-1-21\1052MW超超临界机组</t>
  </si>
  <si>
    <t>【东方锅炉】管子\φ45×13 L=200\SA-213TP310HCbN\26S211-1-21\1052MW超超临界机组</t>
  </si>
  <si>
    <t>【东方锅炉】管子\φ45×13 L=646\SA-213T92\26S211-1-21\1052MW超超临界机组</t>
  </si>
  <si>
    <t>【东方锅炉】管子\φ45×7.5\SA-213T91\26S211-1-22\1052MW超超临界机组</t>
  </si>
  <si>
    <t>【东方锅炉】管子\φ45×7 L=10433.4\SA-213S30432\26S211-1-22\1052MW超超临界机组</t>
  </si>
  <si>
    <t>【东方锅炉】管子\φ45×13 L=200\SA-213TP310HCbN\26S211-1-22\1052MW超超临界机组</t>
  </si>
  <si>
    <t>【东方锅炉】管子\φ45×13 L=646\SA-213T92\26S211-1-22\1052MW超超临界机组</t>
  </si>
  <si>
    <t>【东方锅炉】管子\φ45×7.5\SA-213T91\26S211-1-23\1052MW超超临界机组</t>
  </si>
  <si>
    <t>【东方锅炉】管子\φ45×7 L=10433.4\SA-213S30432\26S211-1-23\1052MW超超临界机组</t>
  </si>
  <si>
    <t>【东方锅炉】管子\φ45×13 L=200\SA-213TP310HCbN\26S211-1-23\1052MW超超临界机组</t>
  </si>
  <si>
    <t>【东方锅炉】管子\φ45×13 L=646\SA-213T92\26S211-1-23\1052MW超超临界机组</t>
  </si>
  <si>
    <t>【东方锅炉】管子\φ45×7.5\SA-213T91\26S211-1-24\1052MW超超临界机组</t>
  </si>
  <si>
    <t>【东方锅炉】管子\φ45×7 L=10433.4\SA-213TP310HCbN\26S211-1-24\1052MW超超临界机组</t>
  </si>
  <si>
    <t>【东方锅炉】管子\φ45×11\SA-213TP310HCbN\26S211-1-24\1052MW超超临界机组</t>
  </si>
  <si>
    <t>【东方锅炉】管子\φ45×13 L=200\SA-213TP310HCbN\26S211-1-24\1052MW超超临界机组</t>
  </si>
  <si>
    <t>【东方锅炉】管子\φ45×13 L=646\SA-213T92\26S211-1-24\1052MW超超临界机组</t>
  </si>
  <si>
    <t>【东方锅炉】管子\φ45×7.5\SA-213T91\26S211-1-25\1052MW超超临界机组</t>
  </si>
  <si>
    <t>【东方锅炉】管子\φ45×7 L=10433.4\SA-213TP310HCbN\26S211-1-25\1052MW超超临界机组</t>
  </si>
  <si>
    <t>【东方锅炉】管子\φ45×11\SA-213TP310HCbN\26S211-1-25\1052MW超超临界机组</t>
  </si>
  <si>
    <t>【东方锅炉】管子\φ45×13 L=200\SA-213TP310HCbN\26S211-1-25\1052MW超超临界机组</t>
  </si>
  <si>
    <t>【东方锅炉】管子\φ45×13 L=646\SA-213T92\26S211-1-25\1052MW超超临界机组</t>
  </si>
  <si>
    <t>【东方锅炉】管子\φ54×8.5\SA-213T91\16S211-1-26\1000MW超超临界机组</t>
  </si>
  <si>
    <t>【东方锅炉】管子\φ54×8.5 L=10433.4\SA-213TP310HCbN\16S211-1-26\1000MW超超临界机组</t>
  </si>
  <si>
    <t>【东方锅炉】管子\φ54×14 L=200\SA-213TP310HCbN\16S211-1-26\1000MW超超临界机组</t>
  </si>
  <si>
    <t>【东方锅炉】管子\φ54×14 L=646\SA-213T92\16S211-1-26\1000MW超超临界机组</t>
  </si>
  <si>
    <t>【东方锅炉】管子\φ45×7.5\SA-213T91\26S211-2-1\1052MW超超临界机组</t>
  </si>
  <si>
    <t>【东方锅炉】管子\φ45×7 L=10433.4\SA-213S30432\26S211-2-1\1052MW超超临界机组</t>
  </si>
  <si>
    <t>【东方锅炉】管子\φ45×13 L=200\SA-213TP310HCbN\26S211-2-1\1052MW超超临界机组</t>
  </si>
  <si>
    <t>【东方锅炉】管子\φ45×13 L=646\SA-213T92\26S211-2-1\1052MW超超临界机组</t>
  </si>
  <si>
    <t>【东方锅炉】管子\φ45×7.5\SA-213T91\26S211-2-2\1052MW超超临界机组</t>
  </si>
  <si>
    <t>【东方锅炉】管子\φ45×7 L=10433.4\SA-213S30432\26S211-2-2\1052MW超超临界机组</t>
  </si>
  <si>
    <t>【东方锅炉】管子\φ45×13 L=200\SA-213TP310HCbN\26S211-2-2\1052MW超超临界机组</t>
  </si>
  <si>
    <t>【东方锅炉】管子\φ45×13 L=646\SA-213T92\26S211-2-2\1052MW超超临界机组</t>
  </si>
  <si>
    <t>【东方锅炉】管子\φ45×7.5\SA-213T91\26S211-2-3\1052MW超超临界机组</t>
  </si>
  <si>
    <t>【东方锅炉】管子\φ45×7 L=10433.4\SA-213S30432\26S211-2-3\1052MW超超临界机组</t>
  </si>
  <si>
    <t>【东方锅炉】管子\φ45×13 L=200\SA-213TP310HCbN\26S211-2-3\1052MW超超临界机组</t>
  </si>
  <si>
    <t>【东方锅炉】管子\φ45×13 L=646\SA-213T92\26S211-2-3\1052MW超超临界机组</t>
  </si>
  <si>
    <t>【东方锅炉】管子\φ45×7.5\SA-213T91\26S211-2-4\1052MW超超临界机组</t>
  </si>
  <si>
    <t>【东方锅炉】管子\φ45×7 L=10433.4\SA-213S30432\26S211-2-4\1052MW超超临界机组</t>
  </si>
  <si>
    <t>【东方锅炉】管子\φ45×13 L=200\SA-213TP310HCbN\26S211-2-4\1052MW超超临界机组</t>
  </si>
  <si>
    <t>【东方锅炉】管子\φ45×13 L=646\SA-213T92\26S211-2-4\1052MW超超临界机组</t>
  </si>
  <si>
    <t>【东方锅炉】管子\φ45×7.5\SA-213T91\26S211-2-5\1052MW超超临界机组</t>
  </si>
  <si>
    <t>【东方锅炉】管子\φ45×7 L=10433.4\SA-213S30432\26S211-2-5\1052MW超超临界机组</t>
  </si>
  <si>
    <t>【东方锅炉】管子\φ45×13 L=200\SA-213TP310HCbN\26S211-2-5\1052MW超超临界机组</t>
  </si>
  <si>
    <t>【东方锅炉】管子\φ45×13 L=646\SA-213T92\26S211-2-5\1052MW超超临界机组</t>
  </si>
  <si>
    <t>【东方锅炉】管子\φ45×7.5\SA-213T91\26S211-2-6\1052MW超超临界机组</t>
  </si>
  <si>
    <t>【东方锅炉】管子\φ45×7 L=10433.4\SA-213S30432\26S211-2-6\1052MW超超临界机组</t>
  </si>
  <si>
    <t>【东方锅炉】管子\φ45×13 L=200\SA-213TP310HCbN\26S211-2-6\1052MW超超临界机组</t>
  </si>
  <si>
    <t>【东方锅炉】管子\φ45×13 L=646\SA-213T92\26S211-2-6\1052MW超超临界机组</t>
  </si>
  <si>
    <t>【东方锅炉】管子\φ45×7.5\SA-213T91\26S211-2-7\1052MW超超临界机组</t>
  </si>
  <si>
    <t>【东方锅炉】螺栓\35CrMoA\YR61</t>
  </si>
  <si>
    <t>【东方锅炉】管子\φ45×7 L=10433.4\SA-213S30432\26S211-2-7\1052MW超超临界机组</t>
  </si>
  <si>
    <t>【东方锅炉】管子\φ45×13 L=200\SA-213TP310HCbN\26S211-2-7\1052MW超超临界机组</t>
  </si>
  <si>
    <t>【东方锅炉】管子\φ45×13 L=646\SA-213T92\26S211-2-7\1052MW超超临界机组</t>
  </si>
  <si>
    <t>【东方锅炉】管子\φ45×7.5\SA-213T91\26S211-2-8\1052MW超超临界机组</t>
  </si>
  <si>
    <t>【东方锅炉】管子\φ45×7 L=10433.4\SA-213S30432\26S211-2-8\1052MW超超临界机组</t>
  </si>
  <si>
    <t>【东方锅炉】管子\φ45×13 L=200\SA-213TP310HCbN\26S211-2-8\1052MW超超临界机组</t>
  </si>
  <si>
    <t>【东方锅炉】管子\φ45×13 L=646\SA-213T92\26S211-2-8\1052MW超超临界机组</t>
  </si>
  <si>
    <t>【东方锅炉】管子\φ45×7.5\SA-213T91\26S211-2-9\1052MW超超临界机组</t>
  </si>
  <si>
    <t>【东方锅炉】管子\φ45×7 L=10433.4\SA-213S30432\26S211-2-9\1052MW超超临界机组</t>
  </si>
  <si>
    <t>【东方锅炉】直管\φ45×8.5\SA-213TP347H\ZG-41\600MW超临界机组</t>
  </si>
  <si>
    <t>【东方锅炉】异种钢接头\φ45×7/φ45×8.5\SA-213T91/SA-213TP347H\56N981-6-0\600MW超临界机组</t>
  </si>
  <si>
    <t>【东方锅炉】U型承重块\L=150\ZG1Cr20Ni14Si2\64N211-1-36\660MW超临界机组</t>
  </si>
  <si>
    <t>【东方锅炉】U型承重块\L=125\ZG1Cr20Ni14Si2\64N211-1-37\660MW超临界机组</t>
  </si>
  <si>
    <t>【东方锅炉】管接头\φ219×30.5\12Cr18Ni9Ⅲ\82N247-4-0\600MW超临界机组</t>
  </si>
  <si>
    <t>【东方锅炉】管接头\φ219×30.5\12Cr18Ni9Ⅲ\82N247-3-0\600MW超临界机组</t>
  </si>
  <si>
    <t>【东方锅炉】管屏\φ76×9\装配件\38M1111-1-0\300MW亚临界机组</t>
  </si>
  <si>
    <t>【东方锅炉】弯管\φ76×9\SA-210C\38M1111-1-1\300MW亚临界机组</t>
  </si>
  <si>
    <t>【东方锅炉】弯管\φ76×9\SA-210C\38M1111-1-2\300MW亚临界机组</t>
  </si>
  <si>
    <t>【东方锅炉】管子\φ45×13 L=200\SA-213TP310HCbN\26S211-2-9\1052MW超超临界机组</t>
  </si>
  <si>
    <t>【东方锅炉】水冷壁对中装置\φ76×9\装配件\38M1111-1-3\300MW亚临界机组</t>
  </si>
  <si>
    <t>【东方锅炉】管子\φ45×13 L=646\SA-213T92\26S211-2-9\1052MW超超临界机组</t>
  </si>
  <si>
    <t>【东方锅炉】管子\φ45×7.5\SA-213T91\26S211-2-10\1052MW超超临界机组</t>
  </si>
  <si>
    <t>【东方锅炉】耳板\φ76×9\ZG230-450\TG471-93/№1\300MW亚临界机组</t>
  </si>
  <si>
    <t>【东方锅炉】梳型板\δ25\Q235A.F\38M1111-1-4\300MW亚临界机组</t>
  </si>
  <si>
    <t>【东方锅炉】密封板\δ6\12Cr1MoV\38M1111-1-5\300MW亚临界机组</t>
  </si>
  <si>
    <t>【东方锅炉】密封板\δ6\12Cr1MoV\38M1111-1-6\300MW亚临界机组</t>
  </si>
  <si>
    <t>【东方锅炉】塞块\δ6\Q235A.F\38M1111-1-7\300MW亚临界机组</t>
  </si>
  <si>
    <t>【东方锅炉】管屏\φ76×9\装配件\38M1111-2-0\300MW亚临界机组</t>
  </si>
  <si>
    <t>【东方锅炉】弯管\φ76×9\SA-210C\38M1111-2-1\300MW亚临界机组</t>
  </si>
  <si>
    <t>【东方锅炉】弯管\φ76×9\SA-210C\38M1111-2-2\300MW亚临界机组</t>
  </si>
  <si>
    <t>【东方锅炉】密封板\δ6\12Cr1MoV\38M1111-2-3\300MW亚临界机组</t>
  </si>
  <si>
    <t>【东方锅炉】密封板\δ6\12Cr1MoV\38M1111-2-4\300MW亚临界机组</t>
  </si>
  <si>
    <t>【东方锅炉】管屏\φ76×9\装配件\38M1112-1-0\300MW亚临界机组</t>
  </si>
  <si>
    <t>【东方锅炉】弯管\φ76×9\SA-210C\38M1112-1-1\300MW亚临界机组</t>
  </si>
  <si>
    <t>【东方锅炉】弯管\φ76×9\SA-210C\38M1112-1-2\300MW亚临界机组</t>
  </si>
  <si>
    <t>【东方锅炉】弯管\φ76×9\SA-210C\38M1112-1-3\300MW亚临界机组</t>
  </si>
  <si>
    <t>【东方锅炉】管件\φ76×9\装配件\38M1112-1-4\300MW亚临界机组</t>
  </si>
  <si>
    <t>【东方锅炉】管子\φ45×7 L=10433.4\SA-213TP310HCbN\26S211-2-10\1052MW超超临界机组</t>
  </si>
  <si>
    <t>【东方锅炉】耳板\δ36\15CrMo\38M1112-1-5\300MW亚临界机组</t>
  </si>
  <si>
    <t>【东方锅炉】钢板\δ3\Q235A.F\38M1112-1-6\300MW亚临界机组</t>
  </si>
  <si>
    <t>【东方锅炉】弯管\φ76×9\SA-210C\38M1112-1-7\300MW亚临界机组</t>
  </si>
  <si>
    <t>【东方锅炉】弯管\φ76×9\SA-210C\38M1112-1-8\300MW亚临界机组</t>
  </si>
  <si>
    <t>【东方锅炉】弯管\φ76×9\SA-210C\38M1112-1-9\300MW亚临界机组</t>
  </si>
  <si>
    <t>【东方锅炉】管子\φ45×11\SA-213TP310HCbN\26S211-2-10\1052MW超超临界机组</t>
  </si>
  <si>
    <t>【东方锅炉】密封板\δ6\12Cr1MoVg\38M1112-1-10\300MW亚临界机组</t>
  </si>
  <si>
    <t>【东方锅炉】密封板\δ6\12Cr1MoVg\38M1112-1-0\300MW亚临界机组</t>
  </si>
  <si>
    <t>【东方锅炉】梳型板\δ6\Q235A.F\38M1112-1-11\300MW亚临界机组</t>
  </si>
  <si>
    <t>【东方锅炉】密封板\δ6\12Cr1MoVg\38M1112-1-14\300MW亚临界机组</t>
  </si>
  <si>
    <t>【东方锅炉】密封板\δ6\12Cr1MoVg\38M1112-1-15\300MW亚临界机组</t>
  </si>
  <si>
    <t>【东方锅炉】密封板\δ6\12Cr1MoVg\38M1112-1-16\300MW亚临界机组</t>
  </si>
  <si>
    <t>【东方锅炉】密封板\δ6\12Cr1MoVg\38M1112-1-17\300MW亚临界机组</t>
  </si>
  <si>
    <t>【东方锅炉】耳板\δ20\15CrMo\38M1112-1-13\300MW亚临界机组</t>
  </si>
  <si>
    <t>【东方锅炉】绳孔装置\δ20\装配件\38M1112-1-13\300MW亚临界机组</t>
  </si>
  <si>
    <t>【东方锅炉】弯管\φ76×9\SA-210C\38M1112-4-1\300MW亚临界机组</t>
  </si>
  <si>
    <t>【东方锅炉】密封板\δ6\12Cr1MoVg\38M1112-4-2\300MW亚临界机组</t>
  </si>
  <si>
    <t>【东方锅炉】管屏\φ76×9\装配件\38M1114-2-0\300MW亚临界机组</t>
  </si>
  <si>
    <t>【东方锅炉】弯管\φ76×9\SA-210C\38M1114-2-1\300MW亚临界机组</t>
  </si>
  <si>
    <t>【东方锅炉】弯管\φ76×9\SA-210C\38M1114-2-2\300MW亚临界机组</t>
  </si>
  <si>
    <t>【东方锅炉】弯管\φ76×9\SA-210C\38M1114-2-3\300MW亚临界机组</t>
  </si>
  <si>
    <t>【东方锅炉】弯管\φ76×9\SA-210C\38M1114-2-4\300MW亚临界机组</t>
  </si>
  <si>
    <t>【东方锅炉】弯管\φ76×9\SA-210C\38M1114-2-5\300MW亚临界机组</t>
  </si>
  <si>
    <t>【东方锅炉】连接件\φ76×9\20#\38M1114-2-0-1\300MW亚临界机组</t>
  </si>
  <si>
    <t>【东方锅炉】连接件\φ76×9\20#\38M1112-2-0\300MW亚临界机组</t>
  </si>
  <si>
    <t>【东方锅炉】密封板\δ6\12Cr1MoV\38M1114-2-6\300MW亚临界机组</t>
  </si>
  <si>
    <t>【东方锅炉】密封板\δ6\12Cr1MoV\38M1114-2-7\300MW亚临界机组</t>
  </si>
  <si>
    <t>【东方锅炉】梳型板\δ25\Q235A\38M1114-2-8\300MW亚临界机组</t>
  </si>
  <si>
    <t>【东方锅炉】梳型板\δ25\Q235A\38M1114-2-9\300MW亚临界机组</t>
  </si>
  <si>
    <t>【东方锅炉】弯管\φ76×9\SA-210C\38M1114-3-1\300MW亚临界机组</t>
  </si>
  <si>
    <t>【东方锅炉】弯管\φ76×9\SA-210C\38M1114-3-2\300MW亚临界机组</t>
  </si>
  <si>
    <t>【东方锅炉】塞块\δ6\Q235A.F\38M1114-3-3\300MW亚临界机组</t>
  </si>
  <si>
    <t>【东方锅炉】管屏\φ76×9\装配件\38M1121-1-0\300MW亚临界机组</t>
  </si>
  <si>
    <t>【东方锅炉】弯管\φ76×9\装配件\38M1121-1-1\300MW亚临界机组</t>
  </si>
  <si>
    <t>【东方锅炉】弯管\φ76×9\SA-210C\38M1121-1-1/序号1\300MW亚临界机组</t>
  </si>
  <si>
    <t>【东方锅炉】弯管\φ76×9\SA-210C\38M1121-1-1/序号2\300MW亚临界机组</t>
  </si>
  <si>
    <t>【东方锅炉】弯管\φ76×9\装配件\38M1121-1-2\300MW亚临界机组</t>
  </si>
  <si>
    <t>【东方锅炉】弯管\φ76×9\SA-210C\38M1121-1-2/序号1\300MW亚临界机组</t>
  </si>
  <si>
    <t>【东方锅炉】弯管\φ76×9\SA-210C\38M1121-1-2/序号2\300MW亚临界机组</t>
  </si>
  <si>
    <t>【东方锅炉】弯管\φ76×9\SA-210C\38M1121-1-2/序号3\300MW亚临界机组</t>
  </si>
  <si>
    <t>【东方锅炉】弯管\φ76×9\SA-210C\38M1121-1-2/序号4\300MW亚临界机组</t>
  </si>
  <si>
    <t>【东方锅炉】弯管\φ76×9\SA-210C\38M1121-1-2/序号5\300MW亚临界机组</t>
  </si>
  <si>
    <t>【东方锅炉】弯管\φ76×9\SA-210C\38M1121-1-2/序号6\300MW亚临界机组</t>
  </si>
  <si>
    <t>【东方锅炉】弯管\φ76×9\SA-210C\38M1121-1-2/序号7\300MW亚临界机组</t>
  </si>
  <si>
    <t>【东方锅炉】弯管\φ76×9\SA-210C\38M1121-1-2/序号8\300MW亚临界机组</t>
  </si>
  <si>
    <t>【东方锅炉】弯管\φ76×9\SA-210C\38M1121-1-2/序号9\300MW亚临界机组</t>
  </si>
  <si>
    <t>【东方锅炉】弯管\φ76×9\SA-210C\38M1121-1-2/序号10\300MW亚临界机组</t>
  </si>
  <si>
    <t>【东方锅炉】弯管\φ76×9\SA-210C\38M1121-1-2/序号11\300MW亚临界机组</t>
  </si>
  <si>
    <t>【东方锅炉】弯管\φ76×9\SA-210C\38M1121-1-2/序号12\300MW亚临界机组</t>
  </si>
  <si>
    <t>【东方锅炉】弯管\φ76×9\SA-210C\38M1121-1-2/序号13\300MW亚临界机组</t>
  </si>
  <si>
    <t>【东方锅炉】弯管\φ76×9\SA-210C\38M1121-1-2/序号14\300MW亚临界机组</t>
  </si>
  <si>
    <t>【东方锅炉】弯管\φ76×9\SA-210C\38M1121-1-2/序号15\300MW亚临界机组</t>
  </si>
  <si>
    <t>【东方锅炉】弯管\φ76×9\SA-210C\38M1121-1-2/序号16\300MW亚临界机组</t>
  </si>
  <si>
    <t>【东方锅炉】弯管\φ76×9\SA-210C\38M1121-1-2/序号17\300MW亚临界机组</t>
  </si>
  <si>
    <t>【东方锅炉】弯管\φ76×9\SA-210C\38M1121-1-2/序号18\300MW亚临界机组</t>
  </si>
  <si>
    <t>【东方锅炉】弯管\φ76×9\SA-210C\38M1121-1-2/序号19\300MW亚临界机组</t>
  </si>
  <si>
    <t>【东方锅炉】弯管\φ76×9\SA-210C\38M1121-1-2/序号20\300MW亚临界机组</t>
  </si>
  <si>
    <t>【东方锅炉】弯管\φ76×9\SA-210C\38M1121-1-2/序号21\300MW亚临界机组</t>
  </si>
  <si>
    <t>【东方锅炉】弯管\φ76×9\SA-210C\38M1121-1-2/序号22\300MW亚临界机组</t>
  </si>
  <si>
    <t>【东方锅炉】弯管\φ76×9\SA-210C\38M1121-1-2/序号23\300MW亚临界机组</t>
  </si>
  <si>
    <t>【东方锅炉】弯管\φ76×9\SA-210C\38M1121-1-2/序号24\300MW亚临界机组</t>
  </si>
  <si>
    <t>【东方锅炉】弯管\φ76×9\SA-210C\38M1121-1-2/序号25\300MW亚临界机组</t>
  </si>
  <si>
    <t>【东方锅炉】弯管\φ76×9\SA-210C\38M1121-1-2/序号26\300MW亚临界机组</t>
  </si>
  <si>
    <t>【东方锅炉】弯管\φ76×9\SA-210C\38M1121-1-2/序号27\300MW亚临界机组</t>
  </si>
  <si>
    <t>【东方锅炉】耳板\δ7\ZG230-450\TG471-93/№2\300MW亚临界机组</t>
  </si>
  <si>
    <t>【东方锅炉】塞块\δ6\20#\38M1121-1-4\300MW亚临界机组</t>
  </si>
  <si>
    <t>【东方锅炉】密封板\δ6\20#\38M1121-1-5\300MW亚临界机组</t>
  </si>
  <si>
    <t>【东方锅炉】梳型板\δ6\20#\38M1121-1-6\300MW亚临界机组</t>
  </si>
  <si>
    <t>【东方锅炉】连接件\φ76×9\20#\38M1121-1-0\300MW亚临界机组</t>
  </si>
  <si>
    <t>【东方锅炉】弯管\φ76×9\SA-210C\38M1121-2-1\300MW亚临界机组</t>
  </si>
  <si>
    <t>【东方锅炉】梳型板\δ6\20#\38M1121-2-2\300MW亚临界机组</t>
  </si>
  <si>
    <t>【东方锅炉】水冷壁销钉\φ10\Q235A\38M1121-2-0\300MW亚临界机组</t>
  </si>
  <si>
    <t>【东方锅炉】管屏\φ76×9\装配件\38M1124-1-0\300MW亚临界机组</t>
  </si>
  <si>
    <t>【东方锅炉】弯管\φ76×9\SA-210C\38M1124-1-1\300MW亚临界机组</t>
  </si>
  <si>
    <t>【东方锅炉】弯管\φ76×9\SA-210C\38M1124-1-2\300MW亚临界机组</t>
  </si>
  <si>
    <t>【东方锅炉】密封板\δ6\20#\38M1124-1-3\300MW亚临界机组</t>
  </si>
  <si>
    <t>【东方锅炉】过渡管\φ76×9\15CrMo\38M1124-1-4\300MW亚临界机组</t>
  </si>
  <si>
    <t>【东方锅炉】梳型板\δ3\Q235A\38M1124-1-5\300MW亚临界机组</t>
  </si>
  <si>
    <t>【东方锅炉】塞块\δ6\20#\38M1124-1-6\300MW亚临界机组</t>
  </si>
  <si>
    <t>【东方锅炉】连接件\φ76×9\20#\38M1124-1-0\300MW亚临界机组</t>
  </si>
  <si>
    <t>【东方锅炉】人孔组件\φ76×9\装配件\38M1124-3-0\300MW亚临界机组</t>
  </si>
  <si>
    <t>【东方锅炉】弯管\φ76×9\SA-210C\38M1124-3-1\300MW亚临界机组</t>
  </si>
  <si>
    <t>【东方锅炉】弯管\φ76×9\SA-210C\38M1124-3-2\300MW亚临界机组</t>
  </si>
  <si>
    <t>【东方锅炉】弯管\φ76×9\SA-210C\38M1124-3-3\300MW亚临界机组</t>
  </si>
  <si>
    <t>【东方锅炉】弯管\φ76×9\SA-210C\38M1124-3-4\300MW亚临界机组</t>
  </si>
  <si>
    <t>【东方锅炉】密封板\δ6\12Cr1MoV\38M1124-3-0\300MW亚临界机组</t>
  </si>
  <si>
    <t>【东方锅炉】管屏\φ76×9\装配件\38M1131-1-0\300MW亚临界机组</t>
  </si>
  <si>
    <t>【东方锅炉】弯管\φ76×9\SA-210C\38M1131-1-1\300MW亚临界机组</t>
  </si>
  <si>
    <t>【东方锅炉】弯管\φ76×9\SA-210C\38M1131-1-2\300MW亚临界机组</t>
  </si>
  <si>
    <t>【东方锅炉】弯管\φ76×9\SA-210C\38M1131-1-3\300MW亚临界机组</t>
  </si>
  <si>
    <t>【东方锅炉】密封板\δ6\12Cr1MoVg\38M1131-1-4\300MW亚临界机组</t>
  </si>
  <si>
    <t>【东方锅炉】管子\φ45×13 L=200\SA-213TP310HCbN\26S211-2-10\1052MW超超临界机组</t>
  </si>
  <si>
    <t>【东方锅炉】弯管\φ76×9\SA-210C\38M1131-3-1\300MW亚临界机组</t>
  </si>
  <si>
    <t>【东方锅炉】弯管\φ76×9\SA-210C\38M1131-4-1\300MW亚临界机组</t>
  </si>
  <si>
    <t>【东方锅炉】水冷壁梳型板\δ25\Q235A.F\38M1131-5-1\300MW亚临界机组</t>
  </si>
  <si>
    <t>【东方锅炉】管子\φ45×13 L=646\SA-213T92\26S211-2-10\1052MW超超临界机组</t>
  </si>
  <si>
    <t>【东方锅炉】管子\φ45×7.5\SA-213T91\26S211-2-11\1052MW超超临界机组</t>
  </si>
  <si>
    <t>【东方锅炉】水冷壁销钉\φ9.4\Q235A\38M1141-1-0/№1\300MW亚临界机组</t>
  </si>
  <si>
    <t>【东方锅炉】弯管\φ76×9\SA-210C\38M1141-1-1\300MW亚临界机组</t>
  </si>
  <si>
    <t>【东方锅炉】弯管\φ76×9\SA-210C\38M1141-1-2\300MW亚临界机组</t>
  </si>
  <si>
    <t>【东方锅炉】弯管\φ76×9\SA-210C\38M1141-1-3\300MW亚临界机组</t>
  </si>
  <si>
    <t>【东方锅炉】弯管\φ76×9\SA-210C\38M1141-1-4\300MW亚临界机组</t>
  </si>
  <si>
    <t>【东方锅炉】弯管\φ76×9\SA-210C\38M1141-1-5\300MW亚临界机组</t>
  </si>
  <si>
    <t>【东方锅炉】弯管\φ76×9\SA-210C\38M1141-1-6\300MW亚临界机组</t>
  </si>
  <si>
    <t>【东方锅炉】弯管\φ76×9\SA-210C\38M1141-1-7\300MW亚临界机组</t>
  </si>
  <si>
    <t>【东方锅炉】弯管\φ76×9\SA-210C\38M1141-1-8\300MW亚临界机组</t>
  </si>
  <si>
    <t>【东方锅炉】弯管\φ76×9\SA-210C\38M1141-1-9\300MW亚临界机组</t>
  </si>
  <si>
    <t>【东方锅炉】弯管\φ76×9\SA-210C\38M1141-1-10\300MW亚临界机组</t>
  </si>
  <si>
    <t>【东方锅炉】弯管\φ76×9\SA-210C\38M1141-1-11\300MW亚临界机组</t>
  </si>
  <si>
    <t>【东方锅炉】弯管\φ76×9\SA-210C\38M1141-1-12\300MW亚临界机组</t>
  </si>
  <si>
    <t>【东方锅炉】弯管\φ76×9\SA-210C\38M1141-1-13\300MW亚临界机组</t>
  </si>
  <si>
    <t>【东方锅炉】弯管\φ76×9\SA-210C\38M1141-1-14\300MW亚临界机组</t>
  </si>
  <si>
    <t>【东方锅炉】管屏\φ76×9\装配件\38M1141-3-0\300MW亚临界机组</t>
  </si>
  <si>
    <t>【东方锅炉】弯管\φ76×9\SA-210C\38M1141-3-1\300MW亚临界机组</t>
  </si>
  <si>
    <t>【东方锅炉】弯管\φ76×9\SA-210C\38M1141-3-2\300MW亚临界机组</t>
  </si>
  <si>
    <t>【东方锅炉】弯管\φ76×9\SA-210C\38M1141-3-3\300MW亚临界机组</t>
  </si>
  <si>
    <t>【东方锅炉】弯管\φ76×9\SA-210C\38M1141-3-4\300MW亚临界机组</t>
  </si>
  <si>
    <t>【东方锅炉】弯管\φ76×9\SA-210C\38M1141-3-5\300MW亚临界机组</t>
  </si>
  <si>
    <t>【东方锅炉】弯管\φ76×9\SA-210C\38M1141-3-6\300MW亚临界机组</t>
  </si>
  <si>
    <t>【东方锅炉】弯管\φ76×9\SA-210C\38M1141-3-7\300MW亚临界机组</t>
  </si>
  <si>
    <t>【东方锅炉】弯管\φ76×9\SA-210C\38M1141-3-8\300MW亚临界机组</t>
  </si>
  <si>
    <t>【东方锅炉】弯管\φ76×9\SA-210C\38M1141-3-9\300MW亚临界机组</t>
  </si>
  <si>
    <t>【东方锅炉】弯管\φ76×9\SA-210C\38M1141-3-10\300MW亚临界机组</t>
  </si>
  <si>
    <t>【东方锅炉】弯管\φ76×9\SA-210C\38M1141-3-11\300MW亚临界机组</t>
  </si>
  <si>
    <t>【东方锅炉】弯管\φ76×9\SA-210C\38M1141-3-12\300MW亚临界机组</t>
  </si>
  <si>
    <t>【东方锅炉】弯管\φ76×9\SA-210C\38M1141-3-13\300MW亚临界机组</t>
  </si>
  <si>
    <t>【东方锅炉】弯管\φ76×9\SA-210C\38M1141-3-14\300MW亚临界机组</t>
  </si>
  <si>
    <t>【东方锅炉】弯管\φ76×9\SA-210C\38M1141-3-15\300MW亚临界机组</t>
  </si>
  <si>
    <t>【东方锅炉】管子\φ45×7 L=10433.4\SA-213TP310HCbN\26S211-2-11\1052MW超超临界机组</t>
  </si>
  <si>
    <t>【东方锅炉】管屏\φ76×9\装配件\38M1141-6-0\300MW亚临界机组</t>
  </si>
  <si>
    <t>【东方锅炉】弯管\φ76×9\SA-210C\38M1141-6-1\300MW亚临界机组</t>
  </si>
  <si>
    <t>【东方锅炉】弯管\φ76×9\SA-210C\38M1141-6-2\300MW亚临界机组</t>
  </si>
  <si>
    <t>【东方锅炉】管屏\φ76×9\装配件\38M1143-1-0\300MW亚临界机组</t>
  </si>
  <si>
    <t>【东方锅炉】弯管\φ133×16\15CrMo\38M1143-1-0\300MW亚临界机组</t>
  </si>
  <si>
    <t>【东方锅炉】过渡管\φ76×9 /φ133×16\15CrMo\38M1143-1-4/№1\300MW亚临界机组</t>
  </si>
  <si>
    <t>【东方锅炉】管子\φ45×11\SA-213TP310HCbN\26S211-2-11\1052MW超超临界机组</t>
  </si>
  <si>
    <t>【东方锅炉】弯管\φ133×16\SA-210C\38M1143-1-1\300MW亚临界机组</t>
  </si>
  <si>
    <t>【东方锅炉】弯管\φ133×16\SA-210C\38M1143-1-2\300MW亚临界机组</t>
  </si>
  <si>
    <t>【东方锅炉】弯管\φ133×16\SA-210C\38M1143-1-3\300MW亚临界机组</t>
  </si>
  <si>
    <t>【东方锅炉】管子\φ45×13 L=200\SA-213TP310HCbN\26S211-2-11\1052MW超超临界机组</t>
  </si>
  <si>
    <t>【东方锅炉】过渡管\φ76×9 /φ133×16\15CrMo\38M1143-3-2\300MW亚临界机组</t>
  </si>
  <si>
    <t>【东方锅炉】管子\φ45×13 L=646\SA-213T92\26S211-2-11\1052MW超超临界机组</t>
  </si>
  <si>
    <t>【东方锅炉】管子\φ54×8.5\SA-213T91\16S211-2-12\1000MW超超临界机组</t>
  </si>
  <si>
    <t>【东方锅炉】管子\φ54×8.5 L=10433.4\SA-213TP310HCbN\16S211-2-12\1000MW超超临界机组</t>
  </si>
  <si>
    <t>【东方锅炉】管子\φ54×13\SA-213TP310HCbN\16S211-2-12\1000MW超超临界机组</t>
  </si>
  <si>
    <t>【东方锅炉】管子\φ54×14 L=200\SA-213TP310HCbN\16S211-2-12\1000MW超超临界机组</t>
  </si>
  <si>
    <t>【东方锅炉】管子\φ54×14 L=646\SA-213T92\16S211-2-12\1000MW超超临界机组</t>
  </si>
  <si>
    <t>【东方锅炉】管子\φ51×8.5 L=300\12Cr1MoVG\16S215A-1-1\1000MW超超临界机组</t>
  </si>
  <si>
    <t>【东方锅炉】管子\φ51×9 L=13500\SA-213TP310HCbN\16S215A-1-1\1000MW超超临界机组</t>
  </si>
  <si>
    <t>【东方锅炉】管子\φ51×12 Lz=20787.2\SA-213TP310HCbN\16S215A-1-1\1000MW超超临界机组</t>
  </si>
  <si>
    <t>【东方锅炉】管子\φ45×7.5 L=300\12Cr1MoVG\30S215-1-1\1000MW超超临界机组</t>
  </si>
  <si>
    <t>【东方锅炉】管子\φ45×7.5 L=13500\SA-213TP310HCbN\30S215-1-1\1000MW超超临界机组</t>
  </si>
  <si>
    <t>【东方锅炉】管子\φ45×11 L=300\SA-213T92\30S215-1-1\1000MW超超临界机组</t>
  </si>
  <si>
    <t>【东方锅炉】管子\φ45×7.5 L=300\12Cr1MoVG\30S215-1-2\1000MW超超临界机组</t>
  </si>
  <si>
    <t>【东方锅炉】管屏\φ51×6\装配件\38M311-1-0\300MW亚临界机组</t>
  </si>
  <si>
    <t>【东方锅炉】弯管\φ51×6\SA-210C\38M311-1-1\300MW亚临界机组</t>
  </si>
  <si>
    <t>【东方锅炉】弯管\φ51×6\SA-210C\38M311-1-2\300MW亚临界机组</t>
  </si>
  <si>
    <t>【东方锅炉】弯管\φ57×6\SA-210C\38M2121-1-1\300MW亚临界机组</t>
  </si>
  <si>
    <t>【东方锅炉】弯管\φ57×7\SA-210C\38M2122-1-1\300MW亚临界机组</t>
  </si>
  <si>
    <t>【东方锅炉】弯管\φ57×6\SA-210C\38M2122-1-1\300MW亚临界机组</t>
  </si>
  <si>
    <t>【东方锅炉】弯管\φ57×7\15CrMoG\38M2123-1-1\300MW亚临界机组</t>
  </si>
  <si>
    <t>【东方锅炉】弯管\φ57×6\15CrMoG\38M2123-1-1\300MW亚临界机组</t>
  </si>
  <si>
    <t>【东方锅炉】弯管\φ57×8\15CrMoG\38M2124-1-1\300MW亚临界机组</t>
  </si>
  <si>
    <t>【东方锅炉】弯管\φ57×8\12Cr1MoVG\38M2124-1-1\300MW亚临界机组</t>
  </si>
  <si>
    <t>【东方锅炉】弯管\φ57×9.5\12Cr1MoVG\38M2125-1-1\300MW亚临界机组</t>
  </si>
  <si>
    <t>【东方锅炉】弯管\φ51×10\12Cr1MoVG\38M216-2-1/№1\300MW亚临界机组</t>
  </si>
  <si>
    <t>【东方锅炉】弯管\φ51×10\12Cr1MoVG\38M216-2-1/№2\300MW亚临界机组</t>
  </si>
  <si>
    <t>【东方锅炉】弯管\φ51×10\12Cr1MoVG\38M216-2-1/№3\300MW亚临界机组</t>
  </si>
  <si>
    <t>【东方锅炉】弯管\φ51×10\12Cr1MoVG\38M216-2-1/№4\300MW亚临界机组</t>
  </si>
  <si>
    <t>【东方锅炉】弯管\φ51×10\12Cr1MoVG\38M216-2-1/№5\300MW亚临界机组</t>
  </si>
  <si>
    <t>【东方锅炉】弯管\φ51×10\12Cr1MoVG\38M216-2-1/№6\300MW亚临界机组</t>
  </si>
  <si>
    <t>【东方锅炉】弯管\φ51×10\12Cr1MoVG\38M216-2-1/№7\300MW亚临界机组</t>
  </si>
  <si>
    <t>【东方锅炉】弯管\φ51×10\12Cr1MoVG\38M216-2-1/№8\300MW亚临界机组</t>
  </si>
  <si>
    <t>【东方锅炉】弯管\φ51×10\12Cr1MoVG\38M216-2-1/№9\300MW亚临界机组</t>
  </si>
  <si>
    <t>【东方锅炉】弯管\φ51×10\12Cr1MoVG\38M216-2-1/№10\300MW亚临界机组</t>
  </si>
  <si>
    <t>【东方锅炉】弯管\φ51×10\12Cr1MoVG\38M216-2-1/№11\300MW亚临界机组</t>
  </si>
  <si>
    <t>【东方锅炉】弯管\φ51×10\12Cr1MoVG\38M216-2-1/№12\300MW亚临界机组</t>
  </si>
  <si>
    <t>【东方锅炉】弯管\φ51×10\12Cr1MoVG\38M216-2-1/№13\300MW亚临界机组</t>
  </si>
  <si>
    <t>【东方锅炉】弯管\φ51×10\12Cr1MoVG\38M216-2-1/№14\300MW亚临界机组</t>
  </si>
  <si>
    <t>【东方锅炉】弯管\φ51×10\12Cr1MoVG\38M216-2-1/№15\300MW亚临界机组</t>
  </si>
  <si>
    <t>【东方锅炉】弯管\φ51×10\12Cr1MoVG\38M216-2-1/№16\300MW亚临界机组</t>
  </si>
  <si>
    <t>【东方锅炉】弯管\φ51×10\12Cr1MoVG\38M216-2-1/№17\300MW亚临界机组</t>
  </si>
  <si>
    <t>【东方锅炉】弯管\φ51×10\12Cr1MoVG\38M216-2-1/№18\300MW亚临界机组</t>
  </si>
  <si>
    <t>【东方锅炉】弯管\φ51×10\12Cr1MoVG\38M216-2-1/№19\300MW亚临界机组</t>
  </si>
  <si>
    <t>【东方锅炉】弯管\φ51×10\12Cr1MoVG\38M216-2-1/№20\300MW亚临界机组</t>
  </si>
  <si>
    <t>【东方锅炉】弯管\φ51×10\12Cr1MoVG\38M216-2-1/№21\300MW亚临界机组</t>
  </si>
  <si>
    <t>【东方锅炉】弯管\φ51×10\12Cr1MoVG\38M216-2-2/№1\300MW亚临界机组</t>
  </si>
  <si>
    <t>【东方锅炉】弯管\φ51×10\12Cr1MoVG\38M216-2-2/№2\300MW亚临界机组</t>
  </si>
  <si>
    <t>【东方锅炉】弯管\φ51×10\12Cr1MoVG\38M216-2-2/№3\300MW亚临界机组</t>
  </si>
  <si>
    <t>【东方锅炉】弯管\φ51×10\12Cr1MoVG\38M216-2-2/№4\300MW亚临界机组</t>
  </si>
  <si>
    <t>【东方锅炉】弯管\φ51×10\12Cr1MoVG\38M216-2-2/№5\300MW亚临界机组</t>
  </si>
  <si>
    <t>【东方锅炉】弯管\φ51×10\12Cr1MoVG\38M216-2-2/№6\300MW亚临界机组</t>
  </si>
  <si>
    <t>【东方锅炉】弯管\φ51×10\12Cr1MoVG\38M216-2-2/№7\300MW亚临界机组</t>
  </si>
  <si>
    <t>【东方锅炉】弯管\φ51×10\12Cr1MoVG\38M216-2-2/№8\300MW亚临界机组</t>
  </si>
  <si>
    <t>【东方锅炉】弯管\φ51×10\12Cr1MoVG\38M216-2-2/№9\300MW亚临界机组</t>
  </si>
  <si>
    <t>【东方锅炉】弯管\φ51×10\12Cr1MoVG\38M216-2-3/№1\300MW亚临界机组</t>
  </si>
  <si>
    <t>【东方锅炉】弯管\φ51×10\12Cr1MoVG\38M216-2-3/№2\300MW亚临界机组</t>
  </si>
  <si>
    <t>【东方锅炉】弯管\φ51×10\12Cr1MoVG\38M216-2-3/№3\300MW亚临界机组</t>
  </si>
  <si>
    <t>【东方锅炉】弯管\φ51×10\12Cr1MoVG\38M216-2-3/№4\300MW亚临界机组</t>
  </si>
  <si>
    <t>【东方锅炉】弯管\φ51×10\12Cr1MoVG\38M216-2-3/№5\300MW亚临界机组</t>
  </si>
  <si>
    <t>【东方锅炉】弯管\φ51×10\12Cr1MoVG\38M216-2-3/№6\300MW亚临界机组</t>
  </si>
  <si>
    <t>【东方锅炉】弯管\φ51×10\12Cr1MoVG\38M216-2-3/№7\300MW亚临界机组</t>
  </si>
  <si>
    <t>【东方锅炉】弯管\φ51×10\SA-213T91\38M216-2-4\300MW亚临界机组</t>
  </si>
  <si>
    <t>【东方锅炉】弯管\φ51×10\SA-213T91\38M216-2-5\300MW亚临界机组</t>
  </si>
  <si>
    <t>【东方锅炉】弯管\φ51×10\SA-213T91\38M216-2-6\300MW亚临界机组</t>
  </si>
  <si>
    <t>【东方锅炉】弯管\φ51×10\SA-213T91\38M216-2-7\300MW亚临界机组</t>
  </si>
  <si>
    <t>【东方锅炉】弯管\φ51×10\SA-213T91\38M216-2-8\300MW亚临界机组</t>
  </si>
  <si>
    <t>【东方锅炉】弯管\φ51×10\SA-213T91\38M216-2-9\300MW亚临界机组</t>
  </si>
  <si>
    <t>【东方锅炉】弯管\φ51×10\SA-213T91\38M216-2-10\300MW亚临界机组</t>
  </si>
  <si>
    <t>【东方锅炉】弯管\φ51×10\SA-213T91\38M216-2-11\300MW亚临界机组</t>
  </si>
  <si>
    <t>【东方锅炉】管夹\φ51×10\12Cr1MoV\38M216-2-12\300MW亚临界机组</t>
  </si>
  <si>
    <t>【东方锅炉】管子\φ45×7.5 L=13500\SA-213TP310HCbN\30S215-1-2\1000MW超超临界机组</t>
  </si>
  <si>
    <t>【东方锅炉】弯管\φ57×9\SA-213T91\38M211-1-1\300MW亚临界机组</t>
  </si>
  <si>
    <t>【东方锅炉】弯管\φ57×9\12Cr1MoVG\38M211-1-2\300MW亚临界机组</t>
  </si>
  <si>
    <t>【东方锅炉】弯管\φ57×9\12Cr2MoWVTiB\38M211-1-2\300MW亚临界机组</t>
  </si>
  <si>
    <t>【东方锅炉】弯管\φ57×9\12Cr1MoVG\38M211-1-3\300MW亚临界机组</t>
  </si>
  <si>
    <t>【东方锅炉】弯管\φ57×9\12Cr2MoWVTiB\38M211-1-3\300MW亚临界机组</t>
  </si>
  <si>
    <t>【东方锅炉】弯管\φ57×9\12Cr1MoVG\38M211-1-4\300MW亚临界机组</t>
  </si>
  <si>
    <t>【东方锅炉】弯管\φ57×9\12Cr2MoWVTiB\38M211-1-4\300MW亚临界机组</t>
  </si>
  <si>
    <t>【东方锅炉】弯管\φ57×9\12Cr2MoWVTiB\38M211-1-5\300MW亚临界机组</t>
  </si>
  <si>
    <t>【东方锅炉】弯管\φ57×9\12Cr2MoWVTiB\38M211-1-6\300MW亚临界机组</t>
  </si>
  <si>
    <t>【东方锅炉】弯管\φ57×9\12Cr2MoWVTiB\38M211-1-7\300MW亚临界机组</t>
  </si>
  <si>
    <t>【东方锅炉】弯管\φ57×9\SA-213T91\38M211-2-1\300MW亚临界机组</t>
  </si>
  <si>
    <t>【东方锅炉】弯管\φ57×9\SA-213T91\38M211-2-2\300MW亚临界机组</t>
  </si>
  <si>
    <t>【东方锅炉】弯管\φ57×9\SA-213T91\38M211-2-3\300MW亚临界机组</t>
  </si>
  <si>
    <t>【东方锅炉】弯管\φ57×9\SA-213T91\38M211-2-4\300MW亚临界机组</t>
  </si>
  <si>
    <t>【东方锅炉】弯管\φ57×9\SA-213T91\38M211-2-5\300MW亚临界机组</t>
  </si>
  <si>
    <t>【东方锅炉】弯管\φ57×9\SA-213T91\38M211-2-6\300MW亚临界机组</t>
  </si>
  <si>
    <t>【东方锅炉】弯管\φ57×9\SA-213T91\38M211-2-7\300MW亚临界机组</t>
  </si>
  <si>
    <t>【东方锅炉】弯管\φ57×8\12Cr1MoVG\37M211-1-2\300MW亚临界机组</t>
  </si>
  <si>
    <t>【东方锅炉】弯管\φ57×8\SA-213T91\37M211-1-2/№1\300MW亚临界机组</t>
  </si>
  <si>
    <t>【东方锅炉】弯管\φ57×8\SA-213T91\37M211-1-2/№2\300MW亚临界机组</t>
  </si>
  <si>
    <t>【东方锅炉】弯管\φ57×8\12Cr1MoVG\37M211-1-3\300MW亚临界机组</t>
  </si>
  <si>
    <t>【东方锅炉】弯管\φ57×8\SA-213T91\37M211-1-3\300MW亚临界机组</t>
  </si>
  <si>
    <t>【东方锅炉】弯管\φ57×8\12Cr1MoVG\37M211-1-4\300MW亚临界机组</t>
  </si>
  <si>
    <t>【东方锅炉】弯管\φ57×8\SA-213T91\37M211-1-4\300MW亚临界机组</t>
  </si>
  <si>
    <t>【东方锅炉】弯管\φ57×8\12Cr1MoVG\37M211-1-5\300MW亚临界机组</t>
  </si>
  <si>
    <t>【东方锅炉】弯管\φ57×8\SA-213T91\37M211-1-5\300MW亚临界机组</t>
  </si>
  <si>
    <t>【东方锅炉】弯管\φ57×8\12Cr1MoVG\37M211-1-6\300MW亚临界机组</t>
  </si>
  <si>
    <t>【东方锅炉】弯管\φ57×8\SA-213T91\37M211-1-6\300MW亚临界机组</t>
  </si>
  <si>
    <t>【东方锅炉】弯管\φ57×8\12Cr1MoVG\37M211-1-7/№1\300MW亚临界机组</t>
  </si>
  <si>
    <t>【东方锅炉】弯管\φ57×8\12Cr1MoVG\37M211-1-7/№2\300MW亚临界机组</t>
  </si>
  <si>
    <t>【东方锅炉】弯管\φ57×8\SA-213T91\37M211-1-7\300MW亚临界机组</t>
  </si>
  <si>
    <t>【东方锅炉】管子\φ45×11 L=300\SA-213T92\30S215-1-2\1000MW超超临界机组</t>
  </si>
  <si>
    <t>【东方锅炉】管子\φ45×7.5 L=300\12Cr1MoVG\16S215A-1-4\1000MW超超临界机组</t>
  </si>
  <si>
    <t>【东方锅炉】管子\φ45×7.5 L=13500\SA-213S30432\16S215A-1-4\1000MW超超临界机组</t>
  </si>
  <si>
    <t>【东方锅炉】弯管\φ60×5\SA-210C\38M2211-2-1\300MW亚临界机组</t>
  </si>
  <si>
    <t>【东方锅炉】弯管\φ60×5\SA-210C\38M2211-2-2\300MW亚临界机组</t>
  </si>
  <si>
    <t>【东方锅炉】弯管\φ60×5\15CrMoG\38M2213-1-1\300MW亚临界机组</t>
  </si>
  <si>
    <t>【东方锅炉】弯管\φ60×5\15CrMoG\38M2213-1-2\300MW亚临界机组</t>
  </si>
  <si>
    <t>【东方锅炉】弯管\φ60×5\12Cr1MoVG\38M2214-1-1\300MW亚临界机组</t>
  </si>
  <si>
    <t>【东方锅炉】弯管\φ60×5\12Cr1MoVG\38M2214-1-2\300MW亚临界机组</t>
  </si>
  <si>
    <t>【东方锅炉】弯管\φ60×5\12Cr1MoVG\38M2214-1-3\300MW亚临界机组</t>
  </si>
  <si>
    <t>【东方锅炉】弯管\φ60×5\15CrMoG\74M2214-1-1\300MW亚临界机组</t>
  </si>
  <si>
    <t>【东方锅炉】弯管\φ60×5\12Cr1MoVG\74M2214-1-1\300MW亚临界机组</t>
  </si>
  <si>
    <t>【东方锅炉】弯管\φ60×5\15CrMoG\74M2214-1-2\300MW亚临界机组</t>
  </si>
  <si>
    <t>【东方锅炉】弯管\φ60×5\12Cr1MoVG\74M2214-1-2\300MW亚临界机组</t>
  </si>
  <si>
    <t>【东方锅炉】弯管\φ60×5\12Cr1MoVG\74M2214-1-3\300MW亚临界机组</t>
  </si>
  <si>
    <t>【东方锅炉】异种钢接头\φ60×5\12Cr1MoVG/T91\38M2215-1-1\300MW亚临界机组</t>
  </si>
  <si>
    <t>【东方锅炉】弯管\φ60×5\SA-213T91\38M2215-1-1\300MW亚临界机组</t>
  </si>
  <si>
    <t>【东方锅炉】弯管\φ60×5\SA-213TP304H\38M2215-1-1\300MW亚临界机组</t>
  </si>
  <si>
    <t>【东方锅炉】异种钢接头\φ60×5\12Cr1MoVG
/12Cr2MoWVTiB\38M2215-1-2\300MW亚临界机组</t>
  </si>
  <si>
    <t>【东方锅炉】弯管\φ60×5\12Cr2MoWVTiB\38M2215-1-2\300MW亚临界机组</t>
  </si>
  <si>
    <t>【东方锅炉】弯管\φ60×5\SA-213T91\38M2215-1-2\300MW亚临界机组</t>
  </si>
  <si>
    <t>【东方锅炉】弯管\φ60×5\12Cr1MoVG
/12Cr2MoWVTiB\38M2215-1-3\300MW亚临界机组</t>
  </si>
  <si>
    <t>【东方锅炉】弯管\φ60×5\12Cr2MoWVTiB\38M2215-1-4\300MW亚临界机组</t>
  </si>
  <si>
    <t>【东方锅炉】弯管\φ60×5\12Cr2MoWVTiB\38M2215-1-5\300MW亚临界机组</t>
  </si>
  <si>
    <t>【东方锅炉】弯管\φ60×5\SA-213T91\38M2215-1-6\300MW亚临界机组</t>
  </si>
  <si>
    <t>【东方锅炉】弯管\φ60×5\12Cr1MoVG/T91\37M2215-1-1\300MW亚临界机组</t>
  </si>
  <si>
    <t>【东方锅炉】弯管\φ60×5\12Cr1MoVG/T91\37M2215-1-2\300MW亚临界机组</t>
  </si>
  <si>
    <t>【东方锅炉】弯管\φ60×5\12Cr1MoVG/T91\37M2215-1-3\300MW亚临界机组</t>
  </si>
  <si>
    <t>【东方锅炉】弯管\φ60×5\12Cr1MoVG/T91\37M2215-1-4\300MW亚临界机组</t>
  </si>
  <si>
    <t>【东方锅炉】滑动块\φ60\装配件\TG248-94/№1\300MW亚临界机组</t>
  </si>
  <si>
    <t>【东方锅炉】弯管\φ60×5\SA-213TP304H\38M222-1-1/№1\300MW亚临界机组</t>
  </si>
  <si>
    <t>【东方锅炉】弯管\φ60×5\SA-213TP304H\38M222-1-1/№2\300MW亚临界机组</t>
  </si>
  <si>
    <t>【东方锅炉】弯管\φ60×5\SA-213T91\38M222-1-2/№1\300MW亚临界机组</t>
  </si>
  <si>
    <t>【东方锅炉】弯管\φ60×5\SA-213T91\38M222-1-2/№2\300MW亚临界机组</t>
  </si>
  <si>
    <t>【东方锅炉】弯管\φ60×5\SA-213T91\38M222-1-3\300MW亚临界机组</t>
  </si>
  <si>
    <t>【东方锅炉】弯管\φ60×5\SA-213T91\38M222-1-4\300MW亚临界机组</t>
  </si>
  <si>
    <t>【东方锅炉】弯管\φ60×5\SA-213T91\38M222-1-5\300MW亚临界机组</t>
  </si>
  <si>
    <t>【东方锅炉】弯管\φ60×5\SA-213T91\38M222-1-6\300MW亚临界机组</t>
  </si>
  <si>
    <t>【东方锅炉】管子\φ45×11 L=300\SA-213T92\16S215A-1-4\1000MW超超临界机组</t>
  </si>
  <si>
    <t>【东方锅炉】筒身\φ457.2×65;L=3920\12Cr1MoVG\TGM23002-0\300MW亚临界机组</t>
  </si>
  <si>
    <t>【东方锅炉】减温器混合管\φ309.8×8;L=3560\12Cr1MoVG\TGM23002-1\300MW亚临界机组</t>
  </si>
  <si>
    <t>【东方锅炉】喷管\φ89×9.5;L=548.6\12Cr1MoVG\TGM23002-2\300MW亚临界机组</t>
  </si>
  <si>
    <t>【东方锅炉】筒身\φ355.6×50;L=3768\12Cr1MoVG\TGM23003-0\300MW亚临界机组</t>
  </si>
  <si>
    <t>【东方锅炉】减温器混合管\φ237.6×8;L=3443\12Cr1MoVG\TGM23003-1\300MW亚临界机组</t>
  </si>
  <si>
    <t>【东方锅炉】喷管\φ89×9.5;L=461.8\12Cr1MoVG\TGM23003-2\300MW亚临界机组</t>
  </si>
  <si>
    <t>【东方锅炉】筒身\φ812.8×24;L=4000\SA-106B\TGM23001-0\300MW亚临界机组</t>
  </si>
  <si>
    <t>【东方锅炉】减温器混合管\φ746.8×24;L=3590\20g\TGM23001-1\300MW亚临界机组</t>
  </si>
  <si>
    <t>【东方锅炉】喷管\φ60×8;L=1251.4\20g\TGM23001-2\300MW亚临界机组</t>
  </si>
  <si>
    <t>【东方锅炉】管子\φ45×7.5 L=300\12Cr1MoVG\16S215A-1-5\1000MW超超临界机组</t>
  </si>
  <si>
    <t>【东方锅炉】管座\φ70\SA-182F91\38M245-3-5\300MW亚临界机组</t>
  </si>
  <si>
    <t>【东方锅炉】弯管\φ40\SA-182F91\38M245A-2-3\300MW亚临界机组</t>
  </si>
  <si>
    <t>【东方锅炉】管接头\φ16×3\SA-182F91\38M245-3-4\300MW亚临界机组</t>
  </si>
  <si>
    <t>【东方锅炉】管子\φ45×7.5 L=13500\SA-213S30432\16S215A-1-5\1000MW超超临界机组</t>
  </si>
  <si>
    <t>【东方锅炉】弯管\φ50\1Cr18Ni9Ti\38M2421-2-3\300MW亚临界机组</t>
  </si>
  <si>
    <t>【东方锅炉】管接头\φ16×3\1Cr18Ni9Ti\38M2421-2-4\300MW亚临界机组</t>
  </si>
  <si>
    <t>【东方锅炉】管接头\φ16×3\SA-106C\DG3282\300MW亚临界机组</t>
  </si>
  <si>
    <t>【东方锅炉】管组\δ6\装配件\TGM11001\300MW亚临界机组</t>
  </si>
  <si>
    <t>【东方锅炉】密封板\δ6\12Cr1MoV\TGM11001\300MW亚临界机组</t>
  </si>
  <si>
    <t>【东方锅炉】弯管\φ63.5×7.5\SA-210C\TGM11001\300MW亚临界机组</t>
  </si>
  <si>
    <t>【东方锅炉】管组\δ6\装配件\TGM11002\300MW亚临界机组</t>
  </si>
  <si>
    <t>【东方锅炉】密封板\δ6\12Cr1MoV\TGM11002\300MW亚临界机组</t>
  </si>
  <si>
    <t>【东方锅炉】弯管\φ63.5×7.5\SA-210C\TGM11002\300MW亚临界机组</t>
  </si>
  <si>
    <t>【东方锅炉】管组\δ6\装配件\TGM11004\300MW亚临界机组</t>
  </si>
  <si>
    <t>【东方锅炉】密封板\δ6\12Cr1MoV\TGM11004\300MW亚临界机组</t>
  </si>
  <si>
    <t>【东方锅炉】弯管\φ63.5×7.5\SA-210C\TGM11004\300MW亚临界机组</t>
  </si>
  <si>
    <t>【东方锅炉】管件\φ63.5×7.5\装配件\TGM11005\300MW亚临界机组</t>
  </si>
  <si>
    <t>【东方锅炉】密封板\δ6\12Cr1MoV\TGM11005\300MW亚临界机组</t>
  </si>
  <si>
    <t>【东方锅炉】弯管\φ63.5×7.5\SA-210C\TGM11005\300MW亚临界机组</t>
  </si>
  <si>
    <t>【东方锅炉】管件\φ63.5×7.5\装配件\TGM11006\300MW亚临界机组</t>
  </si>
  <si>
    <t>【东方锅炉】密封板\δ6\12Cr1MoV\TGM11006\300MW亚临界机组</t>
  </si>
  <si>
    <t>【东方锅炉】弯管\φ63.5×7.5\SA-210C\TGM11006\300MW亚临界机组</t>
  </si>
  <si>
    <t>【东方锅炉】管组\φ63.5×7.5\装配件\TGM11007\300MW亚临界机组</t>
  </si>
  <si>
    <t>【东方锅炉】密封板\δ6\20#\TGM11007/№1\300MW亚临界机组</t>
  </si>
  <si>
    <t>【东方锅炉】密封板\δ6\20#\TGM11007/№2\300MW亚临界机组</t>
  </si>
  <si>
    <t>【东方锅炉】密封板\δ6\20#\TGM11007/№3\300MW亚临界机组</t>
  </si>
  <si>
    <t>【东方锅炉】弯管\φ63.5×7.5\SA-210C\TGM11007/№1\300MW亚临界机组</t>
  </si>
  <si>
    <t>【东方锅炉】弯管\φ63.5×7.5\SA-210C\TGM11007/№2\300MW亚临界机组</t>
  </si>
  <si>
    <t>【东方锅炉】弯管\φ63.5×7.5\SA-210C\TGM11007/№3\300MW亚临界机组</t>
  </si>
  <si>
    <t>【东方锅炉】管组\φ63.5×7.5\装配件\TGM11008\300MW亚临界机组</t>
  </si>
  <si>
    <t>【东方锅炉】密封板\δ6\12Cr1MoV\TGM11008\300MW亚临界机组</t>
  </si>
  <si>
    <t>【东方锅炉】弯管\φ63.5×7.5\SA-210C\TGM11008\300MW亚临界机组</t>
  </si>
  <si>
    <t>【东方锅炉】管组\φ63.5×7.5\装配件\TGM11009\300MW亚临界机组</t>
  </si>
  <si>
    <t>【东方锅炉】弯管\φ63.5×7.5\SA-210C\TGM11009\300MW亚临界机组</t>
  </si>
  <si>
    <t>【东方锅炉】密封板\δ6\15CrMo\TGM11009\300MW亚临界机组</t>
  </si>
  <si>
    <t>【东方锅炉】密封板\δ6\20#\TGM11009\300MW亚临界机组</t>
  </si>
  <si>
    <t>【东方锅炉】管组\φ63.5×7.5\装配件\TGM11010\300MW亚临界机组</t>
  </si>
  <si>
    <t>【东方锅炉】弯管\φ63.5×7.5\SA-210C\TGM11010\300MW亚临界机组</t>
  </si>
  <si>
    <t>【东方锅炉】密封板\δ6\15CrMo\TGM11010\300MW亚临界机组</t>
  </si>
  <si>
    <t>【东方锅炉】密封板\δ6\20#\TGM11010\300MW亚临界机组</t>
  </si>
  <si>
    <t>【东方锅炉】人孔组件\φ63.5×7.5\装配件\156M111-6-0\330MW亚临界机组</t>
  </si>
  <si>
    <t>【东方锅炉】弯管\φ63.5×7.5\SA-210C\156M111-6-1\330MW亚临界机组</t>
  </si>
  <si>
    <t>【东方锅炉】弯管\φ63.5×7.5\SA-210C\156M111-6-2\330MW亚临界机组</t>
  </si>
  <si>
    <t>【东方锅炉】弯管\φ63.5×7.5\SA-210C\156M111-6-3\330MW亚临界机组</t>
  </si>
  <si>
    <t>【东方锅炉】弯管\φ63.5×7.5\SA-210C\156M111-6-4\330MW亚临界机组</t>
  </si>
  <si>
    <t>【东方锅炉】密封板\δ6\20#\DG2039-2010\330MW亚临界机组</t>
  </si>
  <si>
    <t>【东方锅炉】密封板\δ6\20#\156M111-5-5\330MW亚临界机组</t>
  </si>
  <si>
    <t>【东方锅炉】弯管\φ63.5×7.5\SA-210C\156M112-15-1/№1\330MW亚临界机组</t>
  </si>
  <si>
    <t>【东方锅炉】弯管\φ63.5×7.5\SA-210C\156M112-15-1/№2\330MW亚临界机组</t>
  </si>
  <si>
    <t>【东方锅炉】弯管\φ63.5×7.5\SA-210C\156M112-15-1/№3\330MW亚临界机组</t>
  </si>
  <si>
    <t>【东方锅炉】弯管\φ63.5×7.5\SA-210C\156M112-15-1/№4\330MW亚临界机组</t>
  </si>
  <si>
    <t>【东方锅炉】弯管\φ63.5×7.5\SA-210C\156M112-15-2\330MW亚临界机组</t>
  </si>
  <si>
    <t>【东方锅炉】弯管\φ63.5×7.5\SA-210C\156M112-15-3\330MW亚临界机组</t>
  </si>
  <si>
    <t>【东方锅炉】弯管\φ63.5×7.5\SA-210C\156M112-15-4\330MW亚临界机组</t>
  </si>
  <si>
    <t>【东方锅炉】弯管\φ63.5×7.5\SA-210C\156M112-15-5\330MW亚临界机组</t>
  </si>
  <si>
    <t>【东方锅炉】密封板\δ6\12Cr1MoV\DG2039-2010\330MW亚临界机组</t>
  </si>
  <si>
    <t>【东方锅炉】管子\φ45×11 L=300\SA-213T92\16S215A-1-5\1000MW超超临界机组</t>
  </si>
  <si>
    <t>【东方锅炉】弯管\φ63.5×7.5\SA-210C\36M11-10-2\300MW亚临界机组</t>
  </si>
  <si>
    <t>【东方锅炉】弯管\φ63.5×7.5\SA-210C\36M11-10-3\300MW亚临界机组</t>
  </si>
  <si>
    <t>【东方锅炉】弯管\φ63.5×7.5\SA-210C\36M11-10-4\300MW亚临界机组</t>
  </si>
  <si>
    <t>【东方锅炉】管子\φ45×7.5 L=300\12Cr1MoVG\16S215A-1-6\1000MW超超临界机组</t>
  </si>
  <si>
    <t>【东方锅炉】人孔组件\φ63.5×7.5\装配件\51M111-3-0
51M111-4-0\300MW亚临界机组</t>
  </si>
  <si>
    <t>【东方锅炉】弯管\φ63.5×7.5\SA-210C\51M111-3-1\300MW亚临界机组</t>
  </si>
  <si>
    <t>【东方锅炉】弯管\φ63.5×7.5\SA-210C\51M111-3-2\300MW亚临界机组</t>
  </si>
  <si>
    <t>【东方锅炉】弯管\φ63.5×7.5\SA-210C\51M111-4-2\300MW亚临界机组</t>
  </si>
  <si>
    <t>【东方锅炉】弯管\φ63.5×7.5\SA-210C\51M111-4-3\300MW亚临界机组</t>
  </si>
  <si>
    <t>【东方锅炉】弯管\φ63.5×7.5\SA-210C\51M111-4-4\300MW亚临界机组</t>
  </si>
  <si>
    <t>【东方锅炉】密封板\δ6\装配件\TG11005-97\300MW亚临界机组</t>
  </si>
  <si>
    <t>【东方锅炉】管组\φ63.5×7.5\装配件\36M111-13-0/46M111-9-0\300MW亚临界机组</t>
  </si>
  <si>
    <t>【东方锅炉】弯管\φ63.5×7.5\SA-210C\36M111-13-1\300MW亚临界机组</t>
  </si>
  <si>
    <t>【东方锅炉】弯管\φ63.5×7.5\SA-210C\36M111-10-8\300MW亚临界机组</t>
  </si>
  <si>
    <t>【东方锅炉】密封板\δ6\12Cr1MoV\36M111-13-3\300MW亚临界机组</t>
  </si>
  <si>
    <t>【东方锅炉】密封板\δ6\15CrMo\36M111-13-4\300MW亚临界机组</t>
  </si>
  <si>
    <t>【东方锅炉】密封板\δ6\12Cr1MoV\36M111-10-9\300MW亚临界机组</t>
  </si>
  <si>
    <t>【东方锅炉】密封板\δ6\15CrMo\MFB-40\300MW亚临界机组</t>
  </si>
  <si>
    <t>【东方锅炉】管组\φ63.5×7.5\装配件\51M111-4-0\300MW亚临界机组</t>
  </si>
  <si>
    <t>【东方锅炉】弯管\φ63.5×7.5\SA-210C\51M111-4-1\300MW亚临界机组</t>
  </si>
  <si>
    <t>【东方锅炉】弯管\φ63.5×7.5\SA-210C\51M111-4-5\300MW亚临界机组</t>
  </si>
  <si>
    <t>【东方锅炉】密封板\δ6\12Cr1MoV\51M111-4-6\300MW亚临界机组</t>
  </si>
  <si>
    <t>【东方锅炉】密封板\δ6\12Cr1MoV\51M111-4-7\300MW亚临界机组</t>
  </si>
  <si>
    <t>【东方锅炉】管组\φ63.5×7.5\装配件\51M111-6-0\300MW亚临界机组</t>
  </si>
  <si>
    <t>【东方锅炉】弯管\φ63.5×7.5\SA-210C\51M111-6-1\300MW亚临界机组</t>
  </si>
  <si>
    <t>【东方锅炉】密封板\δ6\12Cr1MoV\51M111-6-3
51M111-6-4\300MW亚临界机组</t>
  </si>
  <si>
    <t>【东方锅炉】弯管\φ63.5×7.5\SA-210C\51M111-6-2\300MW亚临界机组</t>
  </si>
  <si>
    <t>【东方锅炉】密封板\δ6\12Cr1MoV\51M111-6-5\300MW亚临界机组</t>
  </si>
  <si>
    <t>【东方锅炉】管子\φ45×7.5 L=13500\SA-213S30432\16S215A-1-6\1000MW超超临界机组</t>
  </si>
  <si>
    <t>【东方锅炉】弯管\φ63.5×7.5\SA-210C\WG-154\300MW亚临界机组</t>
  </si>
  <si>
    <t>【东方锅炉】压板式检查门\φ550\装配件\DG4859-2010\300MW亚临界机组</t>
  </si>
  <si>
    <t>【东方锅炉】压板式检查门\φ450\装配件\DG4820-2014\300MW亚临界机组</t>
  </si>
  <si>
    <t>【东方锅炉】打焦门\250×100\装配件\DG4821-2014\300MW亚临界机组</t>
  </si>
  <si>
    <t>【东方锅炉】看火孔\380×380\装配件\DG4823-2016\300MW亚临界机组</t>
  </si>
  <si>
    <t>【东方锅炉】弯管\φ57×7\12Cr1MoVG\28M212-4-5\300MW亚临界机组</t>
  </si>
  <si>
    <t>【东方锅炉】弯管\φ57×7\15CrMoG\51M212-1-1/№1\300MW亚临界机组</t>
  </si>
  <si>
    <t>【东方锅炉】弯管\φ57×7\15CrMoG\51M212-1-1/№2\300MW亚临界机组</t>
  </si>
  <si>
    <t>【东方锅炉】弯管\φ57×7\15CrMoG\51M212-1-1/№3\300MW亚临界机组</t>
  </si>
  <si>
    <t>【东方锅炉】弯管\φ57×7\15CrMoG\51M212-1-2/№4\300MW亚临界机组</t>
  </si>
  <si>
    <t>【东方锅炉】弯管\φ57×7\15CrMoG\51M212-1-2/№5\300MW亚临界机组</t>
  </si>
  <si>
    <t>【东方锅炉】弯管\φ57×7\15CrMoG\51M212-1-3\300MW亚临界机组</t>
  </si>
  <si>
    <t>【东方锅炉】弯管\φ57×6\12Cr1MoVG\42M212-1-1\300MW亚临界机组</t>
  </si>
  <si>
    <t>【东方锅炉】弯管\φ57×6\15CrMoG\156M2121A-1-1/№1\330MW亚临界机组</t>
  </si>
  <si>
    <t>【东方锅炉】弯管\φ57×6\15CrMoG\156M2121A-1-1/№2\330MW亚临界机组</t>
  </si>
  <si>
    <t>【东方锅炉】弯管\φ57×6\15CrMoG\156M2121A-1-1/№3\330MW亚临界机组</t>
  </si>
  <si>
    <t>【东方锅炉】弯管\φ57×6\15CrMoG\156M2121A-1-2/№1\330MW亚临界机组</t>
  </si>
  <si>
    <t>【东方锅炉】弯管\φ57×6\15CrMoG\156M2121A-1-2\330MW亚临界机组</t>
  </si>
  <si>
    <t>【东方锅炉】管子\φ45×11 L=300\SA-213T92\16S215A-1-6\1000MW超超临界机组</t>
  </si>
  <si>
    <t>【东方锅炉】弯管\φ51×6\SA-213T91\51M216-1-1\300MW亚临界机组</t>
  </si>
  <si>
    <t>【东方锅炉】弯管\φ51×6\SA-213T91\51M216-1-2\300MW亚临界机组</t>
  </si>
  <si>
    <t>【东方锅炉】弯管\φ51×6\SA-213T91\51M216-1-3\300MW亚临界机组</t>
  </si>
  <si>
    <t>【东方锅炉】弯管\φ51×6\SA-213T91\51M216-1-4\300MW亚临界机组</t>
  </si>
  <si>
    <t>【东方锅炉】弯管\φ51×6\SA-213T91\51M216-1-5\300MW亚临界机组</t>
  </si>
  <si>
    <t>【东方锅炉】弯管\φ51×6\SA-213T91\51M216-1-6\300MW亚临界机组</t>
  </si>
  <si>
    <t>【东方锅炉】弯管\φ51×6\SA-213T91\51M216-1-7\300MW亚临界机组</t>
  </si>
  <si>
    <t>【东方锅炉】弯管\φ51×6\SA-213T91\51M216-1-8\300MW亚临界机组</t>
  </si>
  <si>
    <t>【东方锅炉】弯管\φ51×6\SA-213T91\51M216-1-9\300MW亚临界机组</t>
  </si>
  <si>
    <t>【东方锅炉】弯管\φ51×6\SA-213T91\51M216-1-10\300MW亚临界机组</t>
  </si>
  <si>
    <t>【东方锅炉】弯管\φ51×6\SA-213T91\51M216-1-11\300MW亚临界机组</t>
  </si>
  <si>
    <t>【东方锅炉】弯管\φ51×6\SA-213TP347H\51M216-1-12\300MW亚临界机组</t>
  </si>
  <si>
    <t>【东方锅炉】管子\φ45×7.5 L=300\12Cr1MoVG\16S215A-1-7\1000MW超超临界机组</t>
  </si>
  <si>
    <t>【东方锅炉】管子\φ45×7.5 L=13500\SA-213S30432\16S215A-1-7\1000MW超超临界机组</t>
  </si>
  <si>
    <t>【东方锅炉】弯管\φ51×6\12Cr1MoVG\156M216-1-2\330MW亚临界机组</t>
  </si>
  <si>
    <t>【东方锅炉】弯管\φ51×6\12Cr1MoVG\156M216-1-3\330MW亚临界机组</t>
  </si>
  <si>
    <t>【东方锅炉】弯管\φ51×6\12Cr1MoVG\156M216-1-4/№1\330MW亚临界机组</t>
  </si>
  <si>
    <t>【东方锅炉】弯管\φ51×6\12Cr1MoVG\156M216-1-4/№2\330MW亚临界机组</t>
  </si>
  <si>
    <t>【东方锅炉】弯管\φ51×6\12Cr1MoVG\156M216-1-5\330MW亚临界机组</t>
  </si>
  <si>
    <t>【东方锅炉】弯管\φ51×6\SA-213T91\156M216-1-8/№3\330MW亚临界机组</t>
  </si>
  <si>
    <t>【东方锅炉】弯管\φ51×6\SA-213T91\156M216-1-8\330MW亚临界机组</t>
  </si>
  <si>
    <t>【东方锅炉】弯管\φ51×7\SA-213T91\102M216-1-1\330MW亚临界机组</t>
  </si>
  <si>
    <t>【东方锅炉】弯管\φ51×7\SA-213T91\102M216-1-2\330MW亚临界机组</t>
  </si>
  <si>
    <t>【东方锅炉】弯管\φ51×7\SA-213T91\102M216-1-3\330MW亚临界机组</t>
  </si>
  <si>
    <t>【东方锅炉】弯管\φ51×7\12Cr1MoVG\102M216-1-4\330MW亚临界机组</t>
  </si>
  <si>
    <t>【东方锅炉】弯管\φ51×7\12Cr1MoVG\102M216-1-5\330MW亚临界机组</t>
  </si>
  <si>
    <t>【东方锅炉】弯管\φ51×7\12Cr1MoVG\102M216-1-6\330MW亚临界机组</t>
  </si>
  <si>
    <t>【东方锅炉】弯管\φ51×7\12Cr1MoVG\102M216-1-7\330MW亚临界机组</t>
  </si>
  <si>
    <t>【东方锅炉】弯管\φ51×7\12Cr1MoVG\102M216-1-8\330MW亚临界机组</t>
  </si>
  <si>
    <t>【东方锅炉】弯管\φ51×7\12Cr1MoVG\102M216-1-9\330MW亚临界机组</t>
  </si>
  <si>
    <t>【东方锅炉】弯管\φ51×7\12Cr1MoVG\102M216-1-10\330MW亚临界机组</t>
  </si>
  <si>
    <t>【东方锅炉】弯管\φ51×7\12Cr1MoVG\102M216-1-11\330MW亚临界机组</t>
  </si>
  <si>
    <t>【东方锅炉】弯管\φ51×7\12Cr1MoVG\102M216-1-12\330MW亚临界机组</t>
  </si>
  <si>
    <t>【东方锅炉】弯管\φ51×7\SA-213T91\102M216-1-13\330MW亚临界机组</t>
  </si>
  <si>
    <t>【东方锅炉】弯管\φ54×9\SA-213TP347H\51M215A-1-1\300MW亚临界机组</t>
  </si>
  <si>
    <t>【东方锅炉】弯管\φ54×9\12Cr1MoVG\51M215A-1-2\300MW亚临界机组</t>
  </si>
  <si>
    <t>【东方锅炉】弯管\φ54×9\12Cr1MoVG\51M215A-1-3\300MW亚临界机组</t>
  </si>
  <si>
    <t>【东方锅炉】弯管\φ54×9\12Cr1MoVG\51M215A-1-4\300MW亚临界机组</t>
  </si>
  <si>
    <t>【东方锅炉】弯管\φ54×9\12Cr1MoVG\51M215A-1-5\300MW亚临界机组</t>
  </si>
  <si>
    <t>【东方锅炉】弯管\φ54×9\12Cr1MoVG\51M215A-1-6\300MW亚临界机组</t>
  </si>
  <si>
    <t>【东方锅炉】弯管\φ54×9\SA-213T91\51M215A-1-7\300MW亚临界机组</t>
  </si>
  <si>
    <t>【东方锅炉】弯管\φ54×9\SA-213T91\51M215A-1-8\300MW亚临界机组</t>
  </si>
  <si>
    <t>【东方锅炉】弯管\φ54×9\SA-213T91\51M215A-1-9\300MW亚临界机组</t>
  </si>
  <si>
    <t>【东方锅炉】弯管\φ54×9\SA-213T91\51M215A-1-10\300MW亚临界机组</t>
  </si>
  <si>
    <t>【东方锅炉】弯管\φ54×9\SA-213TP347H\51M215A-1-11\300MW亚临界机组</t>
  </si>
  <si>
    <t>【东方锅炉】弯管\φ54×9\SA-213TP347H\51M215A-1-12\300MW亚临界机组</t>
  </si>
  <si>
    <t>【东方锅炉】弯管\φ54×9\SA-213TP347H\51M215A-1-13\300MW亚临界机组</t>
  </si>
  <si>
    <t>【东方锅炉】管子\φ45×11 L=300\SA-213T92\16S215A-1-7\1000MW超超临界机组</t>
  </si>
  <si>
    <t>【东方锅炉】管子\φ45×7.5 L=300\12Cr1MoVG\16S215A-1-8\1000MW超超临界机组</t>
  </si>
  <si>
    <t>【东方锅炉】管子\φ45×7.5 L=13500\SA-213S30432\16S215A-1-8\1000MW超超临界机组</t>
  </si>
  <si>
    <t>【东方锅炉】管子\φ45×11 L=300\SA-213T92\16S215A-1-8\1000MW超超临界机组</t>
  </si>
  <si>
    <t>【东方锅炉】管子\φ45×7.5 L=300\12Cr1MoVG\16S215A-1-9\1000MW超超临界机组</t>
  </si>
  <si>
    <t>【东方锅炉】管子\φ45×7.5 L=13500\SA-213S30432\16S215A-1-9\1000MW超超临界机组</t>
  </si>
  <si>
    <t>【东方锅炉】管子\φ45×11 L=300\SA-213T92\16S215A-1-9\1000MW超超临界机组</t>
  </si>
  <si>
    <t>【东方锅炉】弯管\φ54×8.5\12Cr1MoVG\156M215-1-4\330MW亚临界机组</t>
  </si>
  <si>
    <t>【东方锅炉】弯管\φ54×8.5\SA-213T91\156M215-1-6/№1\330MW亚临界机组</t>
  </si>
  <si>
    <t>【东方锅炉】弯管\φ54×8.5\SA-213T91\156M215-1-6/№2\330MW亚临界机组</t>
  </si>
  <si>
    <t>【东方锅炉】弯管\φ54×8.5\SA-213TP347H\102M215-1-13\330MW亚临界机组</t>
  </si>
  <si>
    <t>【东方锅炉】弯管\φ54×8.5\SA-213TP347H\102M215-1-14\330MW亚临界机组</t>
  </si>
  <si>
    <t>【东方锅炉】弯管\φ54×8.5\SA-213TP347H\102M215-1-15\330MW亚临界机组</t>
  </si>
  <si>
    <t>【东方锅炉】弯管\φ51×9\12Cr1MoVG\51M221A-1-1/№1\300MW亚临界机组</t>
  </si>
  <si>
    <t>【东方锅炉】弯管\φ51×9\SA-213T91\51M221A-1-1\300MW亚临界机组</t>
  </si>
  <si>
    <t>【东方锅炉】弯管\φ51×9\12Cr1MoVG\51M221A-1-1/№2\300MW亚临界机组</t>
  </si>
  <si>
    <t>【东方锅炉】弯管\φ51×9\12Cr1MoVG\51M221A-1-2/№1\300MW亚临界机组</t>
  </si>
  <si>
    <t>【东方锅炉】弯管\φ51×9\SA-213T91\51M221A-1-2\300MW亚临界机组</t>
  </si>
  <si>
    <t>【东方锅炉】弯管\φ51×9\12Cr1MoVG\51M221A-1-2/№2\300MW亚临界机组</t>
  </si>
  <si>
    <t>【东方锅炉】低温再热器弯管\φ51×9\12Cr1MoVG\51M221A-1-3\300MW亚临界机组</t>
  </si>
  <si>
    <t>【东方锅炉】弯管\φ51×9\SA-213T91\51M221A-1-3\300MW亚临界机组</t>
  </si>
  <si>
    <t>【东方锅炉】再热器弯管\φ51×9\12Cr1MoVG\51M221A-1-3\300MW亚临界机组</t>
  </si>
  <si>
    <t>【东方锅炉】弯管\φ51×9\SA-213T91\51M221A-1-4\300MW亚临界机组</t>
  </si>
  <si>
    <t>【东方锅炉】弯管\φ51×9\SA-213T91\51M221A-1-5\300MW亚临界机组</t>
  </si>
  <si>
    <t>【东方锅炉】弯管\φ51×9\SA-213T91\51M221A-1-6\300MW亚临界机组</t>
  </si>
  <si>
    <t>【东方锅炉】管子\φ45×7.5 L=300\12Cr1MoVG\16S215A-1-10\1000MW超超临界机组</t>
  </si>
  <si>
    <t>【东方锅炉】管子\φ45×7.5 L=13500\SA-213S30432\16S215A-1-10\1000MW超超临界机组</t>
  </si>
  <si>
    <t>【东方锅炉】弯管\φ51×8\SA-213T91\156M221-1-1/№1\330MW亚临界机组</t>
  </si>
  <si>
    <t>【东方锅炉】弯管\φ51×8\SA-213T91\156M221-1-1/№2\330MW亚临界机组</t>
  </si>
  <si>
    <t>【东方锅炉】弯管\φ51×8\SA-213T91\156M221-1-2/№3\330MW亚临界机组</t>
  </si>
  <si>
    <t>【东方锅炉】弯管\φ51×8\SA-213T91\156M221-1-2/№4\330MW亚临界机组</t>
  </si>
  <si>
    <t>【东方锅炉】弯管\φ51×8\SA-213T91\156M221-1-3/№5\330MW亚临界机组</t>
  </si>
  <si>
    <t>【东方锅炉】弯管\φ51×8\SA-213T91\156M221-1-3/№6\330MW亚临界机组</t>
  </si>
  <si>
    <t>【东方锅炉】弯管\φ51×9\SA-213TP347H\41M211-1-5\300MW亚临界机组</t>
  </si>
  <si>
    <t>【东方锅炉】弯管\φ51×8\SA-213TP347H\102M211-1-1\330MW亚临界机组</t>
  </si>
  <si>
    <t>【东方锅炉】弯管\φ51×8\SA-213TP347H\102M211-1-3\330MW亚临界机组</t>
  </si>
  <si>
    <t>【东方锅炉】弯管\φ51×8\SA-213TP347H\102M211-1-5\330MW亚临界机组</t>
  </si>
  <si>
    <t>【东方锅炉】弯管\φ51×8\SA-213T91\55M211-1-7\300MW亚临界机组</t>
  </si>
  <si>
    <t>【东方锅炉】弯管\φ51×8\SA-213T91\55M211-1-10\300MW亚临界机组</t>
  </si>
  <si>
    <t>【东方锅炉】弯管\φ51×8\SA-213T91\55M211-1-13\300MW亚临界机组</t>
  </si>
  <si>
    <t>【东方锅炉】弯管\φ51×9\12Cr1MoVG\41M211-1-32\300MW亚临界机组</t>
  </si>
  <si>
    <t>【东方锅炉】弯管\φ51×9\12Cr1MoVG\41M211-1-35\300MW亚临界机组</t>
  </si>
  <si>
    <t>【东方锅炉】弯管\φ51×9\12Cr1MoVG\41M211-1-38\300MW亚临界机组</t>
  </si>
  <si>
    <t>【东方锅炉】弯管\φ51×9\12Cr1MoVG\41M211-1-41\300MW亚临界机组</t>
  </si>
  <si>
    <t>【东方锅炉】弯管\φ51×9\SA-213T91\41M211-1-46\300MW亚临界机组</t>
  </si>
  <si>
    <t>【东方锅炉】弯管\φ63.5×4\12Cr1MoVG\102M221-1-12\330MW亚临界机组</t>
  </si>
  <si>
    <t>【东方锅炉】弯管\φ63.5×6\15CrMoG\102M221-4-1/№1\330MW亚临界机组</t>
  </si>
  <si>
    <t>【东方锅炉】弯管\φ63.5×6\15CrMoG\102M221-4-1/№2\330MW亚临界机组</t>
  </si>
  <si>
    <t>【东方锅炉】弯管\φ63.5×4\15CrMoG\102M221-4-2/№3\330MW亚临界机组</t>
  </si>
  <si>
    <t>【东方锅炉】弯管\φ63.5×4\15CrMoG\102M221-4-2/№4\330MW亚临界机组</t>
  </si>
  <si>
    <t>【东方锅炉】弯管\φ63.5×4\15CrMoG\102M221-4-3/№5\330MW亚临界机组</t>
  </si>
  <si>
    <t>【东方锅炉】弯管\φ63.5×4\15CrMoG\102M221-4-3/№6\330MW亚临界机组</t>
  </si>
  <si>
    <t>【东方锅炉】弯管\φ60×4\SA-213T91\51M222-1-1\300MW亚临界机组</t>
  </si>
  <si>
    <t>【东方锅炉】弯管\φ60×4\15CrMoG\51M222-1-2\300MW亚临界机组</t>
  </si>
  <si>
    <t>【东方锅炉】弯管\φ60×4\15CrMoG\51M222-1-3\300MW亚临界机组</t>
  </si>
  <si>
    <t>【东方锅炉】弯管\φ60×4\15CrMoG\51M222-1-4\300MW亚临界机组</t>
  </si>
  <si>
    <t>【东方锅炉】弯管\φ60×4\15CrMoG\51M222-1-5\300MW亚临界机组</t>
  </si>
  <si>
    <t>【东方锅炉】弯管\φ60×4\15CrMoG\51M222-1-6\300MW亚临界机组</t>
  </si>
  <si>
    <t>【东方锅炉】弯管\φ60×4\15CrMoG\51M222-1-7\300MW亚临界机组</t>
  </si>
  <si>
    <t>【东方锅炉】弯管\φ60×4\15CrMoG\51M222-1-8\300MW亚临界机组</t>
  </si>
  <si>
    <t>【东方锅炉】弯管\φ60×4\15CrMoG\51M222-1-9\300MW亚临界机组</t>
  </si>
  <si>
    <t>【东方锅炉】弯管\φ60×4\15CrMoG\51M222-1-10\300MW亚临界机组</t>
  </si>
  <si>
    <t>【东方锅炉】弯管\φ60×4\15CrMoG\51M222-1-11\300MW亚临界机组</t>
  </si>
  <si>
    <t>【东方锅炉】弯管\φ60×4\15CrMoG\51M222-1-12\300MW亚临界机组</t>
  </si>
  <si>
    <t>【东方锅炉】弯管\φ60×4\12Cr1MoVG\51M222-1-13\300MW亚临界机组</t>
  </si>
  <si>
    <t>【东方锅炉】弯管\φ60×4\12Cr1MoVG\51M222-1-14\300MW亚临界机组</t>
  </si>
  <si>
    <t>【东方锅炉】管子\φ45×11 L=300\SA-213T92\16S215A-1-10\1000MW超超临界机组</t>
  </si>
  <si>
    <t>【东方锅炉】管子\φ45×7.5 L=300\12Cr1MoVG\16S215A-1-11\1000MW超超临界机组</t>
  </si>
  <si>
    <t>【东方锅炉】管子\φ45×7.5 L=13500\SA-213S30432\16S215A-1-11\1000MW超超临界机组</t>
  </si>
  <si>
    <t>【东方锅炉】弯管\φ60.3×6\12Cr1MoVG\42M222-1-2\300MW亚临界机组</t>
  </si>
  <si>
    <t>【东方锅炉】弯管\φ60.3×6\12Cr1MoVG\42M222-1-3\300MW亚临界机组</t>
  </si>
  <si>
    <t>【东方锅炉】弯管\φ60.3×6\12Cr1MoVG\42M222-1-4\300MW亚临界机组</t>
  </si>
  <si>
    <t>【东方锅炉】弯管\φ60.3×6\SA-213T91\42M222-1-14\300MW亚临界机组</t>
  </si>
  <si>
    <t>【东方锅炉】弯管\φ60×4\SA-213T91\51M223-1-1\300MW亚临界机组</t>
  </si>
  <si>
    <t>【东方锅炉】弯管\φ60×4\SA-213T91\51M223-1-2\300MW亚临界机组</t>
  </si>
  <si>
    <t>【东方锅炉】弯管\φ60×4\SA-213T91\51M223-1-4\300MW亚临界机组</t>
  </si>
  <si>
    <t>【东方锅炉】弯管\φ60×4\SA-213T91\51M223-1-6\300MW亚临界机组</t>
  </si>
  <si>
    <t>【东方锅炉】弯管\φ60×4\SA-213T91\51M223-1-8\300MW亚临界机组</t>
  </si>
  <si>
    <t>【东方锅炉】弯管\φ60×4\SA-213T91\51M223-1-9\300MW亚临界机组</t>
  </si>
  <si>
    <t>【东方锅炉】弯管\φ60×4\SA-213T91\51M223-1-10\300MW亚临界机组</t>
  </si>
  <si>
    <t>【东方锅炉】管子\φ45×11 L=300\SA-213T92\16S215A-1-11\1000MW超超临界机组</t>
  </si>
  <si>
    <t>【东方锅炉】管子\φ45×7.5 L=300\12Cr1MoVG\16S215A-1-12\1000MW超超临界机组</t>
  </si>
  <si>
    <t>【东方锅炉】管子\φ45×7.5 L=13500\SA-213S30432\16S215A-1-12\1000MW超超临界机组</t>
  </si>
  <si>
    <t>【东方锅炉】弯管\φ60×4\SA-213TP347H\102M223-1-2\330MW亚临界机组</t>
  </si>
  <si>
    <t>【东方锅炉】弯管\φ60×4\12Cr1MoVG\36M223-1-13\300MW亚临界机组</t>
  </si>
  <si>
    <t>【东方锅炉】弯管\φ60×4\12Cr1MoVG\36M223-1-15\300MW亚临界机组</t>
  </si>
  <si>
    <t>【东方锅炉】弯管\φ60×4\12Cr1MoVG\36M223-1-17\300MW亚临界机组</t>
  </si>
  <si>
    <t>【东方锅炉】筒身\φ609.6×55;L=3800\12Cr1MoVG\TGA00054-0\300MW亚临界机组</t>
  </si>
  <si>
    <t>【东方锅炉】减温器混合管\φ475.6×8;L=3480\12Cr1MoV\TGA00054-1-0\300MW亚临界机组</t>
  </si>
  <si>
    <t>【东方锅炉】喷管\φ89×13;L=782\12Cr1MoVG\TGA00054-2-0\300MW亚临界机组</t>
  </si>
  <si>
    <t>【东方锅炉】筒身\φ609.6×55;L=4700\12Cr1MoVG\TGA00424-0\300MW亚临界机组</t>
  </si>
  <si>
    <t>【东方锅炉】减温器混合管\φ475.6×8;L=4250\12Cr1MoV\TGA00424-1-0\300MW亚临界机组</t>
  </si>
  <si>
    <t>【东方锅炉】喷管\φ89×13;L=750.6\12Cr1MoVG\TGA00424-2-0\300MW亚临界机组</t>
  </si>
  <si>
    <t>【东方锅炉】筒身\φ609.6×55;L=3800\12Cr1MoVG\85M23-1-0\300MW亚临界机组</t>
  </si>
  <si>
    <t>【东方锅炉】减温器混合管\φ475.6×8;L=3480\12Cr1MoV\85M23-1-1\300MW亚临界机组</t>
  </si>
  <si>
    <t>【东方锅炉】喷管\φ76×7.5;L=901.8\12Cr1MoVG\85M23-1-4\300MW亚临界机组</t>
  </si>
  <si>
    <t>【东方锅炉】筒身\φ609.6×55;L=3800\12Cr1MoVG\53M23-1-0\300MW亚临界机组</t>
  </si>
  <si>
    <t>【东方锅炉】减温器混合管\φ481.6×8;L=3480\12Cr1MoV\47M23-1-1/№1\300MW亚临界机组</t>
  </si>
  <si>
    <t>【东方锅炉】管子\φ45×11 L=300\SA-213T92\16S215A-1-12\1000MW超超临界机组</t>
  </si>
  <si>
    <t>【东方锅炉】筒身\φ368.3×55;L=3200\12Cr1MoVG\51M23-1-0\300MW亚临界机组</t>
  </si>
  <si>
    <t>【东方锅炉】减温器混合管\φ481.6×8;L=3480\12Cr1MoV\47M23-1-1/№2\300MW亚临界机组</t>
  </si>
  <si>
    <t>【东方锅炉】管子\φ45×7.5 L=300\12Cr1MoVG\16S215A-1-13\1000MW超超临界机组</t>
  </si>
  <si>
    <t>【东方锅炉】筒身\φ426×50;L=3456.2\12Cr1MoVG\TGA00055-0\300MW亚临界机组</t>
  </si>
  <si>
    <t>【东方锅炉】减温器混合管\φ302×8;L=3010\12Cr1MoV\TGA00055-1-0\300MW亚临界机组</t>
  </si>
  <si>
    <t>【东方锅炉】喷管\φ89×13;L=598\12Cr1MoVG\TGA00055-3-0\300MW亚临界机组</t>
  </si>
  <si>
    <t>【东方锅炉】筒身\φ460×50;L=3418.3\12Cr1MoVG\TGA00425-0\300MW亚临界机组</t>
  </si>
  <si>
    <t>【东方锅炉】减温器混合管\φ302×8;L=2894\12Cr1MoV\TGA00425-1-0\300MW亚临界机组</t>
  </si>
  <si>
    <t>【东方锅炉】喷管\φ89×13;L=608\12Cr1MoVG\TGA00425-2-0\300MW亚临界机组</t>
  </si>
  <si>
    <t>【东方锅炉】筒身\φ426×50;L=3456.2\12Cr1MoVG\85M23-2-0\300MW亚临界机组</t>
  </si>
  <si>
    <t>【东方锅炉】减温器混合管\φ302×8;L=3010\12Cr1MoV\85M23-2-1\300MW亚临界机组</t>
  </si>
  <si>
    <t>【东方锅炉】喷管\φ60×8;L=718\12Cr1MoVG\85M23-2-4\300MW亚临界机组</t>
  </si>
  <si>
    <t>【东方锅炉】筒身\φ426×50;L=3456.2\12Cr1MoVG\53M23-2-0\300MW亚临界机组</t>
  </si>
  <si>
    <t>【东方锅炉】减温器混合管\φ300×8;L=3010\12Cr1MoV\53M23-2-1\300MW亚临界机组</t>
  </si>
  <si>
    <t>【东方锅炉】管子\φ45×7.5 L=13500\SA-213S30432\16S215A-1-13\1000MW超超临界机组</t>
  </si>
  <si>
    <t>【东方锅炉】筒身\φ406.4×58;L=3400\12Cr1MoVG\51M23-2-0\300MW亚临界机组</t>
  </si>
  <si>
    <t>【东方锅炉】减温器混合管\φ266.4×8;L=3075\12Cr1MoV\51M23-2-1\300MW亚临界机组</t>
  </si>
  <si>
    <t>【东方锅炉】管子\φ45×11 L=300\SA-213T92\16S215A-1-13\1000MW超超临界机组</t>
  </si>
  <si>
    <t>【东方锅炉】筒身\φ406.4×50;L=4780\12Cr1MoVG\TGA00062-0\300MW亚临界机组</t>
  </si>
  <si>
    <t>【东方锅炉】减温器混合管\φ282.4×8;L=4350\12Cr1MoV\TGA00062-1-0\300MW亚临界机组</t>
  </si>
  <si>
    <t>【东方锅炉】喷管\φ89×13;L=578.4\12Cr1MoVG\TGA00062-3-0\300MW亚临界机组</t>
  </si>
  <si>
    <t>【东方锅炉】筒身\φ406.4×50;L=4800\12Cr1MoVG\TGA00426-0\300MW亚临界机组</t>
  </si>
  <si>
    <t>【东方锅炉】减温器混合管\φ282.4×8;L=4300\12Cr1MoV\TGA00426-1-0\300MW亚临界机组</t>
  </si>
  <si>
    <t>【东方锅炉】喷管\φ89×13;L=588.4\12Cr1MoVG\TGA00426-2-0\300MW亚临界机组</t>
  </si>
  <si>
    <t>【东方锅炉】筒身\φ406.4×50;L=4800\12Cr1MoVG\85M23-3-0\300MW亚临界机组</t>
  </si>
  <si>
    <t>【东方锅炉】减温器混合管\φ282.4×8;L=4300\12Cr1MoV\85M23-3-1/№1\300MW亚临界机组</t>
  </si>
  <si>
    <t>【东方锅炉】喷管\φ60×8;L=688.4\12Cr1MoVG\85M23-3-4/№1\300MW亚临界机组</t>
  </si>
  <si>
    <t>【东方锅炉】减温器\φ406.4×50;L=4800\12Cr1MoVG\85M23-4-0\300MW亚临界机组</t>
  </si>
  <si>
    <t>【东方锅炉】减温器混合管\φ282.4×8;L=4350\12Cr1MoV\85M23-3-1/№2\300MW亚临界机组</t>
  </si>
  <si>
    <t>【东方锅炉】喷管\φ60×8;L=688.4\12Cr1MoVG\85M23-3-4/№2\300MW亚临界机组</t>
  </si>
  <si>
    <t>【东方锅炉】减温器\φ406.4×50;L=4800\12Cr1MoVG\53M23-3-0\300MW亚临界机组</t>
  </si>
  <si>
    <t>【东方锅炉】管子\φ45×7.5 L=300\12Cr1MoVG\16S215A-1-14\1000MW超超临界机组</t>
  </si>
  <si>
    <t>【东方锅炉】减温器\φ60×8;L=515.2\12Cr1MoVG\47M23-3-4/№1\300MW亚临界机组</t>
  </si>
  <si>
    <t>【东方锅炉】减温器\φ406.4×50;L=4800\12Cr1MoVG\51M23-3-0\300MW亚临界机组</t>
  </si>
  <si>
    <t>【东方锅炉】管子\φ45×7.5 L=13500\SA-213S30432\16S215A-1-14\1000MW超超临界机组</t>
  </si>
  <si>
    <t>【东方锅炉】减温器\φ60×8;L=515.2\12Cr1MoVG\47M23-3-4/№2\300MW亚临界机组</t>
  </si>
  <si>
    <t>【东方锅炉】筒身\φ609.6×30;L=6000\20g\TGA00056-0\300MW亚临界机组</t>
  </si>
  <si>
    <t>【东方锅炉】减温器混合管\φ525.6×8;L=5380\20G\TGA00056-1-0\300MW亚临界机组</t>
  </si>
  <si>
    <t>【东方锅炉】喷管\φ89×13;L=840.6\20g\TGA00056-3-0\300MW亚临界机组</t>
  </si>
  <si>
    <t>【东方锅炉】筒身\φ609.6×30;L=4172\12Cr1MoVG\TGA00427-0\300MW亚临界机组</t>
  </si>
  <si>
    <t>【东方锅炉】减温器混合管\φ525.6×8;L=3722\12Cr1MoV\TGA00427-1-0\300MW亚临界机组</t>
  </si>
  <si>
    <t>【东方锅炉】喷管\φ89×13;L=730.6\12Cr1MoVG\TGA00427-2-0\300MW亚临界机组</t>
  </si>
  <si>
    <t>【东方锅炉】筒身\φ609.6×30;L=6000\20g\85M23-5-0\300MW亚临界机组</t>
  </si>
  <si>
    <t>【东方锅炉】减温器混合管\φ531.6×8;L=5380\20G\85M23-5-1\300MW亚临界机组</t>
  </si>
  <si>
    <t>【东方锅炉】喷管\φ60×8;L=901.8\20g\85M23-5-4\300MW亚临界机组</t>
  </si>
  <si>
    <t>【东方锅炉】减温器\φ609.6×30;L=6000\20g\53M23-4-0\300MW亚临界机组</t>
  </si>
  <si>
    <t>【东方锅炉】减温器\φ531.6×8;L=5550\20G\53M23-4-1\300MW亚临界机组</t>
  </si>
  <si>
    <t>【东方锅炉】减温器\φ60×8;L=1042.6\20g\47M23-4-5/№1\300MW亚临界机组</t>
  </si>
  <si>
    <t>【东方锅炉】减温器\φ609.6×30;L=6000\20g\51M23-4-0\300MW亚临界机组</t>
  </si>
  <si>
    <t>【东方锅炉】减温器\φ531.6×8;L=5550\20g\51M23-4-1\300MW亚临界机组</t>
  </si>
  <si>
    <t>【东方锅炉】减温器\φ60×8;L=1042.6\20g\47M23-4-5/№2\300MW亚临界机组</t>
  </si>
  <si>
    <t>【东方锅炉】管子\φ45×11 L=300\SA-213T92\16S215A-1-14\1000MW超超临界机组</t>
  </si>
  <si>
    <t>【东方锅炉】减温器混合管\φ474.8×8;L=4000\装配件\TGA00429-1-0\300MW亚临界机组</t>
  </si>
  <si>
    <t>【东方锅炉】喷管\φ89×13;L=679.8\装配件\TGA00429-2-0\300MW亚临界机组</t>
  </si>
  <si>
    <t>【东方锅炉】筒体\φ558.8×30;L=4500\20g\85M23-6-0\300MW亚临界机组</t>
  </si>
  <si>
    <t>【东方锅炉】减温器混合管\φ480.8×8;L=4000\装配件\85M23-6-1\300MW亚临界机组</t>
  </si>
  <si>
    <t>【东方锅炉】喷管\φ60×8;L=850.8\装配件\85M23-6-4\300MW亚临界机组</t>
  </si>
  <si>
    <t>【东方锅炉】筒体\φ558.8×30;L=4500\20g\53M23-5-0\300MW亚临界机组</t>
  </si>
  <si>
    <t>【东方锅炉】减温器混合管\φ480.8×8;L=4000\装配件\47M23-5-1/№1\300MW亚临界机组</t>
  </si>
  <si>
    <t>【东方锅炉】管子\φ45×7.5 L=300\12Cr1MoVG\16S215A-1-15\1000MW超超临界机组</t>
  </si>
  <si>
    <t>【东方锅炉】筒体\φ558.8×30;L=4500\20g\51M23-5-0\300MW亚临界机组</t>
  </si>
  <si>
    <t>【东方锅炉】管子\φ45×7.5 L=13500\SA-213S30432\16S215A-1-15\1000MW超超临界机组</t>
  </si>
  <si>
    <t>【东方锅炉】管子\φ45×11 L=300\SA-213T92\16S215A-1-15\1000MW超超临界机组</t>
  </si>
  <si>
    <t>【东方锅炉】筒体\φ558.8×30;L=4500\20g\TGA00059\300MW亚临界机组</t>
  </si>
  <si>
    <t>【东方锅炉】减温器混合管\φ474.8×8;L=4000\装配件\TGA00059-1-0\300MW亚临界机组</t>
  </si>
  <si>
    <t>【东方锅炉】喷管\φ89×13;L=674.8\装配件\TGA00059-3-0\300MW亚临界机组</t>
  </si>
  <si>
    <t>【东方锅炉】管子\φ45×7.5 L=300\12Cr1MoVG\16S215A-1-16\1000MW超超临界机组</t>
  </si>
  <si>
    <t>【东方锅炉】端盖\φ159×20\20Ⅲ\DG3316-87/№1\300MW亚临界机组</t>
  </si>
  <si>
    <t>【东方锅炉】端盖\φ159×20\20Ⅲ\DG3316-87/№2\300MW亚临界机组</t>
  </si>
  <si>
    <t>【东方锅炉】端盖\φ159×20\20Ⅲ\DG3316-2003/№2\300MW亚临界机组</t>
  </si>
  <si>
    <t>【东方锅炉】端盖\φ159×20\20Ⅲ\DG3316-87/№3\300MW亚临界机组</t>
  </si>
  <si>
    <t>【东方锅炉】端盖\φ159×20\20Ⅲ\DG3316-87/№4\300MW亚临界机组</t>
  </si>
  <si>
    <t>【东方锅炉】端盖\φ159×20\20Ⅲ\DG3316-87/№5\300MW亚临界机组</t>
  </si>
  <si>
    <t>【东方锅炉】端盖\φ159×20\20Ⅲ\DG3316-87/№6\300MW亚临界机组</t>
  </si>
  <si>
    <t>【东方锅炉】端盖\φ159×20\20Ⅲ\DG3316-87/№7\300MW亚临界机组</t>
  </si>
  <si>
    <t>【东方锅炉】端盖\φ159×20\20Ⅲ\DG3316-87\300MW亚临界机组</t>
  </si>
  <si>
    <t>【东方锅炉】端盖\φ159×20\12Cr1MoVⅢ\DG3316-87/№1\300MW亚临界机组</t>
  </si>
  <si>
    <t>【东方锅炉】端盖\φ159×20\12Cr1MoVⅢ\DG3316-87/№2\300MW亚临界机组</t>
  </si>
  <si>
    <t>【东方锅炉】端盖\φ159×20\12Cr1MoVⅢ\DG3316-87/№3\300MW亚临界机组</t>
  </si>
  <si>
    <t>【东方锅炉】端盖\φ159×20\20Ⅲ\DG3316-87/№8\300MW亚临界机组</t>
  </si>
  <si>
    <t>【东方锅炉】端盖\φ159×20\20Ⅲ\DG3316-87/№9\300MW亚临界机组</t>
  </si>
  <si>
    <t>【东方锅炉】端盖\φ159×20\20Ⅲ\DG3316-2003/№1\300MW亚临界机组</t>
  </si>
  <si>
    <t>【东方锅炉】管子\φ45×7.5 L=13500\SA-213S30432\16S215A-1-16\1000MW超超临界机组</t>
  </si>
  <si>
    <t>【东方锅炉】管子\φ45×11 L=300\SA-213T92\16S215A-1-16\1000MW超超临界机组</t>
  </si>
  <si>
    <t>【东方锅炉】端盖\φ159×20\20Ⅲ\51M34-1-4\300MW亚临界机组</t>
  </si>
  <si>
    <t>【东方锅炉】观察孔\φ31.8×6.5\装配件\TGA00383MX\300MW亚临界机组</t>
  </si>
  <si>
    <t>【东方锅炉】过渡管\φ38.1×7.5/φ76×20 L=240\12Cr1MoVⅢ\140M1112-9-1\350MW超临界机组</t>
  </si>
  <si>
    <t>【东方锅炉】吹灰孔组件\φ31.8×6.5\装配件\TGA00672MX\350MW超临界机组</t>
  </si>
  <si>
    <t>【东方锅炉】吹灰孔组件\φ31.8×6.5\装配件\TGA00387MX\350MW超临界机组</t>
  </si>
  <si>
    <t>【东方锅炉】负压测点孔组件\φ31.8×6.5\装配件\TGA00384MX\350MW超临界机组</t>
  </si>
  <si>
    <t>【东方锅炉】管子\φ45×7.5 L=300\12Cr1MoVG\16S215A-1-17\1000MW超超临界机组</t>
  </si>
  <si>
    <t>【东方锅炉】人孔组件\φ31.8×6.5\装配件\TGA00671MX\350MW超临界机组</t>
  </si>
  <si>
    <t>【东方锅炉】人孔组件\φ31.8×6.5\装配件\TGA00385MX\300MW亚临界机组</t>
  </si>
  <si>
    <t>【东方锅炉】人孔组件\φ550\装配件\TGA00692-0\350MW超临界机组</t>
  </si>
  <si>
    <t>【东方锅炉】侧燃尽风开孔组件\φ38.1×7.5\装配件\TGA00741-0\350MW超临界机组</t>
  </si>
  <si>
    <t>【东方锅炉】吹灰孔组件\φ38.1×7.5\装配件\TGA00675-0\350MW超临界机组</t>
  </si>
  <si>
    <t>【东方锅炉】观察孔组件\φ38.1×7.5\装配件\TGA00676-0\350MW超临界机组</t>
  </si>
  <si>
    <t>【东方锅炉】燃尽风开孔组件\φ38.1×7.5\装配件\TGA00740-0\350MW超临界机组</t>
  </si>
  <si>
    <t>【东方锅炉】燃烧器开孔组件\φ38.1×7.5\装配件\TGA00774-0\350MW超临界机组</t>
  </si>
  <si>
    <t>【东方锅炉】摄像孔组件\φ38.1×7.5\装配件\TGA00674-0\350MW超临界机组</t>
  </si>
  <si>
    <t>【东方锅炉】吹灰孔组件\φ38.1×7.5\装配件\TGA00675MX\350MW超临界机组</t>
  </si>
  <si>
    <t>【东方锅炉】观察孔组件\φ38.1×7.5\装配件\TGA00676MX\350MW超临界机组</t>
  </si>
  <si>
    <t>【东方锅炉】弯管\φ50.8×9\SA-213TP347H\140M211-1-1\350MW超临界机组</t>
  </si>
  <si>
    <t>【东方锅炉】弯管\φ50.8×10\SA-213TP347H\140M211-1-1\350MW超临界机组</t>
  </si>
  <si>
    <t>【东方锅炉】管子\φ45×7.5 L=13500\SA-213S30432\16S215A-1-17\1000MW超超临界机组</t>
  </si>
  <si>
    <t>【东方锅炉】弯管\φ45×8.5\SA-213TP347H\140M211-1-3\350MW超临界机组</t>
  </si>
  <si>
    <t>【东方锅炉】异种钢接头\φ50.8×7\T91/TP347H\140M981-1-0\350MW超临界机组</t>
  </si>
  <si>
    <t>【东方锅炉】异种钢接头\φ45×8.5/φ45×7\T91/TP347H\140M981-2-0\350MW超临界机组</t>
  </si>
  <si>
    <t>【东方锅炉】异种钢接头\φ45×8.5\T91/TP347H\140M981-3-0\350MW超临界机组</t>
  </si>
  <si>
    <t>【东方锅炉】滑动副\δ6\装配件\TGS22001\350MW超临界机组</t>
  </si>
  <si>
    <t>【东方锅炉】弯管\φ50.8×7.5\12Cr1MoVG\140M2121-1-1/№1\350MW超临界机组</t>
  </si>
  <si>
    <t>【东方锅炉】弯管\φ50.8×7.5\15CrMoG\140M2121-1-1/№1\350MW超临界机组</t>
  </si>
  <si>
    <t>【东方锅炉】弯管\φ50.8×7.5\12Cr1MoVG\140M2121-1-1/№2\350MW超临界机组</t>
  </si>
  <si>
    <t>【东方锅炉】弯管\φ50.8×7.5\15CrMoG\140M2121-1-1/№2\350MW超临界机组</t>
  </si>
  <si>
    <t>【东方锅炉】弯管\φ50.8×7.5\12Cr1MoVG\140M2122-1-1\350MW超临界机组</t>
  </si>
  <si>
    <t>【东方锅炉】连接块\δ6\装配件\TG21037-2005MX\350MW超临界机组</t>
  </si>
  <si>
    <t>【东方锅炉】滑动块\δ6\装配件\TG21036-2005MX\350MW超临界机组</t>
  </si>
  <si>
    <t>【东方锅炉】疏型板\δ4\12Cr1MoV\140M2122-1-5\350MW超临界机组</t>
  </si>
  <si>
    <t>【东方锅炉】疏型板\δ4\15CrMo\119M2131-15-3\350MW超临界机组</t>
  </si>
  <si>
    <t>【东方锅炉】吹灰孔组件\φ38.1×9\装配件\119M2143-6-3\350MW超临界机组</t>
  </si>
  <si>
    <t>【东方锅炉】管子\φ45×11 L=300\SA-213T92\16S215A-1-17\1000MW超超临界机组</t>
  </si>
  <si>
    <t>【东方锅炉】人孔组件\φ38.1×9\装配件\TGS21503-0MX\350MW超临界机组</t>
  </si>
  <si>
    <t>【东方锅炉】管子\φ45×7.5 L=300\12Cr1MoVG\16S215A-1-18\1000MW超超临界机组</t>
  </si>
  <si>
    <t>【东方锅炉】管接头\φ63.5×19\SA-105\140M2147-17-10\350MW超临界机组</t>
  </si>
  <si>
    <t>【东方锅炉】弯管\φ63.5×13.5\SA-210C\140M2147-17-9\350MW超临界机组</t>
  </si>
  <si>
    <t>【东方锅炉】过热器三叉管\φ63.5×19/φ63.5×13.5\装配件\140M2147-17-8\350MW超临界机组</t>
  </si>
  <si>
    <t>【东方锅炉】管子\φ45×7.5 L=13500\SA-213S30432\16S215A-1-18\1000MW超超临界机组</t>
  </si>
  <si>
    <t>【东方锅炉】管子\φ45×11 L=300\SA-213T92\16S215A-1-18\1000MW超超临界机组</t>
  </si>
  <si>
    <t>【东方锅炉】管子\φ45×7.5 L=300\12Cr1MoVG\16S215A-1-19\1000MW超超临界机组</t>
  </si>
  <si>
    <t>【东方锅炉】管子\φ45×7.5 L=13500\SA-213S30432\16S215A-1-19\1000MW超超临界机组</t>
  </si>
  <si>
    <t>【东方锅炉】弯管\φ45×11\SA-213TP347H\152M215-1-1\350MW超临界机组</t>
  </si>
  <si>
    <t>【东方锅炉】弯管\φ45×7.5\SA-213TP347H\152M215-1-4/№1\350MW超临界机组</t>
  </si>
  <si>
    <t>【东方锅炉】弯管\φ45×11\SA-213TP347H\152M215-1-4/№2\350MW超临界机组</t>
  </si>
  <si>
    <t>【东方锅炉】弯管\φ50.8×8.5\SA-213TP347H\152M215-1-20/№1\350MW超临界机组</t>
  </si>
  <si>
    <t>【东方锅炉】弯管\φ50.8×12.5\SA-213TP347H\152M215-1-20/№2\350MW超临界机组</t>
  </si>
  <si>
    <t>【东方锅炉】滑动副\δ9\装配件\TGS22003MX\350MW超临界机组</t>
  </si>
  <si>
    <t>【东方锅炉】梳型板\δ8\12Cr1MoV\152M215-1-21\350MW超临界机组</t>
  </si>
  <si>
    <t>【东方锅炉】弯管\φ57×4.5\SA-210C\152M2211-1-2\350MW超临界机组</t>
  </si>
  <si>
    <t>【东方锅炉】弯管\φ57×4.5\SA-210C\152M2211-1-3/№1\350MW超临界机组</t>
  </si>
  <si>
    <t>【东方锅炉】弯管\φ57×4.5\SA-210C\152M2211-1-3/№2\350MW超临界机组</t>
  </si>
  <si>
    <t>【东方锅炉】导向板\δ10\12Cr18Ni9\152M2212-1-0\350MW超临界机组</t>
  </si>
  <si>
    <t>【东方锅炉】管子\φ45×11 L=300\SA-213T92\16S215A-1-19\1000MW超超临界机组</t>
  </si>
  <si>
    <t>【东方锅炉】弯管\φ57×4.5\12Cr1MoVG\152M2213-1-1\350MW超临界机组</t>
  </si>
  <si>
    <t>【东方锅炉】弯管\φ57×4.5\15CrMoG\152M2213-1-1\350MW超临界机组</t>
  </si>
  <si>
    <t>【东方锅炉】弯管\φ57×4.5\12Cr1MoVG\152M2213-1-2\350MW超临界机组</t>
  </si>
  <si>
    <t>【东方锅炉】弯管\φ57×4.5\15CrMoG\152M2213-1-2\350MW超临界机组</t>
  </si>
  <si>
    <t>【东方锅炉】滑动块\Ⅱ;δ6\装配件\TGS22006MX\350MW超临界机组</t>
  </si>
  <si>
    <t>【东方锅炉】滑动块\Ⅲ;δ6\装配件\TGS22007MX\350MW超临界机组</t>
  </si>
  <si>
    <t>【东方锅炉】连接块\Ⅰ;δ6\装配件\TGS22008MX\350MW超临界机组</t>
  </si>
  <si>
    <t>【东方锅炉】管子\φ45×7.5 L=300\12Cr1MoVG\16S215A-1-20\1000MW超超临界机组</t>
  </si>
  <si>
    <t>【东方锅炉】弯管\φ50.8×4\12Cr1MoVG\140M2214-1-3\350MW超临界机组</t>
  </si>
  <si>
    <t>【东方锅炉】滑动块\δ6\装配件\TGS22005/Ⅰ型\350MW超临界机组</t>
  </si>
  <si>
    <t>【东方锅炉】连接块\δ6\装配件\TG21037-2005\350MW超临界机组</t>
  </si>
  <si>
    <t>【东方锅炉】梳型板\δ4\12Cr1MoV\140M2214-1-10\350MW超临界机组</t>
  </si>
  <si>
    <t>【东方锅炉】异种钢接头\φ50.8×4\12Cr1MoVG/SA-213T91\YZGJT-58\350MW超临界机组</t>
  </si>
  <si>
    <t>【东方锅炉】管子\φ45×7.5 L=13500\SA-213S30432\16S215A-1-20\1000MW超超临界机组</t>
  </si>
  <si>
    <t>【东方锅炉】弯管\φ50.8×4\SA-213TP347H\140M223-1-1/№1\350MW超临界机组</t>
  </si>
  <si>
    <t>【东方锅炉】弯管\φ50.8×4\SA-213TP347H\140M223-1-1/№2\350MW超临界机组</t>
  </si>
  <si>
    <t>【东方锅炉】滑动块\L=80\ZG1Cr20Ni14Si2\TGS22002-2\350MW超临界机组</t>
  </si>
  <si>
    <t>【东方锅炉】梳型板\δ4\1Cr18Ni9\140M223-1-15\350MW超临界机组</t>
  </si>
  <si>
    <t>【东方锅炉】滑动副\δ4\装配件\TGS22002-0\350MW超临界机组</t>
  </si>
  <si>
    <t>【东方锅炉】筒身\φ406.4×56 L=3200\12Cr1MoVG\140M231-0\350MW超临界机组</t>
  </si>
  <si>
    <t>【东方锅炉】减温器混合管\φ270.4×8 L=2860\12Cr1MoV\140M231-1-0\350MW超临界机组</t>
  </si>
  <si>
    <t>【东方锅炉】喷管\φ89×13 L=596.4\12Cr1MoVG\140M231-2-0\350MW超临界机组</t>
  </si>
  <si>
    <t>【东方锅炉】筒身\φ450×62 L=3400\SA-335P91\140M232-0\350MW超临界机组</t>
  </si>
  <si>
    <t>【东方锅炉】减温器混合管\φ302×8 L=3075\12Cr1MoV\140M232-1-0\350MW超临界机组</t>
  </si>
  <si>
    <t>【东方锅炉】喷管\φ89×13 L=640\SA-213T91\140M232-3-0\350MW超临界机组</t>
  </si>
  <si>
    <t>【东方锅炉】筒身\φ558.8×22 L=5000\12Cr1MoVG\140M233-0\350MW超临界机组</t>
  </si>
  <si>
    <t>【东方锅炉】减温器混合管\φ490.8×8 L=4690\12Cr1MoV\140M233-1-0\350MW超临界机组</t>
  </si>
  <si>
    <t>【东方锅炉】喷管\φ89×13 L=713.8\12Cr1MoVG\140M233-3-0\350MW超临界机组</t>
  </si>
  <si>
    <t>【东方锅炉】水冷壁短管\φ120×20\SA-105\140M141-1-3\350MW超临界机组</t>
  </si>
  <si>
    <t>【东方锅炉】端盖\φ120×20\SA-182F91\140M2417-4-4\350MW超临界机组</t>
  </si>
  <si>
    <t>【东方锅炉】端盖\φ100×10\SA-182F91\DG3323-2008\350MW超临界机组</t>
  </si>
  <si>
    <t>【东方锅炉】端盖\φ100×10\12Cr1MoVⅢ\DG3323-2008\350MW超临界机组</t>
  </si>
  <si>
    <t>【东方锅炉】端盖\φ100×10\15CrMoⅢ\DG3323-2008\350MW超临界机组</t>
  </si>
  <si>
    <t>【东方锅炉】弯管\φ50.8×7\SA-210C\142M312-1-1\350MW超临界机组</t>
  </si>
  <si>
    <t>【东方锅炉】弯管\φ50.8×7\SA-210C\142M312-1-2/№1\350MW超临界机组</t>
  </si>
  <si>
    <t>【东方锅炉】弯管\φ50.8×7\SA-210C\142M312-1-2/№2\350MW超临界机组</t>
  </si>
  <si>
    <t>【东方锅炉】管子\φ45×11 L=300\SA-213T92\16S215A-1-20\1000MW超超临界机组</t>
  </si>
  <si>
    <t>【东方锅炉】异种钢接头\φ51×8\SA-213T91/12Cr1MoVG\89N9812-1-0\660MW超临界机组</t>
  </si>
  <si>
    <t>【东方锅炉】管子\φ45×7.5 L=300\12Cr1MoVG\16S215A-1-21\1000MW超超临界机组</t>
  </si>
  <si>
    <t>【东方锅炉】管子\φ45×7.5 L=13500\SA-213S30432\16S215A-1-21\1000MW超超临界机组</t>
  </si>
  <si>
    <t>【东方锅炉】管子\φ45×11 L=300\SA-213T92\16S215A-1-21\1000MW超超临界机组</t>
  </si>
  <si>
    <t>【东方锅炉】管子\φ45×7.5 L=300\12Cr1MoVG\16S215A-1-22\1000MW超超临界机组</t>
  </si>
  <si>
    <t>【东方锅炉】管子\φ45×7.5 L=13500\SA-213S30432\16S215A-1-22\1000MW超超临界机组</t>
  </si>
  <si>
    <t>【东方锅炉】管子\φ45×11 L=300\SA-213T92\16S215A-1-22\1000MW超超临界机组</t>
  </si>
  <si>
    <t>【东方锅炉】管子\φ38.1×7 L=10961\15CrMoG\16S2143-0\1000MW超超临界机组</t>
  </si>
  <si>
    <t>【东方锅炉】管子\φ57×4.5\12Cr1MoVG\30S2213A-1-1\1000MW超超临界机组</t>
  </si>
  <si>
    <t>【东方锅炉】管子\φ57×4\12Cr1MoVG\30S2213-1-2\1000MW超超临界机组</t>
  </si>
  <si>
    <t>【东方锅炉】管子\φ57×4\12Cr1MoVG\30S2213-1-3\1000MW超超临界机组</t>
  </si>
  <si>
    <t>【东方锅炉】管子\φ57×4\12Cr1MoVG\30S2213-1-4\1000MW超超临界机组</t>
  </si>
  <si>
    <t>【东方锅炉】管子\φ57×4\12Cr1MoVG\30S2213-1-5\1000MW超超临界机组</t>
  </si>
  <si>
    <t>【东方锅炉】管子\φ57×4.5\SA-213T92\30S2213A-1-2\1000MW超超临界机组</t>
  </si>
  <si>
    <t>【东方锅炉】管子\φ57×4.5\12Cr1MoVG\30S2213A-1-2\1000MW超超临界机组</t>
  </si>
  <si>
    <t>【东方锅炉】管子\φ57×4.5\12Cr1MoVG\30S2213A-3-1\1000MW超超临界机组</t>
  </si>
  <si>
    <t>【东方锅炉】管子\φ57×4\12Cr1MoVG\30S2213-3-2\1000MW超超临界机组</t>
  </si>
  <si>
    <t>【东方锅炉】管子\φ57×4\12Cr1MoVG\30S2213-3-3\1000MW超超临界机组</t>
  </si>
  <si>
    <t>【东方锅炉】管子\φ57×4\12Cr1MoVG\30S2213-3-4\1000MW超超临界机组</t>
  </si>
  <si>
    <t>【东方锅炉】筒身\φ559×70 L=4120\12Cr1MoVG\89N23-1-0\660MW超临界机组</t>
  </si>
  <si>
    <t>【东方锅炉】减温器混合管\φ395×8 L=3830\12Cr1MoV\89N23-1-1\660MW超临界机组</t>
  </si>
  <si>
    <t>【东方锅炉】喷管\φ89×13 L=787.5\12Cr1MoVG\89N23-1-3\660MW超临界机组</t>
  </si>
  <si>
    <t>【东方锅炉】筒身\φ508×75 L=4300\SA-335P91\89N23-2-0\660MW超临界机组</t>
  </si>
  <si>
    <t>【东方锅炉】减温器混合管\φ334×8 L=4100\12Cr1MoVR\89N23-2-1\660MW超临界机组</t>
  </si>
  <si>
    <t>【东方锅炉】喷管\φ89×13 L=708\SA-213T91\TGA00570-2-0/№1\660MW超临界机组</t>
  </si>
  <si>
    <t>【东方锅炉】筒身\φ762×34 L=5500\SA-335P12\89N23-3-0\660MW超临界机组</t>
  </si>
  <si>
    <t>【东方锅炉】减温器混合管\φ670×8 L=5200\12Cr1MoVR\TGA00571-1-0/№1\660MW超临界机组</t>
  </si>
  <si>
    <t>【东方锅炉】喷管\φ89×13 L=910\12Cr1MoVG\TGA00571-2-0/№1\660MW超临界机组</t>
  </si>
  <si>
    <t>【东方锅炉】管子\φ57×4\12Cr1MoVG\30S2213-3-5\1000MW超超临界机组</t>
  </si>
  <si>
    <t>【东方锅炉】减温器混合管\φ394×8\12Cr1MoV\TGA00569-1-0\660MW超临界机组</t>
  </si>
  <si>
    <t>【东方锅炉】喷管\φ89×13\12Cr1MoVG\TGA00569-2-0\660MW超临界机组</t>
  </si>
  <si>
    <t>【东方锅炉】管子\φ57×4.5\SA-213T92\30S2213A-3-2\1000MW超超临界机组</t>
  </si>
  <si>
    <t>【东方锅炉】减温器混合管\φ336×8\12Cr1MoVR\TGA00570-1-0\660MW超临界机组</t>
  </si>
  <si>
    <t>【东方锅炉】喷管\φ89×13\SA-213T91\TGA00570-2-0/№2\660MW超临界机组</t>
  </si>
  <si>
    <t>【东方锅炉】管子\φ57×4.5\12Cr1MoVG\30S2213A-3-2\1000MW超超临界机组</t>
  </si>
  <si>
    <t>【东方锅炉】管子\φ57×4.5\12Cr1MoVG\30S2213A-5-1\1000MW超超临界机组</t>
  </si>
  <si>
    <t>【东方锅炉】喷管\φ89×13\12Cr1MoVG\TGA00571-2-0/№2\660MW超临界机组</t>
  </si>
  <si>
    <t>【东方锅炉】端盖\φ273×58\12Cr1MoⅢ\89N141-1-9\660MW超临界机组</t>
  </si>
  <si>
    <t>【东方锅炉】管子\φ57×4\12Cr1MoVG\30S2213-5-2\1000MW超超临界机组</t>
  </si>
  <si>
    <t>【东方锅炉】端盖\φ130×25\SA-182F91\TGA00274-9\660MW超临界机组</t>
  </si>
  <si>
    <t>【东方锅炉】管子\φ57×4\12Cr1MoVG\30S2213-5-3\1000MW超超临界机组</t>
  </si>
  <si>
    <t>【东方锅炉】管子\φ57×4\12Cr1MoVG\30S2213-5-4\1000MW超超临界机组</t>
  </si>
  <si>
    <t>【东方锅炉】异种钢接头\φ50.8×9\SA-213TP347H/SA-213T91\56N981-1-0\600MW超临界机组</t>
  </si>
  <si>
    <t>【东方锅炉】异种钢接头\φ50.8×7\SA-213TP347H/SA-213T91\56N981-2-0\600MW超临界机组</t>
  </si>
  <si>
    <t>【东方锅炉】异种钢接头\φ45×8.5\SA-213TP347H/SA-213T91\56N981-3-0\600MW超临界机组</t>
  </si>
  <si>
    <t>【东方锅炉】过渡管\φ50.8×9/φ50.8×10\SA-213TP347H\56N981-4-0\600MW超临界机组</t>
  </si>
  <si>
    <t>【东方锅炉】过渡管\φ50.8×7/φ50.8×10\SA-213TP347H\56N981-5-0\600MW超临界机组</t>
  </si>
  <si>
    <t>【东方锅炉】异种钢接头\φ50.8×8\SA-213T23/SA-213T91\56N981-7-0\600MW超临界机组</t>
  </si>
  <si>
    <t>【东方锅炉】异种钢接头\φ50.8×8/φ50.8×11.5\SA-213T91/SA-213TP347H\56N981-8-0\600MW超临界机组</t>
  </si>
  <si>
    <t>【东方锅炉】异种钢接头\φ45×7.5/φ45×10.5\SA-213T91/SA-213TP347H\56N981-9-0\600MW超临界机组</t>
  </si>
  <si>
    <t>【东方锅炉】异种钢接头\φ45×7.5\SA-213T23/SA-213T91\56N981-10-0\600MW超临界机组</t>
  </si>
  <si>
    <t>【东方锅炉】异种钢接头\φ50.8×11.5\SA-213TP347H/SA-213T91\56N981-11-0\600MW超临界机组</t>
  </si>
  <si>
    <t>【东方锅炉】异种钢接头\φ50.8×4\SA-213T91/SA-213T23\56N981-13-0\600MW超临界机组</t>
  </si>
  <si>
    <t>【东方锅炉】异种钢接头\φ50.8×4\SA-213T91/SA-213TP347H\56N981-14-0\600MW超临界机组</t>
  </si>
  <si>
    <t>【东方锅炉】管子\φ57×4\12Cr1MoVG\30S2213-5-5\1000MW超超临界机组</t>
  </si>
  <si>
    <t>【东方锅炉】管子\φ57×4.5\SA-213T92\30S2213A-5-2\1000MW超超临界机组</t>
  </si>
  <si>
    <t>【东方锅炉】管子\φ57×4.5\12Cr1MoVG\30S2213A-5-2\1000MW超超临界机组</t>
  </si>
  <si>
    <t>【东方锅炉】三维膨胀指示器\S=500\装配件\TGN21519MX\600MW超临界机组</t>
  </si>
  <si>
    <t>【东方锅炉】管子\φ57×4.5\12Cr1MoVG\30S2213A-6-1\1000MW超超临界机组</t>
  </si>
  <si>
    <t>【东方锅炉】管子\φ57×4\12Cr1MoVG\30S2213-6-2\1000MW超超临界机组</t>
  </si>
  <si>
    <t>【东方锅炉】管子\φ57×4\12Cr1MoVG\30S2213-6-3\1000MW超超临界机组</t>
  </si>
  <si>
    <t>【东方锅炉】管子\φ57×4\12Cr1MoVG\30S2213-6-4\1000MW超超临界机组</t>
  </si>
  <si>
    <t>【东方锅炉】管子\φ57×4\12Cr1MoVG\30S2213-6-5\1000MW超超临界机组</t>
  </si>
  <si>
    <t>【东方锅炉】管子\φ57×4.5\SA-213T92\30S2213A-6-2\1000MW超超临界机组</t>
  </si>
  <si>
    <t>【东方锅炉】管子\φ57×4.5\12Cr1MoVG\30S2213A-6-2\1000MW超超临界机组</t>
  </si>
  <si>
    <t>【东方锅炉】管子\φ57×4.5\SA-213T91\30S2214-2-1\1000MW超超临界机组</t>
  </si>
  <si>
    <t>【东方锅炉】管子\φ57×4.5\SA-213T91\30S2214-2-2\1000MW超超临界机组</t>
  </si>
  <si>
    <t>【东方锅炉】管子\φ57×4.5\SA-213T91\30S2214-2-3\1000MW超超临界机组</t>
  </si>
  <si>
    <t>【东方锅炉】管子\φ57×4.5\SA-213T91\30S2214-2-4\1000MW超超临界机组</t>
  </si>
  <si>
    <t>【东方锅炉】管子\φ57×4.5\SA-213T91\30S2214-2-5\1000MW超超临界机组</t>
  </si>
  <si>
    <t>【东方锅炉】燃尽风开孔组件\φ38.1×7.5\装配件\TGN11543MX\600MW超临界机组</t>
  </si>
  <si>
    <t>【东方锅炉】燃尽风开孔组件\φ38.1×7.5\装配件\TGN11542MX\600MW超临界机组</t>
  </si>
  <si>
    <t>【东方锅炉】筒身\φ508×88\SA-335P12\TGA00021-0\600MW超临界机组</t>
  </si>
  <si>
    <t>【东方锅炉】减温器混合管\φ308×8\12Cr1MoV\TGA00021-1-0\600MW超临界机组</t>
  </si>
  <si>
    <t>【东方锅炉】喷管\φ89×13\12Cr1MoVG\TGA00021-2-0\600MW超临界机组</t>
  </si>
  <si>
    <t>【东方锅炉】筒身\φ508×78\SA-335P91\TGA00022-0\600MW超临界机组</t>
  </si>
  <si>
    <t>【东方锅炉】减温器混合管\φ328×8\12Cr1MoVR\TGA00022-1-0\600MW超临界机组</t>
  </si>
  <si>
    <t>【东方锅炉】喷管\φ89×13\SA-213T91\TGA00022-2-0\600MW超临界机组</t>
  </si>
  <si>
    <t>【东方锅炉】筒身\φ711.2×45\SA-335P11\TGA00025-0\600MW超临界机组</t>
  </si>
  <si>
    <t>【东方锅炉】减温器混合管\φ597.2×8\12Cr1MoVR\TGA00025-1-0\600MW超临界机组</t>
  </si>
  <si>
    <t>【东方锅炉】喷管\φ89×13\12Cr1MoVG\TGA00025-2-0\600MW超临界机组</t>
  </si>
  <si>
    <t>【东方锅炉】筒身\φ495.3×65\12Cr1MoVG\64N231A-0\660MW超临界机组</t>
  </si>
  <si>
    <t>【东方锅炉】减温器混合管\φ341×8\12Cr1MoV\64N231A-1-0\660MW超临界机组</t>
  </si>
  <si>
    <t>【东方锅炉】喷管\φ89×13\12Cr1MoVG\64N231A-2-0\660MW超临界机组</t>
  </si>
  <si>
    <t>【东方锅炉】筒身\φ495.3×65\SA-335P11\64N231A-0\660MW超临界机组</t>
  </si>
  <si>
    <t>【东方锅炉】减温器混合管\φ341×8\12Cr1MoVR\64N233A-1-0\660MW超临界机组</t>
  </si>
  <si>
    <t>【东方锅炉】喷管\φ89×13\12Cr1MoVG\64N233A-2-0\660MW超临界机组</t>
  </si>
  <si>
    <t>【东方锅炉】端盖\φ100×10\15CrMoⅢ\DG3322-2008\660MW超临界机组</t>
  </si>
  <si>
    <t>【东方锅炉】端盖\φ125×22.5\12Cr1MoVⅢ\DG3322-2008\660MW超临界机组</t>
  </si>
  <si>
    <t>【东方锅炉】端盖\φ100×10\SA-182F91\DG3322-2008\660MW超临界机组</t>
  </si>
  <si>
    <t>【东方锅炉】异种钢接头\φ51×8\SA-213TP347H/SA-213T23\34N981-5-0\600MW亚临界机组</t>
  </si>
  <si>
    <t>【东方锅炉】异种钢接头\φ44.5×7\SA-213TP304H/SA-213T91\34N981-6-0\600MW亚临界机组</t>
  </si>
  <si>
    <t>【东方锅炉】异种钢接头\φ57×4.5\SA-213TP304H/SA-213T91\34N981-7-0\600MW亚临界机组</t>
  </si>
  <si>
    <t>【东方锅炉】筒身\φ609.6×60\12Cr1MoVG\34N23-1-0\600MW亚临界机组</t>
  </si>
  <si>
    <t>【东方锅炉】减温器混合管\φ472×8\12Cr1MoV\34N23-1-1\600MW亚临界机组</t>
  </si>
  <si>
    <t>【东方锅炉】过热器一级减温器喷管\φ76×7.5\12Cr1MoVG\34N23-1-5\600MW亚临界机组</t>
  </si>
  <si>
    <t>【东方锅炉】筒身\φ609.6×60\12Cr1MoVG\34N23-2-0\600MW亚临界机组</t>
  </si>
  <si>
    <t>【东方锅炉】减温器混合管\φ422×8\12Cr1MoV\34N23-2-1\600MW亚临界机组</t>
  </si>
  <si>
    <t>【东方锅炉】喷管\φ119\12Cr1MoVG\34N23-2-3\600MW亚临界机组</t>
  </si>
  <si>
    <t>【东方锅炉】筒身\φ762×35\SA-106C\34N23-3-0\600MW亚临界机组</t>
  </si>
  <si>
    <t>【东方锅炉】减温器混合管\φ674×8\20G\34N23-3-1\600MW亚临界机组</t>
  </si>
  <si>
    <t>【东方锅炉】喷管\φ76×8\20g\34N23-3-5\600MW亚临界机组</t>
  </si>
  <si>
    <t>【东方锅炉】端盖\φ159×25\SA-105\34N2412-3-4\600MW亚临界机组</t>
  </si>
  <si>
    <t>【东方锅炉】端盖\φ133×18\12Cr1MoV\DG3315-2003\600MW亚临界机组</t>
  </si>
  <si>
    <t>【东方锅炉】端盖\φ159\12Cr1MoV\DG3316-2003-1\600MW亚临界机组</t>
  </si>
  <si>
    <t>【东方锅炉】异种钢接头\φ51×11/φ51×11.5\SA-213T91/SA-213TP310HCbN\143N9812-1-0\660MW超超临界机组</t>
  </si>
  <si>
    <t>【东方锅炉】管子\φ57×4.5\SA-213T91\30S2214-2-6\1000MW超超临界机组</t>
  </si>
  <si>
    <t>【东方锅炉】管子\φ57×4.5\SA-213T91\30S2214-2-7\1000MW超超临界机组</t>
  </si>
  <si>
    <t>【东方锅炉】管子\φ57×4.5\SA-213T91\30S2214-2-8\1000MW超超临界机组</t>
  </si>
  <si>
    <t>【东方锅炉】管子\φ57×4.5\SA-213T91\30S2214-2-9\1000MW超超临界机组</t>
  </si>
  <si>
    <t>【东方锅炉】管子\φ57×4.5\SA-213T91\30S2214-2-10\1000MW超超临界机组</t>
  </si>
  <si>
    <t>【东方锅炉】管子\φ57×4.5\SA-213T91\30S2214-2-11\1000MW超超临界机组</t>
  </si>
  <si>
    <t>【东方锅炉】管子\φ57×4.5\SA-213T91\30S2214-2-12\1000MW超超临界机组</t>
  </si>
  <si>
    <t>【东方锅炉】管子\φ57×4.5\SA-213T91\30S2214-4-1\1000MW超超临界机组</t>
  </si>
  <si>
    <t>【东方锅炉】管子\φ57×4.5\SA-213T91\30S2214-4-2\1000MW超超临界机组</t>
  </si>
  <si>
    <t>【东方锅炉】管子\φ57×4.5\SA-213T91\30S2214-4-3\1000MW超超临界机组</t>
  </si>
  <si>
    <t>【东方锅炉】管子\φ57×4.5\SA-213T91\30S2214-4-4\1000MW超超临界机组</t>
  </si>
  <si>
    <t>【东方锅炉】管子\φ57×4.5\SA-213T91\30S2214-4-5\1000MW超超临界机组</t>
  </si>
  <si>
    <t>【东方锅炉】管子\φ57×4.5\SA-213T91\30S2214-4-6\1000MW超超临界机组</t>
  </si>
  <si>
    <t>【东方锅炉】管子\φ57×4.5\SA-213T91\30S2214-4-7\1000MW超超临界机组</t>
  </si>
  <si>
    <t>【东方锅炉】管子\φ57×4.5\SA-213T91\30S2214-4-8\1000MW超超临界机组</t>
  </si>
  <si>
    <t>【东方锅炉】管子\φ57×4.5\SA-213T91\30S2214-4-9\1000MW超超临界机组</t>
  </si>
  <si>
    <t>【东方锅炉】管子\φ57×4.5\SA-213T91\30S2214-4-10\1000MW超超临界机组</t>
  </si>
  <si>
    <t>【东方锅炉】管子\φ57×4.5\SA-213T91\30S2214-4-11\1000MW超超临界机组</t>
  </si>
  <si>
    <t>【东方锅炉】筒身\φ508×80\SA-335P91\143N23-1-0\660MW超超临界机组</t>
  </si>
  <si>
    <t>【东方锅炉】混合管\φ324×8\装配件\143N23-1-1\660MW超超临界机组</t>
  </si>
  <si>
    <t>【东方锅炉】喷管\φ89×13\装配件\143N23-1-3\660MW超超临界机组</t>
  </si>
  <si>
    <t>【东方锅炉】筒身\φ559×100\SA-335P92\143N23-2-0\660MW超超临界机组</t>
  </si>
  <si>
    <t>【东方锅炉】混合管\φ335×8\装配件\143N23-2-1\660MW超超临界机组</t>
  </si>
  <si>
    <t>【东方锅炉】喷管\φ89×13\装配件\143N23-2-3\660MW超超临界机组</t>
  </si>
  <si>
    <t>【东方锅炉】筒身\φ771×65\12Cr1MoVG\143N23-3-0\660MW超超临界机组</t>
  </si>
  <si>
    <t>【东方锅炉】混合管\φ557×8\装配件\143N23-3-1\660MW超超临界机组</t>
  </si>
  <si>
    <t>【东方锅炉】喷管\φ89×13\装配件\143N23-3-3\660MW超超临界机组</t>
  </si>
  <si>
    <t>【东方锅炉】筒身\φ711×70\SA-335P91\143N23-4-0\660MW超超临界机组</t>
  </si>
  <si>
    <t>【东方锅炉】混合管\φ547×8\装配件\143N23-4-1\660MW超超临界机组</t>
  </si>
  <si>
    <t>【东方锅炉】喷管\φ89×13\装配件\143N23-4-3\660MW超超临界机组</t>
  </si>
  <si>
    <t>【东方锅炉】筒身\φ813×30\SA-335P91\143N23-5-0\660MW超超临界机组</t>
  </si>
  <si>
    <t>【东方锅炉】混合管\φ729×8\装配件\143N23-5-1\660MW超超临界机组</t>
  </si>
  <si>
    <t>【东方锅炉】喷管\φ89×13\装配件\143N23-5-3\660MW超超临界机组</t>
  </si>
  <si>
    <t>【东方锅炉】端盖\φ127×20\SA-105\143N142-1-3\660MW超超临界机组</t>
  </si>
  <si>
    <t>【东方锅炉】管子\φ57×4.5\SA-213T91\30S2214-4-12\1000MW超超临界机组</t>
  </si>
  <si>
    <t>【东方锅炉】管子\φ57×4 L=8861.4\SA-213TP310HCbN\16S223-1-1\1000MW超超临界机组</t>
  </si>
  <si>
    <t>【东方锅炉】管子\φ51×4\SA-213T91\16S223-1-2\1000MW超超临界机组</t>
  </si>
  <si>
    <t>【东方锅炉】管子\φ51×3.5 L=8861.4\SA-213TP310HCbN\16S223-1-2\1000MW超超临界机组</t>
  </si>
  <si>
    <t>【东方锅炉】管子\φ51×4\SA-213S30432\16S223-1-2\1000MW超超临界机组</t>
  </si>
  <si>
    <t>【东方锅炉】管子\φ51×4\SA-213T91\16S223-1-3\1000MW超超临界机组</t>
  </si>
  <si>
    <t>【东方锅炉】管子\φ51×3.5 L=8861.4\SA-213TP310HCbN\16S223-1-3\1000MW超超临界机组</t>
  </si>
  <si>
    <t>【东方锅炉】观察孔\φ76.2×20\装配件\TGS11510\660MW超超临界机组</t>
  </si>
  <si>
    <t>【东方锅炉】过渡管\φ76.2×20\装配件\15S1112-6-0\1000MW超超临界机组</t>
  </si>
  <si>
    <t>【东方锅炉】过渡管\φ76.2×20\装配件\15S1112-7-0\1000MW超超临界机组</t>
  </si>
  <si>
    <t>【东方锅炉】过渡管\φ76.2×20\装配件\15S1112-8-0\1000MW超超临界机组</t>
  </si>
  <si>
    <t>【东方锅炉】过渡管\φ76.2×20\装配件\15S1112-9-0\1000MW超超临界机组</t>
  </si>
  <si>
    <t>【东方锅炉】炉膛负压测孔组件\φ31.8×6.5\装配件\TGS11508\1000MW超超临界机组</t>
  </si>
  <si>
    <t>【东方锅炉】吹灰孔组件\φ31.8×6.5\装配件\TGS11509\1000MW超超临界机组</t>
  </si>
  <si>
    <t>【东方锅炉】管子\φ51×4\SA-213S30432\16S223-1-3\1000MW超超临界机组</t>
  </si>
  <si>
    <t>【东方锅炉】烟温探针孔组件\φ31.8×6.5\装配件\TGS11511\1000MW超超临界机组</t>
  </si>
  <si>
    <t>【东方锅炉】管子\φ51×4\SA-213T91\16S223-1-4\1000MW超超临界机组</t>
  </si>
  <si>
    <t>【东方锅炉】观察孔组件\φ31.8×6.5\装配件\TGS11502\1000MW超超临界机组</t>
  </si>
  <si>
    <t>【东方锅炉】燃烧器开孔组件\φ31.8×6.5\装配件\TGA11579\1000MW超超临界机组</t>
  </si>
  <si>
    <t>【东方锅炉】燃尽风开孔组件\φ31.8×6.5\装配件\TGA11280\1000MW超超临界机组</t>
  </si>
  <si>
    <t>【东方锅炉】吹灰孔组件\φ38.1×7.5\装配件\TGS11506\1000MW超超临界机组</t>
  </si>
  <si>
    <t>【东方锅炉】管子\φ51×3.5 L=8861.4\SA-213S30432\16S223-1-4\1000MW超超临界机组</t>
  </si>
  <si>
    <t>【东方锅炉】管子\φ51×4\SA-213T91\16S223-1-5\1000MW超超临界机组</t>
  </si>
  <si>
    <t>【东方锅炉】管子\φ51×3.5 L=8861.4\SA-213S30432\16S223-1-5\1000MW超超临界机组</t>
  </si>
  <si>
    <t>【东方锅炉】管子\φ51×4\SA-213T91\16S223-1-6\1000MW超超临界机组</t>
  </si>
  <si>
    <t>【东方锅炉】管子\φ51×3.5 L=8861.4\SA-213S30432\16S223-1-6\1000MW超超临界机组</t>
  </si>
  <si>
    <t>【东方锅炉】管子\φ51×4\SA-213T91\16S223-1-7\1000MW超超临界机组</t>
  </si>
  <si>
    <t>【东方锅炉】管子\φ51×3.5 L=8861.4\SA-213S30432\16S223-1-7\1000MW超超临界机组</t>
  </si>
  <si>
    <t>【东方锅炉】管子\φ51×4\SA-213T91\16S223-1-8\1000MW超超临界机组</t>
  </si>
  <si>
    <t>【东方锅炉】管子\φ51×3.5 L=8861.4\SA-213S30432\16S223-1-8\1000MW超超临界机组</t>
  </si>
  <si>
    <t>【东方锅炉】管子\φ51×4\SA-213T91\16S223-1-9\1000MW超超临界机组</t>
  </si>
  <si>
    <t>【东方锅炉】异种钢接头\φ38.1×7.5\SA-213T91/HR3C\YZGJT-63\1000MW超超临界机组</t>
  </si>
  <si>
    <t>【东方锅炉】管夹\L=4472\装配件\15S211-1-27\1000MW超超临界机组</t>
  </si>
  <si>
    <t>【东方锅炉】管子\φ51×3.5 L=8861.4\SA-213S30432\16S223-1-9\1000MW超超临界机组</t>
  </si>
  <si>
    <t>【东方锅炉】管子\φ51×4\SA-213T91\16S223-1-10\1000MW超超临界机组</t>
  </si>
  <si>
    <t>【东方锅炉】管子\φ51×3.5 L=8861.4\SA-213S30432\16S223-1-10\1000MW超超临界机组</t>
  </si>
  <si>
    <t>【东方锅炉】管子\φ51×4\SA-213T91\16S223-1-11\1000MW超超临界机组</t>
  </si>
  <si>
    <t>【东方锅炉】支撑块\D=57\ZG12Cr1MoV\TGS22004/No.4\1000MW超超临界机组</t>
  </si>
  <si>
    <t>【东方锅炉】支撑块\D=57\ZG12Cr18Ni9\TGS22004/№1/No.6\1000MW超超临界机组</t>
  </si>
  <si>
    <t>【东方锅炉】管子\φ51×3.5 L=8861.4\SA-213S30432\16S223-1-11\1000MW超超临界机组</t>
  </si>
  <si>
    <t>【东方锅炉】管子\φ51×4\SA-213T91\16S223-1-12\1000MW超超临界机组</t>
  </si>
  <si>
    <t>【东方锅炉】管子\φ51×3.5 L=8861.4\SA-213S30432\16S223-1-12\1000MW超超临界机组</t>
  </si>
  <si>
    <t>【东方锅炉】管子\φ51×4\SA-213T91\16S223-1-13\1000MW超超临界机组</t>
  </si>
  <si>
    <t>【东方锅炉】管子\φ51×3.5 L=8861.4\SA-213S30432\16S223-1-13\1000MW超超临界机组</t>
  </si>
  <si>
    <t>【东方锅炉】管子\φ51×4\SA-213T91\16S223-1-14\1000MW超超临界机组</t>
  </si>
  <si>
    <t>【东方锅炉】管子\φ51×3.5 L=8861.4\SA-213S30432\16S223-1-14\1000MW超超临界机组</t>
  </si>
  <si>
    <t>【东方锅炉】管子\φ51×4\SA-213T91\16S223-1-15\1000MW超超临界机组</t>
  </si>
  <si>
    <t>【东方锅炉】管子\φ51×3.5 L=8861.4\SA-213S30432\16S223-1-15\1000MW超超临界机组</t>
  </si>
  <si>
    <t>【东方锅炉】支撑块\D=57\ZG12Cr18Ni9\TGS22004/No.4\1000MW超超临界机组</t>
  </si>
  <si>
    <t>【东方锅炉】支撑块\D=57\ZG12Cr18Ni9\TGS22004/№2/No.6\1000MW超超临界机组</t>
  </si>
  <si>
    <t>【东方锅炉】支撑块\D=57\ZG12Cr18Ni9\TGS22004/No.1\1000MW超超临界机组</t>
  </si>
  <si>
    <t>【东方锅炉】支撑块\D=57\ZG12Cr18Ni9\TGS22004/No.3\1000MW超超临界机组</t>
  </si>
  <si>
    <t>【东方锅炉】支撑块\D=57\装配件\TGS22010/No.2/I型\1000MW超超临界机组</t>
  </si>
  <si>
    <t>【东方锅炉】管子\φ51×4\SA-213T91\16S223-1-16\1000MW超超临界机组</t>
  </si>
  <si>
    <t>【东方锅炉】管子\φ51×3.5 L=8861.4\SA-213S30432\16S223-1-16\1000MW超超临界机组</t>
  </si>
  <si>
    <t>【东方锅炉】管子\φ51×4\SA-213T91\16S223-2-1\1000MW超超临界机组</t>
  </si>
  <si>
    <t>【东方锅炉】管子\φ51×4\SA-213S30432\16S223-2-1\1000MW超超临界机组</t>
  </si>
  <si>
    <t>【东方锅炉】管子\φ51×4\SA-213T91\16S223-2-2\1000MW超超临界机组</t>
  </si>
  <si>
    <t>【东方锅炉】管子\φ51×4\SA-213S30432\16S223-2-2\1000MW超超临界机组</t>
  </si>
  <si>
    <t>【东方锅炉】夹块\φ38.1×7.5\装配件\TGS22009/TGS220092\1000MW超超临界机组</t>
  </si>
  <si>
    <t>【东方锅炉】管子\φ51×4\SA-213T91\16S223-2-3\1000MW超超临界机组</t>
  </si>
  <si>
    <t>【东方锅炉】管子\φ51×4\SA-213S30432\16S223-2-3\1000MW超超临界机组</t>
  </si>
  <si>
    <t>【东方锅炉】弧型板\δ12\12Cr1MoV\15S2124-1-3\1000MW超超临界机组</t>
  </si>
  <si>
    <t>【东方锅炉】管子\φ51×4\SA-213T91\16S223-2-4\1000MW超超临界机组</t>
  </si>
  <si>
    <t>【东方锅炉】管子\φ51×4\SA-213S30432\16S223-2-4\1000MW超超临界机组</t>
  </si>
  <si>
    <t>【东方锅炉】管子\φ51×4\SA-213T91\16S223-2-5\1000MW超超临界机组</t>
  </si>
  <si>
    <t>【东方锅炉】吹灰孔组件\φ38.1×7.5\装配件\TGS21501\1000MW超超临界机组</t>
  </si>
  <si>
    <t>【东方锅炉】吹灰孔组件\φ38.1×7.5\装配件\TGS21502\1000MW超超临界机组</t>
  </si>
  <si>
    <t>【东方锅炉】人孔组件\φ38.1×7.5\装配件\TGS21503\1000MW超超临界机组</t>
  </si>
  <si>
    <t>【东方锅炉】低过进口集箱开孔\φ38.1×7.5\装配件\TGS21504\1000MW超超临界机组</t>
  </si>
  <si>
    <t>【东方锅炉】管子\φ51×4\SA-213S30432\16S223-2-5\1000MW超超临界机组</t>
  </si>
  <si>
    <t>【东方锅炉】人孔组件\φ38.1×7.5\装配件\TGS11512\1000MW超超临界机组</t>
  </si>
  <si>
    <t>【东方锅炉】三叉管\φ57×14.6/φ63.5×12.5\装配件\15S2147-16-3\1000MW超超临界机组</t>
  </si>
  <si>
    <t>【东方锅炉】支撑块\L=120\ZG12Cr18Ni9\TGS22011/II型/No.3\1000MW超超临界机组</t>
  </si>
  <si>
    <t>【东方锅炉】管子\φ51×4\SA-213T91\16S223-2-6\1000MW超超临界机组</t>
  </si>
  <si>
    <t>【东方锅炉】管子\φ51×4\SA-213S30432\16S223-2-6\1000MW超超临界机组</t>
  </si>
  <si>
    <t>【东方锅炉】管子\φ51×4\SA-213T91\16S223-2-7\1000MW超超临界机组</t>
  </si>
  <si>
    <t>【东方锅炉】管子\φ51×4\SA-213S30432\16S223-2-7\1000MW超超临界机组</t>
  </si>
  <si>
    <t>【东方锅炉】管子\φ51×4\SA-213T91\16S223-2-8\1000MW超超临界机组</t>
  </si>
  <si>
    <t>【东方锅炉】管子\φ51×4\SA-213S30432\16S223-2-8\1000MW超超临界机组</t>
  </si>
  <si>
    <t>【东方锅炉】管子\φ57×4 L=8861.4\SA-213TP310HCbN\16S223-3-1\1000MW超超临界机组</t>
  </si>
  <si>
    <t>【东方锅炉】管子\φ57×5\SA-213TP310HCbN\16S223-3-1\1000MW超超临界机组</t>
  </si>
  <si>
    <t>【东方锅炉】管子\φ51×4\SA-213T91\16S223-3-2\1000MW超超临界机组</t>
  </si>
  <si>
    <t>【东方锅炉】管子\φ51×3.5 L=8861.4\SA-213TP310HCbN\16S223-3-2\1000MW超超临界机组</t>
  </si>
  <si>
    <t>【东方锅炉】管子\φ51×4\SA-213TP310HCbN\16S223-3-2\1000MW超超临界机组</t>
  </si>
  <si>
    <t>【东方锅炉】管子\φ51×4\SA-213S30432\16S223-3-2\1000MW超超临界机组</t>
  </si>
  <si>
    <t>【东方锅炉】管子\φ51×4\SA-213T91\16S223-3-3\1000MW超超临界机组</t>
  </si>
  <si>
    <t>【东方锅炉】管子\φ51×3.5 L=8861.4\SA-213TP310HCbN\16S223-3-3\1000MW超超临界机组</t>
  </si>
  <si>
    <t>【东方锅炉】滑动副\δ9\装配件\TGS22003\1000MW超超临界机组</t>
  </si>
  <si>
    <t>【东方锅炉】管子\φ51×4\SA-213TP310HCbN\16S223-3-3\1000MW超超临界机组</t>
  </si>
  <si>
    <t>【东方锅炉】管子\φ51×4\SA-213S30432\16S223-3-3\1000MW超超临界机组</t>
  </si>
  <si>
    <t>【东方锅炉】管子\φ51×4\SA-213T91\16S223-3-4\1000MW超超临界机组</t>
  </si>
  <si>
    <t>【东方锅炉】管子\φ51×3.5 L=8861.4\SA-213S30432\16S223-3-4\1000MW超超临界机组</t>
  </si>
  <si>
    <t>【东方锅炉】管子\φ51×4\SA-213S30432\16S223-3-4\1000MW超超临界机组</t>
  </si>
  <si>
    <t>【东方锅炉】管子\φ51×4\SA-213T91\16S223-3-5\1000MW超超临界机组</t>
  </si>
  <si>
    <t>【东方锅炉】管子\φ51×3.5 L=8861.4\SA-213S30432\16S223-3-5\1000MW超超临界机组</t>
  </si>
  <si>
    <t>【东方锅炉】管子\φ51×4\SA-213S30432\16S223-3-5\1000MW超超临界机组</t>
  </si>
  <si>
    <t>【东方锅炉】管子\φ51×4\SA-213T91\16S223-3-6\1000MW超超临界机组</t>
  </si>
  <si>
    <t>【东方锅炉】支撑块\R118.5\ZG12Cr1MoV\TGS22020/II型/No.1\1000MW超超临界机组</t>
  </si>
  <si>
    <t>【东方锅炉】支撑块\R118.5\ZG12Cr1MoV\TGS22019/I型/No.1\1000MW超超临界机组</t>
  </si>
  <si>
    <t>【东方锅炉】固定块\R118.5\ZG12Cr1MoV\TGS22022/II型/No.1\1000MW超超临界机组</t>
  </si>
  <si>
    <t>【东方锅炉】固定块\R118.5\ZG12Cr1MoV\TGS22021/I型/No.1\1000MW超超临界机组</t>
  </si>
  <si>
    <t>【东方锅炉】固定块\R118.5\ZG12Cr1MoV\TGS22023/III型/No.1\1000MW超超临界机组</t>
  </si>
  <si>
    <t>【东方锅炉】管子\φ51×3.5 L=8861.4\SA-213S30432\16S223-3-6\1000MW超超临界机组</t>
  </si>
  <si>
    <t>【东方锅炉】管子\φ51×4\SA-213S30432\16S223-3-6\1000MW超超临界机组</t>
  </si>
  <si>
    <t>【东方锅炉】管子\φ51×4\SA-213T91\16S223-3-7\1000MW超超临界机组</t>
  </si>
  <si>
    <t>【东方锅炉】管子\φ51×3.5 L=8861.4\SA-213S30432\16S223-3-7\1000MW超超临界机组</t>
  </si>
  <si>
    <t>【东方锅炉】管子\φ51×4\SA-213S30432\16S223-3-7\1000MW超超临界机组</t>
  </si>
  <si>
    <t>【东方锅炉】管子\φ51×4\SA-213T91\16S223-3-8\1000MW超超临界机组</t>
  </si>
  <si>
    <t>【东方锅炉】管子\φ51×3.5 L=8861.4\SA-213S30432\16S223-3-8\1000MW超超临界机组</t>
  </si>
  <si>
    <t>【东方锅炉】管子\φ51×4\SA-213S30432\16S223-3-8\1000MW超超临界机组</t>
  </si>
  <si>
    <t>【东方锅炉】管子\φ51×4\SA-213T91\16S223-3-9\1000MW超超临界机组</t>
  </si>
  <si>
    <t>【东方锅炉】管子\φ51×3.5 L=8861.4\SA-213S30432\16S223-3-9\1000MW超超临界机组</t>
  </si>
  <si>
    <t>【东方锅炉】管子\φ51×4\SA-213S30432\16S223-3-9\1000MW超超临界机组</t>
  </si>
  <si>
    <t>【东方锅炉】管子\φ51×4\SA-213T91\16S223-3-10\1000MW超超临界机组</t>
  </si>
  <si>
    <t>【东方锅炉】支撑块\R118.5\ZG12Cr18Ni9\TGS22024/I型/No.2\1000MW超超临界机组</t>
  </si>
  <si>
    <t>【东方锅炉】管子\φ51×3.5 L=8861.4\SA-213S30432\16S223-3-10\1000MW超超临界机组</t>
  </si>
  <si>
    <t>【东方锅炉】管子\φ51×4\SA-213S30432\16S223-3-10\1000MW超超临界机组</t>
  </si>
  <si>
    <t>【东方锅炉】管子\φ51×4\SA-213T91\16S223-3-11\1000MW超超临界机组</t>
  </si>
  <si>
    <t>【东方锅炉】管子\φ51×3.5 L=8861.4\SA-213S30432\16S223-3-11\1000MW超超临界机组</t>
  </si>
  <si>
    <t>【东方锅炉】管子\φ51×4\SA-213S30432\16S223-3-11\1000MW超超临界机组</t>
  </si>
  <si>
    <t>【东方锅炉】夹块\L=80\装配件\TGS22009/TGS220091\1000MW超超临界机组</t>
  </si>
  <si>
    <t>【东方锅炉】管子\φ51×4\SA-213T91\16S223-3-12\1000MW超超临界机组</t>
  </si>
  <si>
    <t>【东方锅炉】管子\φ51×3.5 L=8861.4\SA-213S30432\16S223-3-12\1000MW超超临界机组</t>
  </si>
  <si>
    <t>【东方锅炉】管子\φ51×4\SA-213S30432\16S223-3-12\1000MW超超临界机组</t>
  </si>
  <si>
    <t>【东方锅炉】管子\φ51×4\SA-213T91\16S223-3-13\1000MW超超临界机组</t>
  </si>
  <si>
    <t>【东方锅炉】管子\φ51×3.5 L=8861.4\SA-213S30432\16S223-3-13\1000MW超超临界机组</t>
  </si>
  <si>
    <t>【东方锅炉】管子\φ51×4\SA-213S30432\16S223-3-13\1000MW超超临界机组</t>
  </si>
  <si>
    <t>【东方锅炉】管子\φ51×4\SA-213T91\16S223-3-14\1000MW超超临界机组</t>
  </si>
  <si>
    <t>【东方锅炉】异种钢接头\φ38.1×7.5\SA-213T92/SUPER304H\TGA00808\1000MW超超临界机组</t>
  </si>
  <si>
    <t>【东方锅炉】管子\φ51×3.5 L=8861.4\SA-213S30432\16S223-3-14\1000MW超超临界机组</t>
  </si>
  <si>
    <t>【东方锅炉】滑动副\L=80\装配件\TGS22002\1000MW超超临界机组</t>
  </si>
  <si>
    <t>【东方锅炉】管子\φ51×4\SA-213S30432\16S223-3-14\1000MW超超临界机组</t>
  </si>
  <si>
    <t>【东方锅炉】管子\φ51×4\SA-213T91\16S223-3-15\1000MW超超临界机组</t>
  </si>
  <si>
    <t>【东方锅炉】管子\φ51×3.5 L=8861.4\SA-213S30432\16S223-3-15\1000MW超超临界机组</t>
  </si>
  <si>
    <t>【东方锅炉】管子\φ51×4\SA-213S30432\16S223-3-15\1000MW超超临界机组</t>
  </si>
  <si>
    <t>【东方锅炉】管子\φ51×4\SA-213T91\16S223-3-16\1000MW超超临界机组</t>
  </si>
  <si>
    <t>【东方锅炉】减温器混合管\φ430.4×8\装配件\TGA00007-1-0\1000MW超超临界机组</t>
  </si>
  <si>
    <t>【东方锅炉】喷管\φ89×13\装配件\TGA00007-2-0\1000MW超超临界机组</t>
  </si>
  <si>
    <t>【东方锅炉】筒身\φ609.6×106\SA-335P92\15S232-0\1000MW超超临界机组</t>
  </si>
  <si>
    <t>【东方锅炉】减温器混合管\φ373.6×8\装配件\TGA00004-1-0\1000MW超超临界机组</t>
  </si>
  <si>
    <t>【东方锅炉】喷管\φ89×13\装配件\15S232-1-0\1000MW超超临界机组</t>
  </si>
  <si>
    <t>【东方锅炉】筒身\φ914.4×52\12Cr1MoVG\15S233-1-0\1000MW超超临界机组</t>
  </si>
  <si>
    <t>【东方锅炉】减温器混合管\φ786.4×10\装配件\15S233-1-1\1000MW超超临界机组</t>
  </si>
  <si>
    <t>【东方锅炉】喷管\φ89×13\装配件\15S233-1-3\1000MW超超临界机组</t>
  </si>
  <si>
    <t>【东方锅炉】端盖\φ130×25\15CrMo\TGS14011\1000MW超超临界机组</t>
  </si>
  <si>
    <t>【东方锅炉】手孔端盖\φ130×25\12Cr1MoV\15S2417-3-3\1000MW超超临界机组</t>
  </si>
  <si>
    <t>【东方锅炉】端盖\φ130×25\SA-182F91\TGS14011\1000MW超超临界机组</t>
  </si>
  <si>
    <t>【东方锅炉】端盖\φ1016×90\12Cr1MoV\15S2422-1-1\1000MW超超临界机组</t>
  </si>
  <si>
    <t>【东方锅炉】端盖\φ130×25\12Cr1MoV\TGS14011\1000MW超超临界机组</t>
  </si>
  <si>
    <t>【东方锅炉】人孔密封圈\φ130×25\06Cr19Ni10+柔性石墨\TF304.6-1997\1000MW超超临界机组</t>
  </si>
  <si>
    <t>【东方锅炉】管子\φ51×3.5 L=8861.4\SA-213S30432\16S223-3-16\1000MW超超临界机组</t>
  </si>
  <si>
    <t>【东方锅炉】人孔密封圈\φ130×25\06Cr19Ni10+柔性石墨\25FM411.04-1-6\1000MW超超临界机组</t>
  </si>
  <si>
    <t>【东方锅炉】管子\φ51×4\SA-213S30432\16S223-3-16\1000MW超超临界机组</t>
  </si>
  <si>
    <t>【东方锅炉】管子\φ50.8×8\SA-213T91\57N211-1-2\600MW超临界机组</t>
  </si>
  <si>
    <t>【东方锅炉】人孔密封圈\φ130×25\06Cr19Ni10+柔性石墨\F41220-1-3-6\1000MW超超临界机组</t>
  </si>
  <si>
    <t>【东方锅炉】管子\φ45×7\SA-213T91\57N211-1-4\600MW超临界机组</t>
  </si>
  <si>
    <t>【东方锅炉】管子\φ45×7\SA-213TP347H\57N211-1-3\600MW超临界机组</t>
  </si>
  <si>
    <t>【东方锅炉】管子\φ45×7\SA-213T91\57N211-1-6\600MW超临界机组</t>
  </si>
  <si>
    <t>【东方锅炉】人孔密封圈\φ130×25\06Cr19Ni10+柔性石墨\TF307.3-2001\1000MW超超临界机组</t>
  </si>
  <si>
    <t>【东方锅炉】管子\φ45×7\SA-213TP347H\57N211-1-5\600MW超临界机组</t>
  </si>
  <si>
    <t>【东方锅炉】管子\φ45×7\SA-213T91\57N211-1-8\600MW超临界机组</t>
  </si>
  <si>
    <t>【东方锅炉】人孔密封圈\φ130×25\06Cr19Ni10+柔性石墨\TF312.7-2006\1000MW超超临界机组</t>
  </si>
  <si>
    <t>【东方锅炉】管子\φ45×7\SA-213TP347H\57N211-1-7\600MW超临界机组</t>
  </si>
  <si>
    <t>【东方锅炉】管子\φ45×7\SA-213T91\57N211-1-10\600MW超临界机组</t>
  </si>
  <si>
    <t>【东方锅炉】管子\φ45×7\SA-213TP347H\57N211-1-9\600MW超临界机组</t>
  </si>
  <si>
    <t>【东方锅炉】人孔密封圈\φ130×25\06Cr19Ni10+柔性石墨\TF313.6-2006\1000MW超超临界机组</t>
  </si>
  <si>
    <t>【东方锅炉】管子\φ45×7\SA-213T91\57N211-1-12\600MW超临界机组</t>
  </si>
  <si>
    <t>【东方锅炉】管子\φ45×7\SA-213TP347H\57N211-1-11\600MW超临界机组</t>
  </si>
  <si>
    <t>【东方锅炉】管子\φ45×7\SA-213T91\57N211-1-14\600MW超临界机组</t>
  </si>
  <si>
    <t>【东方锅炉】人孔密封圈\φ130×25\06Cr19Ni10+柔性石墨\TFA00101-6/№1\1000MW超超临界机组</t>
  </si>
  <si>
    <t>【东方锅炉】管子\φ45×7\SA-213TP347H\57N211-1-13\600MW超临界机组</t>
  </si>
  <si>
    <t>【东方锅炉】管子\φ50.8×8\SA-213T91\GZ-1\600MW超临界机组</t>
  </si>
  <si>
    <t>【东方锅炉】管子\φ50.8×8\SA-213TP347H\GZ-2\600MW超临界机组</t>
  </si>
  <si>
    <t>【东方锅炉】人孔密封圈\φ130×25\06Cr19Ni10+柔性石墨\TFA00101-6/№2\1000MW超超临界机组</t>
  </si>
  <si>
    <t>【东方锅炉】管子\φ45×7\SA-213T91\GZ-3\600MW超临界机组</t>
  </si>
  <si>
    <t>【东方锅炉】管子\φ45×7\SA-213TP347H\GZ-4\600MW超临界机组</t>
  </si>
  <si>
    <t>【东方锅炉】管子\φ45×7\SA-213T91\57N211-1-16\600MW超临界机组</t>
  </si>
  <si>
    <t>【东方锅炉】管子\φ45×7\SA-213TP347H\57N211-1-15\600MW超临界机组</t>
  </si>
  <si>
    <t>【东方锅炉】管子\φ45×7\SA-213T91\57N211-1-18\600MW超临界机组</t>
  </si>
  <si>
    <t>【东方锅炉】管子\φ45×7\SA-213TP347H\57N211-1-17\600MW超临界机组</t>
  </si>
  <si>
    <t>【东方锅炉】管子\φ45×7\SA-213T91\57N211-1-20\600MW超临界机组</t>
  </si>
  <si>
    <t>【东方锅炉】人孔密封圈\φ130×25\06Cr19Ni10+柔性石墨\23FS411.04-2-6\1000MW超超临界机组</t>
  </si>
  <si>
    <t>【东方锅炉】管子\φ45×7\SA-213TP347H\57N211-1-19\600MW超临界机组</t>
  </si>
  <si>
    <t>【东方锅炉】垫片\φ130×25\增强柔性石墨\23FS411.05-10\1000MW超超临界机组</t>
  </si>
  <si>
    <t>【东方锅炉】管子\φ45×7\SA-213TP347H\57N211-1-21\600MW超临界机组</t>
  </si>
  <si>
    <t>【东方锅炉】管子\φ45×7\SA-213TP347H\57N211-1-22\600MW超临界机组</t>
  </si>
  <si>
    <t>【东方锅炉】管子\φ45×7\SA-213TP347H\57N211-1-23\600MW超临界机组</t>
  </si>
  <si>
    <t>【东方锅炉】管子\φ45×7\SA-213TP347H\57N211-1-24\600MW超临界机组</t>
  </si>
  <si>
    <t>【东方锅炉】管子\φ45×7\SA-213TP347H\57N211-1-25\600MW超临界机组</t>
  </si>
  <si>
    <t>【东方锅炉】包墙人孔开孔\φ130×25\SA-210C\TGN21004\1000MW超超临界机组</t>
  </si>
  <si>
    <t>【东方锅炉】S弯\φ63.5×8\SA-210C\34N2412-7-5\600MW亚临界机组</t>
  </si>
  <si>
    <t>【东方锅炉】S弯\φ63.5×8\SA-210C\34N2412-7-6\600MW亚临界机组</t>
  </si>
  <si>
    <t>【东方锅炉】弯头\φ57×7\15CrMoG\1512125P-1\600MW亚临界机组</t>
  </si>
  <si>
    <t>【东方锅炉】管子\φ45×7\SA-213TP347H\57N211-1-26\600MW超临界机组</t>
  </si>
  <si>
    <t>【东方锅炉】弯管\φ57×7\SA-210C\15-09143T-24\600MW亚临界机组</t>
  </si>
  <si>
    <t>【东方锅炉】弯管\φ57×7\SA-210C\15-09143T-25\600MW亚临界机组</t>
  </si>
  <si>
    <t>【东方锅炉】弯管\φ57×7\SA-210C\15-09143T-26\600MW亚临界机组</t>
  </si>
  <si>
    <t>【东方锅炉】弯管\φ57×7\SA-210C\15-09143T-27\600MW亚临界机组</t>
  </si>
  <si>
    <t>【东方锅炉】弯管\φ57×7\15CrMoG\15-09143T-28\600MW亚临界机组</t>
  </si>
  <si>
    <t>【东方锅炉】弯管\φ57×7\15CrMoG\15-09143T-29\600MW亚临界机组</t>
  </si>
  <si>
    <t>【东方锅炉】弯管\φ57×7\15CrMoG\15-09143T-30\600MW亚临界机组</t>
  </si>
  <si>
    <t>【东方锅炉】弯管\φ57×7\15CrMoG\15-09143T-31\600MW亚临界机组</t>
  </si>
  <si>
    <t>【东方锅炉】定位块\φ57\ZG1Cr18Ni9Ti\15-09079G34-9-1\600MW亚临界机组</t>
  </si>
  <si>
    <t>【东方锅炉】夹板\δ10\12Cr1MoV\15-09079G35-5-0\600MW亚临界机组</t>
  </si>
  <si>
    <t>【东方锅炉】夹板\δ10\12Cr2MoV\15-09079G35-8-0\600MW亚临界机组</t>
  </si>
  <si>
    <t>【东方锅炉】支撑块\φ57×11.5\ZG1Cr18Ni9Ti\15-09079G313-3-1\600MW亚临界机组</t>
  </si>
  <si>
    <t>【东方锅炉】支撑块\δ24\ZG1Cr18Ni9Ti\15-09079G35-3-3\600MW亚临界机组</t>
  </si>
  <si>
    <t>【东方锅炉】支撑块\φ51\ZG12Cr18Ni9\34N313-1-1\600MW亚临界机组</t>
  </si>
  <si>
    <t>【东方锅炉】弯管\φ57×7\12Cr1MoVG\1513177P-1\600MW亚临界机组</t>
  </si>
  <si>
    <t>【东方锅炉】弯管\φ57×7\12Cr1MoVG\1513177P-2\600MW亚临界机组</t>
  </si>
  <si>
    <t>【东方锅炉】弯管\φ57×7\12Cr1MoVG\1513177P-3\600MW亚临界机组</t>
  </si>
  <si>
    <t>【东方锅炉】弯管\φ57×7\12Cr1MoVG\1513177P-4\600MW亚临界机组</t>
  </si>
  <si>
    <t>【东方锅炉】弯管\φ57×7\12Cr1MoVG\1513177P-5\600MW亚临界机组</t>
  </si>
  <si>
    <t>【东方锅炉】弯管\φ57×7\12Cr1MoVG\1513177P-6\600MW亚临界机组</t>
  </si>
  <si>
    <t>【东方锅炉】弯管\φ57×7\12Cr1MoVG\1513177P-7\600MW亚临界机组</t>
  </si>
  <si>
    <t>【东方锅炉】弯管\φ57×7\12Cr1MoVG\1513177P-8\600MW亚临界机组</t>
  </si>
  <si>
    <t>【东方锅炉】等径叉型管\φ70\20g\34N2121-7-1\600MW亚临界机组</t>
  </si>
  <si>
    <t>【东方锅炉】弯头\φ57×7\15CrMoG\1512125P-2\600MW亚临界机组</t>
  </si>
  <si>
    <t>【东方锅炉】弯管\φ63.5×5\SA-210C\15-09143T-32\600MW亚临界机组</t>
  </si>
  <si>
    <t>【东方锅炉】弯管\φ63.5×5\SA-210C\15-09143T-33\600MW亚临界机组</t>
  </si>
  <si>
    <t>【东方锅炉】弯管\φ63.5×5\SA-210C\15-09143T-34\600MW亚临界机组</t>
  </si>
  <si>
    <t>【东方锅炉】弯管\φ63.5×5\15CrMoG\15-09143T-35\600MW亚临界机组</t>
  </si>
  <si>
    <t>【东方锅炉】弯管\φ63.5×5\15CrMoG\15-09143T-36\600MW亚临界机组</t>
  </si>
  <si>
    <t>【东方锅炉】弯管\φ63.5×5\15CrMoG\15-09143T-37\600MW亚临界机组</t>
  </si>
  <si>
    <t>【东方锅炉】定位块\R31.75\ZG1Cr18Ni9Ti\15-09079G313-6\600MW亚临界机组</t>
  </si>
  <si>
    <t>【东方锅炉】定位块\φ57\ZG1Cr18Ni9Ti\15-09079G313-7\600MW亚临界机组</t>
  </si>
  <si>
    <t>【东方锅炉】管夹\δ10\12Cr1MoV\15-09079G311-1-7\600MW亚临界机组</t>
  </si>
  <si>
    <t>【东方锅炉】管夹\δ10\12Cr1MoV\15-10037G311-1-3\600MW亚临界机组</t>
  </si>
  <si>
    <t>【东方锅炉】夹板\L=2538.5\12Cr1MoV\15-09079G311-1-3\600MW亚临界机组</t>
  </si>
  <si>
    <t>【东方锅炉】夹板\L=2538.5\12Cr1MoV\15-09079G311-1-5\600MW亚临界机组</t>
  </si>
  <si>
    <t>【东方锅炉】夹板\L=2613.5\12Cr1MoV\15-09079G311-7-1\600MW亚临界机组</t>
  </si>
  <si>
    <t>【东方锅炉】夹板\L=2613.5\12Cr1MoV\15-09079G311-7-2\600MW亚临界机组</t>
  </si>
  <si>
    <t>【东方锅炉】支撑块\L=115\ZG1Cr18Ni9Ti\15-09079G313-1-1\600MW亚临界机组</t>
  </si>
  <si>
    <t>【东方锅炉】低再出口偏心管\φ57×7\SA-210C\1513146T-1\600MW亚临界机组</t>
  </si>
  <si>
    <t>【东方锅炉】定位块\φ57\ZG15Cr1Mo1V\34N2121-1-8/№1\600MW亚临界机组</t>
  </si>
  <si>
    <t>【东方锅炉】定位块\φ57\ZG15Cr1Mo1V\34N2121-1-9/№1\600MW亚临界机组</t>
  </si>
  <si>
    <t>【东方锅炉】弯管\φ51×8\SA-213T23\15-10223T-7\600MW亚临界机组</t>
  </si>
  <si>
    <t>【东方锅炉】弯管\φ51×8\SA-213T91\15-11206P-5\600MW亚临界机组</t>
  </si>
  <si>
    <t>【东方锅炉】弯管\φ51×8\SA-213T23\15-11206P-6\600MW亚临界机组</t>
  </si>
  <si>
    <t>【东方锅炉】弯管\φ51×8\SA-213T23\15-11206P-7\600MW亚临界机组</t>
  </si>
  <si>
    <t>【东方锅炉】管子\φ45×7\SA-213TP347H\57N211-1-27\600MW超临界机组</t>
  </si>
  <si>
    <t>【东方锅炉】滑动块\φ51\装配件\TG24052-2005MX\600MW亚临界机组</t>
  </si>
  <si>
    <t>【东方锅炉】弯头\φ51×8\SA-213T23\15-10154P-1\600MW亚临界机组</t>
  </si>
  <si>
    <t>【东方锅炉】弯头\φ51×8\SA-213T23\15-10154P-10\600MW亚临界机组</t>
  </si>
  <si>
    <t>【东方锅炉】弯头\φ51×8\SA-213T23\15-10154P-11\600MW亚临界机组</t>
  </si>
  <si>
    <t>【东方锅炉】弯头\φ51×8\SA-213T23\15-10154P-12\600MW亚临界机组</t>
  </si>
  <si>
    <t>【东方锅炉】弯头\φ51×8\SA-213T23\15-10154P-13\600MW亚临界机组</t>
  </si>
  <si>
    <t>【东方锅炉】弯头\φ51×8\SA-213T23\15-10154P-14\600MW亚临界机组</t>
  </si>
  <si>
    <t>【东方锅炉】管子\φ45×7\SA-213TP347H\57N211-1-28\600MW超临界机组</t>
  </si>
  <si>
    <t>【东方锅炉】管子\φ45×7\SA-213TP347H\57N211-1-29\600MW超临界机组</t>
  </si>
  <si>
    <t>【东方锅炉】管子\φ45×7\SA-213TP347H\57N211-1-30\600MW超临界机组</t>
  </si>
  <si>
    <t>【东方锅炉】弯头\φ51×8\SA-213T23\15-10154P-2\600MW亚临界机组</t>
  </si>
  <si>
    <t>【东方锅炉】弯头\φ51×8\SA-213T23\15-10154P-3\600MW亚临界机组</t>
  </si>
  <si>
    <t>【东方锅炉】弯头\φ51×8\SA-213T23\15-10154P-4\600MW亚临界机组</t>
  </si>
  <si>
    <t>【东方锅炉】弯头\φ51×8\SA-213T23\15-10154P-5\600MW亚临界机组</t>
  </si>
  <si>
    <t>【东方锅炉】弯头\φ51×8\SA-213T23\15-10154P-6\600MW亚临界机组</t>
  </si>
  <si>
    <t>【东方锅炉】弯头\φ51×8\SA-213T23\15-10154P-7\600MW亚临界机组</t>
  </si>
  <si>
    <t>【东方锅炉】弯头\φ51×8\SA-213T23\15-10154P-8\600MW亚临界机组</t>
  </si>
  <si>
    <t>【东方锅炉】弯头\φ51×8\SA-213T23\15-10154P-9\600MW亚临界机组</t>
  </si>
  <si>
    <t>【东方锅炉】异种钢接头\φ51×8\12Cr1MoVG/SA-213T23\09169-1-0\600MW亚临界机组</t>
  </si>
  <si>
    <t>【东方锅炉】异种钢接头\φ51×8\SA-213T23/SA-213TP347H\15-09076P-1-0\600MW亚临界机组</t>
  </si>
  <si>
    <t>【东方锅炉】异种钢接头\φ51×8\SA-213T91/SA-213TP347H\15-09076P-2-0\600MW亚临界机组</t>
  </si>
  <si>
    <t>【东方锅炉】异种钢接头\φ51×8\SA-213T91/SA-213T23\15-09076P-3-0\600MW亚临界机组</t>
  </si>
  <si>
    <t>【东方锅炉】弯头\φ44.5×7\SA-213T91\15-10213T-3/№1\600MW亚临界机组</t>
  </si>
  <si>
    <t>【东方锅炉】异种钢接头\φ51×8\SA-213T91/SA-213TP304H\TGA00808\600MW亚临界机组</t>
  </si>
  <si>
    <t>【东方锅炉】弯管\φ44.5×7\SA-210C\1513106T-1\600MW亚临界机组</t>
  </si>
  <si>
    <t>【东方锅炉】弯管\φ44.5×7\12Cr1MoVG\1512240T-1/№1\600MW亚临界机组</t>
  </si>
  <si>
    <t>【东方锅炉】弯管\φ51×8\SA-213T23\1512240T-2/№1\600MW亚临界机组</t>
  </si>
  <si>
    <t>【东方锅炉】弯管\φ66.7×7\SA-210C\1513106T-2\600MW亚临界机组</t>
  </si>
  <si>
    <t>【东方锅炉】弯管\φ44.5×5.5\SA-210C\34N2412-7-4\600MW亚临界机组</t>
  </si>
  <si>
    <t>【东方锅炉】管子\φ45×7\SA-213T91\57N211-1-31\600MW超临界机组</t>
  </si>
  <si>
    <t>【东方锅炉】管子\φ45×9\SA-213TP347H\57N215-1-1\600MW超临界机组</t>
  </si>
  <si>
    <t>【东方锅炉】炉膛吹灰器墙箱\δ10\装配件\34N712-1-0\600MW亚临界机组</t>
  </si>
  <si>
    <t>【东方锅炉】弯管\φ44.5×7\SA-213T91\1512240T-1/№2\600MW亚临界机组</t>
  </si>
  <si>
    <t>【东方锅炉】弯管\φ44.5×7\SA-213T91\15-11206P-1\600MW亚临界机组</t>
  </si>
  <si>
    <t>【东方锅炉】横拉管\φ44.5×7\SA-213T91\15-11206P-2-0\600MW亚临界机组</t>
  </si>
  <si>
    <t>【东方锅炉】管子\φ45×9\SA-213TP347H\57N215-1-2\600MW超临界机组</t>
  </si>
  <si>
    <t>【东方锅炉】横拉管让管\φ44.5×7\SA-213T91\15-11154T-1\600MW亚临界机组</t>
  </si>
  <si>
    <t>【东方锅炉】夹持管\φ44.5×7\SA-213TP347H\15-09137T-1\600MW亚临界机组</t>
  </si>
  <si>
    <t>【东方锅炉】管子\φ45×9\SA-213TP347H\57N215-1-3\600MW超临界机组</t>
  </si>
  <si>
    <t>【东方锅炉】夹持管\φ44.5×7\SA-213TP347H\15-10213T-1\600MW亚临界机组</t>
  </si>
  <si>
    <t>【东方锅炉】夹持管\φ44.5×7\SA-213TP347H\15-09143T-5\600MW亚临界机组</t>
  </si>
  <si>
    <t>【东方锅炉】夹持管\φ44.5×7\SA-213TP347H\15-09143T-6\600MW亚临界机组</t>
  </si>
  <si>
    <t>【东方锅炉】夹持管进口段\φ44.5×7\SA-213TP347H\1512126P-8\600MW亚临界机组</t>
  </si>
  <si>
    <t>【东方锅炉】弯管\φ44.5×7\SA-213TP347H\15-09143T-1/№1\600MW亚临界机组</t>
  </si>
  <si>
    <t>【东方锅炉】弯管\φ44.5×7\SA-213T23\15-09143T-2/№1\600MW亚临界机组</t>
  </si>
  <si>
    <t>【东方锅炉】弯管\φ44.5×7\SA-213T23\15-09143T-3\600MW亚临界机组</t>
  </si>
  <si>
    <t>【东方锅炉】弯管\φ44.5×7\SA-213T23\15-09143T-4\600MW亚临界机组</t>
  </si>
  <si>
    <t>【东方锅炉】弯头\φ44.5×7\12Cr1MoVG/SA-213T91\1512126P-3-0/№1\600MW亚临界机组</t>
  </si>
  <si>
    <t>【东方锅炉】弯头\φ44.5×7\12Cr1MoVG/SA-213T91\1512126P-3-0/№10\600MW亚临界机组</t>
  </si>
  <si>
    <t>【东方锅炉】弯头\φ44.5×7\12Cr1MoVG/SA-213T91\1512126P-3-0/№2\600MW亚临界机组</t>
  </si>
  <si>
    <t>【东方锅炉】弯头\φ44.5×7\12Cr1MoVG/SA-213T91\1512126P-3-0/№3\600MW亚临界机组</t>
  </si>
  <si>
    <t>【东方锅炉】弯头\φ44.5×7\12Cr1MoVG/SA-213T91\1512126P-3-0/№4\600MW亚临界机组</t>
  </si>
  <si>
    <t>【东方锅炉】弯头\φ44.5×7\12Cr1MoVG/SA-213T91\1512126P-3-0/№5\600MW亚临界机组</t>
  </si>
  <si>
    <t>【东方锅炉】弯头\φ44.5×7\12Cr1MoVG/SA-213T91\1512126P-3-0/№6\600MW亚临界机组</t>
  </si>
  <si>
    <t>【东方锅炉】弯头\φ44.5×7\12Cr1MoVG/SA-213T91\1512126P-3-0/№7\600MW亚临界机组</t>
  </si>
  <si>
    <t>【东方锅炉】弯头\φ44.5×7\12Cr1MoVG/SA-213T91\1512126P-3-0/№8\600MW亚临界机组</t>
  </si>
  <si>
    <t>【东方锅炉】弯头\φ44.5×7\12Cr1MoVG/SA-213T91\1512126P-3-0/№9\600MW亚临界机组</t>
  </si>
  <si>
    <t>【东方锅炉】弯头\φ44.5×7\12Cr1MoVG/SA-213T91\1512126P-4-0\600MW亚临界机组</t>
  </si>
  <si>
    <t>【东方锅炉】弯头\φ44.5×7\12Cr1MoVG/SA-213T91\1512126P-5-0\600MW亚临界机组</t>
  </si>
  <si>
    <t>【东方锅炉】异种钢接头\φ44.5×7\SA-213T91/SA-213T23\1512126P-10-0\600MW亚临界机组</t>
  </si>
  <si>
    <t>【东方锅炉】异种钢接头\φ44.5×7\SA-213TP347H/SA-213T23\15-10223T-2-0\600MW亚临界机组</t>
  </si>
  <si>
    <t>【东方锅炉】管子\φ45×7.5 L=13798\SA-213T91\57N215-1-7\600MW超临界机组</t>
  </si>
  <si>
    <t>【东方锅炉】管子\φ45×9.0\SA-213TP347H\57N215-1-7\600MW超临界机组</t>
  </si>
  <si>
    <t>【东方锅炉】管子\φ45×7.5 L=13798\SA-213T91\57N215-1-8\600MW超临界机组</t>
  </si>
  <si>
    <t>【东方锅炉】异种钢管件\φ44.5×7\SA-213T23/SA-213T91/SA-213TP347H（300/5396/300）\15-10213T-2-0\600MW亚临界机组</t>
  </si>
  <si>
    <t>【东方锅炉】垫子\M16\12Cr18Ni9\TG01003.5-97\600MW亚临界机组</t>
  </si>
  <si>
    <t>【东方锅炉】螺母\M16\25\DG3040-1997\600MW亚临界机组</t>
  </si>
  <si>
    <t>【东方锅炉】管子\φ45×9\SA-213TP347H\57N215-1-8\600MW超临界机组</t>
  </si>
  <si>
    <t>【东方锅炉】管子\φ45×7.5 L=13798\SA-213T91\57N215-1-9\600MW超临界机组</t>
  </si>
  <si>
    <t>【东方锅炉】弯管\φ44.5×6.5\SA-210C\1513213T-1\600MW亚临界机组</t>
  </si>
  <si>
    <t>【东方锅炉】弯管\φ51×6\SA-210C\1512125P-3\600MW亚临界机组</t>
  </si>
  <si>
    <t>【东方锅炉】省煤器均流板\δ6\12Cr1MoV\15-09079G33-21\600MW亚临界机组</t>
  </si>
  <si>
    <t>【东方锅炉】省煤器均流板\δ6\12Cr1MoV\15-09079G33-22\600MW亚临界机组</t>
  </si>
  <si>
    <t>【东方锅炉】省煤器均流板\δ6\12Cr1MoV\15-09079G33-23\600MW亚临界机组</t>
  </si>
  <si>
    <t>【东方锅炉】省煤器均流板\δ6\12Cr1MoV\15-09079G33-24\600MW亚临界机组</t>
  </si>
  <si>
    <t>【东方锅炉】省煤器均流板\δ6\12Cr1MoV\15-09079G33-25\600MW亚临界机组</t>
  </si>
  <si>
    <t>【东方锅炉】省煤器均流板\δ6\12Cr1MoV\15-09079G33-26\600MW亚临界机组</t>
  </si>
  <si>
    <t>【东方锅炉】省煤器均流板\δ6\12Cr1MoV\15-09079G33-27\600MW亚临界机组</t>
  </si>
  <si>
    <t>【东方锅炉】省煤器均流板\δ6\12Cr1MoV\15-09079G33-28\600MW亚临界机组</t>
  </si>
  <si>
    <t>【东方锅炉】省煤器均流板\δ6\12Cr1MoV\15-09079G33-29\600MW亚临界机组</t>
  </si>
  <si>
    <t>【东方锅炉】弯管\φ51×6\SA-210C\1513146T-2\600MW亚临界机组</t>
  </si>
  <si>
    <t>【东方锅炉】梳型板\δ8\15CrMo\15-09079G462-4\600MW亚临界机组</t>
  </si>
  <si>
    <t>【东方锅炉】梳型板\δ8\15CrMo\15-09079G462-5\600MW亚临界机组</t>
  </si>
  <si>
    <t>【东方锅炉】管组\φ44.5×7\装配件\TGN11002-0MX\600MW亚临界机组</t>
  </si>
  <si>
    <t>【东方锅炉】管组\φ44.5×7\装配件\TGN11003-0MX\600MW亚临界机组</t>
  </si>
  <si>
    <t>【东方锅炉】管组\φ44.5×7\装配件\TGN11001-0\600MW亚临界机组</t>
  </si>
  <si>
    <t>【东方锅炉】管组\φ44.5×7\装配件\TGN11003MX\600MW亚临界机组</t>
  </si>
  <si>
    <t>【东方锅炉】人孔门组件\φ44.5×7\装配件\1513106T-3\600MW亚临界机组</t>
  </si>
  <si>
    <t>【东方锅炉】压板式检查门\φ550\装配件\DG4859-2001MX\600MW亚临界机组</t>
  </si>
  <si>
    <t>【东方锅炉】异种钢管\φ44.5×7\SA-213T23（L=299）/SA-213T91（L=6216）\1512126P-1-0\600MW亚临界机组</t>
  </si>
  <si>
    <t>【东方锅炉】异种钢管\φ44.5×7\SA-213T23（L=299）/SA-213T91（L=5915）/SA-213TP347H（L=299）\1512126P-2-0\600MW亚临界机组</t>
  </si>
  <si>
    <t>【东方锅炉】异种钢管\φ44.5×7\12Cr1MoVG（L=299）/SA-213T91（L=438）/SA-213TP347H（L=299）\1512126P-7-0\600MW亚临界机组</t>
  </si>
  <si>
    <t>【东方锅炉】异种钢接头\φ51×8\12Cr1MoVG/SA-213T23\75N981-6-0\600MW亚临界机组</t>
  </si>
  <si>
    <t>【东方锅炉】U型箍\φ51×8\12Cr1MoV\15-10037G311-6-2\600MW亚临界机组</t>
  </si>
  <si>
    <t>【东方锅炉】管接头\φ51×8\SA-210C\15-09079G34-1-2\600MW亚临界机组</t>
  </si>
  <si>
    <t>【东方锅炉】管子\φ45×9\SA-213TP347H\57N215-1-9\600MW超临界机组</t>
  </si>
  <si>
    <t>【东方锅炉】管子\φ45×7.5 L=13798\SA-213T91\57N215-1-10\600MW超临界机组</t>
  </si>
  <si>
    <t>【东方锅炉】定位块\φ51×8\ZG15Cr1Mo1V\15-10037G311-5\600MW亚临界机组</t>
  </si>
  <si>
    <t>【东方锅炉】管夹\φ51×8\装配件\15-10037G311-6-0\600MW亚临界机组</t>
  </si>
  <si>
    <t>【东方锅炉】夹板\φ51×8\1Cr18Ni9Ti\15-10037G311-6-1\600MW亚临界机组</t>
  </si>
  <si>
    <t>【东方锅炉】支撑块\L=45\ZG15Cr1Mo1V\34N221-1-6/№1\600MW亚临界机组</t>
  </si>
  <si>
    <t>【东方锅炉】支撑块\L=36\ZG15Cr1Mo1V\34N221-1-7/№1\600MW亚临界机组</t>
  </si>
  <si>
    <t>【东方锅炉】集箱出口偏心管\φ57×7\SA-210C\1513151T-1\600MW亚临界机组</t>
  </si>
  <si>
    <t>【东方锅炉】集箱出口偏心管\φ57×7\SA-210C\1513153P-1\600MW亚临界机组</t>
  </si>
  <si>
    <t>【东方锅炉】集箱出口偏心管\φ57×7\SA-210C\1513153P-2\600MW亚临界机组</t>
  </si>
  <si>
    <t>【东方锅炉】弯管\φ63.5×8\SA-210C\1512161T-1\600MW亚临界机组</t>
  </si>
  <si>
    <t>【东方锅炉】弯管\φ44.5×5.5\SA-210C\34N2141-1-1\600MW亚临界机组</t>
  </si>
  <si>
    <t>【东方锅炉】弯管\φ67.5×8\SA-210C\34N145-1-2\600MW亚临界机组</t>
  </si>
  <si>
    <t>【东方锅炉】弯管\φ67.5×8\SA-210C\34N145-1-3\600MW亚临界机组</t>
  </si>
  <si>
    <t>【东方锅炉】减温器喷管\φ76×7.5\12Cr1MoVG\34N23-1-5\600MW亚临界机组</t>
  </si>
  <si>
    <t>【东方锅炉】减温器混合管\φ422×8\12Cr1MoVG\34N23-2-1\600MW亚临界机组</t>
  </si>
  <si>
    <t>【东方锅炉】喷管\φ201×41\12Cr1MoVG\34N23-2-3\600MW亚临界机组</t>
  </si>
  <si>
    <t>【东方锅炉】喷管\φ76×8\装配件\34N23-3-5\600MW亚临界机组</t>
  </si>
  <si>
    <t>【东方锅炉】煤粉浓缩器\L=1390\装配件\34N6101-1-2\600MW亚临界机组</t>
  </si>
  <si>
    <t>【东方锅炉】弯管\φ219×6\20(GB3087-1999)\34N6101-1-4\600MW亚临界机组</t>
  </si>
  <si>
    <t>【东方锅炉】稳焰齿环\φ740×2\装配件\34N6101-2-15\600MW亚临界机组</t>
  </si>
  <si>
    <t>【东方锅炉】一次风扩锥\φ940×2\ZGCr50Ni50\34N6101-12\600MW亚临界机组</t>
  </si>
  <si>
    <t>【东方锅炉】二次风扩锥\φ1172×2\1Cr20Ni14Si2\34N6101-15\600MW亚临界机组</t>
  </si>
  <si>
    <t>【东方锅炉】圆桶\L=735\Q235A\34N6101-2-21\600MW亚临界机组</t>
  </si>
  <si>
    <t>【东方锅炉】管子\φ45×9\SA-213TP347H\57N215-1-10\600MW超临界机组</t>
  </si>
  <si>
    <t>【东方锅炉】弯管\φ51×8\SA-213TP347H\34N211-1-2\600MW亚临界机组</t>
  </si>
  <si>
    <t>【东方锅炉】管子\φ45×7.5 L=13798\SA-213T91\57N215-1-11\600MW超临界机组</t>
  </si>
  <si>
    <t>【东方锅炉】筒身\φ680×2\装配件\152M6121-2-4\350MW超临界机组</t>
  </si>
  <si>
    <t>【东方锅炉】圆管\φ680×2\S30815\152M6121-2-5\350MW超临界机组</t>
  </si>
  <si>
    <t>【东方锅炉】一次风扩锥\φ680×2\S30815\152M6121-2-6\350MW超临界机组</t>
  </si>
  <si>
    <t>【东方锅炉】垫块\L=50\12Cr18Ni9\152M6121-2-7\350MW超临界机组</t>
  </si>
  <si>
    <t>【东方锅炉】折板\W=50\S30815\152M6121-2-9\350MW超临界机组</t>
  </si>
  <si>
    <t>【东方锅炉】支撑板\L=64\12Cr18Ni9\152M6121-2-10\350MW超临界机组</t>
  </si>
  <si>
    <t>【东方锅炉】管子\φ45×9\SA-213TP347H\57N215-1-11\600MW超临界机组</t>
  </si>
  <si>
    <t>【东方锅炉】螺母\M10\12Cr18Ni9\TGP00559/№1\350MW超临界机组</t>
  </si>
  <si>
    <t>【东方锅炉】螺栓\M10\12Cr18Ni9\TGP00560/№1\350MW超临界机组</t>
  </si>
  <si>
    <t>【东方锅炉】管子\φ45×7.5 L=13798\SA-213T91\57N215-1-12\600MW超临界机组</t>
  </si>
  <si>
    <t>【东方锅炉】二次风扩锥\φ830×2\16Cr20Ni14Si2\152M6121-2-17/№1\350MW超临界机组</t>
  </si>
  <si>
    <t>【东方锅炉】二次风扩锥\φ830×2\16Cr20Ni14Si2\152M6131-2-4\350MW超临界机组</t>
  </si>
  <si>
    <t>【东方锅炉】管子\φ45×9\SA-213TP347H\57N215-1-12\600MW超临界机组</t>
  </si>
  <si>
    <t>【东方锅炉】管子\φ45×7.5 L=13798\SA-213T91\57N215-1-13\600MW超临界机组</t>
  </si>
  <si>
    <t>【东方锅炉】管子\φ45×9\SA-213TP347H\57N215-1-13\600MW超临界机组</t>
  </si>
  <si>
    <t>【东方锅炉】管子\φ45×7.5 L=13798\SA-213T91\57N215-1-14\600MW超临界机组</t>
  </si>
  <si>
    <t>【东方锅炉】管子\φ45×9\SA-213TP347H\57N215-1-14\600MW超临界机组</t>
  </si>
  <si>
    <t>【东方锅炉】密封板\δ10\12Cr18Ni9\GB-59\350MW超临界机组</t>
  </si>
  <si>
    <t>【东方锅炉】管件\φ235×14\ZG8Cr26Ni4Mn3NRe\152M6121-1-6\350MW超临界机组</t>
  </si>
  <si>
    <t>【东方锅炉】管件\φ219×6\20(GB3087)\152M6121-1-7\350MW超临界机组</t>
  </si>
  <si>
    <t>【东方锅炉】挡块\L=50\碳化硅陶瓷\152M6121-1-8\350MW超临界机组</t>
  </si>
  <si>
    <t>【东方锅炉】支撑板\L=150\12Cr18Ni9\152M6121-1-9\350MW超临界机组</t>
  </si>
  <si>
    <t>【东方锅炉】螺钉\M10\12Cr18Ni9\152M6121-1-10\350MW超临界机组</t>
  </si>
  <si>
    <t>【东方锅炉】螺母\M10\12Cr18Ni9\152M6121-1-11\350MW超临界机组</t>
  </si>
  <si>
    <t>【东方锅炉】密封板\δ10\Q235A\GB-60\350MW超临界机组</t>
  </si>
  <si>
    <t>【东方锅炉】管子\φ45×7.5 L=13798\SA-213T91\57N215-1-15\600MW超临界机组</t>
  </si>
  <si>
    <t>【东方锅炉】管子\φ45×9\SA-213TP347H\57N215-1-15\600MW超临界机组</t>
  </si>
  <si>
    <t>【东方锅炉】中心风管\L=2679\装配件\152M6121-1-13\350MW超临界机组</t>
  </si>
  <si>
    <t>【东方锅炉】风筒\φ680×10\装配件\153M6121-2-4\350MW超临界机组</t>
  </si>
  <si>
    <t>【东方锅炉】圆管\φ680×2\S30815\153M6121-2-5\350MW超临界机组</t>
  </si>
  <si>
    <t>【东方锅炉】一次风扩锥\φ680×2\S30815\153M6121-2-6\350MW超临界机组</t>
  </si>
  <si>
    <t>【东方锅炉】垫块\L=50\12Cr18Ni9\153M6121-2-7\350MW超临界机组</t>
  </si>
  <si>
    <t>【东方锅炉】稳焰齿\δ12\S30815\153M6121-2-8\350MW超临界机组</t>
  </si>
  <si>
    <t>【东方锅炉】折板\L=50\12Cr18Ni9\153M6121-2-9\350MW超临界机组</t>
  </si>
  <si>
    <t>【东方锅炉】支撑板\L=1718\12Cr18Ni9\153M6121-2-1\350MW超临界机组</t>
  </si>
  <si>
    <t>【东方锅炉】耐磨片\δ10\耐磨陶瓷\TGP00390\350MW超临界机组</t>
  </si>
  <si>
    <t>【东方锅炉】管子\φ45×7.5 L=13798\SA-213T91\57N215-1-16\600MW超临界机组</t>
  </si>
  <si>
    <t>【东方锅炉】管子\φ45×9\SA-213TP347H\57N215-1-16\600MW超临界机组</t>
  </si>
  <si>
    <t>【东方锅炉】管子\φ45×7.5 L=13798\SA-213T91\57N215-1-17\600MW超临界机组</t>
  </si>
  <si>
    <t>【东方锅炉】管子\φ45×9\SA-213TP347H\57N215-1-17\600MW超临界机组</t>
  </si>
  <si>
    <t>【东方锅炉】管子\φ45×7.5 L=13798\SA-213T91\57N215-1-18\600MW超临界机组</t>
  </si>
  <si>
    <t>【东方锅炉】二次风扩锥\φ912×2\16Cr20Ni14Si2\152M6131-2-3\350MW超临界机组</t>
  </si>
  <si>
    <t>【东方锅炉】煤粉浓缩器\L=1320\装配件\153M6121-1-1\350MW超临界机组</t>
  </si>
  <si>
    <t>【东方锅炉】管子\φ45×9\SA-213TP347H\57N215-1-18\600MW超临界机组</t>
  </si>
  <si>
    <t>【东方锅炉】管子\φ45×7.5 L=13798\SA-213T91\57N215-1-19\600MW超临界机组</t>
  </si>
  <si>
    <t>【东方锅炉】管子\φ45×9\SA-213TP347H\57N215-1-19\600MW超临界机组</t>
  </si>
  <si>
    <t>【东方锅炉】管子\φ45×7.5 L=13798\SA-213T91\57N215-1-20\600MW超临界机组</t>
  </si>
  <si>
    <t>【东方锅炉】密封板\δ10\12Cr18Ni9\GB-62\350MW超临界机组</t>
  </si>
  <si>
    <t>【东方锅炉】管子\φ235×14\ZG8Cr26Ni4Mn3NRe\153M6121-1-6\350MW超临界机组</t>
  </si>
  <si>
    <t>【东方锅炉】管子\φ219×6\20(GB3087)\153M6121-1-7\350MW超临界机组</t>
  </si>
  <si>
    <t>【东方锅炉】挡块\L=50\碳化硅陶瓷\153M6121-1-8\350MW超临界机组</t>
  </si>
  <si>
    <t>【东方锅炉】支撑板\L=150\12Cr18Ni9\153M6121-1-9\350MW超临界机组</t>
  </si>
  <si>
    <t>【东方锅炉】螺钉\M10\12Cr18Ni9\153M6121-1-10\350MW超临界机组</t>
  </si>
  <si>
    <t>【东方锅炉】螺母\M10\12Cr18Ni9\153M6121-1-11\350MW超临界机组</t>
  </si>
  <si>
    <t>【东方锅炉】密封板\δ10\Q235A\GB-63\350MW超临界机组</t>
  </si>
  <si>
    <t>【东方锅炉】销\L=45\12Cr18Ni9\153M6121-1-12\350MW超临界机组</t>
  </si>
  <si>
    <t>【东方锅炉】管子\φ45×9\SA-213TP347H\57N215-1-20\600MW超临界机组</t>
  </si>
  <si>
    <t>【东方锅炉】中心风管\L=2609\装配件\153M6121-1-13\350MW超临界机组</t>
  </si>
  <si>
    <t>【东方锅炉】风筒\φ740\装配件\163M612-2-1\350MW超临界机组</t>
  </si>
  <si>
    <t>【东方锅炉】圆管\φ740×2\S30815\163M612-2-2\350MW超临界机组</t>
  </si>
  <si>
    <t>【东方锅炉】一次风扩锥\φ802×1\ZG08Cr21Ni11Si2NRe\163M612-2-3\350MW超临界机组</t>
  </si>
  <si>
    <t>【东方锅炉】稳焰环\φ740\ZG08Cr21Ni11Si2NRe\163M612-2-4\350MW超临界机组</t>
  </si>
  <si>
    <t>【东方锅炉】支撑板\L=74\12Cr18Ni9\163M6121-2-5\350MW超临界机组</t>
  </si>
  <si>
    <t>【东方锅炉】管子\φ45×7.5 L=13798\SA-213T91\57N215-1-21\600MW超临界机组</t>
  </si>
  <si>
    <t>【东方锅炉】管子\φ45×9\SA-213TP347H\57N215-1-21\600MW超临界机组</t>
  </si>
  <si>
    <t>【东方锅炉】垫块\δ10\65Mn\TGP00680/№4\350MW超临界机组</t>
  </si>
  <si>
    <t>【东方锅炉】二次风扩锥\φ912×2\12Cr18Ni9\163M612-2-7\350MW超临界机组</t>
  </si>
  <si>
    <t>【东方锅炉】二次风扩锥\φ740×2\S30815\163M613-2-2\350MW超临界机组</t>
  </si>
  <si>
    <t>【东方锅炉】煤粉浓缩器\φ740\S30815\TGA00902-0\350MW超临界机组</t>
  </si>
  <si>
    <t>【东方锅炉】环\φ740\装配件\TGA00902-1\350MW超临界机组</t>
  </si>
  <si>
    <t>【东方锅炉】环\φ740\碳化硅陶瓷\TGA00902-2\350MW超临界机组</t>
  </si>
  <si>
    <t>【东方锅炉】管子\φ45×7.5 L=13798\SA-213T91\57N215-1-22\600MW超临界机组</t>
  </si>
  <si>
    <t>【东方锅炉】环\φ740\ZG8Cr26Ni4Mn3NRe\TGA00902-4\350MW超临界机组</t>
  </si>
  <si>
    <t>【东方锅炉】风管\φ213\ZG8Cr26Ni4Mn3NRe\TGP00710\350MW超临界机组</t>
  </si>
  <si>
    <t>【东方锅炉】管子\φ213\ZG8Cr26Ni4Mn3NRe\TGP00731\350MW超临界机组</t>
  </si>
  <si>
    <t>【东方锅炉】挡块\L=50\20(GB3087)\TGA00902-5\350MW超临界机组</t>
  </si>
  <si>
    <t>【东方锅炉】支撑板\L=105\碳化硅陶瓷\TGA00902-6\350MW超临界机组</t>
  </si>
  <si>
    <t>【东方锅炉】螺钉\M10\12Cr18Ni9\TGP00631\350MW超临界机组</t>
  </si>
  <si>
    <t>【东方锅炉】螺母\M10\12Cr18Ni9\TGP00630\350MW超临界机组</t>
  </si>
  <si>
    <t>【东方锅炉】销\M10\12Cr18Ni9\TGP00629\350MW超临界机组</t>
  </si>
  <si>
    <t>【东方锅炉】密封板\δ10\12Cr18Ni9\GB-64\350MW超临界机组</t>
  </si>
  <si>
    <t>【东方锅炉】密封板\δ10\Q235A\GB-65\350MW超临界机组</t>
  </si>
  <si>
    <t>【东方锅炉】管子\φ45×9\SA-213TP347H\57N215-1-22\600MW超临界机组</t>
  </si>
  <si>
    <t>【东方锅炉】中心风管\L=2609\\TGA00905-0\350MW超临界机组</t>
  </si>
  <si>
    <t>【东方锅炉】管子\φ45×7.5 L=13798\SA-213T91\57N215-1-23\600MW超临界机组</t>
  </si>
  <si>
    <t>【东方锅炉】稳焰环\φ792×2\ZGCr50Ni50\56N6101-2-16\600MW超临界机组</t>
  </si>
  <si>
    <t>【东方锅炉】齿条\δ14\ZGCr50Ni50\56N6101-2-17\600MW超临界机组</t>
  </si>
  <si>
    <t>【东方锅炉】圆筒\φ790\Q235A\56N6101-2-18\600MW超临界机组</t>
  </si>
  <si>
    <t>【东方锅炉】支撑杆\L=64\12Cr18Ni9\56N6101-2-19\600MW超临界机组</t>
  </si>
  <si>
    <t>【东方锅炉】一次风内组件\L=3988\装配件\56N6101-1-1\600MW超临界机组</t>
  </si>
  <si>
    <t>【东方锅炉】煤粉浓缩器\L=1390\装配件\56N6101-1-2\600MW超临界机组</t>
  </si>
  <si>
    <t>【东方锅炉】煤粉浓缩器\L=1390\ZG8Cr26Ni4Mn3NRe\56N6101-1-2\600MW超临界机组</t>
  </si>
  <si>
    <t>【东方锅炉】管子\φ45×9\SA-213TP347H\57N215-1-23\600MW超临界机组</t>
  </si>
  <si>
    <t>【东方锅炉】中心风管\L=2603\装配件\56N6101-1-3\600MW超临界机组</t>
  </si>
  <si>
    <t>【东方锅炉】管子\φ207\20(GB3087)\56N6101-1-4\600MW超临界机组</t>
  </si>
  <si>
    <t>【东方锅炉】管子\φ219×6\20(GB3087)\56N6101-1-5\600MW超临界机组</t>
  </si>
  <si>
    <t>【东方锅炉】管子\φ45×7.5 L=13798\SA-213T91\57N215-1-24\600MW超临界机组</t>
  </si>
  <si>
    <t>【东方锅炉】管子\L=2603\20(GB3087)\56N6101-1-3\600MW超临界机组</t>
  </si>
  <si>
    <t>【东方锅炉】法兰\φ345\Q235A\56N6101-1-6\600MW超临界机组</t>
  </si>
  <si>
    <t>【东方锅炉】二次风扩锥\φ940×2\16Cr20Ni14Si2\56N6101-12\600MW超临界机组</t>
  </si>
  <si>
    <t>【东方锅炉】一次风组件\L=3988\装配件\TGA00536MX\600MW超临界机组</t>
  </si>
  <si>
    <t>【东方锅炉】二次风组件\φ940×2\装配件\TGA00457MX\600MW超临界机组</t>
  </si>
  <si>
    <t>【东方锅炉】一次风扩锥\φ796×2\S30815\TGP00400/№5\600MW超临界机组</t>
  </si>
  <si>
    <t>【东方锅炉】二次风扩锥\φ936×2\16Cr20Ni14Si2\TGP00415/№5\600MW超临界机组</t>
  </si>
  <si>
    <t>【东方锅炉】一次风组件\L=3988\装配件\TGA00532MX\600MW超临界机组</t>
  </si>
  <si>
    <t>【东方锅炉】二次风组件\L=2443\装配件\TGA00494MX\600MW超临界机组</t>
  </si>
  <si>
    <t>【东方锅炉】一次风扩锥\φ796×2\S30815\TGP00400/№5-1\600MW超临界机组</t>
  </si>
  <si>
    <t>【东方锅炉】二次风扩锥\φ936×2\16Cr20Ni14Si2\TGP00415/№5-1\600MW超临界机组</t>
  </si>
  <si>
    <t>【东方锅炉】煤粉浓缩器\L=1390\81N\15S6121-1-1\1000MW超超临界机组</t>
  </si>
  <si>
    <t>【东方锅炉】管子\φ45×9\SA-213TP347H\57N215-1-24\600MW超临界机组</t>
  </si>
  <si>
    <t>【东方锅炉】管子\φ45×7.5 L=13798\SA-213T91\57N215-1-25\600MW超临界机组</t>
  </si>
  <si>
    <t>【东方锅炉】管子\φ45×9\SA-213TP347H\57N215-1-25\600MW超临界机组</t>
  </si>
  <si>
    <t>【东方锅炉】管子\φ45×7.5 L=13798\SA-213T91\57N215-1-26\600MW超临界机组</t>
  </si>
  <si>
    <t>【东方锅炉】密封板\δ10\ZG8Cr26Ni4Mn3NRe\15S6121-1-1\1000MW超超临界机组</t>
  </si>
  <si>
    <t>【东方锅炉】管件\φ213\12Cr18Ni9\15S6121-1-6\1000MW超超临界机组</t>
  </si>
  <si>
    <t>【东方锅炉】管件\φ213\ZG8Cr26Ni4Mn3NRe\15S6121-1-7\1000MW超超临界机组</t>
  </si>
  <si>
    <t>【东方锅炉】挡块\L=34\20(GB3087)\15S6121-1-8\1000MW超超临界机组</t>
  </si>
  <si>
    <t>【东方锅炉】支撑板\L=89\碳化硅陶瓷\15S6121-1-9\1000MW超超临界机组</t>
  </si>
  <si>
    <t>【东方锅炉】螺钉\M10\12Cr18Ni9\15S6121-1-10\1000MW超超临界机组</t>
  </si>
  <si>
    <t>【东方锅炉】螺母\M10\12Cr18Ni9\15S6121-1-11\1000MW超超临界机组</t>
  </si>
  <si>
    <t>【东方锅炉】密封板\δ10\12Cr18Ni9\15S6121-1-1\1000MW超超临界机组</t>
  </si>
  <si>
    <t>【东方锅炉】销\L=45\Q235A\15S6121-1-12\1000MW超超临界机组</t>
  </si>
  <si>
    <t>【东方锅炉】管子\φ45×9\SA-213TP347H\57N215-1-26\600MW超临界机组</t>
  </si>
  <si>
    <t>【东方锅炉】中心风管\L=2609\高温陶瓷胶\15S6121-1-13\1000MW超超临界机组</t>
  </si>
  <si>
    <t>【东方锅炉】风筒\φ710×2\装配件\15S6121-2-4\1000MW超超临界机组</t>
  </si>
  <si>
    <t>【东方锅炉】圆管\φ710×2\装配件\15S6121-2-5\1000MW超超临界机组</t>
  </si>
  <si>
    <t>【东方锅炉】一次风扩锥\φ710×2\S30815\15S6121-2-6\1000MW超超临界机组</t>
  </si>
  <si>
    <t>【东方锅炉】垫块\L=50\S30815\15S6121-2-7\1000MW超超临界机组</t>
  </si>
  <si>
    <t>【东方锅炉】稳焰齿\δ12\12Cr18Ni9\15S6121-2-8\1000MW超超临界机组</t>
  </si>
  <si>
    <t>【东方锅炉】折板\L=50\S30815\15S6121-2-9\1000MW超超临界机组</t>
  </si>
  <si>
    <t>【东方锅炉】支撑板\L=69\12Cr18Ni9\15S6121-2-10\1000MW超超临界机组</t>
  </si>
  <si>
    <t>【东方锅炉】管子\φ45×7.5 L=13798\SA-213T91\57N215-1-27\600MW超临界机组</t>
  </si>
  <si>
    <t>【东方锅炉】管子\φ45×9\SA-213TP347H\57N215-1-27\600MW超临界机组</t>
  </si>
  <si>
    <t>【东方锅炉】螺母\M10\高温陶瓷胶\TGP00559\1000MW超超临界机组</t>
  </si>
  <si>
    <t>【东方锅炉】螺栓\M10\12Cr18Ni9\TGP00560\1000MW超超临界机组</t>
  </si>
  <si>
    <t>【东方锅炉】二次风扩锥\φ870×2\12Cr18Ni9\15S6121-2-17\1000MW超超临界机组</t>
  </si>
  <si>
    <t>【东方锅炉】二次风扩锥\φ870×2\16Cr20Ni14Si2\81N6102-2-3\600MW超临界机组</t>
  </si>
  <si>
    <t>【东方锅炉】煤粉浓缩器\L=1390\16Cr20Ni14Si2\15S6121-1-1\1000MW超超临界机组</t>
  </si>
  <si>
    <t>【东方锅炉】管子\φ45×7.5 L=13798\SA-213TP347H\57N215-1-28\600MW超临界机组</t>
  </si>
  <si>
    <t>【东方锅炉】管子\φ45×9\SA-213TP347H\57N215-1-28\600MW超临界机组</t>
  </si>
  <si>
    <t>【东方锅炉】管子\φ45×7.5 L=13798\SA-213TP347H\57N215-1-29\600MW超临界机组</t>
  </si>
  <si>
    <t>【东方锅炉】管子\φ45×9\SA-213TP347H\57N215-1-29\600MW超临界机组</t>
  </si>
  <si>
    <t>【东方锅炉】管子\φ50.8×8 L=13798\SA-213TP347H\57N215-1-30\600MW超临界机组</t>
  </si>
  <si>
    <t>【东方锅炉】管子\φ50.8×10\SA-213TP347H\57N215-1-30\600MW超临界机组</t>
  </si>
  <si>
    <t>【东方锅炉】密封板\δ10\Q235A\15S6121-1-1\1000MW超超临界机组</t>
  </si>
  <si>
    <t>【东方锅炉】管子\φ50.8×10 L=296\SA-213T91\57N215-1-30\600MW超临界机组</t>
  </si>
  <si>
    <t>【东方锅炉】管子\φ50.8×4\SA-213TP347H\57N223-1-1\600MW超临界机组</t>
  </si>
  <si>
    <t>【东方锅炉】中心风管\L=2609\装配件\15S6121-1-13\1000MW超超临界机组</t>
  </si>
  <si>
    <t>【东方锅炉】圆管\φ710×2\S30815\15S6121-2-5\1000MW超超临界机组</t>
  </si>
  <si>
    <t>【东方锅炉】管子\φ50.8×4\SA-213TP347H\57N223-1-2\600MW超临界机组</t>
  </si>
  <si>
    <t>【东方锅炉】管子\φ50.8×4\SA-213TP347H\57N223-1-3\600MW超临界机组</t>
  </si>
  <si>
    <t>【东方锅炉】管子\φ50.8×4\SA-213TP347H\57N223-1-4\600MW超临界机组</t>
  </si>
  <si>
    <t>【东方锅炉】管子\φ50.8×4\SA-213TP347H\57N223-1-5\600MW超临界机组</t>
  </si>
  <si>
    <t>【东方锅炉】螺母\M10\12Cr18Ni9\TGP00559\1000MW超超临界机组</t>
  </si>
  <si>
    <t>【东方锅炉】管子\φ50.8×4\SA-213TP347H\57N223-1-6\600MW超临界机组</t>
  </si>
  <si>
    <t>【东方锅炉】二次风扩锥\φ870×2\16Cr20Ni14Si2\15S6131-2-4\1000MW超超临界机组</t>
  </si>
  <si>
    <t>【东方锅炉】管子\φ50.8×4\SA-213TP347H\57N223-1-7\600MW超临界机组</t>
  </si>
  <si>
    <t>【东方锅炉】U型块\L=60\装配件\102M61-1-1\330MW亚临界机组</t>
  </si>
  <si>
    <t>【东方锅炉】管子\φ50.8×4\SA-213TP347H\57N223-1-8\600MW超临界机组</t>
  </si>
  <si>
    <t>【东方锅炉】管子\φ50.8×4\SA-213TP347H\57N223-1-9\600MW超临界机组</t>
  </si>
  <si>
    <t>【东方锅炉】U型块\L=60\ZG5Cr24Mn8Ni4Si2NRe\102M61-1-1\330MW亚临界机组</t>
  </si>
  <si>
    <t>【东方锅炉】管子\φ50.8×4\SA-213TP347H\57N223-1-10\600MW超临界机组</t>
  </si>
  <si>
    <t>【东方锅炉】喷口\φ338×3.1\ZG5Cr24Mn8Ni4Si2NRe\102M61-3\330MW亚临界机组</t>
  </si>
  <si>
    <t>【东方锅炉】管子\φ50.8×4\SA-213TP347H\57N223-1-11\600MW超临界机组</t>
  </si>
  <si>
    <t>【东方锅炉】管子\φ50.8×4\SA-213TP347H\57N223-2-1\600MW超临界机组</t>
  </si>
  <si>
    <t>【东方锅炉】管子\φ50.8×4\SA-213TP347H\57N223-2-3\600MW超临界机组</t>
  </si>
  <si>
    <t>【东方锅炉】管子\φ50.8×4\SA-213TP347H\57N223-2-5\600MW超临界机组</t>
  </si>
  <si>
    <t>【东方锅炉】一次风管\L=1908\装配件\102M61-8-0\330MW亚临界机组</t>
  </si>
  <si>
    <t>【东方锅炉】管子\φ50.8×4\SA-213TP347H\57N223-2-7\600MW超临界机组</t>
  </si>
  <si>
    <t>【东方锅炉】管子\φ63.5×7.5\SA-210C\GZ-5\600MW超临界机组</t>
  </si>
  <si>
    <t>【东方锅炉】管子\φ63.5×11\SA-210C\47M111-40\300MW亚临界机组</t>
  </si>
  <si>
    <t>【东方锅炉】管子\φ63.5×11\SA-210C\47M111-41\300MW亚临界机组</t>
  </si>
  <si>
    <t>【东方锅炉】连接板\δ10\35\TG61165-2002\330MW亚临界机组</t>
  </si>
  <si>
    <t>【东方锅炉】肋板\L=200\25\102M61-8-4\330MW亚临界机组</t>
  </si>
  <si>
    <t>【东方锅炉】管子\φ63.5×11\SA-210C\47M111-42\300MW亚临界机组</t>
  </si>
  <si>
    <t>【东方锅炉】管子\φ159×18\20G\GZ-6\300MW亚临界机组</t>
  </si>
  <si>
    <t>【东方锅炉】密封板\200×140\Q235A\102M61-8-0\330MW亚临界机组</t>
  </si>
  <si>
    <t>【东方锅炉】管子\φ48.5×6\15CrMoG\GZ-7\300MW亚临界机组</t>
  </si>
  <si>
    <t>【东方锅炉】管子\φ60×4\12Cr1MoVG\GZ-8\300MW亚临界机组</t>
  </si>
  <si>
    <t>【东方锅炉】法兰\φ528\8.8\102M61-8-6\330MW亚临界机组</t>
  </si>
  <si>
    <t>【东方锅炉】管子\φ51×6\SA-210C\GZ-9\300MW亚临界机组</t>
  </si>
  <si>
    <t>【东方锅炉】管子\φ51×6\12Cr1MoVG\GZ-10\300MW亚临界机组</t>
  </si>
  <si>
    <t>【东方锅炉】管子\φ51×6\SA-213T91\GZ-11\300MW亚临界机组</t>
  </si>
  <si>
    <t>【东方锅炉】管子\φ42×3.5\20#\GZ-44\300MW亚临界机组</t>
  </si>
  <si>
    <t>【东方锅炉】喷口\φ546×1\装配件\85M61-1-0\300MW亚临界机组</t>
  </si>
  <si>
    <t>【东方锅炉】管子\φ76×10\20G\GZ-12\300MW亚临界机组</t>
  </si>
  <si>
    <t>【东方锅炉】U型块\L=60\ZG5Cr24Mn8Ni4Si2NRe\85M61-1-1\300MW亚临界机组</t>
  </si>
  <si>
    <t>【东方锅炉】管子\φ60×8\12Cr1MoVG\GZ-13\300MW亚临界机组</t>
  </si>
  <si>
    <t>【东方锅炉】管子\φ60×8\20G\GZ-14\300MW亚临界机组</t>
  </si>
  <si>
    <t>【东方锅炉】喷口\φ392×3.1\ZG5Cr24Mn8Ni4Si2NRe\85M61-3\300MW亚临界机组</t>
  </si>
  <si>
    <t>【东方锅炉】管子\φ42×6\20G\GZ-15\300MW亚临界机组</t>
  </si>
  <si>
    <t>【东方锅炉】管子\φ28×4\20G\GZ-16\300MW亚临界机组</t>
  </si>
  <si>
    <t>【东方锅炉】喷口\φ540×1\装配件\85M61-5-0\300MW亚临界机组</t>
  </si>
  <si>
    <t>【东方锅炉】管子\φ28×4\12Cr1MoVG\GZ-17\300MW亚临界机组</t>
  </si>
  <si>
    <t>【东方锅炉】一次风管\L=1908\装配件\85M61-6-0\300MW亚临界机组</t>
  </si>
  <si>
    <t>【东方锅炉】管子\φ16×3\20G\GZ-18\300MW亚临界机组</t>
  </si>
  <si>
    <t>【东方锅炉】煤粉浓缩器\L=1258\装配件\85M61-6-2\300MW亚临界机组</t>
  </si>
  <si>
    <t>【东方锅炉】方圆节\L=268\装配件\85M61-6-3\300MW亚临界机组</t>
  </si>
  <si>
    <t>【东方锅炉】法兰\δ10\Q235A\85M61-6-4\300MW亚临界机组</t>
  </si>
  <si>
    <t>【东方锅炉】管子\φ16×3\12Cr1MoVG\GZ-19\300MW亚临界机组</t>
  </si>
  <si>
    <t>【东方锅炉】管子\φ89×4.5\20#\GZ-45\300MW亚临界机组</t>
  </si>
  <si>
    <t>【东方锅炉】管子\φ57×3.5\20#\GZ-46\300MW亚临界机组</t>
  </si>
  <si>
    <t>【东方锅炉】管子\φ32×3\20#\GZ-47\300MW亚临界机组</t>
  </si>
  <si>
    <t>【东方锅炉】管子\φ25×3\20#\GZ-48\300MW亚临界机组</t>
  </si>
  <si>
    <t>【东方锅炉】肋板\δ20\Q235A\85M61-6-6\300MW亚临界机组</t>
  </si>
  <si>
    <t>【东方锅炉】管子\φ16×2.5\20#\GZ-49\300MW亚临界机组</t>
  </si>
  <si>
    <t>【东方锅炉】管子\φ51×7\20G\GZ-20\135MW超高压CFB机组</t>
  </si>
  <si>
    <t>【东方锅炉】密封板\δ10\Q235A\85M61-6-0\300MW亚临界机组</t>
  </si>
  <si>
    <t>【东方锅炉】支撑板\L=340\Q235A\85M61-6-7\300MW亚临界机组</t>
  </si>
  <si>
    <t>【东方锅炉】喷口\φ700×3.5\装配件\156M6111-1-0\330MW亚临界机组</t>
  </si>
  <si>
    <t>【东方锅炉】U型块\L=60\ZG5Cr24Mn8Ni4Si2NRe\156M6111-1-1\330MW亚临界机组</t>
  </si>
  <si>
    <t>【东方锅炉】喷口\φ560×3.1\ZG5Cr24Mn8Ni4Si2NRe\156M6111-1-0\330MW亚临界机组</t>
  </si>
  <si>
    <t>【东方锅炉】喷口\φ540×3.5\装配件\156M6111-2-0\330MW亚临界机组</t>
  </si>
  <si>
    <t>【东方锅炉】喷口\φ420×3.1\ZG5Cr24Mn8Ni4Si2NRe\156M6111-2-0\330MW亚临界机组</t>
  </si>
  <si>
    <t>【东方锅炉】喷口\φ420×3.1\ZG5Cr24Mn8Ni4Si2NRe\156M6111-3\330MW亚临界机组</t>
  </si>
  <si>
    <t>【东方锅炉】喷口\φ590×3.5\装配件\156M6111-4-0\330MW亚临界机组</t>
  </si>
  <si>
    <t>【东方锅炉】喷口\φ460×3.5\ZG5Cr24Mn8Ni4Si2NRe\156M6111-4-0\330MW亚临界机组</t>
  </si>
  <si>
    <t>【东方锅炉】喷口\φ700×4\装配件\156M6111-5-0\330MW亚临界机组</t>
  </si>
  <si>
    <t>【东方锅炉】喷口\φ520×3.5\ZG5Cr24Mn8Ni4Si2NRe\156M6111-5-0\330MW亚临界机组</t>
  </si>
  <si>
    <t>【东方锅炉】风管\L=1908\装配件\156M6112-1-0\330MW亚临界机组</t>
  </si>
  <si>
    <t>【东方锅炉】管子\φ51×6\20G\GZ-21\135MW超高压CFB机组</t>
  </si>
  <si>
    <t>【东方锅炉】煤粉浓缩器\L=1258\装配件\156M6112-1-2\330MW亚临界机组</t>
  </si>
  <si>
    <t>【东方锅炉】方圆节\L=268\装配件\156M6112-1-3\330MW亚临界机组</t>
  </si>
  <si>
    <t>【东方锅炉】管子\φ63.5×12\15CrMoG\GZ-22\150MW超高压CFB机组</t>
  </si>
  <si>
    <t>【东方锅炉】管子\φ42×5\20G\GZ-23\150MW超高压CFB机组</t>
  </si>
  <si>
    <t>【东方锅炉】肋板\L=200\Q235A\156M6112-1-4\330MW亚临界机组</t>
  </si>
  <si>
    <t>【东方锅炉】管子\φ16×2.5\12Cr18Ni9\GZ-24\150MW超高压CFB机组</t>
  </si>
  <si>
    <t>【东方锅炉】管子\φ60×6.5\20G\GZ-25\135MW超高压CFB机组</t>
  </si>
  <si>
    <t>【东方锅炉】密封板\δ20\Q235A\MFB-51\330MW亚临界机组</t>
  </si>
  <si>
    <t>【东方锅炉】管子\φ51×7\SA-213T91\GZ-26\150MW超高压CFB机组</t>
  </si>
  <si>
    <t>【东方锅炉】支撑板\φ528\Q235A\156M6112-1-5\330MW亚临界机组</t>
  </si>
  <si>
    <t>【东方锅炉】法兰\δ5\Q235A\156M6112-1-6\330MW亚临界机组</t>
  </si>
  <si>
    <t>【东方锅炉】管子\φ51×7\12Cr1MoVG\GZ-27\150MW超高压CFB机组</t>
  </si>
  <si>
    <t>【东方锅炉】管子\φ42×8\12Cr1MoVG\GZ-28\150MW超高压CFB机组</t>
  </si>
  <si>
    <t>【东方锅炉】管子\φ57×4.5\12Cr1MoVG\GZ-29\150MW超高压CFB机组</t>
  </si>
  <si>
    <t>【东方锅炉】管子\φ57×4.5\15CrMoG\GZ-30\150MW超高压CFB机组</t>
  </si>
  <si>
    <t>【东方锅炉】U型块\L=60\ZG5Cr24Mn8Ni4Si2NRe\129M61-1-1\330MW亚临界机组</t>
  </si>
  <si>
    <t>【东方锅炉】喷口\φ500×3.5\ZG5Cr24Mn8Ni4Si2NRe\129M61-1-0\330MW亚临界机组</t>
  </si>
  <si>
    <t>【东方锅炉】管子\φ76×6\SA-213T91\GZ-31\150MW超高压CFB机组</t>
  </si>
  <si>
    <t>【东方锅炉】U型块\L=60\ZG5Cr24Mn8Ni4Si2NRe\129M61-2-1\330MW亚临界机组</t>
  </si>
  <si>
    <t>【东方锅炉】管子\φ508×20\12Cr1MoVG\GZ-32\150MW超高压CFB机组</t>
  </si>
  <si>
    <t>【东方锅炉】喷口\φ600×3.5\ZG5Cr24Mn8Ni4Si2NRe\129M61-3\330MW亚临界机组</t>
  </si>
  <si>
    <t>【东方锅炉】管子\φ60×3\20#\GZ-50\135MW超高压CFB机组</t>
  </si>
  <si>
    <t>【东方锅炉】管子\φ60×7\20G\GZ-33\150MW超高压CFB机组</t>
  </si>
  <si>
    <t>【东方锅炉】管子\φ16×3\20G\GZ-34\150MW超高压CFB机组</t>
  </si>
  <si>
    <t>【东方锅炉】一次风管\L=1908\装配件\129M61-8-0\330MW亚临界机组</t>
  </si>
  <si>
    <t>【东方锅炉】管子\φ28×4\12Cr1MoVG\GZ-51\150MW超高压CFB机组</t>
  </si>
  <si>
    <t>【东方锅炉】管子\φ60×8\12Cr1MoVG\GZ-52\150MW超高压CFB机组</t>
  </si>
  <si>
    <t>【东方锅炉】管子\φ60×7\12Cr1MoVG\GZ-35\150MW超高压CFB机组</t>
  </si>
  <si>
    <t>【东方锅炉】垫块\δ10\Q235A\TG61263-2004/№3\330MW亚临界机组</t>
  </si>
  <si>
    <t>【东方锅炉】管子\φ42×6\20G\GZ-36\150MW超高压CFB机组</t>
  </si>
  <si>
    <t>【东方锅炉】肋板\L=83\Q235A\129M61-8-4\330MW亚临界机组</t>
  </si>
  <si>
    <t>【东方锅炉】管子\φ60×5\20G\GZ-37\150MW超高压CFB机组</t>
  </si>
  <si>
    <t>【东方锅炉】管子\φ89×4.5\12Cr18Ni9\29J822-2-2\135MW超高压CFB机组</t>
  </si>
  <si>
    <t>【东方锅炉】密封板\140×170\Q235A\129M61-8-0\330MW亚临界机组</t>
  </si>
  <si>
    <t>【东方锅炉】管子\φ32×3.5\12Cr18Ni9\GZ-38\135MW超高压CFB机组</t>
  </si>
  <si>
    <t>【东方锅炉】支撑板\δ20\Q235A\84M61-9-5\330MW亚临界机组</t>
  </si>
  <si>
    <t>【东方锅炉】法兰\φ645\Q235A\129M61-8-5\330MW亚临界机组</t>
  </si>
  <si>
    <t>【东方锅炉】管子\φ89×4.5\12Cr18Ni9\GZ-39\135MW超高压CFB机组</t>
  </si>
  <si>
    <t>【东方锅炉】管子\φ57×3.5\12Cr18Ni9\GZ-40\135MW超高压CFB机组</t>
  </si>
  <si>
    <t>【东方锅炉】管子\φ51×8 L=100\20G\35J8211-1-83\150MW超高压CFB机组</t>
  </si>
  <si>
    <t>【东方锅炉】管子\φ76×7.5\12Cr1MoVG\35J8211-1-81\150MW超高压CFB机组</t>
  </si>
  <si>
    <t>【东方锅炉】管子\φ31.8×7.5\12Cr1MoVG\GZ-41\1000MW超超临界机组</t>
  </si>
  <si>
    <t>【东方锅炉】U型块\L=60\ZG5Cr24Mn8Ni4Si2NRe\84M61-1-1\330MW亚临界机组</t>
  </si>
  <si>
    <t>【东方锅炉】喷口\φ362×3.1\ZG5Cr24Mn8Ni4Si2NRe\127M61-1-0\300MW亚临界机组</t>
  </si>
  <si>
    <t>【东方锅炉】管子\φ89×5.5\12Cr1MoVG\GZ-42\1000MW超超临界机组</t>
  </si>
  <si>
    <t>【东方锅炉】管子\φ31.8×6.5\12Cr1MoVG\GZ-43\1000MW超超临界机组</t>
  </si>
  <si>
    <t>【东方锅炉】喷口\φ534×3.5\ZG5Cr24Mn8Ni4Si2NRe\127M61-3\300MW亚临界机组</t>
  </si>
  <si>
    <t>【东方锅炉】管子\φ38.1×7\15CrMoG\GZ-43\1000MW超超临界机组</t>
  </si>
  <si>
    <t>【东方锅炉】管子\φ45×10.5\SA-213TP347HFG\99N215-1-1\660MW超临界机组</t>
  </si>
  <si>
    <t>【东方锅炉】管子\φ45×10.5\SA-213TP347HFG\99N215-1-2\660MW超临界机组</t>
  </si>
  <si>
    <t>【东方锅炉】喷口\φ502×3.5\ZG5Cr24Mn8Ni4Si2NRe\127M61-5-0\300MW亚临界机组</t>
  </si>
  <si>
    <t>【东方锅炉】一次风管\L=1908\装配件\127M61-6-0\300MW亚临界机组</t>
  </si>
  <si>
    <t>【东方锅炉】管子\φ45×10.5\SA-213TP347HFG\99N215-1-3\660MW超临界机组</t>
  </si>
  <si>
    <t>【东方锅炉】管子\φ45×7.5\12Cr1MoVG\99N215-1-4\660MW超临界机组</t>
  </si>
  <si>
    <t>【东方锅炉】管子\φ45×7.5\12Cr1MoVG\99N215-1-5\660MW超临界机组</t>
  </si>
  <si>
    <t>【东方锅炉】肋板\L=83\Q235A\127M61-6-4\300MW亚临界机组</t>
  </si>
  <si>
    <t>【东方锅炉】密封板\δ10\Q235A\127M61-6-0\300MW亚临界机组</t>
  </si>
  <si>
    <t>【东方锅炉】法兰\φ645\Q235A\127M61-6-5\300MW亚临界机组</t>
  </si>
  <si>
    <t>【东方锅炉】管子\φ45×7.5\12Cr1MoVG\99N215-1-6\660MW超临界机组</t>
  </si>
  <si>
    <t>【东方锅炉】管子\φ45×10.5\SA-213TP347HFG\99N215-1-7\660MW超临界机组</t>
  </si>
  <si>
    <t>【东方锅炉】管子\φ45×10.5\SA-213TP347HFG\99N215-1-8\660MW超临界机组</t>
  </si>
  <si>
    <t>【东方锅炉】喷口\φ540×3.5\装配件\51M61-1-0\300MW亚临界机组</t>
  </si>
  <si>
    <t>【东方锅炉】管子\φ45×10.5\SA-213TP347HFG\99N215-1-9\660MW超临界机组</t>
  </si>
  <si>
    <t>【东方锅炉】U型块\L=60\ZG5Cr24Mn8Ni4Si2NRe\51M61-1-1\300MW亚临界机组</t>
  </si>
  <si>
    <t>【东方锅炉】喷口\φ372×3.1\ZG5Cr24Mn8Ni4Si2NRe\51M61-2\300MW亚临界机组</t>
  </si>
  <si>
    <t>【东方锅炉】管子\φ45×10.5\SA-213TP347HFG\99N215-1-10\660MW超临界机组</t>
  </si>
  <si>
    <t>【东方锅炉】管子\φ45×10.5\SA-213TP347HFG\99N215-1-11\660MW超临界机组</t>
  </si>
  <si>
    <t>【东方锅炉】喷口\φ424×3.5\ZG5Cr24Mn8Ni4Si2NRe\51M61-4\300MW亚临界机组</t>
  </si>
  <si>
    <t>【东方锅炉】管子\φ45×10.5\SA-213TP347HFG\99N215-1-12\660MW超临界机组</t>
  </si>
  <si>
    <t>【东方锅炉】管子\φ45×10.5\SA-213TP347HFG\99N215-1-13\660MW超临界机组</t>
  </si>
  <si>
    <t>【东方锅炉】管子\φ45×10.5\SA-213TP347HFG\99N215-1-14\660MW超临界机组</t>
  </si>
  <si>
    <t>【东方锅炉】喷口\φ424×3.5\ZG5Cr24Mn8Ni4Si2NRe\51M61-6-0\300MW亚临界机组</t>
  </si>
  <si>
    <t>【东方锅炉】管子\φ45×10.5\SA-213TP347HFG\99N215-1-15\660MW超临界机组</t>
  </si>
  <si>
    <t>【东方锅炉】喷口\φ534×3.5\ZG5Cr24Mn8Ni4Si2NRe\51M61-7-0\300MW亚临界机组</t>
  </si>
  <si>
    <t>【东方锅炉】一次风管\L=1908\装配件\51M61-9-0\300MW亚临界机组</t>
  </si>
  <si>
    <t>【东方锅炉】管子\φ45×10.5\SA-213TP347HFG\99N215-1-16\660MW超临界机组</t>
  </si>
  <si>
    <t>【东方锅炉】侧板\L=1258\Q235A\51M61-9-2\300MW亚临界机组</t>
  </si>
  <si>
    <t>【东方锅炉】盖板\L=268\Q235A\51M61-9-3\300MW亚临界机组</t>
  </si>
  <si>
    <t>【东方锅炉】管子\φ45×10.5\SA-213TP347HFG\99N215-1-17\660MW超临界机组</t>
  </si>
  <si>
    <t>【东方锅炉】盖板\δ10\Q235A\51M61-9-4\300MW亚临界机组</t>
  </si>
  <si>
    <t>【东方锅炉】中隔板\L=83\Q235A\51M61-9-5\300MW亚临界机组</t>
  </si>
  <si>
    <t>【东方锅炉】煤粉浓缩器\M16×60\装配件\51M61-9-6\300MW亚临界机组</t>
  </si>
  <si>
    <t>【东方锅炉】方圆节\12\装配件\51M61-9-7\300MW亚临界机组</t>
  </si>
  <si>
    <t>【东方锅炉】方圆节\δ10\装配件\51M61-9-8\300MW亚临界机组</t>
  </si>
  <si>
    <t>【东方锅炉】圆法兰\δ20\Q235A\51M61-9-9/№1\300MW亚临界机组</t>
  </si>
  <si>
    <t>【东方锅炉】管子\φ45×10.5\SA-213TP347HFG\99N215-1-18\660MW超临界机组</t>
  </si>
  <si>
    <t>【东方锅炉】管子\φ45×10.5\SA-213TP347HFG\99N215-1-19\660MW超临界机组</t>
  </si>
  <si>
    <t>【东方锅炉】垫块\δ10\Q235A\TG61164-2002\300MW亚临界机组</t>
  </si>
  <si>
    <t>【东方锅炉】管子\φ45×10.5\SA-213TP347HFG\99N215-1-20\660MW超临界机组</t>
  </si>
  <si>
    <t>【东方锅炉】肋板\L=83\Q235A\51M61-9-11\300MW亚临界机组</t>
  </si>
  <si>
    <t>【东方锅炉】管子\φ45×10.5\SA-213TP347HFG\99N215-1-21\660MW超临界机组</t>
  </si>
  <si>
    <t>【东方锅炉】密封板\δ10\Q235A\51M61-9-0\300MW亚临界机组</t>
  </si>
  <si>
    <t>【东方锅炉】支撑板\δ20\25\51M61-9-12\300MW亚临界机组</t>
  </si>
  <si>
    <t>【东方锅炉】管子\φ45×10.5\SA-213TP347HFG\99N215-1-22\660MW超临界机组</t>
  </si>
  <si>
    <t>【东方锅炉】管子\φ45×10.5\SA-213TP347HFG\99N215-1-23\660MW超临界机组</t>
  </si>
  <si>
    <t>【东方锅炉】管子\φ45×10.5\SA-213TP347HFG\99N215-1-24\660MW超临界机组</t>
  </si>
  <si>
    <t>【东方锅炉】管子\φ45×10.5\SA-213TP347HFG\99N215-1-25\660MW超临界机组</t>
  </si>
  <si>
    <t>【东方锅炉】管子\φ45×10.5\SA-213TP347HFG\99N215-1-26\660MW超临界机组</t>
  </si>
  <si>
    <t>【东方锅炉】管子\φ45×10.5\SA-213TP347HFG\99N215-1-27\660MW超临界机组</t>
  </si>
  <si>
    <t>【东方锅炉】管子\φ50.8×11.5\SA-213TP347HFG\99N215-1-28\660MW超临界机组</t>
  </si>
  <si>
    <t>【东方锅炉】管子\φ45×10.5\SA-213TP347HFG\99N215-2-1\660MW超临界机组</t>
  </si>
  <si>
    <t>【东方锅炉】管子\φ45×10.5\SA-213TP347HFG\99N215-2-2\660MW超临界机组</t>
  </si>
  <si>
    <t>【东方锅炉】管子\φ45×10.5\SA-213TP347HFG\99N215-2-3\660MW超临界机组</t>
  </si>
  <si>
    <t>【东方锅炉】套管\L=494\16Cr20Ni14Si2\106N6152-2-5\660MW超临界机组</t>
  </si>
  <si>
    <t>【东方锅炉】管子\φ45×7.5\12Cr1MoVG\99N215-2-4\660MW超临界机组</t>
  </si>
  <si>
    <t>【东方锅炉】管子\φ45×7.5\12Cr1MoVG\99N215-2-5\660MW超临界机组</t>
  </si>
  <si>
    <t>【东方锅炉】箱体\L=660\装配件\106N6151-6-1\660MW超临界机组</t>
  </si>
  <si>
    <t>【东方锅炉】密封板\δ12\Q235A\106N6151-6-2\660MW超临界机组</t>
  </si>
  <si>
    <t>【东方锅炉】法兰\778×718\装配件\106N6151-6-3\660MW超临界机组</t>
  </si>
  <si>
    <t>【东方锅炉】管子\φ45×7.5\12Cr1MoVG\99N215-2-6\660MW超临界机组</t>
  </si>
  <si>
    <t>【东方锅炉】管子\φ45×10.5\SA-213TP347HFG\99N215-2-7\660MW超临界机组</t>
  </si>
  <si>
    <t>【东方锅炉】管子\φ45×10.5\SA-213TP347HFG\99N215-2-8\660MW超临界机组</t>
  </si>
  <si>
    <t>【东方锅炉】管子\φ45×10.5\SA-213TP347HFG\99N215-2-9\660MW超临界机组</t>
  </si>
  <si>
    <t>【东方锅炉】管子\φ45×10.5\SA-213TP347HFG\99N215-2-10\660MW超临界机组</t>
  </si>
  <si>
    <t>【东方锅炉】法兰\778×610\装配件\106N6151-6-4\660MW超临界机组</t>
  </si>
  <si>
    <t>【东方锅炉】管子\φ45×10.5\SA-213TP347HFG\99N215-2-11\660MW超临界机组</t>
  </si>
  <si>
    <t>【东方锅炉】管子\φ45×10.5\SA-213TP347HFG\99N215-2-12\660MW超临界机组</t>
  </si>
  <si>
    <t>【东方锅炉】管子\φ45×10.5\SA-213TP347HFG\99N215-2-13\660MW超临界机组</t>
  </si>
  <si>
    <t>【东方锅炉】管子\φ45×10.5\SA-213TP347HFG\99N215-2-14\660MW超临界机组</t>
  </si>
  <si>
    <t>【东方锅炉】管子\φ45×10.5\SA-213TP347HFG\99N215-2-15\660MW超临界机组</t>
  </si>
  <si>
    <t>【东方锅炉】盖板\718×762\Q235A\106N6151-6-7\660MW超临界机组</t>
  </si>
  <si>
    <t>【东方锅炉】把手\L=140\Q235A\106N6151-6-8\660MW超临界机组</t>
  </si>
  <si>
    <t>【东方锅炉】密封板\606×650\Q235A\106N6151-6-9\660MW超临界机组</t>
  </si>
  <si>
    <t>【东方锅炉】管子\φ45×10.5\SA-213TP347HFG\99N215-2-16\660MW超临界机组</t>
  </si>
  <si>
    <t>【东方锅炉】管子\φ45×10.5\SA-213TP347HFG\99N215-2-17\660MW超临界机组</t>
  </si>
  <si>
    <t>【东方锅炉】密封板\φ558\Q235A\106N6151-6-11\660MW超临界机组</t>
  </si>
  <si>
    <t>【东方锅炉】管子\φ580×10\Q235A\106N6151-6-12\660MW超临界机组</t>
  </si>
  <si>
    <t>【东方锅炉】管子\φ45×10.5\SA-213TP347HFG\99N215-2-18\660MW超临界机组</t>
  </si>
  <si>
    <t>【东方锅炉】隔板\L=649\Q235A\106N6151-6-14\660MW超临界机组</t>
  </si>
  <si>
    <t>【东方锅炉】管子\φ45×10.5\SA-213TP347HFG\99N215-2-19\660MW超临界机组</t>
  </si>
  <si>
    <t>【东方锅炉】取样管接头\φ16×4\12Cr18Ni9Ⅲ\82N247-1-6\600MW超临界机组</t>
  </si>
  <si>
    <t>【东方锅炉】取样装置\φ558.8×92/L=3000\装配件\82N247-1-0\600MW超临界机组</t>
  </si>
  <si>
    <t>【东方锅炉】喷管\φ76×6/L=603\装配件\26N231-1-0\600MW超临界机组</t>
  </si>
  <si>
    <t>【东方锅炉】喷管\φ76×6/L=542\装配件\41N232-1-0\600MW超临界机组</t>
  </si>
  <si>
    <t>【东方锅炉】喷管\φ89×9/L=970.2\装配件\13N233-2-0\600MW超临界机组</t>
  </si>
  <si>
    <t>【东方锅炉】管子\φ45×10.5\SA-213TP347HFG\99N215-2-20\660MW超临界机组</t>
  </si>
  <si>
    <t>【东方锅炉】水冷壁直管\38.1×7.5\15CrMoG\GZ-41\600MW超临界机组</t>
  </si>
  <si>
    <t>【东方锅炉】管子\φ45×10.5\SA-213TP347HFG\99N215-2-21\660MW超临界机组</t>
  </si>
  <si>
    <t>【东方锅炉】水冷壁直管\38.1×7\15CrMoG\GZ-42\600MW超临界机组</t>
  </si>
  <si>
    <t>【东方锅炉】减温器\φ406.4×56/L=3200\装配件\140M231-0\350MW超临界机组</t>
  </si>
  <si>
    <t>【东方锅炉】减温器\φ450×62/L=3400\装配件\140M232-0\350MW超临界机组</t>
  </si>
  <si>
    <t>【东方锅炉】减温器\φ558.8×22/L=5000\装配件\140M233-0\350MW超临界机组</t>
  </si>
  <si>
    <t>【东方锅炉】减温器\φ508×88/L=3200\装配件\TGA00021-0\350MW超临界机组</t>
  </si>
  <si>
    <t>【东方锅炉】减温器\φ508×78/L=3400\装配件\TGA00022-0\350MW超临界机组</t>
  </si>
  <si>
    <t>【东方锅炉】减温器\φ711.2×45/L=5465\装配件\TGA00025-0\350MW超临界机组</t>
  </si>
  <si>
    <t>【东方锅炉】减温器\φ660.4×103/L=3898\装配件\TGA00007-0\350MW超临界机组</t>
  </si>
  <si>
    <t>【东方锅炉】减温器\φ609.6×106/L=4998\装配件\TGA00004-0\350MW超临界机组</t>
  </si>
  <si>
    <t>【东方锅炉】减温器\φ914.4×52/L=6030\装配件\TGA00005-0\350MW超临界机组</t>
  </si>
  <si>
    <t>【东方锅炉】减温器\φ558.8×70/L=4120\装配件\TGA00569-0\350MW超临界机组</t>
  </si>
  <si>
    <t>【东方锅炉】减温器\φ508×74/L=4300\装配件\TGA00570-0\350MW超临界机组</t>
  </si>
  <si>
    <t>【东方锅炉】减温器\φ762×34/L=5500\装配件\TGA00571-0\350MW超临界机组</t>
  </si>
  <si>
    <t>【东方锅炉】弯管\φ31.8×6.5\15CrMoG\2S1112-1-1\1000MW超超临界机组</t>
  </si>
  <si>
    <t>【东方锅炉】弯管\φ31.8×6.5\15CrMoG\2S1112-1-2\1000MW超超临界机组</t>
  </si>
  <si>
    <t>【东方锅炉】弯管\φ31.8×6.5\15CrMoG\2S1112-5-1/№1\1000MW超超临界机组</t>
  </si>
  <si>
    <t>【东方锅炉】弯管\φ31.8×6.5\15CrMoG\2S1112-5-1/№2\1000MW超超临界机组</t>
  </si>
  <si>
    <t>【东方锅炉】弯管\φ31.8×6.5\15CrMoG\2S1112-5-2\1000MW超超临界机组</t>
  </si>
  <si>
    <t>【东方锅炉】弯管\φ31.8×6.5\15CrMoG\2S1112-5-3\1000MW超超临界机组</t>
  </si>
  <si>
    <t>【东方锅炉】弯管\φ31.8×6.5\15CrMoG\2S1112-5-4\1000MW超超临界机组</t>
  </si>
  <si>
    <t>【东方锅炉】弯管\φ76.2×20\12Cr1MoVG\2S1112-11-0\1000MW超超临界机组</t>
  </si>
  <si>
    <t>【东方锅炉】弯管\φ76.2×20\12Cr1MoVG\2S1112-13-0\1000MW超超临界机组</t>
  </si>
  <si>
    <t>【东方锅炉】弯管\φ31.8×7.5\15CrMoG\2S1113-1-2\1000MW超超临界机组</t>
  </si>
  <si>
    <t>【东方锅炉】弯管\φ31.8×7.5\15CrMoG\2S1113-10-2\1000MW超超临界机组</t>
  </si>
  <si>
    <t>【东方锅炉】弯管\φ76.2×20\15CrMoG\2S1115-1-1\1000MW超超临界机组</t>
  </si>
  <si>
    <t>【东方锅炉】弯管\φ31.8×7.5\15CrMoG\2S1115-1-2\1000MW超超临界机组</t>
  </si>
  <si>
    <t>【东方锅炉】弯管\φ31.8×7.5\15CrMoG\2S1115-6-1\1000MW超超临界机组</t>
  </si>
  <si>
    <t>【东方锅炉】弯管\φ31.8×7.5\15CrMoG\2S1111-1-1\1000MW超超临界机组</t>
  </si>
  <si>
    <t>【东方锅炉】弯管\φ38.1×7.5\SA-213T2\2S112-2-1\1000MW超超临界机组</t>
  </si>
  <si>
    <t>【东方锅炉】弯管\φ38.1×7.5\SA-213T2\2S112-3-8\1000MW超超临界机组</t>
  </si>
  <si>
    <t>【东方锅炉】弯管\φ38.1×7.5\SA-213T2\2S112-4-3\1000MW超超临界机组</t>
  </si>
  <si>
    <t>【东方锅炉】弯管\φ38.1×7.5\SA-213T2\2S112-5-3\1000MW超超临界机组</t>
  </si>
  <si>
    <t>【东方锅炉】弯管\φ38.1×7.5\SA-213T2\2S112-9-10\1000MW超超临界机组</t>
  </si>
  <si>
    <t>【东方锅炉】弯管\φ38.1×7.5\SA-213T2\2S112-21-1\1000MW超超临界机组</t>
  </si>
  <si>
    <t>【东方锅炉】弯管\φ38.1×7.5\SA-213T2\2S112-22-1\1000MW超超临界机组</t>
  </si>
  <si>
    <t>【东方锅炉】弯管\φ38.1×7.5\SA-213T2\2S112-23-2\1000MW超超临界机组</t>
  </si>
  <si>
    <t>【东方锅炉】弯管\φ38.1×7.5\SA-213T2\2S112-25-2\1000MW超超临界机组</t>
  </si>
  <si>
    <t>【东方锅炉】弯管\φ38.1×7.5\SA-213T2\2S112-26-6\1000MW超超临界机组</t>
  </si>
  <si>
    <t>【东方锅炉】弯管\φ38.1×7.5\SA-213T2\2S112-27-3\1000MW超超临界机组</t>
  </si>
  <si>
    <t>【东方锅炉】弯管\φ38.1×7.5\SA-213T2\2S112-27-7\1000MW超超临界机组</t>
  </si>
  <si>
    <t>【东方锅炉】弯管\φ38.1×7.5\SA-213T2\2S112-28-2\1000MW超超临界机组</t>
  </si>
  <si>
    <t>【东方锅炉】弯管\φ38.1×7.5\SA-213T2\2S112-28-5\1000MW超超临界机组</t>
  </si>
  <si>
    <t>【东方锅炉】弯管\φ38.1×7.5\SA-213T2\2S1133-12-1\1000MW超超临界机组</t>
  </si>
  <si>
    <t>【东方锅炉】弯管\φ38.1×7.5\SA-213T2\2S1133-12-2\1000MW超超临界机组</t>
  </si>
  <si>
    <t>【东方锅炉】弯管\φ38.1×7.5\SA-213T2\2S1134-8-1\1000MW超超临界机组</t>
  </si>
  <si>
    <t>【东方锅炉】弯管\φ38.1×7.5\SA-213T2\2S1134-8-2\1000MW超超临界机组</t>
  </si>
  <si>
    <t>【东方锅炉】弯管\φ31.8×7.5\15CrMoG\2S1141-1-5\1000MW超超临界机组</t>
  </si>
  <si>
    <t>【东方锅炉】弯管\φ45×9.3\DMV 304HCu\2S211-1-1/№1\1000MW超超临界机组</t>
  </si>
  <si>
    <t>【东方锅炉】弯管\φ45×9.3\DMV 304HCu\2S211-1-1/№2\1000MW超超临界机组</t>
  </si>
  <si>
    <t>【东方锅炉】弯管\φ45×9.3\DMV 304HCu\2S211-1-2\1000MW超超临界机组</t>
  </si>
  <si>
    <t>【东方锅炉】弯管\φ45×9.3\DMV 304HCu\2S211-1-3\1000MW超超临界机组</t>
  </si>
  <si>
    <t>【东方锅炉】弯管\φ45×9.3\DMV 304HCu\2S211-1-4\1000MW超超临界机组</t>
  </si>
  <si>
    <t>【东方锅炉】弯管\φ45×9.3\DMV 304HCu\2S211-1-5\1000MW超超临界机组</t>
  </si>
  <si>
    <t>【东方锅炉】弯管\φ45×9.3\DMV 304HCu\2S211-1-6\1000MW超超临界机组</t>
  </si>
  <si>
    <t>【东方锅炉】管子\φ45×10.5\SA-213TP347HFG\99N215-2-22\660MW超临界机组</t>
  </si>
  <si>
    <t>【东方锅炉】管子\φ45×10.5\SA-213TP347HFG\99N215-2-23\660MW超临界机组</t>
  </si>
  <si>
    <t>【东方锅炉】管子\φ45×10.5\SA-213TP347HFG\99N215-2-24\660MW超临界机组</t>
  </si>
  <si>
    <t>【东方锅炉】管子\φ50.8×11.5\SA-213TP347HFG\99N215-2-25\660MW超临界机组</t>
  </si>
  <si>
    <t>【东方锅炉】弯管\φ57×9.5\12Cr1MoVG\2S2121-1-1/№1\1000MW超超临界机组</t>
  </si>
  <si>
    <t>【东方锅炉】弯管\φ57×9.5\12Cr1MoVG\2S2121-1-1/№2\1000MW超超临界机组</t>
  </si>
  <si>
    <t>【东方锅炉】弯管\φ57×9.5\12Cr1MoVG\2S2121-1-2\1000MW超超临界机组</t>
  </si>
  <si>
    <t>【东方锅炉】弯管\φ57×9.5\12Cr1MoVG\2S2121-1-3/№1\1000MW超超临界机组</t>
  </si>
  <si>
    <t>【东方锅炉】弯管\φ57×9.5\12Cr1MoVG\2S2121-1-3/№2\1000MW超超临界机组</t>
  </si>
  <si>
    <t>【东方锅炉】弯管\φ31.8×7.5\15CrMoG\2S1111-1-1/№1\1000MW超超临界机组</t>
  </si>
  <si>
    <t>【东方锅炉】弯管\φ31.8×6.5\15CrMoG\15S1112-1-1/№2\1000MW超超临界机组</t>
  </si>
  <si>
    <t>【东方锅炉】弯管\φ31.8×6.5\15CrMoG\15S1112-1-1\1000MW超超临界机组</t>
  </si>
  <si>
    <t>【东方锅炉】弯管\φ31.8×6.5\15CrMoG\15S1112-1-2\1000MW超超临界机组</t>
  </si>
  <si>
    <t>【东方锅炉】弯管\φ31.8×6.5\15CrMoG\15S1112-1-3\1000MW超超临界机组</t>
  </si>
  <si>
    <t>【东方锅炉】弯管\φ31.8×6.5\15CrMoG\15S1112-1-4/№1\1000MW超超临界机组</t>
  </si>
  <si>
    <t>【东方锅炉】弯管\φ31.8×6.5\15CrMoG\15S1112-1-4/№2\1000MW超超临界机组</t>
  </si>
  <si>
    <t>【东方锅炉】弯管\φ31.8×7.5\15CrMoG\2S1113-1-2-1\1000MW超超临界机组</t>
  </si>
  <si>
    <t>【东方锅炉】弯管\φ57×8\12Cr1MoVG\15S2121-1-1/№1\1000MW超超临界机组</t>
  </si>
  <si>
    <t>【东方锅炉】弯管\φ57×8\12Cr1MoVG\15S2121-1-1/№2\1000MW超超临界机组</t>
  </si>
  <si>
    <t>【东方锅炉】弯管\φ57×8\12Cr1MoVG\15S2121-1-1/№3\1000MW超超临界机组</t>
  </si>
  <si>
    <t>【东方锅炉】弯管\φ57×8\12Cr1MoVG\15S2121-1-1/№4\1000MW超超临界机组</t>
  </si>
  <si>
    <t>【东方锅炉】弯管\φ57×8\12Cr1MoVG\15S2121-1-2/№1\1000MW超超临界机组</t>
  </si>
  <si>
    <t>【东方锅炉】弯管\φ57×8\12Cr1MoVG\15S2121-1-2/№2\1000MW超超临界机组</t>
  </si>
  <si>
    <t>【东方锅炉】弯管\φ57×8\12Cr1MoVG\15S2121-1-2/№3\1000MW超超临界机组</t>
  </si>
  <si>
    <t>【东方锅炉】弯管\φ57×8\12Cr1MoVG\15S2121-1-3/№1\1000MW超超临界机组</t>
  </si>
  <si>
    <t>【东方锅炉】弯管\φ57×8\12Cr1MoVG\15S2121-1-3/№2\1000MW超超临界机组</t>
  </si>
  <si>
    <t>【东方锅炉】弯管\φ57×8\12Cr1MoVG\15S2121-1-3/№3\1000MW超超临界机组</t>
  </si>
  <si>
    <t>【东方锅炉】弯管\φ57×8\12Cr1MoVG\15S2121-1-3/№4\1000MW超超临界机组</t>
  </si>
  <si>
    <t>【东方锅炉】弯管\φ57×8\12Cr1MoVG\15S2121-4-1/№1\1000MW超超临界机组</t>
  </si>
  <si>
    <t>【东方锅炉】弯管\φ57×8\12Cr1MoVG\15S2121-4-1/№2\1000MW超超临界机组</t>
  </si>
  <si>
    <t>【东方锅炉】弯管\φ57×8\12Cr1MoVG\15S2121-4-1/№3\1000MW超超临界机组</t>
  </si>
  <si>
    <t>【东方锅炉】弯管\φ57×8\12Cr1MoVG\15S2121-4-1/№4\1000MW超超临界机组</t>
  </si>
  <si>
    <t>【东方锅炉】弯管\φ57×8\12Cr1MoVG\15S2121-4-2/№1\1000MW超超临界机组</t>
  </si>
  <si>
    <t>【东方锅炉】弯管\φ57×8\12Cr1MoVG\15S2121-4-2/№2\1000MW超超临界机组</t>
  </si>
  <si>
    <t>【东方锅炉】弯管\φ57×8\12Cr1MoVG\15S2121-4-2/№3\1000MW超超临界机组</t>
  </si>
  <si>
    <t>【东方锅炉】弯管\φ57×8\12Cr1MoVG\15S2121-4-3/№1\1000MW超超临界机组</t>
  </si>
  <si>
    <t>【东方锅炉】弯管\φ57×8\12Cr1MoVG\15S2121-4-3/№2\1000MW超超临界机组</t>
  </si>
  <si>
    <t>【东方锅炉】弯管\φ57×8\12Cr1MoVG\15S2121-4-3/№3\1000MW超超临界机组</t>
  </si>
  <si>
    <t>【东方锅炉】弯管\φ57×8\12Cr1MoVG\15S2121-4-3/№4\1000MW超超临界机组</t>
  </si>
  <si>
    <t>【东方锅炉】弯管\φ50.8×10\12Cr1MoVG\15S2123-1-1/№1\1000MW超超临界机组</t>
  </si>
  <si>
    <t>【东方锅炉】弯管\φ50.8×10\12Cr1MoVG\15S2123-1-1/№2\1000MW超超临界机组</t>
  </si>
  <si>
    <t>【东方锅炉】弯管\φ50.8×10\12Cr1MoVG\15S2123-1-2\1000MW超超临界机组</t>
  </si>
  <si>
    <t>【东方锅炉】弯管\φ50.8×10\12Cr1MoVG\15S2123-1-3\1000MW超超临界机组</t>
  </si>
  <si>
    <t>【东方锅炉】弯管\φ50.8×10\12Cr1MoVG\15S2123-2-1/№1\1000MW超超临界机组</t>
  </si>
  <si>
    <t>【东方锅炉】弯管\φ50.8×10\12Cr1MoVG\15S2123-2-1/№2\1000MW超超临界机组</t>
  </si>
  <si>
    <t>【东方锅炉】弯管\φ50.8×10\12Cr1MoVG\15S2123-2-2\1000MW超超临界机组</t>
  </si>
  <si>
    <t>【东方锅炉】弯管\φ50.8×10\12Cr1MoVG\15S2123-2-3\1000MW超超临界机组</t>
  </si>
  <si>
    <t>【东方锅炉】弯管\φ50.8×10\12Cr1MoVG\15S2124-1-1\1000MW超超临界机组</t>
  </si>
  <si>
    <t>【东方锅炉】弯管\φ54×9.5\SA-210C\15S2147-5-1/№1\1000MW超超临界机组</t>
  </si>
  <si>
    <t>【东方锅炉】弯管\φ54×9.5\SA-210C\15S2147-5-1/№2\1000MW超超临界机组</t>
  </si>
  <si>
    <t>【东方锅炉】弯管\φ54×9.5\SA-210C\15S2147-6-1/№1\1000MW超超临界机组</t>
  </si>
  <si>
    <t>【东方锅炉】弯管\φ54×9.5\SA-210C\15S2147-6-1/№2\1000MW超超临界机组</t>
  </si>
  <si>
    <t>【东方锅炉】弯管\φ54×9.5\SA-210C\15S2147-7-1/№1\1000MW超超临界机组</t>
  </si>
  <si>
    <t>【东方锅炉】弯管\φ54×9.5\SA-210C\15S2147-7-1/№2\1000MW超超临界机组</t>
  </si>
  <si>
    <t>【东方锅炉】弯管\φ54×9.5\SA-210C\15S2147-7-1/№3\1000MW超超临界机组</t>
  </si>
  <si>
    <t>【东方锅炉】弯管\φ57×9.5\SA-210C\15S2147-16-1\1000MW超超临界机组</t>
  </si>
  <si>
    <t>【东方锅炉】弯管\φ57×9.5\SA-210C\15S2147-16-2\1000MW超超临界机组</t>
  </si>
  <si>
    <t>【东方锅炉】弯管\φ57×9.5\SA-210C\15S2147-18-1\1000MW超超临界机组</t>
  </si>
  <si>
    <t>【东方锅炉】弯管\φ57×9.5\SA-210C\15S2147-18-2\1000MW超超临界机组</t>
  </si>
  <si>
    <t>【东方锅炉】弯管\φ57×9.5\SA-210C\15S2147-19-1\1000MW超超临界机组</t>
  </si>
  <si>
    <t>【东方锅炉】弯管\φ57×9.5\SA-210C\15S2147-19-2\1000MW超超临界机组</t>
  </si>
  <si>
    <t>【东方锅炉】弯管\φ57×9.5\SA-210C\15S2147-20-1\1000MW超超临界机组</t>
  </si>
  <si>
    <t>【东方锅炉】弯管\φ57×9.5\SA-210C\15S2147-20-2\1000MW超超临界机组</t>
  </si>
  <si>
    <t>【东方锅炉】弯管\φ57×4.5\SA-210C\15S2211-1-3/№1\1000MW超超临界机组</t>
  </si>
  <si>
    <t>【东方锅炉】弯管\φ57×4.5\SA-210C\15S2211-1-3/№2\1000MW超超临界机组</t>
  </si>
  <si>
    <t>【东方锅炉】弯管\φ57×4.5\SA-210C\15S2211-1-3/№3\1000MW超超临界机组</t>
  </si>
  <si>
    <t>【东方锅炉】弯管\φ57×4.5\SA-210C\15S2211-1-3/№4\1000MW超超临界机组</t>
  </si>
  <si>
    <t>【东方锅炉】弯管\φ50.8×4.5\SA-213T91\15S2215-1-1/№1\1000MW超超临界机组</t>
  </si>
  <si>
    <t>【东方锅炉】弯管\φ50.8×4.5\SA-213T91\15S2215-1-1/№2\1000MW超超临界机组</t>
  </si>
  <si>
    <t>【东方锅炉】弯管\φ50.8×4.5\SA-213T91\15S2215-1-2/№1\1000MW超超临界机组</t>
  </si>
  <si>
    <t>【东方锅炉】弯管\φ50.8×4.5\SA-213T91\15S2215-1-2/№2\1000MW超超临界机组</t>
  </si>
  <si>
    <t>【东方锅炉】弯管\φ57×8.5\SA-210C\15S311-1-2/№1\1000MW超超临界机组</t>
  </si>
  <si>
    <t>【东方锅炉】弯管\φ57×8.5\SA-210C\15S311-1-2/№2\1000MW超超临界机组</t>
  </si>
  <si>
    <t>【东方锅炉】弯管\φ57×8.5\SA-210C\15S311-1-2/№3\1000MW超超临界机组</t>
  </si>
  <si>
    <t>【东方锅炉】弯管\φ57×8.5\SA-210C\15S311-1-2/№4\1000MW超超临界机组</t>
  </si>
  <si>
    <t>【东方锅炉】弯管\φ57×8.5\SA-210C\15S311-1-3/№1\1000MW超超临界机组</t>
  </si>
  <si>
    <t>【东方锅炉】弯管\φ57×8.5\SA-210C\15S311-1-3/№2\1000MW超超临界机组</t>
  </si>
  <si>
    <t>【东方锅炉】弯管\φ57×8.5\SA-210C\15S311-1-3/№3\1000MW超超临界机组</t>
  </si>
  <si>
    <t>【东方锅炉】弯管\φ57×8.5\SA-210C\15S311-1-3/№4\1000MW超超临界机组</t>
  </si>
  <si>
    <t>【东方锅炉】弯管\φ57×8.5\SA-210C\15S311-1-5\1000MW超超临界机组</t>
  </si>
  <si>
    <t>【东方锅炉】弯管\φ57×8.5\SA-210C\15S312-1-1\1000MW超超临界机组</t>
  </si>
  <si>
    <t>【东方锅炉】弯管\φ57×8.5\SA-210C\15S312-1-2/№1\1000MW超超临界机组</t>
  </si>
  <si>
    <t>【东方锅炉】弯管\φ57×8.5\SA-210C\15S312-1-2/№2\1000MW超超临界机组</t>
  </si>
  <si>
    <t>【东方锅炉】弯管\φ57×8.5\SA-210C\15S312-1-3/№1\1000MW超超临界机组</t>
  </si>
  <si>
    <t>【东方锅炉】弯管\φ57×8.5\SA-210C\15S312-1-3/№2\1000MW超超临界机组</t>
  </si>
  <si>
    <t>【东方锅炉】弯管\φ57×8.5\SA-210C\15S312-1-4/№1\1000MW超超临界机组</t>
  </si>
  <si>
    <t>【东方锅炉】弯管\φ57×8.5\SA-210C\15S312-1-4/№2\1000MW超超临界机组</t>
  </si>
  <si>
    <t>【东方锅炉】弯管\φ57×8.5\SA-210C\15S312-6-2/№1\1000MW超超临界机组</t>
  </si>
  <si>
    <t>【东方锅炉】弯管\φ57×8.5\SA-210C\15S312-6-2/№2\1000MW超超临界机组</t>
  </si>
  <si>
    <t>【东方锅炉】弯管\φ57×8.5\SA-210C\15S312-6-2/№3\1000MW超超临界机组</t>
  </si>
  <si>
    <t>【东方锅炉】弯管\φ57×8.5\SA-210C\15S312-6-3/№1\1000MW超超临界机组</t>
  </si>
  <si>
    <t>【东方锅炉】弯管\φ57×8.5\SA-210C\15S312-6-3/№2\1000MW超超临界机组</t>
  </si>
  <si>
    <t>【东方锅炉】弯管\φ57×8.5\SA-210C\15S312-6-4\1000MW超超临界机组</t>
  </si>
  <si>
    <t>【东方锅炉】管子\φ89×17\20G\GZ-54\1000MW超超临界机组</t>
  </si>
  <si>
    <t>【东方锅炉】弯管\φ44.5×7\SA-213TP347H\34N215-1-1\600MW亚临界机组</t>
  </si>
  <si>
    <t>【东方锅炉】弯管\φ44.5×7\SA-213TP347H\34N215-1-2\600MW亚临界机组</t>
  </si>
  <si>
    <t>【东方锅炉】弯管\φ44.5×7\SA-213TP347H\34N215-1-3\600MW亚临界机组</t>
  </si>
  <si>
    <t>【东方锅炉】滑动块\L=58\ZG1Cr20Ni14Si2\26N211-1-1\600MW超临界机组</t>
  </si>
  <si>
    <t>【东方锅炉】滑动块\φ50.8\ZG1Cr20Ni14Si2\26N211-1-2/№1\600MW超临界机组</t>
  </si>
  <si>
    <t>【东方锅炉】管子\φ33.4×7.1\12Cr18Ni9\GZ-55\1000MW超超临界机组</t>
  </si>
  <si>
    <t>【东方锅炉】滑动块\L=58\ZG1Cr20Ni14Si2\26N215-1-1\600MW超临界机组</t>
  </si>
  <si>
    <t>【东方锅炉】滑动块\φ50.8\ZG1Cr20Ni14Si2\26N215-1-2/№1\600MW超临界机组</t>
  </si>
  <si>
    <t>【东方锅炉】管子\φ33.4×7\20G\GZ-56\1000MW超超临界机组</t>
  </si>
  <si>
    <t>【东方锅炉】管子\φ60.3×9.7\15CrMoG\GZ-57\1000MW超超临界机组</t>
  </si>
  <si>
    <t>【东方锅炉】联箱端盖\φ219×40\SA-182F91\1N2418-2-1\600MW超临界机组</t>
  </si>
  <si>
    <t>【东方锅炉】弯管\φ508×55\12Cr1MoV\1N2615-1-3\600MW超临界机组</t>
  </si>
  <si>
    <t>【东方锅炉】过渡管\φ609.6×85\SA-182F91\1N2418-6-2\600MW超临界机组</t>
  </si>
  <si>
    <t>【东方锅炉】弯管\φ421×39\SA-355P91\F08311S-J0702-03/№1\600MW超临界机组</t>
  </si>
  <si>
    <t>【东方锅炉】管子\φ33.4×7.1\15CrMoG\GZ-58\1000MW超超临界机组</t>
  </si>
  <si>
    <t>【东方锅炉】管子\φ48.3×7.9\15CrMoG\GZ-59\1000MW超超临界机组</t>
  </si>
  <si>
    <t>【东方锅炉】弯管\φ771×33\SA-355P22\0207-9340-001\600MW超临界机组</t>
  </si>
  <si>
    <t>【东方锅炉】管子\φ88.9×17\15CrMoG\GZ-60\1000MW超超临界机组</t>
  </si>
  <si>
    <t>【东方锅炉】三通\φ355.6×30\WB36\0207-9340-001\600MW超临界机组</t>
  </si>
  <si>
    <t>【东方锅炉】弯管\φ421×39\SA-355P91\F08311S-J0702-03/№2\600MW超临界机组</t>
  </si>
  <si>
    <t>【东方锅炉】弯管\φ421×39\SA-355P91\F08311S-J0702-03/№3\600MW超临界机组</t>
  </si>
  <si>
    <t>【东方锅炉】主蒸汽管道\φ421×39\SA-355P91\GDYCL-1\600MW超临界机组</t>
  </si>
  <si>
    <t>【东方锅炉】主蒸汽管道\φ599×55\SA-355P91\GDYCL-2\600MW超临界机组</t>
  </si>
  <si>
    <t>【东方锅炉】管子\φ33.4×11\12Cr18Ni9\GZ-61\1000MW超超临界机组</t>
  </si>
  <si>
    <t>【东方锅炉】三通\φ355.6×30\WB36\0208-9340-001\600MW超临界机组</t>
  </si>
  <si>
    <t>【东方锅炉】弯管\φ771×33\SA-355P22\0208-9340-001\600MW超临界机组</t>
  </si>
  <si>
    <t>【东方锅炉】弯管\φ508×78\SA-355P91\52N2615-1-1\600MW超临界机组</t>
  </si>
  <si>
    <t>【东方锅炉】管道\φ575.1×84\SA-355P91\GDYCL-3\600MW超临界机组</t>
  </si>
  <si>
    <t>【东方锅炉】管道\φ682×23.5\SA-355P91\GDYCL-4\600MW超临界机组</t>
  </si>
  <si>
    <t>【东方锅炉】堵阀\50I DN700\SA-182F22\D0700.12\SD61H-P54.5</t>
  </si>
  <si>
    <t>【东方锅炉】管子\φ33.4×3.8\12Cr18Ni9\GZ-62\1000MW超超临界机组</t>
  </si>
  <si>
    <t>【东方锅炉】堵阀\φ575.1×84\SA-182 F91\DE400.11G\SD61H-P54.5</t>
  </si>
  <si>
    <t>【东方锅炉】管子\φ33.4×7.1\20#\GZ-63\1000MW超超临界机组</t>
  </si>
  <si>
    <t>【东方锅炉】六开环\50I DN700\38Cr1MoAlA\D0700.1109\SD61H-P54.5</t>
  </si>
  <si>
    <t>【东方锅炉】管子\φ89×4.5\20#\GZ-64\1000MW超超临界机组</t>
  </si>
  <si>
    <t>【东方锅炉】自密封圈\50I DN700\1Cr18Ni9Ti/膨胀石墨\D0700.1107\SD61H-P54.5</t>
  </si>
  <si>
    <t>【东方锅炉】六开环\50I DN700\38CrMoAlA\D0700.1109\SD61H-P54.5</t>
  </si>
  <si>
    <t>【东方锅炉】管子\φ60×3\20#\GZ-65\1000MW超超临界机组</t>
  </si>
  <si>
    <t>【东方锅炉】四开环\50I DN700\38Cr1MoAlA\D8400.1109\SD61H-P57.8</t>
  </si>
  <si>
    <t>【东方锅炉】衬环\270V DN400\38Cr1MoAlA\D8400.1108\SD61H-P57.8</t>
  </si>
  <si>
    <t>【东方锅炉】自密封圈\270V DN400\1Cr18Ni9Ti/膨胀石墨\D8400.1107\SD61H-P57.8</t>
  </si>
  <si>
    <t>【东方锅炉】四开环\60V DN630\38Cr1MoAlA\D1630.1209\SD61H-P58.5</t>
  </si>
  <si>
    <t>【东方锅炉】衬环\60V DN630\38Cr1MoAlA\D1630.1210\SD61H-P58.5</t>
  </si>
  <si>
    <t>【东方锅炉】自密封圈\60V DN630\1Cr18Ni9Ti/膨胀石墨\D1630.1211\SD61H-P58.5</t>
  </si>
  <si>
    <t>【东方锅炉】管子\φ16×2.5\20#\GZ-66\1000MW超超临界机组</t>
  </si>
  <si>
    <t>【东方锅炉】管子\φ48.3×10\15CrMoG\GZ-67\1000MW超超临界机组</t>
  </si>
  <si>
    <t>【东方锅炉】弯头\φ38.1×7\15CrMoG\64N112-2-1\660MW超临界机组</t>
  </si>
  <si>
    <t>【东方锅炉】弯头\φ38.1×7\15CrMoG\64N112-3-1\660MW超临界机组</t>
  </si>
  <si>
    <t>【东方锅炉】弯头\φ38.1×7\15CrMoG\64N112-4-2\660MW超临界机组</t>
  </si>
  <si>
    <t>【东方锅炉】空间弯\φ38.1×7\15CrMoG\64N112-4-6\660MW超临界机组</t>
  </si>
  <si>
    <t>【东方锅炉】弯头\φ38.1×7\15CrMoG\64N112-5-2\660MW超临界机组</t>
  </si>
  <si>
    <t>【东方锅炉】管子\φ48.3×14\SA-213T91\GZ-68\1000MW超超临界机组</t>
  </si>
  <si>
    <t>【东方锅炉】弯头\φ38.1×7\15CrMoG\64N112-7-5\660MW超临界机组</t>
  </si>
  <si>
    <t>【东方锅炉】弯头\φ38.1×7\15CrMoG\64N112-8-3\660MW超临界机组</t>
  </si>
  <si>
    <t>【东方锅炉】空间弯\φ38.1×7\15CrMoG\64N112-11-3\660MW超临界机组</t>
  </si>
  <si>
    <t>【东方锅炉】空间弯\φ38.1×7\15CrMoG\64N112-11-4\660MW超临界机组</t>
  </si>
  <si>
    <t>【东方锅炉】空间弯\φ38.1×7\15CrMoG\64N112-11-5\660MW超临界机组</t>
  </si>
  <si>
    <t>【东方锅炉】空间弯\φ38.1×7\15CrMoG\64N112-11-6\660MW超临界机组</t>
  </si>
  <si>
    <t>【东方锅炉】空间弯\φ38.1×7\15CrMoG\64N112-11-7\660MW超临界机组</t>
  </si>
  <si>
    <t>【东方锅炉】空间弯\φ38.1×7\15CrMoG\64N112-11-8\660MW超临界机组</t>
  </si>
  <si>
    <t>【东方锅炉】空间弯\φ38.1×7\15CrMoG\64N112-11-9\660MW超临界机组</t>
  </si>
  <si>
    <t>【东方锅炉】空间弯\φ38.1×7\15CrMoG\64N112-11-10\660MW超临界机组</t>
  </si>
  <si>
    <t>【东方锅炉】弯头\φ38.1×7\15CrMoG\64N112-11-11\660MW超临界机组</t>
  </si>
  <si>
    <t>【东方锅炉】弯头\φ38.1×7\15CrMoG\64N112-11-13\660MW超临界机组</t>
  </si>
  <si>
    <t>【东方锅炉】空间弯\φ38.1×7\15CrMoG\64N112-12-3\660MW超临界机组</t>
  </si>
  <si>
    <t>【东方锅炉】空间弯\φ38.1×7\15CrMoG\64N112-12-4\660MW超临界机组</t>
  </si>
  <si>
    <t>【东方锅炉】空间弯\φ38.1×7\15CrMoG\64N112-12-5\660MW超临界机组</t>
  </si>
  <si>
    <t>【东方锅炉】空间弯\φ38.1×7\15CrMoG\64N112-12-6\660MW超临界机组</t>
  </si>
  <si>
    <t>【东方锅炉】空间弯\φ38.1×7\15CrMoG\64N112-12-7\660MW超临界机组</t>
  </si>
  <si>
    <t>【东方锅炉】空间弯\φ38.1×7\15CrMoG\64N112-12-8\660MW超临界机组</t>
  </si>
  <si>
    <t>【东方锅炉】空间弯\φ38.1×7\15CrMoG\64N112-12-9\660MW超临界机组</t>
  </si>
  <si>
    <t>【东方锅炉】空间弯\φ38.1×7\15CrMoG\64N112-12-10\660MW超临界机组</t>
  </si>
  <si>
    <t>【东方锅炉】弯头\φ38.1×7\15CrMoG\64N112-12-14\660MW超临界机组</t>
  </si>
  <si>
    <t>【东方锅炉】弯头\φ38.1×7\15CrMoG\64N112-13-1\660MW超临界机组</t>
  </si>
  <si>
    <t>【东方锅炉】弯头\φ38.1×7\15CrMoG\64N112-14-1\660MW超临界机组</t>
  </si>
  <si>
    <t>【东方锅炉】弯头\φ38.1×7\15CrMoG\64N112-15-1\660MW超临界机组</t>
  </si>
  <si>
    <t>【东方锅炉】弯头\φ38.1×7\15CrMoG\64N112-16-2\660MW超临界机组</t>
  </si>
  <si>
    <t>【东方锅炉】弯头\φ38.1×7\15CrMoG\64N112-17-2\660MW超临界机组</t>
  </si>
  <si>
    <t>【东方锅炉】弯头\φ38.1×7\15CrMoG\64N112-18-2\660MW超临界机组</t>
  </si>
  <si>
    <t>【东方锅炉】弯头\φ38.1×7\15CrMoG\64N112-19-2\660MW超临界机组</t>
  </si>
  <si>
    <t>【东方锅炉】弯头\φ38.1×7\15CrMoG\64N112-19-6\660MW超临界机组</t>
  </si>
  <si>
    <t>【东方锅炉】弯头\φ38.1×7\15CrMoG\64N112-20-3\660MW超临界机组</t>
  </si>
  <si>
    <t>【东方锅炉】弯头\φ38.1×7\15CrMoG\64N112-20-8\660MW超临界机组</t>
  </si>
  <si>
    <t>【东方锅炉】弯头\φ38.1×7\15CrMoG\64N112-20-9\660MW超临界机组</t>
  </si>
  <si>
    <t>【东方锅炉】弯头\φ38.1×7\15CrMoG\64N112-21-2\660MW超临界机组</t>
  </si>
  <si>
    <t>【东方锅炉】弯头\φ38.1×7\15CrMoG\64N112-21-4\660MW超临界机组</t>
  </si>
  <si>
    <t>【东方锅炉】空间弯\φ38.1×7\15CrMoG\64N112-21-7\660MW超临界机组</t>
  </si>
  <si>
    <t>【东方锅炉】空间弯\φ38.1×7\15CrMoG\64N112-21-10\660MW超临界机组</t>
  </si>
  <si>
    <t>【东方锅炉】空间弯\φ38.1×7\15CrMoG\64N112-21-11\660MW超临界机组</t>
  </si>
  <si>
    <t>【东方锅炉】空间弯\φ38.1×7\15CrMoG\64N112-21-12\660MW超临界机组</t>
  </si>
  <si>
    <t>【东方锅炉】空间弯\φ38.1×7\15CrMoG\64N112-21-13\660MW超临界机组</t>
  </si>
  <si>
    <t>【东方锅炉】空间弯\φ38.1×7\15CrMoG\64N112-21-14\660MW超临界机组</t>
  </si>
  <si>
    <t>【东方锅炉】弯头\φ38.1×7\15CrMoG\64N112-21-21\660MW超临界机组</t>
  </si>
  <si>
    <t>【东方锅炉】空间弯\φ38.1×7\15CrMoG\64N112-21-22\660MW超临界机组</t>
  </si>
  <si>
    <t>【东方锅炉】弯头\φ38.1×7\15CrMoG\64N112-21-23\660MW超临界机组</t>
  </si>
  <si>
    <t>【东方锅炉】弯头\φ38.1×7\15CrMoG\64N112-21-24\660MW超临界机组</t>
  </si>
  <si>
    <t>【东方锅炉】弯管组\φ38.1×7\15CrMoG\64N112-23-1\660MW超临界机组</t>
  </si>
  <si>
    <t>【东方锅炉】空间弯\φ38.1×7\15CrMoG\64N112-23-2\660MW超临界机组</t>
  </si>
  <si>
    <t>【东方锅炉】空间弯\φ38.1×7\15CrMoG\64N112-23-3\660MW超临界机组</t>
  </si>
  <si>
    <t>【东方锅炉】空间弯\φ38.1×7\15CrMoG\64N112-23-4\660MW超临界机组</t>
  </si>
  <si>
    <t>【东方锅炉】空间弯\φ38.1×7\15CrMoG\64N112-23-5\660MW超临界机组</t>
  </si>
  <si>
    <t>【东方锅炉】空间弯\φ38.1×7\15CrMoG\64N112-23-6\660MW超临界机组</t>
  </si>
  <si>
    <t>【东方锅炉】空间弯\φ38.1×7\15CrMoG\64N112-23-7\660MW超临界机组</t>
  </si>
  <si>
    <t>【东方锅炉】空间弯\φ38.1×7\15CrMoG\64N112-23-8\660MW超临界机组</t>
  </si>
  <si>
    <t>【东方锅炉】空间弯\φ38.1×7\15CrMoG\64N112-23-9\660MW超临界机组</t>
  </si>
  <si>
    <t>【东方锅炉】观察孔\φ38.1×7.5\SA-213T2\TGN11501\660MW超临界机组</t>
  </si>
  <si>
    <t>【东方锅炉】吹灰孔\φ38.1×7.5\SA-213T2\TGN11505\660MW超临界机组</t>
  </si>
  <si>
    <t>【东方锅炉】管子\φ48.3×7.9\SA-213T91\GZ-69\1000MW超超临界机组</t>
  </si>
  <si>
    <t>【东方锅炉】管子\φ89×9\12Cr1MoVG\GZ-70\1000MW超超临界机组</t>
  </si>
  <si>
    <t>【东方锅炉】管子\φ38×4\20G\GZ-71\1000MW超超临界机组</t>
  </si>
  <si>
    <t>【东方锅炉】摄像孔\φ38.1×7.5\SA-213T2\TGN11553\660MW超临界机组</t>
  </si>
  <si>
    <t>【东方锅炉】观察孔\φ38.1×9\15CrMoG\TGN11522/№1\660MW超临界机组</t>
  </si>
  <si>
    <t>【东方锅炉】观察孔\φ38.1×9\15CrMoG\TGN11522/№2\660MW超临界机组</t>
  </si>
  <si>
    <t>【东方锅炉】吹灰孔\φ38.1×9\15CrMoG\TGN11523/№1\660MW超临界机组</t>
  </si>
  <si>
    <t>【东方锅炉】吹灰孔\φ38.1×9\15CrMoG\TGN11523/№2\660MW超临界机组</t>
  </si>
  <si>
    <t>【东方锅炉】吹灰孔\φ38.1×9\15CrMoG\TGN11523/№3\660MW超临界机组</t>
  </si>
  <si>
    <t>【东方锅炉】吹灰孔\φ38.1×9\15CrMoG\TGN11523/№4\660MW超临界机组</t>
  </si>
  <si>
    <t>【东方锅炉】吹灰孔\φ38.1×9\15CrMoG\TGN11523/№5\660MW超临界机组</t>
  </si>
  <si>
    <t>【东方锅炉】人孔\φ38.1×9\15CrMoG\TGN11528/№1\660MW超临界机组</t>
  </si>
  <si>
    <t>【东方锅炉】人孔\φ38.1×9\15CrMoG\TGN11528/№2\660MW超临界机组</t>
  </si>
  <si>
    <t>【东方锅炉】烟温探针孔\φ32×8.5\15CrMoG\TGN11539\660MW超临界机组</t>
  </si>
  <si>
    <t>【东方锅炉】吹灰孔\φ32×8.5\15CrMoG\TGN11537/№1\660MW超临界机组</t>
  </si>
  <si>
    <t>【东方锅炉】吹灰孔\φ32×8.5\15CrMoG\TGN11537/№2\660MW超临界机组</t>
  </si>
  <si>
    <t>【东方锅炉】吹灰孔\φ32×8.5\15CrMoG\TGN11537/№3\660MW超临界机组</t>
  </si>
  <si>
    <t>【东方锅炉】吹灰孔\φ32×8.5\15CrMoG\TGN11537/№4\660MW超临界机组</t>
  </si>
  <si>
    <t>【东方锅炉】负压测点孔\φ31.8×9\15CrMoG\TGN11526/№1\660MW超临界机组</t>
  </si>
  <si>
    <t>【东方锅炉】负压测点孔\φ31.8×9\15CrMoG\TGN11526/№2\660MW超临界机组</t>
  </si>
  <si>
    <t>【东方锅炉】吹灰孔\φ31.8×9\15CrMoG\TGN11523/№6\660MW超临界机组</t>
  </si>
  <si>
    <t>【东方锅炉】吹灰孔\φ31.8×9\15CrMoG\TGN11523/№7\660MW超临界机组</t>
  </si>
  <si>
    <t>【东方锅炉】省煤器集箱开孔\φ34×8\15CrMoG\TGN21512-0\660MW超临界机组</t>
  </si>
  <si>
    <t>【东方锅炉】吹灰孔\φ34×8\15CrMoG\TGN21509-0\660MW超临界机组</t>
  </si>
  <si>
    <t>【东方锅炉】人孔\φ34×8\15CrMoG\TGN21510-0\660MW超临界机组</t>
  </si>
  <si>
    <t>【东方锅炉】人孔\φ31.8×9\15CrMoG\TGN21507-0\660MW超临界机组</t>
  </si>
  <si>
    <t>【东方锅炉】管子\φ38.1×7.5\SA-213T2\GZ-72\1000MW超超临界机组</t>
  </si>
  <si>
    <t>【东方锅炉】管子\φ50.8×7.5\SA-213T91\39N2417-1-3\600MW超临界机组</t>
  </si>
  <si>
    <t>【东方锅炉】管子\φ73×12\12Cr1MoVG\GZ-73\1000MW超超临界机组</t>
  </si>
  <si>
    <t>【东方锅炉】管子\φ45×7\SA-213S30432\GZ-74\1000MW超超临界机组</t>
  </si>
  <si>
    <t>【东方锅炉】管子\φ45×13\SA-213S30432\GZ-75\1000MW超超临界机组</t>
  </si>
  <si>
    <t>【东方锅炉】管子\φ51×10\12Cr1MoVG\GZ-76\1000MW超超临界机组</t>
  </si>
  <si>
    <t>【东方锅炉】管子\φ57×15\12Cr1MoVG\GZ-77\1000MW超超临界机组</t>
  </si>
  <si>
    <t>【东方锅炉】管子\φ89×4.5\12Cr1MoVG\GZ-78\1000MW超超临界机组</t>
  </si>
  <si>
    <t>【东方锅炉】管子\φ63.5×10\12Cr1MoVG\GZ-79\1000MW超超临界机组</t>
  </si>
  <si>
    <t>【东方锅炉】管子\φ57×9\15CrMoG\GZ-80\1000MW超超临界机组</t>
  </si>
  <si>
    <t>【东方锅炉】管子\φ38.1×6.5\15CrMoG\GZ-81\1000MW超超临界机组</t>
  </si>
  <si>
    <t>【东方锅炉】管子\φ54×15\15CrMoG\23S2141-7-3\1000MW超超临界机组</t>
  </si>
  <si>
    <t>【东方锅炉】管子\φ54×15\15CrMoG\23S2141-7-6\1000MW超超临界机组</t>
  </si>
  <si>
    <t>【东方锅炉】管子\φ54×9.5\12Cr1MoVG\GZ-82\1000MW超超临界机组</t>
  </si>
  <si>
    <t>【东方锅炉】管子\φ57×12\12Cr1MoVG\GZ-83\1000MW超超临界机组</t>
  </si>
  <si>
    <t>【东方锅炉】管子\φ57×13\12Cr1MoVG\GZ-84\1000MW超超临界机组</t>
  </si>
  <si>
    <t>【东方锅炉】管子\φ51×8.5\12Cr1MoVG\GZ-85\1000MW超超临界机组</t>
  </si>
  <si>
    <t>【东方锅炉】管子\φ51×9\SA-213TP310HCbN\GZ-86\1000MW超超临界机组</t>
  </si>
  <si>
    <t>【东方锅炉】管子\φ51×12\SA-213TP310HCbN\GZ-87\1000MW超超临界机组</t>
  </si>
  <si>
    <t>【东方锅炉】管子\φ51×11.5\SA-213T92\GZ-88\1000MW超超临界机组</t>
  </si>
  <si>
    <t>【东方锅炉】管子\φ45×7.5\12Cr1MoVG\GZ-89\1000MW超超临界机组</t>
  </si>
  <si>
    <t>【东方锅炉】管子\φ45×7.5\SA-213TP310HCbN\GZ-90\1000MW超超临界机组</t>
  </si>
  <si>
    <t>【东方锅炉】管子\φ45×11\SA-213T92\GZ-91\1000MW超超临界机组</t>
  </si>
  <si>
    <t>【东方锅炉】管子\φ45×7.5\SA-213S30432\GZ-92\1000MW超超临界机组</t>
  </si>
  <si>
    <t>【东方锅炉】管子\φ57×4.5\SA-210C\GZ-93\1000MW超超临界机组</t>
  </si>
  <si>
    <t>【东方锅炉】管子\φ57×4.5\SA-213TP347H\GZ-94\1000MW超超临界机组</t>
  </si>
  <si>
    <t>【东方锅炉】管子\φ57×4\SA-213TP310HCbN\GZ-95\1000MW超超临界机组</t>
  </si>
  <si>
    <t>【东方锅炉】管子\φ51×3.5\SA-213TP310HCbN\GZ-96\1000MW超超临界机组</t>
  </si>
  <si>
    <t>【东方锅炉】管子\φ51×4\SA-213T91\GZ-97\1000MW超超临界机组</t>
  </si>
  <si>
    <t>【东方锅炉】管子\φ89×13\12Cr1MoVG\GZ-98\1000MW超超临界机组</t>
  </si>
  <si>
    <t>【东方锅炉】管子\φ89×13\SA-213T91\GZ-99\1000MW超超临界机组</t>
  </si>
  <si>
    <t>【东方锅炉】管子\φ57×8.5\SA-210C\GZ-100\1000MW超超临界机组</t>
  </si>
  <si>
    <t>【东方锅炉】管子\φ48.3×8\SA-213T91\GZ-101\1000MW超超临界机组</t>
  </si>
  <si>
    <t>【东方锅炉】管子\φ89×17\20G\GZ-102\1000MW超超临界机组</t>
  </si>
  <si>
    <t>【东方锅炉】管子\φ33.4×9\SA-213TP347H\GZ-103\1000MW超超临界机组</t>
  </si>
  <si>
    <t>【东方锅炉】管子\φ33.4×7\SA-213TP347H\GZ-104\1000MW超超临界机组</t>
  </si>
  <si>
    <t>【东方锅炉】管子\φ33.4×7\20G\GZ-105\1000MW超超临界机组</t>
  </si>
  <si>
    <t>【东方锅炉】管子\φ60×10\15CrMoG\GZ-106\1000MW超超临界机组</t>
  </si>
  <si>
    <t>【东方锅炉】管子\φ73×15.6\20G\GZ-107\1000MW超超临界机组</t>
  </si>
  <si>
    <t>【东方锅炉】管子\φ33.4×7\15CrMoG\GZ-108\1000MW超超临界机组</t>
  </si>
  <si>
    <t>【东方锅炉】管子\φ48.3×8\15CrMoG\GZ-109\1000MW超超临界机组</t>
  </si>
  <si>
    <t>【东方锅炉】管子\φ89×17\15CrMoG\GZ-110\1000MW超超临界机组</t>
  </si>
  <si>
    <t>【东方锅炉】管子\φ48.3×12\SA-213T91\GZ-111\1000MW超超临界机组</t>
  </si>
  <si>
    <t>【东方锅炉】管子\φ33.4×7\12Cr1MoVG\GZ-112\1000MW超超临界机组</t>
  </si>
  <si>
    <t>【东方锅炉】管子\φ33.4×3.8\SA-213TP347H\GZ-113\1000MW超超临界机组</t>
  </si>
  <si>
    <t>【东方锅炉】管子\φ48.3×10\12Cr1MoVG\GZ-114\1000MW超超临界机组</t>
  </si>
  <si>
    <t>【东方锅炉】管子\φ33.4×3.8\20G\GZ-115\1000MW超超临界机组</t>
  </si>
  <si>
    <t>【东方锅炉】管子\φ33.4×3.8\SA-213T91\GZ-116\1000MW超超临界机组</t>
  </si>
  <si>
    <t>【东方锅炉】管子\φ33.4×9\SA-213T92\GZ-117\1000MW超超临界机组</t>
  </si>
  <si>
    <t>【东方锅炉】管子\φ33.4×9\SA-213T91\GZ-118\1000MW超超临界机组</t>
  </si>
  <si>
    <t>【东方锅炉】管子\φ48.3×10\SA-213TP347H\GZ-119\1000MW超超临界机组</t>
  </si>
  <si>
    <t>【东方锅炉】管子\φ33.4×3.8\SA-213T92\GZ-120\1000MW超超临界机组</t>
  </si>
  <si>
    <t>【东方锅炉】管子\φ25×2.5\20#\GZ-121\1000MW超超临界机组</t>
  </si>
  <si>
    <t>【东方锅炉】管子\φ48.3×14\SA-213T92\GZ-122\1000MW超超临界机组</t>
  </si>
  <si>
    <t>【东方锅炉】管子\φ33.4×3.8\15CrMoG\GZ-123\1000MW超超临界机组</t>
  </si>
  <si>
    <t>【东方锅炉】管子\φ48.3×12\20G\GZ-124\1000MW超超临界机组</t>
  </si>
  <si>
    <t>【东方锅炉】管子\φ33.4×7 L=80\20G\GZ-125\1000MW超超临界机组</t>
  </si>
  <si>
    <t>【东方锅炉】管子\φ89×4.5\20G\GZ-126\1000MW超超临界机组</t>
  </si>
  <si>
    <t>【东方锅炉】管子\φ57×3.5\20G\GZ-127\1000MW超超临界机组</t>
  </si>
  <si>
    <t>【东方锅炉】管子\φ89×9\20G\GZ-128\1000MW超超临界机组</t>
  </si>
  <si>
    <t>【东方锅炉】管子\φ89×9\SA-213T91\GZ-129\1000MW超超临界机组</t>
  </si>
  <si>
    <t>【东方锅炉】管子\φ89×13\15CrMoG\GZ-130\1000MW超超临界机组</t>
  </si>
  <si>
    <t>【东方锅炉】管子\φ38×3.5\20#\GZ-131\1000MW超超临界机组</t>
  </si>
  <si>
    <t>【东方锅炉】管子\φ76.2×20\12Cr1MoVG\GZ-132\350MW超临界机组</t>
  </si>
  <si>
    <t>【东方锅炉】管子\φ45×10.5\SA-213TP310HCbN\GZ-133\1000MW超超临界机组</t>
  </si>
  <si>
    <t>【东方锅炉】管子\φ45×10\SA-213S30432\GZ-134\1000MW超超临界机组</t>
  </si>
  <si>
    <t>【东方锅炉】管子\φ54×8.5\SA-213T91\GZ-135\1000MW超超临界机组</t>
  </si>
  <si>
    <t>【东方锅炉】管子\φ54×8.5\SA-213TP310HCbN\GZ-136\1000MW超超临界机组</t>
  </si>
  <si>
    <t>【东方锅炉】管子\φ54×14\SA-213T92\GZ-137\1000MW超超临界机组</t>
  </si>
  <si>
    <t>【东方锅炉】管子\φ54×14\SA-213TP310HCbN\GZ-138\1000MW超超临界机组</t>
  </si>
  <si>
    <t>【东方锅炉】管子\φ45×7.5\SA-213T91\GZ-139\1000MW超超临界机组</t>
  </si>
  <si>
    <t>【东方锅炉】管子\φ45×7\SA-213TP310HCbN\GZ-140\1000MW超超临界机组</t>
  </si>
  <si>
    <t>【东方锅炉】管子\φ45×13\SA-213TP310HCbN\GZ-141\1000MW超超临界机组</t>
  </si>
  <si>
    <t>【东方锅炉】管子\φ45×13\SA-213T92\GZ-142\1000MW超超临界机组</t>
  </si>
  <si>
    <t>【东方锅炉】管子\φ57×4.5\SA-213T91\GZ-143\1000MW超超临界机组</t>
  </si>
  <si>
    <t>【东方锅炉】管子\φ57×6\SA-213T92\GZ-144\1000MW超超临界机组</t>
  </si>
  <si>
    <t>【东方锅炉】管子\φ57×6\SA-213TP310HCbN\GZ-145\1000MW超超临界机组</t>
  </si>
  <si>
    <t>【东方锅炉】管子\φ51×4\SA-213S30432\GZ-146\1000MW超超临界机组</t>
  </si>
  <si>
    <t>【东方锅炉】喷管\φ38.1×7.5\12Cr1MoVG\51K23-3-2\200MW亚临界机组</t>
  </si>
  <si>
    <t>【东方锅炉】塞盖\φ38.1×7.5\12Cr1MoV\51K23-1-3,№1\200MW亚临界机组</t>
  </si>
  <si>
    <t>【东方锅炉】套管\φ38.1×7.5\12Cr1MoVG\51K23-3-3\200MW亚临界机组</t>
  </si>
  <si>
    <t>【东方锅炉】喷管\φ38.1×7.5\12Cr1MoVG\51K23-2-2/№1\200MW亚临界机组</t>
  </si>
  <si>
    <t>【东方锅炉】套管\φ38.1×7.5\12Cr1MoVG\51K23-2-3\200MW亚临界机组</t>
  </si>
  <si>
    <t>【东方锅炉】喷管\φ38.1×7.5\12Cr1MoVG\51K23-1-2/№1\200MW亚临界机组</t>
  </si>
  <si>
    <t>【东方锅炉】套管\φ38.1×7.5\12Cr1MoVG\51K23-1-4\200MW亚临界机组</t>
  </si>
  <si>
    <t>【东方锅炉】端盖\φ133×14\Q245R\DG3314-2015/№1\200MW亚临界机组</t>
  </si>
  <si>
    <t>【东方锅炉】弯管\42×5.5\SA-213T91\52K211-1-1\200MW亚临界机组</t>
  </si>
  <si>
    <t>【东方锅炉】弯管\51×3.5\SA-213T91\52K222-1-11/№1\200MW亚临界机组</t>
  </si>
  <si>
    <t>【东方锅炉】封头\φ133×18\Q245R\DG3315-2015\200MW亚临界机组</t>
  </si>
  <si>
    <t>【东方锅炉】封头\φ133×14\Q245R\DG3314-2015/№2\200MW亚临界机组</t>
  </si>
  <si>
    <t>【东方锅炉】管屏\60×6.5/L=4500/S=80\20G\GPTYJ-76\200MW亚临界机组</t>
  </si>
  <si>
    <t>【东方锅炉】前墙壁再左侧组件\φ60×4\装配件\51M221-1-0\300MW亚临界机组</t>
  </si>
  <si>
    <t>【东方锅炉】管子\φ51×4\SA-213TP310HCbN\GZ-147\1000MW超超临界机组</t>
  </si>
  <si>
    <t>【东方锅炉】管子\φ51×3.5\SA-213S30432\GZ-148\1000MW超超临界机组</t>
  </si>
  <si>
    <t>【东方锅炉】管子\φ51×5.5\SA-213T92\GZ-149\1000MW超超临界机组</t>
  </si>
  <si>
    <t>【东方锅炉】管子\φ51×5.5\SA-213S30432\GZ-150\1000MW超超临界机组</t>
  </si>
  <si>
    <t>【东方锅炉】管子\φ57×4.5\SA-213T92\GZ-151\1000MW超超临界机组</t>
  </si>
  <si>
    <t>【东方锅炉】管子\φ31.8×7\12Cr1MoVG\GZ-152\660MW超超临界机组</t>
  </si>
  <si>
    <t>【东方锅炉】管子\φ51×12.5\SA-213T92\GZ-153\660MW超超临界机组</t>
  </si>
  <si>
    <t>【东方锅炉】管子\φ51×12.5\SA-213TP310HCbN\GZ-154\660MW超超临界机组</t>
  </si>
  <si>
    <t>【东方锅炉】管子\φ45×12.5\SA-213T92\GZ-155\660MW超超临界机组</t>
  </si>
  <si>
    <t>【东方锅炉】管子\φ45×12.5\SA-213S30432\GZ-156\660MW超超临界机组</t>
  </si>
  <si>
    <t>【东方锅炉】管子\φ45×10\SA-213TP310HCbN\GZ-157\660MW超超临界机组</t>
  </si>
  <si>
    <t>【东方锅炉】管子\φ51×8\SA-213T91\GZ-158\660MW超超临界机组</t>
  </si>
  <si>
    <t>【东方锅炉】管子\φ51×8\SA-213TP310HCbN\GZ-159\660MW超超临界机组</t>
  </si>
  <si>
    <t>【东方锅炉】管子\φ51×4.5\SA-213T92\GZ-160\660MW超超临界机组</t>
  </si>
  <si>
    <t>【东方锅炉】管子\φ51×4.5\SA-213S30432\GZ-161\660MW超超临界机组</t>
  </si>
  <si>
    <t>【东方锅炉】管子\φ57×4\SA-213T91\GZ-162\660MW超超临界机组</t>
  </si>
  <si>
    <t>【东方锅炉】管子\φ45×10.5\SA-213T92\GZ-163\660MW超超临界机组</t>
  </si>
  <si>
    <t>【东方锅炉】管子\φ45×10.5\SA-213S30432\GZ-164\660MW超超临界机组</t>
  </si>
  <si>
    <t>【东方锅炉】管子\φ51×8\12Cr1MoVG\GZ-165\660MW超超临界机组</t>
  </si>
  <si>
    <t>【东方锅炉】管子\φ51×6.5\SA-213T91\89M211-2-1\300MW亚临界机组</t>
  </si>
  <si>
    <t>【东方锅炉】管子\φ51×6.5\SA-213T91\89M211-2-2\300MW亚临界机组</t>
  </si>
  <si>
    <t>【东方锅炉】管子\φ51×6.5\SA-213T91\89M211-2-3\300MW亚临界机组</t>
  </si>
  <si>
    <t>【东方锅炉】管子\φ51×6.5\SA-213T91\89M211-2-4\300MW亚临界机组</t>
  </si>
  <si>
    <t>【东方锅炉】管子\φ51×6.5\SA-213T91\89M211-3-1\300MW亚临界机组</t>
  </si>
  <si>
    <t>【东方锅炉】管子\φ51×6.5\SA-213T91\89M211-3-2\300MW亚临界机组</t>
  </si>
  <si>
    <t>【东方锅炉】管子\φ51×6.5\SA-213T91\89M211-3-3\300MW亚临界机组</t>
  </si>
  <si>
    <t>【东方锅炉】管子\φ51×6.5\SA-213T91\89M211-3-4\300MW亚临界机组</t>
  </si>
  <si>
    <t>【东方锅炉】管子\φ51×6.5\SA-213T91\89M211-4-1\300MW亚临界机组</t>
  </si>
  <si>
    <t>【东方锅炉】管子\φ51×6.5\SA-213T91\89M211-4-2\300MW亚临界机组</t>
  </si>
  <si>
    <t>【东方锅炉】管子\φ51×6.5\SA-213T91\89M211-4-3\300MW亚临界机组</t>
  </si>
  <si>
    <t>【东方锅炉】管子\φ51×6.5\SA-213T91\89M211-4-4\300MW亚临界机组</t>
  </si>
  <si>
    <t>【东方锅炉】管子\φ51×6.5\SA-210C\104M212-1-1\300MW亚临界机组</t>
  </si>
  <si>
    <t>【东方锅炉】管子\φ51×6.5\SA-210C\104M212-1-2\300MW亚临界机组</t>
  </si>
  <si>
    <t>【东方锅炉】管子\φ51×6.5\SA-210C\104M212-1-3\300MW亚临界机组</t>
  </si>
  <si>
    <t>【东方锅炉】管子\φ51×6.5\SA-210C\104M212-1-4\300MW亚临界机组</t>
  </si>
  <si>
    <t>【东方锅炉】管子\φ51×6.5\SA-210C\104M212-2-1\300MW亚临界机组</t>
  </si>
  <si>
    <t>【东方锅炉】管子\φ51×6.5\SA-210C\104M212-2-2\300MW亚临界机组</t>
  </si>
  <si>
    <t>【东方锅炉】前墙壁再中左侧组件\φ60×4\装配件\51M221-2-0\300MW亚临界机组</t>
  </si>
  <si>
    <t>【东方锅炉】弯管\φ60×4\12Cr1MoVG\51M221-2-1/№1\300MW亚临界机组</t>
  </si>
  <si>
    <t>【东方锅炉】弯管\φ60×4\12Cr1MoVG\51M221-2-2/№1\300MW亚临界机组</t>
  </si>
  <si>
    <t>【东方锅炉】弯管\φ60×4\12Cr1MoVG\51M221-2-3/№1\300MW亚临界机组</t>
  </si>
  <si>
    <t>【东方锅炉】弯管\φ60×4\12Cr1MoVG\51M221-2-4/№1\300MW亚临界机组</t>
  </si>
  <si>
    <t>【东方锅炉】弯管\φ60×4\12Cr1MoVG\51M221-2-5/№1\300MW亚临界机组</t>
  </si>
  <si>
    <t>【东方锅炉】弯管\φ60×4\12Cr1MoVG\51M221-2-6/№1\300MW亚临界机组</t>
  </si>
  <si>
    <t>【东方锅炉】弯管\φ60×4\12Cr1MoVG\51M221-2-7/№1\300MW亚临界机组</t>
  </si>
  <si>
    <t>【东方锅炉】弯管\φ60×4\12Cr1MoVG\51M221-2-8/№1\300MW亚临界机组</t>
  </si>
  <si>
    <t>【东方锅炉】弯管\φ60×4\12Cr1MoVG\51M221-2-9\300MW亚临界机组</t>
  </si>
  <si>
    <t>【东方锅炉】弯管\φ60×4\12Cr1MoVG\51M221-2-10\300MW亚临界机组</t>
  </si>
  <si>
    <t>【东方锅炉】弯管\φ60×4\12Cr1MoVG\51M221-2-11\300MW亚临界机组</t>
  </si>
  <si>
    <t>【东方锅炉】弯管\φ60×4\12Cr1MoVG\51M221-2-12/№1\300MW亚临界机组</t>
  </si>
  <si>
    <t>【东方锅炉】弯管\φ60×4\12Cr1MoVG\51M221-2-13/№1\300MW亚临界机组</t>
  </si>
  <si>
    <t>【东方锅炉】弯管\φ60×4\12Cr1MoVG\51M221-2-14\300MW亚临界机组</t>
  </si>
  <si>
    <t>【东方锅炉】弯管\φ60×4\12Cr1MoVG\51M221-2-15\300MW亚临界机组</t>
  </si>
  <si>
    <t>【东方锅炉】弯管\φ60×4\12Cr1MoVG\51M221-2-16/№1\300MW亚临界机组</t>
  </si>
  <si>
    <t>【东方锅炉】弯管\φ60×4\12Cr1MoVG\51M221-2-17/№1\300MW亚临界机组</t>
  </si>
  <si>
    <t>【东方锅炉】弯管\φ60×4\12Cr1MoVG\51M221-2-18/№1\300MW亚临界机组</t>
  </si>
  <si>
    <t>【东方锅炉】弯管\φ60×4\12Cr1MoVG\51M221-2-19/№1\300MW亚临界机组</t>
  </si>
  <si>
    <t>【东方锅炉】管子\φ51×6.5\SA-210C\104M212-2-3\300MW亚临界机组</t>
  </si>
  <si>
    <t>【东方锅炉】弯管\φ60×4\12Cr1MoVG\51M221-2-20/№1\300MW亚临界机组</t>
  </si>
  <si>
    <t>【东方锅炉】弯管\φ60×4\12Cr1MoVG\51M221-2-21/№1\300MW亚临界机组</t>
  </si>
  <si>
    <t>【东方锅炉】弯管\φ60×4\12Cr1MoVG\51M221-2-22/№1\300MW亚临界机组</t>
  </si>
  <si>
    <t>【东方锅炉】弯管\φ60×4\12Cr1MoVG\51M221-2-23/№1\300MW亚临界机组</t>
  </si>
  <si>
    <t>【东方锅炉】弯管\φ60×4\12Cr1MoVG\51M221-2-24/№1\300MW亚临界机组</t>
  </si>
  <si>
    <t>【东方锅炉】前墙壁再中右侧组件\φ60×4\装配件\51M221-3-0\300MW亚临界机组</t>
  </si>
  <si>
    <t>【东方锅炉】弯管\φ60×4\12Cr1MoVG\51M221-2-1/№2\300MW亚临界机组</t>
  </si>
  <si>
    <t>【东方锅炉】弯管\φ60×4\12Cr1MoVG\51M221-2-2/№2\300MW亚临界机组</t>
  </si>
  <si>
    <t>【东方锅炉】弯管\φ60×4\12Cr1MoVG\51M221-2-3/№2\300MW亚临界机组</t>
  </si>
  <si>
    <t>【东方锅炉】弯管\φ60×4\12Cr1MoVG\51M221-2-4/№2\300MW亚临界机组</t>
  </si>
  <si>
    <t>【东方锅炉】管子\φ51×6.5\SA-210C\104M212-2-4\300MW亚临界机组</t>
  </si>
  <si>
    <t>【东方锅炉】管子\φ57×6.3\SA-210C\GZ-166\300MW亚临界机组</t>
  </si>
  <si>
    <t>【东方锅炉】弯管\φ60×4\12Cr1MoVG\51M221-2-5/№2\300MW亚临界机组</t>
  </si>
  <si>
    <t>【东方锅炉】弯管\φ60×4\12Cr1MoVG\51M221-2-6/№2\300MW亚临界机组</t>
  </si>
  <si>
    <t>【东方锅炉】弯管\φ60×4\12Cr1MoVG\51M221-2-7/№2\300MW亚临界机组</t>
  </si>
  <si>
    <t>【东方锅炉】弯管\φ60×4\12Cr1MoVG\51M221-2-8/№2\300MW亚临界机组</t>
  </si>
  <si>
    <t>【东方锅炉】管子\φ57×8\SA-210C\GZ-167\300MW亚临界机组</t>
  </si>
  <si>
    <t>【东方锅炉】管子\φ76×8\SA-210C\GZ-168\300MW亚临界机组</t>
  </si>
  <si>
    <t>【东方锅炉】管子\φ51×7\SA-213T2\GZ-169\300MW亚临界机组</t>
  </si>
  <si>
    <t>【东方锅炉】管子\φ60×4\20G\GZ-410\300MW亚临界机组</t>
  </si>
  <si>
    <t>【东方锅炉】管子\φ76×6\20G\GZ-411\300MW亚临界机组</t>
  </si>
  <si>
    <t>【东方锅炉】管子\φ63.5×11\SA-213T22\GZ-412\300MW亚临界机组</t>
  </si>
  <si>
    <t>【东方锅炉】管子\φ57×7\SA-213T2\66M2145-4-2\300MW亚临界机组</t>
  </si>
  <si>
    <t>【东方锅炉】管子\φ57×7\SA-213T2\66M2145-4-3\300MW亚临界机组</t>
  </si>
  <si>
    <t>【东方锅炉】管子\φ76×4\20#\GZ-413\300MW亚临界机组</t>
  </si>
  <si>
    <t>【东方锅炉】管子\φ51×8.5\SA-213T22\66M2171-1-1\300MW亚临界机组</t>
  </si>
  <si>
    <t>【东方锅炉】弯管\φ60×4\12Cr1MoVG\51M221-2-12/№2\300MW亚临界机组</t>
  </si>
  <si>
    <t>【东方锅炉】弯管\φ60×4\12Cr1MoVG\51M221-2-13/№2\300MW亚临界机组</t>
  </si>
  <si>
    <t>【东方锅炉】管子\φ51×8.5\SA-213T22\66M2171-1-2\300MW亚临界机组</t>
  </si>
  <si>
    <t>【东方锅炉】弯管\φ60×4\12Cr1MoVG\51M221-3-1\300MW亚临界机组</t>
  </si>
  <si>
    <t>【东方锅炉】弯管\φ60×4\12Cr1MoVG\51M221-3-2\300MW亚临界机组</t>
  </si>
  <si>
    <t>【东方锅炉】弯管\φ60×4\12Cr1MoVG\51M221-3-3\300MW亚临界机组</t>
  </si>
  <si>
    <t>【东方锅炉】弯管\φ60×4\12Cr1MoVG\51M221-2-16/№2\300MW亚临界机组</t>
  </si>
  <si>
    <t>【东方锅炉】弯管\φ60×4\12Cr1MoVG\51M221-2-17/№2\300MW亚临界机组</t>
  </si>
  <si>
    <t>【东方锅炉】弯管\φ60×4\12Cr1MoVG\51M221-2-18/№2\300MW亚临界机组</t>
  </si>
  <si>
    <t>【东方锅炉】弯管\φ60×4\12Cr1MoVG\51M221-2-19/№2\300MW亚临界机组</t>
  </si>
  <si>
    <t>【东方锅炉】弯管\φ60×4\12Cr1MoVG\51M221-2-20/№2\300MW亚临界机组</t>
  </si>
  <si>
    <t>【东方锅炉】管子\φ51×8.5\SA-213T22\66M2171-1-3\300MW亚临界机组</t>
  </si>
  <si>
    <t>【东方锅炉】弯管\φ60×4\12Cr1MoVG\51M221-2-21/№2\300MW亚临界机组</t>
  </si>
  <si>
    <t>【东方锅炉】弯管\φ60×4\12Cr1MoVG\51M221-2-22/№2\300MW亚临界机组</t>
  </si>
  <si>
    <t>【东方锅炉】管子\φ51×8.5\SA-213T22\66M2171-1-4\300MW亚临界机组</t>
  </si>
  <si>
    <t>【东方锅炉】弯管\φ60×4\12Cr1MoVG\51M221-2-23/№2\300MW亚临界机组</t>
  </si>
  <si>
    <t>【东方锅炉】弯管\φ60×4\12Cr1MoVG\51M221-2-24/№2\300MW亚临界机组</t>
  </si>
  <si>
    <t>【东方锅炉】前墙壁再右侧组件\φ60×4\装配件\51M221-4-0\300MW亚临界机组</t>
  </si>
  <si>
    <t>【东方锅炉】管子\φ51×8.5\SA-213T22\66M2171-1-5\300MW亚临界机组</t>
  </si>
  <si>
    <t>【东方锅炉】管子\φ63.5×7.5\SA-213T2\66M2171-1-6\300MW亚临界机组</t>
  </si>
  <si>
    <t>【东方锅炉】管子\φ63.5×7.5\SA-213T2\66M2171-1-7\300MW亚临界机组</t>
  </si>
  <si>
    <t>【东方锅炉】管子\φ63.5×7.5\SA-213T2\66M2171-1-8\300MW亚临界机组</t>
  </si>
  <si>
    <t>【东方锅炉】管子\φ63.5×7.5\SA-213T2\66M2171-1-9\300MW亚临界机组</t>
  </si>
  <si>
    <t>【东方锅炉】管子\φ63.5×7.5\SA-213T2\66M2171-1-10\300MW亚临界机组</t>
  </si>
  <si>
    <t>【东方锅炉】管子\φ51×8.5\SA-213T22\GZ-414\300MW亚临界机组</t>
  </si>
  <si>
    <t>【东方锅炉】管子\φ63.5×10\SA-213T91\GZ-415\300MW亚临界机组</t>
  </si>
  <si>
    <t>【东方锅炉】管子\φ51×8\SA-213T91\66M2172-2-1\300MW亚临界机组</t>
  </si>
  <si>
    <t>【东方锅炉】管子\φ51×8\SA-213T91\66M2172-2-2\300MW亚临界机组</t>
  </si>
  <si>
    <t>【东方锅炉】管子\φ51×8\SA-213T91\66M2172-2-3\300MW亚临界机组</t>
  </si>
  <si>
    <t>【东方锅炉】弯管\φ60×4\12Cr1MoVG\51M221-4-1\300MW亚临界机组</t>
  </si>
  <si>
    <t>【东方锅炉】弯管\φ60×4\12Cr1MoVG\51M221-4-2\300MW亚临界机组</t>
  </si>
  <si>
    <t>【东方锅炉】管子\φ51×8\SA-213T91\66M2172-2-4\300MW亚临界机组</t>
  </si>
  <si>
    <t>【东方锅炉】管子\φ51×8\SA-213T91\66M2172-3-1\300MW亚临界机组</t>
  </si>
  <si>
    <t>【东方锅炉】管子\φ51×8\SA-213T91\66M2172-3-3\300MW亚临界机组</t>
  </si>
  <si>
    <t>【东方锅炉】侧墙壁再前组件\φ60×4\装配件\51M221-5-0\300MW亚临界机组</t>
  </si>
  <si>
    <t>【东方锅炉】弯管\φ60×4\12Cr1MoVG\51M221-5-1/№1\300MW亚临界机组</t>
  </si>
  <si>
    <t>【东方锅炉】弯管\φ60×4\12Cr1MoVG\51M221-5-2\300MW亚临界机组</t>
  </si>
  <si>
    <t>【东方锅炉】弯管\φ60×4\12Cr1MoVG\51M221-5-3/№1\300MW亚临界机组</t>
  </si>
  <si>
    <t>【东方锅炉】弯管\φ60×4\12Cr1MoVG\51M221-5-3/№2\300MW亚临界机组</t>
  </si>
  <si>
    <t>【东方锅炉】弯管\φ60×4\12Cr1MoVG\51M221-5-4/№1\300MW亚临界机组</t>
  </si>
  <si>
    <t>【东方锅炉】弯管\φ60×4\12Cr1MoVG\51M221-5-4/№2\300MW亚临界机组</t>
  </si>
  <si>
    <t>【东方锅炉】弯管\φ60×4\12Cr1MoVG\51M221-5-5\300MW亚临界机组</t>
  </si>
  <si>
    <t>【东方锅炉】弯管\φ60×4\12Cr1MoVG\51M221-5-6/№1\300MW亚临界机组</t>
  </si>
  <si>
    <t>【东方锅炉】弯管\φ60×4\12Cr1MoVG\51M221-5-6/№2\300MW亚临界机组</t>
  </si>
  <si>
    <t>【东方锅炉】弯管\φ60×4\12Cr1MoVG\51M221-5-7/№1\300MW亚临界机组</t>
  </si>
  <si>
    <t>【东方锅炉】弯管\φ60×4\12Cr1MoVG\51M221-5-7/№2\300MW亚临界机组</t>
  </si>
  <si>
    <t>【东方锅炉】弯管\φ60×4\12Cr1MoVG\51M221-5-8/№1\300MW亚临界机组</t>
  </si>
  <si>
    <t>【东方锅炉】弯管\φ60×4\12Cr1MoVG\51M221-5-8/№2\300MW亚临界机组</t>
  </si>
  <si>
    <t>【东方锅炉】弯管\φ60×4\12Cr1MoVG\51M221-5-9\300MW亚临界机组</t>
  </si>
  <si>
    <t>【东方锅炉】弯管\φ60×4\12Cr1MoVG\51M221-5-10/№1\300MW亚临界机组</t>
  </si>
  <si>
    <t>【东方锅炉】弯管\φ60×4\12Cr1MoVG\51M221-5-11/№1\300MW亚临界机组</t>
  </si>
  <si>
    <t>【东方锅炉】侧墙壁再中组件\φ60×4\装配件\51M221-6-0\300MW亚临界机组</t>
  </si>
  <si>
    <t>【东方锅炉】弯管\φ60×4\12Cr1MoVG\51M221-6-1\300MW亚临界机组</t>
  </si>
  <si>
    <t>【东方锅炉】弯管\φ60×4\12Cr1MoVG\51M221-6-2/№1\300MW亚临界机组</t>
  </si>
  <si>
    <t>【东方锅炉】弯管\φ60×4\12Cr1MoVG\51M221-6-2/№2\300MW亚临界机组</t>
  </si>
  <si>
    <t>【东方锅炉】弯管\φ60×4\12Cr1MoVG\51M221-6-3/№1\300MW亚临界机组</t>
  </si>
  <si>
    <t>【东方锅炉】弯管\φ60×4\12Cr1MoVG\51M221-6-3/№2\300MW亚临界机组</t>
  </si>
  <si>
    <t>【东方锅炉】弯管\φ60×4\12Cr1MoVG\51M221-5-11/№2\300MW亚临界机组</t>
  </si>
  <si>
    <t>【东方锅炉】弯管\φ60×4\12Cr1MoVG\51M221-5-1/№2\300MW亚临界机组</t>
  </si>
  <si>
    <t>【东方锅炉】弯管\φ60×4\12Cr1MoVG\51M221-5-10/№2\300MW亚临界机组</t>
  </si>
  <si>
    <t>【东方锅炉】侧墙壁再后组件\φ60×4\装配件\51M221-7-0\300MW亚临界机组</t>
  </si>
  <si>
    <t>【东方锅炉】弯管\φ60×4\12Cr1MoVG\51M221-8/№1\300MW亚临界机组</t>
  </si>
  <si>
    <t>【东方锅炉】弯管\φ60×4\12Cr1MoVG\51M221-8/№2\300MW亚临界机组</t>
  </si>
  <si>
    <t>【东方锅炉】弯管\φ60×4\12Cr1MoVG\51M221-9/№1\300MW亚临界机组</t>
  </si>
  <si>
    <t>【东方锅炉】弯管\φ60×4\12Cr1MoVG\51M221-9/№2\300MW亚临界机组</t>
  </si>
  <si>
    <t>【东方锅炉】弯管\φ60×4\12Cr1MoVG\51M221-10/№1\300MW亚临界机组</t>
  </si>
  <si>
    <t>【东方锅炉】弯管\φ60×4\12Cr1MoVG\51M221-10/№2\300MW亚临界机组</t>
  </si>
  <si>
    <t>【东方锅炉】管子\φ51×8\SA-213T91\66M2172-3-4\300MW亚临界机组</t>
  </si>
  <si>
    <t>【东方锅炉】管子\φ51×8\SA-213T91\66M2172-3-5\300MW亚临界机组</t>
  </si>
  <si>
    <t>【东方锅炉】管子\φ44.5×9.6\SA-213T91\GZ-416\300MW亚临界机组</t>
  </si>
  <si>
    <t>【东方锅炉】管子\φ57×9\SA-213T91\GZ-417\300MW亚临界机组</t>
  </si>
  <si>
    <t>【东方锅炉】管子\φ63.5×10\SA-213T91\GZ-418\300MW亚临界机组</t>
  </si>
  <si>
    <t>【东方锅炉】管子\φ51×7.5\SA-213T91\GZ-419\300MW亚临界机组</t>
  </si>
  <si>
    <t>【东方锅炉】密封装置\δ3\装配件\28M531-2-0/№1\300MW亚临界机组</t>
  </si>
  <si>
    <t>【东方锅炉】槽板\δ3\12Cr1MoV\28M531-2-1\300MW亚临界机组</t>
  </si>
  <si>
    <t>【东方锅炉】钢板\δ3\12Cr1MoV\28M531-2-2/№1\300MW亚临界机组</t>
  </si>
  <si>
    <t>【东方锅炉】钢板\δ3\12Cr1MoV\28M531-2-2/№2\300MW亚临界机组</t>
  </si>
  <si>
    <t>【东方锅炉】钢板\δ3\12Cr1MoV\28M531-2-3\300MW亚临界机组</t>
  </si>
  <si>
    <t>【东方锅炉】钢板\δ3\12Cr1MoV\28M531-2-4\300MW亚临界机组</t>
  </si>
  <si>
    <t>【东方锅炉】管子\φ44.5×8.5\SA-213T91\GZ-420\300MW亚临界机组</t>
  </si>
  <si>
    <t>【东方锅炉】管子\φ76.1×4.5\SA-213T91\GZ-421\300MW亚临界机组</t>
  </si>
  <si>
    <t>【东方锅炉】管子\φ63.5×7\SA-213T91\66M223-3-1\300MW亚临界机组</t>
  </si>
  <si>
    <t>【东方锅炉】管子\φ63.5×7\SA-213T91\66M223-3-2\300MW亚临界机组</t>
  </si>
  <si>
    <t>【东方锅炉】管子\φ63.5×6.3\SA-213T91\66M223-3-2\300MW亚临界机组</t>
  </si>
  <si>
    <t>【东方锅炉】管子\φ63.5×6.3\SA-213T91\66M223-3-5\300MW亚临界机组</t>
  </si>
  <si>
    <t>【东方锅炉】管子\φ63.5×7\SA-213T91\66M223-3-5\300MW亚临界机组</t>
  </si>
  <si>
    <t>【东方锅炉】管子\φ76.1×4.5\SA-213T91\66M223-3-8\300MW亚临界机组</t>
  </si>
  <si>
    <t>【东方锅炉】肋板\δ6\12Cr1MoV\28M531-2-9\300MW亚临界机组</t>
  </si>
  <si>
    <t>【东方锅炉】钢板\δ6\12Cr1MoV\28M531-2-0/№2\300MW亚临界机组</t>
  </si>
  <si>
    <t>【东方锅炉】钢板\δ6\12Cr1MoV\28M531-2-0/№3\300MW亚临界机组</t>
  </si>
  <si>
    <t>【东方锅炉】钢板\δ6\12Cr1MoV\28M531-2-10\300MW亚临界机组</t>
  </si>
  <si>
    <t>【东方锅炉】弯头\δ2\1Cr18Ni9Ti\28M531-2-11/№1\300MW亚临界机组</t>
  </si>
  <si>
    <t>【东方锅炉】槽板\δ3\12Cr1MoV\28M531-2-12\300MW亚临界机组</t>
  </si>
  <si>
    <t>【东方锅炉】管子\φ76.1×4.5\SA-213T91\66M223-3-9\300MW亚临界机组</t>
  </si>
  <si>
    <t>【东方锅炉】钢板\δ3\12Cr1MoV\28M531-2-14\300MW亚临界机组</t>
  </si>
  <si>
    <t>【东方锅炉】管子\φ76.1×4.5\SA-213T91\66M223-3-10\300MW亚临界机组</t>
  </si>
  <si>
    <t>【东方锅炉】管子\φ76.1×4.5\SA-213T91\66M223-3-11\300MW亚临界机组</t>
  </si>
  <si>
    <t>【东方锅炉】肋板\δ6\12Cr1MoV\28M531-2-15\300MW亚临界机组</t>
  </si>
  <si>
    <t>【东方锅炉】管子\φ76.1×4.5\SA-213T91\66M223-3-12\300MW亚临界机组</t>
  </si>
  <si>
    <t>【东方锅炉】管子\φ141×6\15CrMo\99N1112-1-14\660MW超临界机组</t>
  </si>
  <si>
    <t>【东方锅炉】螺杆\M16-6g\12Cr1MoV\28M531-2-16/№1\300MW亚临界机组</t>
  </si>
  <si>
    <t>【东方锅炉】管子\φ31.8×7.5 №1\15CrMoG\99N1113-10-4\660MW超临界机组</t>
  </si>
  <si>
    <t>【东方锅炉】肋板\δ6\12Cr1MoV\28M531-2-17\300MW亚临界机组</t>
  </si>
  <si>
    <t>【东方锅炉】管子\φ31.8×7.5 №2\15CrMoG\99N1113-10-4\660MW超临界机组</t>
  </si>
  <si>
    <t>【东方锅炉】管子\φ50.8×9\SA-213T91\99N211-1-3\660MW超临界机组</t>
  </si>
  <si>
    <t>【东方锅炉】膨胀节\δ2\1Cr18Ni9Ti\28M531-2-18/№1\300MW亚临界机组</t>
  </si>
  <si>
    <t>【东方锅炉】角钢\L50×50×5\Q235A\28M531-2-0/№4\300MW亚临界机组</t>
  </si>
  <si>
    <t>【东方锅炉】角钢\L63×63×6\Q235A\28M531-2-19/№1\300MW亚临界机组</t>
  </si>
  <si>
    <t>【东方锅炉】管子\φ50.8×10\SA-213TP347HFG\99N211-1-2\660MW超临界机组</t>
  </si>
  <si>
    <t>【东方锅炉】肋板\δ6\12Cr1MoV\28M531-2-20\300MW亚临界机组</t>
  </si>
  <si>
    <t>【东方锅炉】扁钢\6×40\12Cr1MoV\28M531-2-0/№5\300MW亚临界机组</t>
  </si>
  <si>
    <t>【东方锅炉】密封装置\δ6\装配件\28M531-13-0/№1\300MW亚临界机组</t>
  </si>
  <si>
    <t>【东方锅炉】肋板\δ6\12Cr1MoV\28M531-13-1\300MW亚临界机组</t>
  </si>
  <si>
    <t>【东方锅炉】管子\φ45×9 №1\SA-213T91\99N211-1-5\660MW超临界机组</t>
  </si>
  <si>
    <t>【东方锅炉】槽钢（反）\δ3\12Cr1MoV\28M531-13-2\300MW亚临界机组</t>
  </si>
  <si>
    <t>【东方锅炉】钢板\δ3\12Cr1MoV\28M531-13-0/№2\300MW亚临界机组</t>
  </si>
  <si>
    <t>【东方锅炉】钢板\δ3\12Cr1MoV\28M531-13-0/№3\300MW亚临界机组</t>
  </si>
  <si>
    <t>【东方锅炉】管子\φ45×9 №1\SA-213T91\99N211-1-7\660MW超临界机组</t>
  </si>
  <si>
    <t>【东方锅炉】管子\φ45×9 №1\SA-213T91\99N211-1-9\660MW超临界机组</t>
  </si>
  <si>
    <t>【东方锅炉】钢板\δ3\12Cr1MoV\28M531-13-3/№1\300MW亚临界机组</t>
  </si>
  <si>
    <t>【东方锅炉】钢板\δ3\12Cr1MoV\28M531-13-3/№2\300MW亚临界机组</t>
  </si>
  <si>
    <t>【东方锅炉】钢板\δ3\12Cr1MoV\28M531-13-4/№1\300MW亚临界机组</t>
  </si>
  <si>
    <t>【东方锅炉】钢板\δ3\12Cr1MoV\28M531-13-4/№2\300MW亚临界机组</t>
  </si>
  <si>
    <t>【东方锅炉】槽板\δ3\12Cr1MoV\28M531-13-5\300MW亚临界机组</t>
  </si>
  <si>
    <t>【东方锅炉】钢板\δ6\12Cr1MoV\28M531-13-6\300MW亚临界机组</t>
  </si>
  <si>
    <t>【东方锅炉】肋板\δ6\12Cr1MoV\28M531-13-7\300MW亚临界机组</t>
  </si>
  <si>
    <t>【东方锅炉】角板\δ3\12Cr1MoV\28M531-13-8\300MW亚临界机组</t>
  </si>
  <si>
    <t>【东方锅炉】槽板\δ3\12Cr1MoV\28M531-13-9\300MW亚临界机组</t>
  </si>
  <si>
    <t>【东方锅炉】角板\δ3\12Cr1MoV\28M531-13-10\300MW亚临界机组</t>
  </si>
  <si>
    <t>【东方锅炉】钢板\δ3\12Cr1MoV\28M531-13-11/№1\300MW亚临界机组</t>
  </si>
  <si>
    <t>【东方锅炉】钢板\δ3\12Cr1MoV\28M531-13-11/№2\300MW亚临界机组</t>
  </si>
  <si>
    <t>【东方锅炉】钢板\δ3\12Cr1MoV\28M531-13-12/№1\300MW亚临界机组</t>
  </si>
  <si>
    <t>【东方锅炉】钢板\δ3\12Cr1MoV\28M531-13-12/№2\300MW亚临界机组</t>
  </si>
  <si>
    <t>【东方锅炉】管子\φ45×9 №1\SA-213T91\99N211-1-11\660MW超临界机组</t>
  </si>
  <si>
    <t>【东方锅炉】波型板\δ3\12Cr1MoV\28M531-13-13/№2\300MW亚临界机组</t>
  </si>
  <si>
    <t>【东方锅炉】管子\φ45×9\SA-213T91\99N211-1-13\660MW超临界机组</t>
  </si>
  <si>
    <t>【东方锅炉】管子\φ45×9\SA-213T91\99N211-1-15\660MW超临界机组</t>
  </si>
  <si>
    <t>【东方锅炉】螺杆\M16-6g\12Cr1MoV\28M531-13-15\300MW亚临界机组</t>
  </si>
  <si>
    <t>【东方锅炉】螺母\M16-6H\15CrMo\DG3043-1998\300MW亚临界机组</t>
  </si>
  <si>
    <t>【东方锅炉】垫板\δ3\12Cr1MoV\28M531-13-16\300MW亚临界机组</t>
  </si>
  <si>
    <t>【东方锅炉】扁钢\6×35/L=1000\12Cr1MoV\28M531-13-0/№4\300MW亚临界机组</t>
  </si>
  <si>
    <t>【东方锅炉】角钢\L50×50×5/L=250\Q235A\28M531-13-0/№5\300MW亚临界机组</t>
  </si>
  <si>
    <t>【东方锅炉】管子\φ45×9\SA-213T91\99N211-1-17\660MW超临界机组</t>
  </si>
  <si>
    <t>【东方锅炉】管子\φ45×9\SA-213T91\99N211-1-19\660MW超临界机组</t>
  </si>
  <si>
    <t>【东方锅炉】管子\φ45×9\SA-213T91\99N211-1-21\660MW超临界机组</t>
  </si>
  <si>
    <t>【东方锅炉】管子\φ45×9 №2\SA-213T91\99N211-1-11\660MW超临界机组</t>
  </si>
  <si>
    <t>【东方锅炉】角钢\L63×63×6\Q235A\28M531-13-17\300MW亚临界机组</t>
  </si>
  <si>
    <t>【东方锅炉】钢板\δ6\12Cr1MoV\28M531-13-18\300MW亚临界机组</t>
  </si>
  <si>
    <t>【东方锅炉】钢板\δ6/178×905\12Cr1MoV\28M531-13-0/№7\300MW亚临界机组</t>
  </si>
  <si>
    <t>【东方锅炉】钢板\δ6/131.5×905\12Cr1MoV\28M531-13-0/№8\300MW亚临界机组</t>
  </si>
  <si>
    <t>【东方锅炉】肋板\δ3\12Cr1MoV\28M531-13-19\300MW亚临界机组</t>
  </si>
  <si>
    <t>【东方锅炉】管子\φ45×9 №2\SA-213T91\99N211-1-9\660MW超临界机组</t>
  </si>
  <si>
    <t>【东方锅炉】管子\φ45×9 №2\SA-213T91\99N211-1-7\660MW超临界机组</t>
  </si>
  <si>
    <t>【东方锅炉】钢板\δ6\12Cr1MoV\28M531-13-20\300MW亚临界机组</t>
  </si>
  <si>
    <t>【东方锅炉】钢板\δ3/833.9×170\12Cr1MoV\51M531-0/№1\300MW亚临界机组</t>
  </si>
  <si>
    <t>【东方锅炉】钢板\δ3/230×30\12Cr1MoV\51M531-0/№2\300MW亚临界机组</t>
  </si>
  <si>
    <t>【东方锅炉】管子\φ57×4.5\SA-210C\YCL-1\300MW亚临界机组</t>
  </si>
  <si>
    <t>【东方锅炉】管子\φ57×4.5\15CrMoG\YCL-2\300MW亚临界机组</t>
  </si>
  <si>
    <t>【东方锅炉】管子\φ57×4.5\12Cr1MoVG\YCL-3\300MW亚临界机组</t>
  </si>
  <si>
    <t>【东方锅炉】弯头\φ57×4.5\15CrMoG\WGJ-1\300MW亚临界机组</t>
  </si>
  <si>
    <t>【东方锅炉】弯头\φ57×4.5\12Cr1MoV\WGJ-2\300MW亚临界机组</t>
  </si>
  <si>
    <t>【东方锅炉】弯头\φ57×4.5\SA-210C\WGJ-3\300MW亚临界机组</t>
  </si>
  <si>
    <t>【东方锅炉】弯管\φ57×4.5\SA-210C\64N2421-0\660MW超临界机组</t>
  </si>
  <si>
    <t>【东方锅炉】防磨瓦\φ57×2\SA-240GR309S\FMWTYJ-1\660MW超临界机组</t>
  </si>
  <si>
    <t>【东方锅炉】防磨瓦\φ57×2\SA-240GR309S\FMWTYJ-2\660MW超临界机组</t>
  </si>
  <si>
    <t>【东方锅炉】防磨瓦\φ57×2\SA-240GR309S\FMWTYJ-3\660MW超临界机组</t>
  </si>
  <si>
    <t>【东方锅炉】管子\φ16×4\SA-213TP347\YCL-4\660MW超临界机组</t>
  </si>
  <si>
    <t>【东方锅炉】管子\φ16×4\12Cr18Ni9\YCL-5\660MW超临界机组</t>
  </si>
  <si>
    <t>【东方锅炉】管子\φ38.1×7.5\SA-213T2\NLWYCL-1\660MW超临界机组</t>
  </si>
  <si>
    <t>【东方锅炉】密封条\12.5×6.5\15CrMo\MFTTYJ-0\660MW超临界机组</t>
  </si>
  <si>
    <t>【东方锅炉】管屏\φ38.1×7.5\SA-213T2\GPTYJ-75\660MW超临界机组</t>
  </si>
  <si>
    <t>【东方锅炉】管子\φ38.1×7\SA-213T2\YCL-6\660MW超临界机组</t>
  </si>
  <si>
    <t>【东方锅炉】管子\φ38.1×7\15CrMoG\YCL-7\660MW超临界机组</t>
  </si>
  <si>
    <t>【东方锅炉】管子\φ31.8×9\15CrMoG\YCL-8\660MW超临界机组</t>
  </si>
  <si>
    <t>【东方锅炉】管子\φ31.8×9\SA-213T12\YCL-9\660MW超临界机组</t>
  </si>
  <si>
    <t>【东方锅炉】管子\φ45×9 №2\SA-213T91\99N211-1-5\660MW超临界机组</t>
  </si>
  <si>
    <t>【东方锅炉】管子\φ45×9\SA-213T91\99N211-1-32\660MW超临界机组</t>
  </si>
  <si>
    <t>【东方锅炉】管子\φ45×6.5\15CrMoG\99N2121-1-1\660MW超临界机组</t>
  </si>
  <si>
    <t>【东方锅炉】弯管组\φ38.1×7\15CrMoG\64N112-4-3\660MW超临界机组</t>
  </si>
  <si>
    <t>【东方锅炉】弯管组\φ38.1×7\15CrMoG\64N112-12-2\660MW超临界机组</t>
  </si>
  <si>
    <t>【东方锅炉】弯管组\φ38.1×7\15CrMoG\64N112-21-0\660MW超临界机组</t>
  </si>
  <si>
    <t>【东方锅炉】弯管组\φ38.1×7\15CrMoG\64N112-12-13\660MW超临界机组</t>
  </si>
  <si>
    <t>【东方锅炉】冷灰斗侧墙\φ38.1×7\15CrMoG\64N112-16-3\660MW超临界机组</t>
  </si>
  <si>
    <t>【东方锅炉】夹角弯头\φ38.1×7\15CrMoG\64N112-1-1\660MW超临界机组</t>
  </si>
  <si>
    <t>【东方锅炉】冷灰斗前墙\φ38.1×7\15CrMoG\64N-112-3-1\660MW超临界机组</t>
  </si>
  <si>
    <t>【东方锅炉】冷灰斗前墙\φ38.1×7\15CrMoG\64N-112-17-2\660MW超临界机组</t>
  </si>
  <si>
    <t>【东方锅炉】管子\φ45×6.5\15CrMoG\99N2121-1-2\660MW超临界机组</t>
  </si>
  <si>
    <t>【东方锅炉】管子\φ45×6.5\15CrMoG\99N2121-1-3\660MW超临界机组</t>
  </si>
  <si>
    <t>【东方锅炉】管子\φ45×6.5\15CrMoG\99N2121-1-4\660MW超临界机组</t>
  </si>
  <si>
    <t>【东方锅炉】管子\φ45×6.5\15CrMoG\99N2121-2-1\660MW超临界机组</t>
  </si>
  <si>
    <t>【东方锅炉】管子\φ45×6.5\15CrMoG\99N2121-2-2\660MW超临界机组</t>
  </si>
  <si>
    <t>【东方锅炉】管子\φ45×6.5\15CrMoG\99N2121-2-3\660MW超临界机组</t>
  </si>
  <si>
    <t>【东方锅炉】管子\φ38×5\20#\BGTYJ-7/№1\660MW超临界机组</t>
  </si>
  <si>
    <t>【东方锅炉】管子\φ42×5\12Cr1MoVG\BGTYJ-8/№1\660MW超临界机组</t>
  </si>
  <si>
    <t>【东方锅炉】管子\φ42×5\SA-213T91\BGTYJ-9/№1\660MW超临界机组</t>
  </si>
  <si>
    <t>【东方锅炉】管子\φ45×6.5\15CrMoG\99N2121-2-4\660MW超临界机组</t>
  </si>
  <si>
    <t>【东方锅炉】压板\δ2/R23/L=80\1Cr6Si2Mo\DG4303/№2\660MW超临界机组</t>
  </si>
  <si>
    <t>【东方锅炉】压板\δ4/R31/L=40\1Cr20Ni14Si2\51K255-3\200MW亚临界机组</t>
  </si>
  <si>
    <t>【东方锅炉】盖板\δ3/R22/L=1275\1Cr6Si2Mo\DG4302/№1\200MW亚临界机组</t>
  </si>
  <si>
    <t>【东方锅炉】盖板\δ3/R22/L=300\1Cr6Si2Mo\DG4302/№2\200MW亚临界机组</t>
  </si>
  <si>
    <t>【东方锅炉】盖板\δ4/R26/L=1000\1Cr20Ni14Si2\51K255-4\200MW亚临界机组</t>
  </si>
  <si>
    <t>【东方锅炉】管子\φ42×5\12Cr1MoVG\YCL-13\200MW亚临界机组</t>
  </si>
  <si>
    <t>【东方锅炉】管子\φ42×5.5\SA-213T91\YCL-14\200MW亚临界机组</t>
  </si>
  <si>
    <t>【东方锅炉】管子\φ42×5\12Cr1MoVG\YCL-15\200MW亚临界机组</t>
  </si>
  <si>
    <t>【东方锅炉】弯管\φ42×5/L=3402\SA-213T91\52K211-1-1/№1\200MW亚临界机组</t>
  </si>
  <si>
    <t>【东方锅炉】弯管\φ42×5/L=3207\SA-213T91\52K211-1-1/№2\200MW亚临界机组</t>
  </si>
  <si>
    <t>【东方锅炉】弯管\φ42×5/L=3012\SA-213T91\52K211-1-1/№3\200MW亚临界机组</t>
  </si>
  <si>
    <t>【东方锅炉】弯管\φ42×5/L=2817\SA-213T91\52K211-1-1/№4\200MW亚临界机组</t>
  </si>
  <si>
    <t>【东方锅炉】管子\φ42×5\15CrMoG\YCL-16\200MW亚临界机组</t>
  </si>
  <si>
    <t>【东方锅炉】管子\φ42×3.5\20(GB3087)\YCL-17\200MW亚临界机组</t>
  </si>
  <si>
    <t>【东方锅炉】弯管\φ42×3.5/L=2267\20(GB3087)\52K221-1-1/№1\200MW亚临界机组</t>
  </si>
  <si>
    <t>【东方锅炉】弯管\φ42×3.5/L=3108\20(GB3087)\52K221-1-1/№2\200MW亚临界机组</t>
  </si>
  <si>
    <t>【东方锅炉】弯管\φ42×3.5/L=2988\20(GB3087)\52K221-1-2/№1\200MW亚临界机组</t>
  </si>
  <si>
    <t>【东方锅炉】弯管\φ42×3.5/L=2508\20(GB3087)\52K221-1-2/№2\200MW亚临界机组</t>
  </si>
  <si>
    <t>【东方锅炉】弯管\φ42×3.5/L=2748\20(GB3087)\52K221-1-3/№1\200MW亚临界机组</t>
  </si>
  <si>
    <t>【东方锅炉】弯管\φ42×3.5/L=3468\20(GB3087)\52K221-1-3/№2\200MW亚临界机组</t>
  </si>
  <si>
    <t>【东方锅炉】弯管\φ42×3.5/L=3228\20(GB3087)\52K221-1-4\200MW亚临界机组</t>
  </si>
  <si>
    <t>【东方锅炉】等径叉型管\φ51×3.5/S=100\12Cr1MoV\DG3261\200MW亚临界机组</t>
  </si>
  <si>
    <t>【东方锅炉】管子\φ51×3.5\12Cr1MoVG\YCL-18\200MW亚临界机组</t>
  </si>
  <si>
    <t>【东方锅炉】弯管\φ51×3.5/L=4212\SA-213T91\52K222-1-11/№2\200MW亚临界机组</t>
  </si>
  <si>
    <t>【东方锅炉】弯管\φ51×3.5/L=3968\SA-213T91\52K222-1-10\200MW亚临界机组</t>
  </si>
  <si>
    <t>【东方锅炉】弯管\φ51×3.5/L=3724\SA-213T91\52K222-1-9\200MW亚临界机组</t>
  </si>
  <si>
    <t>【东方锅炉】弯管\φ51×3.5/L=3480\SA-213T91\52K222-1-8\200MW亚临界机组</t>
  </si>
  <si>
    <t>【东方锅炉】压板\δ2/R23/L=25\1Cr18Ni9Ti\DG4303/№3\200MW亚临界机组</t>
  </si>
  <si>
    <t>【东方锅炉】压板\δ2/R23/L=25\1Cr6Si2Mo\DG4303/№4\200MW亚临界机组</t>
  </si>
  <si>
    <t>【东方锅炉】盖板\δ3/R22/L=545\1Cr18Ni9Ti\DG4302/№3\200MW亚临界机组</t>
  </si>
  <si>
    <t>【东方锅炉】盖板\δ3/R22/L=1115\1Cr18Ni9Ti\DG4302/№4\200MW亚临界机组</t>
  </si>
  <si>
    <t>【东方锅炉】盖板\δ3/R22/L=830\1Cr18Ni9Ti\DG4302/№5\200MW亚临界机组</t>
  </si>
  <si>
    <t>【东方锅炉】盖板\δ3/R22/L=545\1Cr18Ni9Ti\DG4302/№6\200MW亚临界机组</t>
  </si>
  <si>
    <t>【东方锅炉】压板\δ2/R20/L=80\1Cr18Ni9Ti\DG4304/№1\200MW亚临界机组</t>
  </si>
  <si>
    <t>【东方锅炉】弯板\δ4/R22/L=545\1Cr18Ni9Ti\51K254-3/№1\200MW亚临界机组</t>
  </si>
  <si>
    <t>【东方锅炉】管子\φ63.5×10\15CrMoG\99N2131-3-2\660MW超临界机组</t>
  </si>
  <si>
    <t>【东方锅炉】盖板\δ3/R22/L=545\1Cr6Si2Mo\DG4302/№7\200MW亚临界机组</t>
  </si>
  <si>
    <t>【东方锅炉】盖板\δ3/R22/L=765\1Cr6Si2Mo\DG4302/№8\200MW亚临界机组</t>
  </si>
  <si>
    <t>【东方锅炉】盖板\δ3/R22/L=1050\1Cr6Si2Mo\DG4302/№9\200MW亚临界机组</t>
  </si>
  <si>
    <t>【东方锅炉】盖板\δ3/R22/L=545\1Cr6Si2Mo\DG4302/№10\200MW亚临界机组</t>
  </si>
  <si>
    <t>【东方锅炉】盖板\δ4/R22/L=545\1Cr20Ni14Si2\51K254-7\200MW亚临界机组</t>
  </si>
  <si>
    <t>【东方锅炉】压板\δ4/R20/L=25\1Cr18Ni9Ti\51K254-8\200MW亚临界机组</t>
  </si>
  <si>
    <t>【东方锅炉】压板\δ2/R20/L=25\1Cr18Ni9Ti\DG4303/№5\200MW亚临界机组</t>
  </si>
  <si>
    <t>【东方锅炉】盖板\δ3/R22/L=1000\1Cr18Ni9Ti\DG4302/№11\200MW亚临界机组</t>
  </si>
  <si>
    <t>【东方锅炉】盖板\δ3/R22/L=1010\1Cr18Ni9Ti\DG4302/№12\200MW亚临界机组</t>
  </si>
  <si>
    <t>【东方锅炉】管子\φ60×6.5/L=1552\20G\59K111-1-1\200MW亚临界机组</t>
  </si>
  <si>
    <t>【东方锅炉】管子\φ31.8×7.5 №1\15CrMoG\99N2146-1-9\660MW超临界机组</t>
  </si>
  <si>
    <t>【东方锅炉】管子\φ31.8×7.5 №2\15CrMoG\99N2146-1-9\660MW超临界机组</t>
  </si>
  <si>
    <t>【东方锅炉】管子\φ60×6.5\20#\BGTYJ-9/№2\200MW亚临界机组</t>
  </si>
  <si>
    <t>【东方锅炉】管子\φ60×6.5/no1/L=2765\20#\BGTYJ-10/№2\200MW亚临界机组</t>
  </si>
  <si>
    <t>【东方锅炉】管子\φ60×6.5/no1/L=3664\20G\59K111-21-1/№2\210MW亚临界机组</t>
  </si>
  <si>
    <t>【东方锅炉】管子\φ60×6.5/L=2596\20G\59K111-20-2/№1\210MW亚临界机组</t>
  </si>
  <si>
    <t>【东方锅炉】管子\φ60×6.5/L=3008\20G\59K111-20-2/№2\210MW亚临界机组</t>
  </si>
  <si>
    <t>【东方锅炉】管子\φ60×6.5/L=3252\20G\59K111-20-3\210MW亚临界机组</t>
  </si>
  <si>
    <t>【东方锅炉】管子\φ60×6.5/L=3336\20G\59K111-20-4/№1\210MW亚临界机组</t>
  </si>
  <si>
    <t>【东方锅炉】管子\φ60×6.5/L=1434\20G\59K111-20-4/№2\210MW亚临界机组</t>
  </si>
  <si>
    <t>【东方锅炉】管子\φ60×6.5\20G\45K112-20\200MW亚临界机组</t>
  </si>
  <si>
    <t>【东方锅炉】管子\φ76×9\20g\38M1111-1-3\300MW亚临界机组</t>
  </si>
  <si>
    <t>【东方锅炉】管子\φ60×6.5/L=1552\20G\45K112-1-2\200MW亚临界机组</t>
  </si>
  <si>
    <t>【东方锅炉】管子\φ60×6.5/no1/L=2413.6\20G\59K112-2-1/№1\210MW亚临界机组</t>
  </si>
  <si>
    <t>【东方锅炉】管子\φ60×6.5/no2/L=2497.6\20G\59K112-2-1/№2\210MW亚临界机组</t>
  </si>
  <si>
    <t>【东方锅炉】管子\φ60×6.5/no3/L=2581.6\20G\59K112-2-1/№3\210MW亚临界机组</t>
  </si>
  <si>
    <t>【东方锅炉】管子\φ60×6.5/L=1552\20G\59K113-3-2\210MW亚临界机组</t>
  </si>
  <si>
    <t>【东方锅炉】管子\φ60×6.5/L=1552\20G\59K113-6-1\210MW亚临界机组</t>
  </si>
  <si>
    <t>【东方锅炉】管子\φ60×6.5/L=1552\20G\45K112-1-1\200MW亚临界机组</t>
  </si>
  <si>
    <t>【东方锅炉】管子\φ60×6/L=23\12Cr1MoVG\51K23-2-1/№6\200MW亚临界机组</t>
  </si>
  <si>
    <t>【东方锅炉】管子\φ60×6/L=23\12Cr1MoVG\51K23-2-1/№9\200MW亚临界机组</t>
  </si>
  <si>
    <t>【东方锅炉】管子\φ50.8×8\SA-213T91\GZ-286\600MW超临界机组</t>
  </si>
  <si>
    <t>【东方锅炉】管子\38×5\20#\BGTYJ-13/№1\210MW亚临界机组</t>
  </si>
  <si>
    <t>【东方锅炉】盖板\δ4/R22/L=545\Q215A\BGTYJ-14/№1\210MW亚临界机组</t>
  </si>
  <si>
    <t>【东方锅炉】盖板\δ4/R22/L=545\Q215A\BGTYJ-15\210MW亚临界机组</t>
  </si>
  <si>
    <t>【东方锅炉】管子\φ50.8×8\SA-213TP347H\GZ-287\600MW超临界机组</t>
  </si>
  <si>
    <t>【东方锅炉】盖板\δ4/R22/L=545\Q215A\59K33-4\210MW亚临界机组</t>
  </si>
  <si>
    <t>【东方锅炉】压板\δ4/R20/L=25\Q215A\59K33-5\210MW亚临界机组</t>
  </si>
  <si>
    <t>【东方锅炉】盖板\δ3/R20/L=908\Q215A\DG4302/№13\210MW亚临界机组</t>
  </si>
  <si>
    <t>【东方锅炉】盖板\δ3/R20/L=1360\Q215A\DG4302/№14\210MW亚临界机组</t>
  </si>
  <si>
    <t>【东方锅炉】盖板\δ3/R20/L=1360\Q215A\DG4302/№15\210MW亚临界机组</t>
  </si>
  <si>
    <t>【东方锅炉】盖板\δ3/R20/L=1178\Q215A\DG4302/№16\210MW亚临界机组</t>
  </si>
  <si>
    <t>【东方锅炉】压板\δ2/R20/L=80\Q215A\DG4304/№2\210MW亚临界机组</t>
  </si>
  <si>
    <t>【东方锅炉】盖板\δ3/R20/L=300\Q215A\DG4302/№17\210MW亚临界机组</t>
  </si>
  <si>
    <t>【东方锅炉】盖板\δ4/R22/L=545\Q215A\59K33-6\210MW亚临界机组</t>
  </si>
  <si>
    <t>【东方锅炉】盖板\δ4/R22/L=545\Q215A\59K33-7\210MW亚临界机组</t>
  </si>
  <si>
    <t>【东方锅炉】盖板\δ4/R22/L=545\Q215A\59K33-8\210MW亚临界机组</t>
  </si>
  <si>
    <t>【东方锅炉】盖板\δ4/R22/L=545\Q215A\59K33-9\210MW亚临界机组</t>
  </si>
  <si>
    <t>【东方锅炉】套管\φ219×9/φ60×6\装配件\51K23-1-1/№1\200MW亚临界机组</t>
  </si>
  <si>
    <t>【东方锅炉】短管\φ219×9/L=3296\20/GB3087-1999\51K23-1-1/№2\200MW亚临界机组</t>
  </si>
  <si>
    <t>【东方锅炉】管子\φ60×6/L=23\12Cr1MoVG\51K23-1-1/№3\200MW亚临界机组</t>
  </si>
  <si>
    <t>【东方锅炉】喷管\φ48\12Cr1MoVG\51K23-1-2/№2\200MW亚临界机组</t>
  </si>
  <si>
    <t>【东方锅炉】套管\φ273×8/φ60×6\装配件\51K23-2-1/№1\200MW亚临界机组</t>
  </si>
  <si>
    <t>【东方锅炉】短管\φ273×8/L=3326\12Cr1MoVG\51K23-2-1/№2\200MW亚临界机组</t>
  </si>
  <si>
    <t>【东方锅炉】管子\φ60×6/L=23\12Cr1MoVG\51K23-2-1/№3\200MW亚临界机组</t>
  </si>
  <si>
    <t>【东方锅炉】喷管\φ48\12Cr1MoVG\51K23-2-2/№2\200MW亚临界机组</t>
  </si>
  <si>
    <t>【东方锅炉】管子\φ45×7\SA-213T91\GZ-288\600MW超临界机组</t>
  </si>
  <si>
    <t>【东方锅炉】短管\φ355×8/L=4300\12Cr1MoVG\51K23-2-1/№5\200MW亚临界机组</t>
  </si>
  <si>
    <t>【东方锅炉】管子\φ45×7\SA-213TP347H\GZ-289\600MW超临界机组</t>
  </si>
  <si>
    <t>【东方锅炉】管子\φ63.5×7.5\SA-210C\GZ-43\300MW亚临界机组</t>
  </si>
  <si>
    <t>【东方锅炉】管子\φ159×18\20G\GZ-44\300MW亚临界机组</t>
  </si>
  <si>
    <t>【东方锅炉】短管\φ494.4×8/L=5700\12Cr1MoVG\51K23-2-1/№8\200MW亚临界机组</t>
  </si>
  <si>
    <t>【东方锅炉】管子\φ48.5×6\15CrMoG\GZ-45\300MW亚临界机组</t>
  </si>
  <si>
    <t>【东方锅炉】管子\φ60×4\12Cr1MoVG\GZ-46\300MW亚临界机组</t>
  </si>
  <si>
    <t>【东方锅炉】盖板\δ3/R20/L=330\Q215A\DG4302/№18\200MW亚临界机组</t>
  </si>
  <si>
    <t>【东方锅炉】压板\R23.5\Q215A\51K31-1-4\200MW亚临界机组</t>
  </si>
  <si>
    <t>【东方锅炉】弯管\φ38×5/R130/L=2408\20G\51K31-1-1/№1\200MW亚临界机组</t>
  </si>
  <si>
    <t>【东方锅炉】弯管\φ38×5/R75/L=2236\20G\51K31-1-1/№2\200MW亚临界机组</t>
  </si>
  <si>
    <t>【东方锅炉】弯管\φ42×5/R195/L=2612.6\20G\51K212-29-1/№1\200MW亚临界机组</t>
  </si>
  <si>
    <t>【东方锅炉】弯管\φ42×5/R140/L=2264\20G\51K212-29-1/№2\200MW亚临界机组</t>
  </si>
  <si>
    <t>【东方锅炉】弯管\φ42×5/R140/L=2440\20G\51K212-29-1/№3\200MW亚临界机组</t>
  </si>
  <si>
    <t>【东方锅炉】弯管\φ42×5/R85/L=2267\20G\51K212-29-1/№4\200MW亚临界机组</t>
  </si>
  <si>
    <t>【东方锅炉】管子\φ51×6\SA-210C\GZ-47\300MW亚临界机组</t>
  </si>
  <si>
    <t>【东方锅炉】管子\φ51×6\12Cr1MoVG\GZ-48\300MW亚临界机组</t>
  </si>
  <si>
    <t>【东方锅炉】管子\φ60×6.5\20G\YCL-21\200MW亚临界机组</t>
  </si>
  <si>
    <t>【东方锅炉】管子\φ42×5\20G\YCL-22\200MW亚临界机组</t>
  </si>
  <si>
    <t>【东方锅炉】过渡管\42×5/60×6.5\20G\51K213-1-2\200MW亚临界机组</t>
  </si>
  <si>
    <t>【东方锅炉】煤粉燃烧器\L=1653\装配件\MFRSQ-0\200MW亚临界机组</t>
  </si>
  <si>
    <t>【东方锅炉】管子\φ51×6\SA-213T91\GZ-49\300MW亚临界机组</t>
  </si>
  <si>
    <t>【东方锅炉】盖板\δ5\SA-240GR309S\16N2552-1-3\600MW超临界机组</t>
  </si>
  <si>
    <t>【东方锅炉】盖板\δ5\SA-240GR309S\16N2552-1-4/№1\600MW超临界机组</t>
  </si>
  <si>
    <t>【东方锅炉】盖板\δ5\SA-240GR309S\16N2552-1-4/№2\600MW超临界机组</t>
  </si>
  <si>
    <t>【东方锅炉】盖板\δ5\SA-240GR309S\16N2552-1-5\600MW超临界机组</t>
  </si>
  <si>
    <t>【东方锅炉】盖板\δ5\SA-240GR309S\16N2552-2-1/№1\600MW超临界机组</t>
  </si>
  <si>
    <t>【东方锅炉】盖板\δ5\SA-240GR309S\16N2552-2-1/№2\600MW超临界机组</t>
  </si>
  <si>
    <t>【东方锅炉】盖板\δ5\SA-240GR309S\16N2552-10-1/№1\600MW超临界机组</t>
  </si>
  <si>
    <t>【东方锅炉】盖板\δ5\SA-240GR309S\16N2552-10-1/№2\600MW超临界机组</t>
  </si>
  <si>
    <t>【东方锅炉】盖板\δ5\SA-240GR309S\16N2552-11-1/№1\600MW超临界机组</t>
  </si>
  <si>
    <t>【东方锅炉】盖板\δ5\SA-240GR309S\16N2552-11-1/№2\600MW超临界机组</t>
  </si>
  <si>
    <t>【东方锅炉】盖板\δ5\SA-240GR309S\16N2552-12-1/№1\600MW超临界机组</t>
  </si>
  <si>
    <t>【东方锅炉】盖板\δ5\SA-240GR309S\16N2552-12-1/№2\600MW超临界机组</t>
  </si>
  <si>
    <t>【东方锅炉】盖板\δ5\SA-240GR309S\16N2552-13-1/№1\600MW超临界机组</t>
  </si>
  <si>
    <t>【东方锅炉】盖板\δ5\SA-240GR309S\16N2552-13-1/№2\600MW超临界机组</t>
  </si>
  <si>
    <t>【东方锅炉】盖板\δ5\SA-240GR309S\16N2552-14-1/№1\600MW超临界机组</t>
  </si>
  <si>
    <t>【东方锅炉】盖板\δ5\SA-240GR309S\16N2552-14-1/№2\600MW超临界机组</t>
  </si>
  <si>
    <t>【东方锅炉】盖板\δ5\SA-240GR309S\16N2552-15-1/№1\600MW超临界机组</t>
  </si>
  <si>
    <t>【东方锅炉】盖板\δ5\SA-240GR309S\16N2552-15-1/№2\600MW超临界机组</t>
  </si>
  <si>
    <t>【东方锅炉】盖板\δ5\SA-240GR309S\16N2552-16-1/№1\600MW超临界机组</t>
  </si>
  <si>
    <t>【东方锅炉】盖板\δ5\SA-240GR309S\16N2552-16-1/№2\600MW超临界机组</t>
  </si>
  <si>
    <t>【东方锅炉】盖板\δ5\SA-240GR309S\16N2552-17-1/№1\600MW超临界机组</t>
  </si>
  <si>
    <t>【东方锅炉】盖板\δ5\SA-240GR309S\16N2552-17-1/№2\600MW超临界机组</t>
  </si>
  <si>
    <t>【东方锅炉】盖板\δ5\SA-240GR309S\16N2552-18-1/№1\600MW超临界机组</t>
  </si>
  <si>
    <t>【东方锅炉】盖板\δ5\SA-240GR309S\16N2552-18-1/№2\600MW超临界机组</t>
  </si>
  <si>
    <t>【东方锅炉】盖板\δ5\SA-240GR309S\16N2552-19-1/№1\600MW超临界机组</t>
  </si>
  <si>
    <t>【东方锅炉】盖板\δ5\SA-240GR309S\16N2552-19-1/№2\600MW超临界机组</t>
  </si>
  <si>
    <t>【东方锅炉】盖板\δ5\SA-240GR309S\16N2552-20-1/№1\600MW超临界机组</t>
  </si>
  <si>
    <t>【东方锅炉】盖板\δ5\SA-240GR309S\16N2552-20-1/№2\600MW超临界机组</t>
  </si>
  <si>
    <t>【东方锅炉】盖板\δ5\SA-240GR309S\16N2552-21-1/№1\600MW超临界机组</t>
  </si>
  <si>
    <t>【东方锅炉】盖板\δ5\SA-240GR309S\16N2552-21-1/№2\600MW超临界机组</t>
  </si>
  <si>
    <t>【东方锅炉】盖板\δ5\SA-240GR309S\16N2552-22-1/№1\600MW超临界机组</t>
  </si>
  <si>
    <t>【东方锅炉】盖板\δ5\SA-240GR309S\16N2552-22-1/№2\600MW超临界机组</t>
  </si>
  <si>
    <t>【东方锅炉】压板\δ5\SA-240GR304\16N2552-25-2\600MW超临界机组</t>
  </si>
  <si>
    <t>【东方锅炉】压板\δ5\12Cr1MoV\16N2552-26-2/№1\600MW超临界机组</t>
  </si>
  <si>
    <t>【东方锅炉】盖板\δ5\12Cr1MoV\16N2552-26-3/№1\600MW超临界机组</t>
  </si>
  <si>
    <t>【东方锅炉】盖板\δ5\12Cr1MoV\16N2552-27-1/№1\600MW超临界机组</t>
  </si>
  <si>
    <t>【东方锅炉】压板\δ5\12Cr1MoV\16N2552-26-2/№2\600MW超临界机组</t>
  </si>
  <si>
    <t>【东方锅炉】盖板\δ5\12Cr1MoV\16N2552-26-3/№2\600MW超临界机组</t>
  </si>
  <si>
    <t>【东方锅炉】盖板\δ5\12Cr1MoV\16N2552-27-1/№2\600MW超临界机组</t>
  </si>
  <si>
    <t>【东方锅炉】压板\δ5\12Cr1MoV\16N2552-26-2/№3\600MW超临界机组</t>
  </si>
  <si>
    <t>【东方锅炉】压板\δ5\12Cr1MoV\16N2552-26-2/№4\600MW超临界机组</t>
  </si>
  <si>
    <t>【东方锅炉】管子\φ42×3.5\20#\GZ-50\300MW亚临界机组</t>
  </si>
  <si>
    <t>【东方锅炉】堵阀\DN600\装配件\SD61H-P(35)60\600MW超临界机组</t>
  </si>
  <si>
    <t>【东方锅炉】管子\φ76×10\20G\GZ-51\300MW亚临界机组</t>
  </si>
  <si>
    <t>【东方锅炉】O型密封圈\SD61H-P(35)60/DN600\装配件\DFYZMF-0\600MW超临界机组</t>
  </si>
  <si>
    <t>【东方锅炉】热端蓄热元件\AH800/0.6\SPCC\47YR11-1-0/№1</t>
  </si>
  <si>
    <t>【东方锅炉】热端蓄热元件\BH800/0.6\SPCC\47YR11-2-0/№1</t>
  </si>
  <si>
    <t>【东方锅炉】热端蓄热元件\CH800/0.6\SPCC\47YR11-3-0/№1</t>
  </si>
  <si>
    <t>【东方锅炉】热端蓄热元件\DH800/0.6\SPCC\47YR11-4-0/№1</t>
  </si>
  <si>
    <t>【东方锅炉】热端蓄热元件\AH300/0.6\SPCC\47YR11-5-0/№1</t>
  </si>
  <si>
    <t>【东方锅炉】热端蓄热元件\BH300/0.6\SPCC\47YR11-6-0/№1</t>
  </si>
  <si>
    <t>【东方锅炉】热端蓄热元件\CH300/0.6\SPCC\47YR11-7-0/№1</t>
  </si>
  <si>
    <t>【东方锅炉】热端蓄热元件\DH300/0.6\SPCC\47YR11-8-0/№1</t>
  </si>
  <si>
    <t>【东方锅炉】管子\φ60×8\20G\GZ-53\300MW亚临界机组</t>
  </si>
  <si>
    <t>【东方锅炉】管子\φ42×6\20G\GZ-54\300MW亚临界机组</t>
  </si>
  <si>
    <t>【东方锅炉】管子\φ28×4\20G\GZ-55\300MW亚临界机组</t>
  </si>
  <si>
    <t>【东方锅炉】管子\φ28×4\12Cr1MoVG\GZ-56\300MW亚临界机组</t>
  </si>
  <si>
    <t>【东方锅炉】管子\φ16×3\20G\GZ-57\300MW亚临界机组</t>
  </si>
  <si>
    <t>【东方锅炉】管子\φ16×3\12Cr1MoVG\GZ-58\300MW亚临界机组</t>
  </si>
  <si>
    <t>【东方锅炉】管子\φ89×4.5\20#\GZ-59\300MW亚临界机组</t>
  </si>
  <si>
    <t>【东方锅炉】管子\φ57×3.5\20#\GZ-60\300MW亚临界机组</t>
  </si>
  <si>
    <t>【东方锅炉】管子\φ32×3\20#\GZ-61\300MW亚临界机组</t>
  </si>
  <si>
    <t>【东方锅炉】管子\φ25×3\20#\GZ-62\300MW亚临界机组</t>
  </si>
  <si>
    <t>【东方锅炉】管子\φ16×2.5\20#\GZ-63\300MW亚临界机组</t>
  </si>
  <si>
    <t>【东方锅炉】管子\φ51×7\20G\GZ-64\150MW CFB锅炉</t>
  </si>
  <si>
    <t>【东方锅炉】管子\φ51×6\20G\GZ-65\150MW CFB锅炉</t>
  </si>
  <si>
    <t>【东方锅炉】管子\φ63.5×12\15CrMoG\GZ-66\150MW CFB锅炉</t>
  </si>
  <si>
    <t>【东方锅炉】管子\φ42×5\20G\GZ-67\150MW CFB锅炉</t>
  </si>
  <si>
    <t>【东方锅炉】管子\φ16×2.5\12Cr18Ni9\GZ-68\150MW CFB锅炉</t>
  </si>
  <si>
    <t>【东方锅炉】管子\φ60×6.5\20G\GZ-69\150MW CFB锅炉</t>
  </si>
  <si>
    <t>【东方锅炉】管子\φ51×7\SA-213T91\GZ-70\150MW CFB锅炉</t>
  </si>
  <si>
    <t>【东方锅炉】管子\φ51×7\12Cr1MoVG\GZ-71\150MW CFB锅炉</t>
  </si>
  <si>
    <t>【东方锅炉】管子\φ42×8\12Cr1MoVG\GZ-72\150MW CFB锅炉</t>
  </si>
  <si>
    <t>【东方锅炉】管子\φ57×4.5\12Cr1MoVG\GZ-73\150MW CFB锅炉</t>
  </si>
  <si>
    <t>【东方锅炉】管子\φ57×4.5\15CrMoG\GZ-74\150MW CFB锅炉</t>
  </si>
  <si>
    <t>【东方锅炉】管子\φ76×6\SA-213T91\GZ-75\150MW CFB锅炉</t>
  </si>
  <si>
    <t>【东方锅炉】管子\φ508×20\12Cr1MoVG\GZ-76\150MW CFB锅炉</t>
  </si>
  <si>
    <t>【东方锅炉】管子\φ60×3\20#\GZ-77\150MW CFB锅炉</t>
  </si>
  <si>
    <t>【东方锅炉】管子\φ60×7\20G\GZ-78\150MW CFB锅炉</t>
  </si>
  <si>
    <t>【东方锅炉】管子\φ16×3\20G\GZ-79\150MW CFB锅炉</t>
  </si>
  <si>
    <t>【东方锅炉】管子\φ28×4\12Cr1MoVG\GZ-80\150MW CFB锅炉</t>
  </si>
  <si>
    <t>【东方锅炉】管子\φ60×8\12Cr1MoVG\GZ-81\150MW CFB锅炉</t>
  </si>
  <si>
    <t>【东方锅炉】管子\φ60×7\12Cr1MoVG\GZ-82\150MW CFB锅炉</t>
  </si>
  <si>
    <t>【东方锅炉】管子\φ42×6\20G\GZ-83\150MW CFB锅炉</t>
  </si>
  <si>
    <t>【东方锅炉】管子\φ60×5\20G\GZ-84\150MW CFB锅炉</t>
  </si>
  <si>
    <t>【东方锅炉】管子\φ32×3.5\12Cr18Ni9\GZ-85\150MW CFB锅炉</t>
  </si>
  <si>
    <t>【东方锅炉】管子\φ89×4.5\12Cr18Ni9\GZ-86\150MW CFB锅炉</t>
  </si>
  <si>
    <t>【东方锅炉】管子\φ57×3.5\12Cr18Ni9\GZ-87\150MW CFB锅炉</t>
  </si>
  <si>
    <t>【东方锅炉】管子\φ31.8×7.5\12Cr1MoVG\GZ-88\1000MW超超临界机组</t>
  </si>
  <si>
    <t>【东方锅炉】管子\φ89×5.5\12Cr1MoVG\GZ-89\1000MW超超临界机组</t>
  </si>
  <si>
    <t>【东方锅炉】管子\φ31.8×6.5\12Cr1MoVG\GZ-90\1000MW超超临界机组</t>
  </si>
  <si>
    <t>【东方锅炉】管屏组件\φ133×16\装配件\GP-41\300MW亚临界机组</t>
  </si>
  <si>
    <t>【东方锅炉】管屏组件\φ133×16\装配件\GP-42\300MW亚临界机组</t>
  </si>
  <si>
    <t>【东方锅炉】管屏组件\φ133×16\装配件\GP-43\300MW亚临界机组</t>
  </si>
  <si>
    <t>【东方锅炉】管屏组件\φ133×16\装配件\GP-44\300MW亚临界机组</t>
  </si>
  <si>
    <t>【东方锅炉】管屏组件\φ63.5×7.5\装配件\GP-45\300MW亚临界机组</t>
  </si>
  <si>
    <t>【东方锅炉】管屏\φ51×9\装配件\GP-23\300MW亚临界机组</t>
  </si>
  <si>
    <t>【东方锅炉】管屏\φ76×9\装配件\38M1141-1-0\300MW亚临界机组</t>
  </si>
  <si>
    <t>【东方锅炉】管屏\38.1×7.5/δ6×12.7\装配件\GP-47\600MW超临界机组</t>
  </si>
  <si>
    <t>【东方锅炉】管屏\38.1×7/δ6×12.7\装配件\GP-46\600MW超临界机组</t>
  </si>
  <si>
    <t>【东方锅炉】管屏\φ63×4\装配件\GP-48\600MW超临界机组</t>
  </si>
  <si>
    <t>【东方锅炉】管屏\φ33.4×7.1\12Cr1MoVG\GPTYJ-1\660MW超临界机组</t>
  </si>
  <si>
    <t>【东方锅炉】管屏\φ31.8×6.5\\GPTYJ-2\660MW超临界机组</t>
  </si>
  <si>
    <t>【东方锅炉】管屏\φ31.8×8\12Cr1MoVG\GPTYJ-3\660MW超临界机组</t>
  </si>
  <si>
    <t>【东方锅炉】管屏\φ31.8×8\12Cr1MoVG\GPTYJ-4\660MW超临界机组</t>
  </si>
  <si>
    <t>【东方锅炉】管屏\φ38.1×7\15CrMoG\GPTYJ-5\660MW超临界机组</t>
  </si>
  <si>
    <t>【东方锅炉】管屏\φ38.1×7.5\\GPTYJ-6\660MW超临界机组</t>
  </si>
  <si>
    <t>【东方锅炉】管屏\φ31.8×8\12Cr1MoVG\GPTYJ-7\660MW超临界机组</t>
  </si>
  <si>
    <t>【东方锅炉】管屏\φ31.8×7\12Cr1MoVG\GPTYJ-8\660MW超临界机组</t>
  </si>
  <si>
    <t>【东方锅炉】管屏\φ31.8×6.5\12Cr1MoVG\GPTYJ-9\660MW超临界机组</t>
  </si>
  <si>
    <t>【东方锅炉】管屏\φ35×6\\GPTYJ-10\660MW超临界机组</t>
  </si>
  <si>
    <t>【东方锅炉】管屏\φ31.8×6.5\\GPTYJ-11\660MW超临界机组</t>
  </si>
  <si>
    <t>【东方锅炉】管屏\φ31.8×6.5\\GPTYJ-12\660MW超临界机组</t>
  </si>
  <si>
    <t>【东方锅炉】管屏\φ33.4×7\12Cr1MoVG\GPTYJ-13\660MW超临界机组</t>
  </si>
  <si>
    <t>【东方锅炉】管屏\φ31.8×6.5\15CrMoG\GPTYJ-14\660MW超临界机组</t>
  </si>
  <si>
    <t>【东方锅炉】管屏\φ45×8.6\15CrMoG\GPTYJ-15\660MW超临界机组</t>
  </si>
  <si>
    <t>【东方锅炉】管屏\φ31.8×9.5\12Cr1MoVG\GPTYJ-16\660MW超临界机组</t>
  </si>
  <si>
    <t>【东方锅炉】管屏\φ31.8×9.5\15CrMoG\GPTYJ-17\660MW超临界机组</t>
  </si>
  <si>
    <t>【东方锅炉】管屏\φ31.8×9.5\15CrMoG\GPTYJ-18\660MW超临界机组</t>
  </si>
  <si>
    <t>【东方锅炉】管屏\φ31.8×9.5\15CrMoG\GPTYJ-19\660MW超临界机组</t>
  </si>
  <si>
    <t>【东方锅炉】管屏\φ31.8×9.5\15CrMoG\GPTYJ-20\660MW超临界机组</t>
  </si>
  <si>
    <t>【东方锅炉】管屏\φ38.1×7.5\\GPTYJ-21\660MW超临界机组</t>
  </si>
  <si>
    <t>【东方锅炉】管屏\φ38.1×7.5\\GPTYJ-22\660MW超临界机组</t>
  </si>
  <si>
    <t>【东方锅炉】管屏\φ38.1×7.5\\GPTYJ-23\660MW超临界机组</t>
  </si>
  <si>
    <t>【东方锅炉】管屏\φ38.1×7.5\\GPTYJ-24\660MW超临界机组</t>
  </si>
  <si>
    <t>【东方锅炉】管屏\φ38.1×7.5\\GPTYJ-25\660MW超临界机组</t>
  </si>
  <si>
    <t>【东方锅炉】管屏\φ31.8×7\\GPTYJ-26\660MW超临界机组</t>
  </si>
  <si>
    <t>【东方锅炉】管屏\φ31.8×6.5\\GPTYJ-27\660MW超临界机组</t>
  </si>
  <si>
    <t>【东方锅炉】管屏\φ31.8×6.5\\GPTYJ-28\660MW超临界机组</t>
  </si>
  <si>
    <t>【东方锅炉】管屏\φ31.8×6.5\\GPTYJ-29\660MW超临界机组</t>
  </si>
  <si>
    <t>【东方锅炉】管屏\φ38.1×7.5\\GPTYJ-30\660MW超临界机组</t>
  </si>
  <si>
    <t>【东方锅炉】管屏\φ32×8.5\15CrMoG\GPTYJ-31\660MW超临界机组</t>
  </si>
  <si>
    <t>【东方锅炉】管屏\φ32×8.5\15CrMoG\GPTYJ-32\660MW超临界机组</t>
  </si>
  <si>
    <t>【东方锅炉】管屏\φ31.8×7\12Cr1MoVG\GPTYJ-33\660MW超临界机组</t>
  </si>
  <si>
    <t>【东方锅炉】管屏\φ31.8×6.5\12Cr1MoVG\GPTYJ-34\660MW超临界机组</t>
  </si>
  <si>
    <t>【东方锅炉】管屏\φ31.8×6.5\12Cr1MoVG\GPTYJ-35\660MW超临界机组</t>
  </si>
  <si>
    <t>【东方锅炉】管屏\φ38.1×7\15CrMoG\GPTYJ-36\660MW超临界机组</t>
  </si>
  <si>
    <t>【东方锅炉】管屏\φ38.1×7\15CrMoG\GPTYJ-37\660MW超临界机组</t>
  </si>
  <si>
    <t>【东方锅炉】管屏\φ38.1×7.5\15CrMoG\GPTYJ-38\660MW超临界机组</t>
  </si>
  <si>
    <t>【东方锅炉】管屏\φ31.8×6.5\\GPTYJ-39\660MW超临界机组</t>
  </si>
  <si>
    <t>【东方锅炉】管屏\φ31.8×6.5\\GPTYJ-40\660MW超临界机组</t>
  </si>
  <si>
    <t>【东方锅炉】管屏\φ31.8×9\15CrMoG\GPTYJ-41\660MW超临界机组</t>
  </si>
  <si>
    <t>【东方锅炉】管屏\φ31.8×7.5\15CrMoG\GPTYJ-42\660MW超临界机组</t>
  </si>
  <si>
    <t>【东方锅炉】管屏\φ31.8×7.5\15CrMoG\GPTYJ-43\660MW超临界机组</t>
  </si>
  <si>
    <t>【东方锅炉】管屏\φ38.1×7.5\\GPTYJ-44\660MW超临界机组</t>
  </si>
  <si>
    <t>【东方锅炉】管屏\φ38.1×7.5\\GPTYJ-45\660MW超临界机组</t>
  </si>
  <si>
    <t>【东方锅炉】管屏\φ38.1×7.5\\GPTYJ-46\660MW超临界机组</t>
  </si>
  <si>
    <t>【东方锅炉】管屏\φ31.8×7.5\\GPTYJ-47\660MW超临界机组</t>
  </si>
  <si>
    <t>【东方锅炉】管屏\φ38.1×7.5\\GPTYJ-48\660MW超临界机组</t>
  </si>
  <si>
    <t>【东方锅炉】管屏\φ38.1×7.5\\GPTYJ-49\660MW超临界机组</t>
  </si>
  <si>
    <t>【东方锅炉】管屏\φ31.8×7.5\\GPTYJ-50\660MW超临界机组</t>
  </si>
  <si>
    <t>【东方锅炉】管屏\φ31.8×6.5\12Cr1MoVG\GPTYJ-51\660MW超临界机组</t>
  </si>
  <si>
    <t>【东方锅炉】管屏\φ31.8×7.5\\GPTYJ-52\660MW超临界机组</t>
  </si>
  <si>
    <t>【东方锅炉】管屏\φ31.8×7.5\\GPTYJ-53\660MW超临界机组</t>
  </si>
  <si>
    <t>【东方锅炉】管屏\φ31.8×7.5\\GPTYJ-54\660MW超临界机组</t>
  </si>
  <si>
    <t>【东方锅炉】管屏\φ31.8×7.5\\GPTYJ-55\660MW超临界机组</t>
  </si>
  <si>
    <t>【东方锅炉】管屏\φ31.8×7.5\\GPTYJ-56\660MW超临界机组</t>
  </si>
  <si>
    <t>【东方锅炉】热端蓄热元件\AH300/0.5\SPCC\47YR11-5-0/№2</t>
  </si>
  <si>
    <t>【东方锅炉】热端蓄热元件\BH300/0.5\SPCC\47YR11-6-0/№2</t>
  </si>
  <si>
    <t>【东方锅炉】热端蓄热元件\CH300/0.5\SPCC\47YR11-7-0/№2</t>
  </si>
  <si>
    <t>【东方锅炉】热端蓄热元件\DH300/0.5\SPCC\47YR11-8-0/№2</t>
  </si>
  <si>
    <t>【东方锅炉】热端蓄热元件\AH800/0.5\SPCC\47YR11-1-0/№2</t>
  </si>
  <si>
    <t>【东方锅炉】热端蓄热元件\BH800/0.5\SPCC\47YR11-2-0/№2</t>
  </si>
  <si>
    <t>【东方锅炉】热端蓄热元件\CH800/0.5\SPCC\47YR11-3-0/№2</t>
  </si>
  <si>
    <t>【东方锅炉】热端蓄热元件\DH800/0.5\SPCC\47YR11-4-0/№2</t>
  </si>
  <si>
    <t>【东方锅炉】管屏\φ31.8×7.5\\GPTYJ-57\660MW超临界机组</t>
  </si>
  <si>
    <t>【东方锅炉】管屏\φ31.8×7.5\\GPTYJ-58\660MW超临界机组</t>
  </si>
  <si>
    <t>【东方锅炉】管屏\φ31.8×7\\GPTYJ-59\660MW超临界机组</t>
  </si>
  <si>
    <t>【东方锅炉】管屏\φ31.8×6.5\\GPTYJ-60\660MW超临界机组</t>
  </si>
  <si>
    <t>【东方锅炉】管屏\φ31.8×7.5\12Cr1MoVG\GPTYJ-61\660MW超临界机组</t>
  </si>
  <si>
    <t>【东方锅炉】管屏\φ31.8×6.5\12Cr1MoVG\GPTYJ-62\660MW超临界机组</t>
  </si>
  <si>
    <t>【东方锅炉】管屏\φ31.8×7\15CrMoG\GPTYJ-63\660MW超临界机组</t>
  </si>
  <si>
    <t>【东方锅炉】管屏\φ31.8×7\15CrMoG\GPTYJ-64\660MW超临界机组</t>
  </si>
  <si>
    <t>【东方锅炉】管屏\φ38.1×7.5\15CrMoG\GPTYJ-65\660MW超临界机组</t>
  </si>
  <si>
    <t>【东方锅炉】管屏\φ31.8×7.5\\GPTYJ-66\660MW超临界机组</t>
  </si>
  <si>
    <t>【东方锅炉】管屏\φ31.8×6.5\\GPTYJ-67\660MW超临界机组</t>
  </si>
  <si>
    <t>【东方锅炉】管屏\φ38.1×7\15CrMoG\GPTYJ-68\660MW超临界机组</t>
  </si>
  <si>
    <t>【东方锅炉】管屏\φ38.1×7\15CrMoG\GPTYJ-69\660MW超临界机组</t>
  </si>
  <si>
    <t>【东方锅炉】管屏\φ38.1×7.5\\GPTYJ-70\660MW超临界机组</t>
  </si>
  <si>
    <t>【东方锅炉】管屏\φ38.1×7.5\\GPTYJ-71\660MW超临界机组</t>
  </si>
  <si>
    <t>【东方锅炉】管屏\φ31.8×8\\GPTYJ-72\660MW超临界机组</t>
  </si>
  <si>
    <t>【东方锅炉】管屏\φ38.1×7.5\\GPTYJ-73\660MW超临界机组</t>
  </si>
  <si>
    <t>【东方锅炉】管屏\φ38.1×7.5\\GPTYJ-74\660MW超临界机组</t>
  </si>
  <si>
    <t>【东方锅炉】管接头\№9 dk26\20#\TG245.1-92\300MW亚临界机组</t>
  </si>
  <si>
    <t>【东方锅炉】管接头\№4 dk26\20#\TG245.1-92\300MW亚临界机组</t>
  </si>
  <si>
    <t>【东方锅炉】管接头\№8 dk31\20#\TG245.1-92\300MW亚临界机组</t>
  </si>
  <si>
    <t>【东方锅炉】管接头\φ89×9.5\SA-210C\DG3284-2003\300MW亚临界机组</t>
  </si>
  <si>
    <t>【东方锅炉】管接头\φ51×8\SA-210C\15-09079G34-1-3\600MW亚临界机组</t>
  </si>
  <si>
    <t>【东方锅炉】管接头\φ51×8\SA-210C\15-09079G34-1-4\600MW亚临界机组</t>
  </si>
  <si>
    <t>【东方锅炉】热端蓄热元件\AH3/0.6\SPCC\47YR11-5-0/№3</t>
  </si>
  <si>
    <t>【东方锅炉】热端蓄热元件\BH3/0.6\SPCC\47YR11-6-0/№3</t>
  </si>
  <si>
    <t>【东方锅炉】热端蓄热元件\CH3/0.6\SPCC\47YR11-7-0/№3</t>
  </si>
  <si>
    <t>【东方锅炉】热端蓄热元件\DH3/0.6\SPCC\47YR11-8-0/№3</t>
  </si>
  <si>
    <t>【东方锅炉】管件\φ213\ZG8Cr26Ni4Mn3NRe\15S6121-1-6\1000MW超超临界机组</t>
  </si>
  <si>
    <t>【东方锅炉】管件\φ213\20(GB3087)\15S6121-1-7\1000MW超超临界机组</t>
  </si>
  <si>
    <t>【东方锅炉】管夹\L=2901\1Cr6Si2Mo\99N2121-1-7\660MW超临界机组</t>
  </si>
  <si>
    <t>【东方锅炉】观察孔组件\φ31.8×6.5\装配件\TGA00383MX\350MW超临界机组</t>
  </si>
  <si>
    <t>【东方锅炉】观察孔组件\φ31.8×6.5\装配件\TGS11510\1000MW超超临界机组</t>
  </si>
  <si>
    <t>【东方锅炉】固定块\R118.5\ZG16Cr20Ni14Si2\TGS22022/II型/No.5\1000MW超超临界机组</t>
  </si>
  <si>
    <t>【东方锅炉】固定块\R118.5\ZG16Cr20Ni14Si2\TGS22021/I型/No.5\1000MW超超临界机组</t>
  </si>
  <si>
    <t>【东方锅炉】固定块\R118.5\ZG16Cr20Ni14Si2\TGS22022/II型/No.3\1000MW超超临界机组</t>
  </si>
  <si>
    <t>【东方锅炉】固定块\R118.5\ZG16Cr20Ni14Si2\TGS22021/I型/No.3\1000MW超超临界机组</t>
  </si>
  <si>
    <t>【东方锅炉】固定块\δ20\Q235A\TG61166-2002/№1\330MW亚临界机组</t>
  </si>
  <si>
    <t>【东方锅炉】固定块\δ20\Q235A\TG61166-2002/№2\330MW亚临界机组</t>
  </si>
  <si>
    <t>【东方锅炉】固定块\δ20\Q235A\TG61166-2002/№3\330MW亚临界机组</t>
  </si>
  <si>
    <t>【东方锅炉】螺栓\35CrMoA\28YR02-3/№1</t>
  </si>
  <si>
    <t>【东方锅炉】鼓型齿联轴器\装配件\GIICL16</t>
  </si>
  <si>
    <t>【东方锅炉】鼓型齿联轴器\93YR52-0\装配件\93YR52-0/№3</t>
  </si>
  <si>
    <t>【东方锅炉】高温陶瓷胶\δ10\高温陶瓷胶\GWTC-21\350MW超临界机组</t>
  </si>
  <si>
    <t>【东方锅炉】热端蓄热元件\AH800/0.5\SPCC\47YR11-1-0/№3</t>
  </si>
  <si>
    <t>【东方锅炉】热端蓄热元件\BH800/0.5\SPCC\47YR11-2-0/№3</t>
  </si>
  <si>
    <t>【东方锅炉】热端蓄热元件\CH800/0.5\SPCC\47YR11-3-0/№3</t>
  </si>
  <si>
    <t>【东方锅炉】热端蓄热元件\DH800/0.5\SPCC\47YR11-4-0/№3</t>
  </si>
  <si>
    <t>【东方锅炉】高温陶瓷胶\δ5\高温陶瓷胶\TCJ-40 №1\350MW超临界机组</t>
  </si>
  <si>
    <t>【东方锅炉】高温陶瓷胶\δ5\高温陶瓷胶\TCJ-41 №2\350MW超临界机组</t>
  </si>
  <si>
    <t>【东方锅炉】高温陶瓷胶\δ5\高温陶瓷胶\TCJ-42 №3\350MW超临界机组</t>
  </si>
  <si>
    <t>【东方锅炉】高温陶瓷胶\δ5\高温陶瓷胶\TCJ-43 №4\350MW超临界机组</t>
  </si>
  <si>
    <t>【东方锅炉】高温陶瓷胶\δ5\12Cr18Ni9\TCJ-44\350MW超临界机组</t>
  </si>
  <si>
    <t>【东方锅炉】高温陶瓷胶\δ5\12Cr18Ni9\TGJ-42\1000MW超超临界机组</t>
  </si>
  <si>
    <t>【东方锅炉】高温陶瓷胶\δ5\耐磨陶瓷\TCJ-45\1000MW超超临界机组</t>
  </si>
  <si>
    <t>【东方锅炉】高温陶瓷胶\δ5\高温陶瓷胶\TGJ-44 №1\1000MW超超临界机组</t>
  </si>
  <si>
    <t>【东方锅炉】高温陶瓷胶\δ5\高温陶瓷胶\TCJ-46 №2\1000MW超超临界机组</t>
  </si>
  <si>
    <t>【东方锅炉】钢板\δ6\12Cr1MoV\16N2552-31-5\600MW超临界机组</t>
  </si>
  <si>
    <t>【东方锅炉】钢板\δ6\12Cr1MoV\16N2552-31-6\600MW超临界机组</t>
  </si>
  <si>
    <t>【东方锅炉】钢板\δ6\12Cr1MoV\16N2552-31-7\600MW超临界机组</t>
  </si>
  <si>
    <t>【东方锅炉】钢板\δ6\12Cr1MoV\16N2552-31-9\600MW超临界机组</t>
  </si>
  <si>
    <t>【东方锅炉】钢板\δ20\Q245R\47M111-25\300MW亚临界机组</t>
  </si>
  <si>
    <t>【东方锅炉】钢板\δ20\Q245R\47M111-26\300MW亚临界机组</t>
  </si>
  <si>
    <t>【东方锅炉】钢板\δ6\Q245R\47M111-59\300MW亚临界机组</t>
  </si>
  <si>
    <t>【东方锅炉】钢板\δ6\Q245R\47M111-60\300MW亚临界机组</t>
  </si>
  <si>
    <t>【东方锅炉】钢板\δ6\Q245R\47M111-61\300MW亚临界机组</t>
  </si>
  <si>
    <t>【东方锅炉】螺栓\35CrMoA\101YR02/№2</t>
  </si>
  <si>
    <t>【东方锅炉】钢板\δ6\Q245R\47M111-62\300MW亚临界机组</t>
  </si>
  <si>
    <t>【东方锅炉】螺栓\35\101YR61/№2</t>
  </si>
  <si>
    <t>【东方锅炉】钢板\δ6\Q245R\47M112-19\300MW亚临界机组</t>
  </si>
  <si>
    <t>【东方锅炉】压板\35\101YR61/№4</t>
  </si>
  <si>
    <t>【东方锅炉】钢板\δ4 1462×50\Q235A\66M141-0\300MW亚临界机组</t>
  </si>
  <si>
    <t>【东方锅炉】钢板\δ12\20g\66M144-1-5\300MW亚临界机组</t>
  </si>
  <si>
    <t>【东方锅炉】钢板\δ12\20g\66M144-1-6\300MW亚临界机组</t>
  </si>
  <si>
    <t>【东方锅炉】钢板\δ24\20g\66M144-1-9\300MW亚临界机组</t>
  </si>
  <si>
    <t>【东方锅炉】钢板\δ25\20g\66M146-4-8\300MW亚临界机组</t>
  </si>
  <si>
    <t>【东方锅炉】钢板\δ6 75.7×950\15CrMo\99N2143-0\660MW超临界机组</t>
  </si>
  <si>
    <t>【东方锅炉】钢板\δ6 84×397.8\15CrMo\99N2143-0\660MW超临界机组</t>
  </si>
  <si>
    <t>【东方锅炉】钢板\δ6 28×1830\12Cr1MoV\99N2143-0\660MW超临界机组</t>
  </si>
  <si>
    <t>【东方锅炉】盖板\δ4 №1\1Cr20Ni14Si2\47M254-1\300MW亚临界机组</t>
  </si>
  <si>
    <t>【东方锅炉】盖板\δ4 №1\1Cr6Si2Mo\47M254-3\300MW亚临界机组</t>
  </si>
  <si>
    <t>【东方锅炉】盖板\δ4 №2\1Cr20Ni14Si2\47M254-1\300MW亚临界机组</t>
  </si>
  <si>
    <t>【东方锅炉】盖板\δ4 №3\1Cr20Ni14Si2\47M254-1\300MW亚临界机组</t>
  </si>
  <si>
    <t>【东方锅炉】盖板\δ4 №2\1Cr6Si2Mo\47M254-3\300MW亚临界机组</t>
  </si>
  <si>
    <t>【东方锅炉】盖板\δ4 №3\1Cr6Si2Mo\47M254-3\300MW亚临界机组</t>
  </si>
  <si>
    <t>【东方锅炉】盖板\δ4 №5\1Cr6Si2Mo\47M254-3\300MW亚临界机组</t>
  </si>
  <si>
    <t>【东方锅炉】盖板\δ4 №1\12Cr1MoVg\47M254-8\300MW亚临界机组</t>
  </si>
  <si>
    <t>【东方锅炉】盖板\δ4 №2\12Cr1MoVg\47M254-8\300MW亚临界机组</t>
  </si>
  <si>
    <t>【东方锅炉】盖板\δ4 №1\12Cr1MoVg\47M254-11\300MW亚临界机组</t>
  </si>
  <si>
    <t>【东方锅炉】盖板\δ4\1Cr20Ni14Si2\47M254-14\300MW亚临界机组</t>
  </si>
  <si>
    <t>【东方锅炉】盖板\δ4 №4\1Cr6Si2Mo\47M254-3\300MW亚临界机组</t>
  </si>
  <si>
    <t>【东方锅炉】盖板\δ4 №3\12Cr1MoVg\47M254-8\300MW亚临界机组</t>
  </si>
  <si>
    <t>【东方锅炉】盖板\δ4 №2\1Cr6Si2Mo\47M254-11\300MW亚临界机组</t>
  </si>
  <si>
    <t>【东方锅炉】盖板\δ4 №6\1Cr6Si2Mo\47M254-3\300MW亚临界机组</t>
  </si>
  <si>
    <t>【东方锅炉】盖板\δ4 №3\12Cr1MoVg\47M254-11\300MW亚临界机组</t>
  </si>
  <si>
    <t>【东方锅炉】盖板\№1\12Cr18Ni9\29J254-3\135MW超高压CFB机组</t>
  </si>
  <si>
    <t>【东方锅炉】盖板\№1\12Cr18Ni9\29J254-4\135MW超高压CFB机组</t>
  </si>
  <si>
    <t>【东方锅炉】盖板\№1\12Cr18Ni9\29J254-5\135MW超高压CFB机组</t>
  </si>
  <si>
    <t>【东方锅炉】盖板\№1\12Cr18Ni9\29J254-6\135MW超高压CFB机组</t>
  </si>
  <si>
    <t>【东方锅炉】盖板\№1\12Cr18Ni9\29J254-7\135MW超高压CFB机组</t>
  </si>
  <si>
    <t>【东方锅炉】盖板\δ3\1Cr20Ni14Si2\29J254-21\135MW超高压CFB机组</t>
  </si>
  <si>
    <t>【东方锅炉】盖板\δ3\1Cr20Ni14Si2\29J254-22\135MW超高压CFB机组</t>
  </si>
  <si>
    <t>【东方锅炉】盖板\δ3\1Cr20Ni14Si2\29J254-23\135MW超高压CFB机组</t>
  </si>
  <si>
    <t>【东方锅炉】盖板\δ3\1Cr20Ni14Si2\29J254-24\135MW超高压CFB机组</t>
  </si>
  <si>
    <t>【东方锅炉】盖板\δ3\12Cr18Ni9\29J254-33\135MW超高压CFB机组</t>
  </si>
  <si>
    <t>【东方锅炉】盖板\δ3\12Cr18Ni9\29J254-32\135MW超高压CFB机组</t>
  </si>
  <si>
    <t>【东方锅炉】螺栓\35CrMoA\136YR02/№2</t>
  </si>
  <si>
    <t>【东方锅炉】盖板\№1\1Cr20Ni14Si2\29J255-1\135MW超高压CFB机组</t>
  </si>
  <si>
    <t>【东方锅炉】螺栓\35\136YR61/№2</t>
  </si>
  <si>
    <t>【东方锅炉】盖板\δ3\1Cr20Ni14Si2\29J255-2\135MW超高压CFB机组</t>
  </si>
  <si>
    <t>【东方锅炉】压板\35\136YR61/№4</t>
  </si>
  <si>
    <t>【东方锅炉】盖板\№1\1Cr20Ni14Si2\29J255-3\135MW超高压CFB机组</t>
  </si>
  <si>
    <t>【东方锅炉】热端蓄热元件\AH1150/0.5\SPCC\169YR/№1</t>
  </si>
  <si>
    <t>【东方锅炉】热端蓄热元件\BH1150/0.5\SPCC\169YR/№2</t>
  </si>
  <si>
    <t>【东方锅炉】热端蓄热元件\CH1150/0.5\SPCC\169YR/№3</t>
  </si>
  <si>
    <t>【东方锅炉】热端蓄热元件\DH1150/0.5\SPCC\169YR/№4</t>
  </si>
  <si>
    <t>【东方锅炉】冷端蓄热元件\AH1000\搪瓷\169YR/№5</t>
  </si>
  <si>
    <t>【东方锅炉】冷端蓄热元件\BH1000\搪瓷\169YR/№6</t>
  </si>
  <si>
    <t>【东方锅炉】冷端蓄热元件\CH1000\搪瓷\169YR/№7</t>
  </si>
  <si>
    <t>【东方锅炉】冷端蓄热元件\DH1000\搪瓷\169YR/№8</t>
  </si>
  <si>
    <t>【东方锅炉】盖板\δ3\1Cr20Ni14Si2\29J255-4\135MW超高压CFB机组</t>
  </si>
  <si>
    <t>【东方锅炉】盖板\№1\1Cr20Ni14Si2\29J255-5\135MW超高压CFB机组</t>
  </si>
  <si>
    <t>【东方锅炉】盖板\№1\1Cr20Ni14Si2\29J255-17\135MW超高压CFB机组</t>
  </si>
  <si>
    <t>【东方锅炉】盖板\№1\1Cr20Ni14Si2\29J255-18\135MW超高压CFB机组</t>
  </si>
  <si>
    <t>【东方锅炉】盖板\δ4/R22/L=545\Q215A\BGTYJ-16\210MW亚临界机组</t>
  </si>
  <si>
    <t>【东方锅炉】风管头部\L=720\装配件\102M61-8-1\330MW亚临界机组</t>
  </si>
  <si>
    <t>【东方锅炉】风管头部\L=720\装配件\85M61-6-1\300MW亚临界机组</t>
  </si>
  <si>
    <t>【东方锅炉】风管头部\L=720\装配件\156M6112-1-1\330MW亚临界机组</t>
  </si>
  <si>
    <t>【东方锅炉】风管头部\L=720\装配件\129M61-8-1\330MW亚临界机组</t>
  </si>
  <si>
    <t>【东方锅炉】风管头部\L=720\装配件\127M61-6-1\300MW亚临界机组</t>
  </si>
  <si>
    <t>【东方锅炉】风管头部\L=720\装配件\51M61-9-1\300MW亚临界机组</t>
  </si>
  <si>
    <t>【东方锅炉】防雨罩\φ275/φ650\Q235A\99N7122-4\660MW超临界机组</t>
  </si>
  <si>
    <t>【东方锅炉】防蚀弯板\δ4\1Cr20Ni14Si2\47M254-5\300MW亚临界机组</t>
  </si>
  <si>
    <t>【东方锅炉】防蚀弯板\δ4\1Cr20Ni14Si2\47M254-6\300MW亚临界机组</t>
  </si>
  <si>
    <t>【东方锅炉】防蚀弯板\δ4 №1\1Cr6Si2Mo\47M254-7\300MW亚临界机组</t>
  </si>
  <si>
    <t>【东方锅炉】防蚀弯板\δ4\12Cr1MoVg\47M254-10\300MW亚临界机组</t>
  </si>
  <si>
    <t>【东方锅炉】热端蓄热元件\AH8\SPCC\59YR11-1-0/№1</t>
  </si>
  <si>
    <t>【东方锅炉】热端蓄热元件\BH8\SPCC\59YR11-2-0/№1</t>
  </si>
  <si>
    <t>【东方锅炉】热端蓄热元件\CH8\SPCC\59YR11-3-0/№1</t>
  </si>
  <si>
    <t>【东方锅炉】热端蓄热元件\DH8\SPCC\59YR11-4-0/№1</t>
  </si>
  <si>
    <t>【东方锅炉】热端蓄热元件\EH8\SPCC\59YR11-5-0/№1</t>
  </si>
  <si>
    <t>【东方锅炉】防蚀弯板\δ4\1Cr6Si2Mo\47M254-16\300MW亚临界机组</t>
  </si>
  <si>
    <t>【东方锅炉】防蚀弯板\δ4 №2\12Cr1MoVg\47M254-7\300MW亚临界机组</t>
  </si>
  <si>
    <t>【东方锅炉】防蚀板\δ6 1440×180\12Cr1MoVg\82M254-0\300MW亚临界机组</t>
  </si>
  <si>
    <t>【东方锅炉】防蚀板\δ6 1270×180\1Cr6Si2Mo\82M254-0\300MW亚临界机组</t>
  </si>
  <si>
    <t>【东方锅炉】防蚀板\δ6 1440×180\1Cr6Si2Mo\82M254-0\300MW亚临界机组</t>
  </si>
  <si>
    <t>【东方锅炉】防磨垫圈\δ10\Q235A\51M61-8-4\300MW亚临界机组</t>
  </si>
  <si>
    <t>【东方锅炉】防磨板垫片\304\304+石墨\DP-21\1000MW超超临界机组</t>
  </si>
  <si>
    <t>【东方锅炉】防磨板\HT-NR3\装配件\1517257P-3-0\1000MW超超临界机组</t>
  </si>
  <si>
    <t>【东方锅炉】方圆节\L=268\Q235A\102M61-8-3\330MW亚临界机组</t>
  </si>
  <si>
    <t>【东方锅炉】方圆节\L=268\装配件\129M61-8-3\330MW亚临界机组</t>
  </si>
  <si>
    <t>【东方锅炉】方圆节\L=268\装配件\127M61-6-3\300MW亚临界机组</t>
  </si>
  <si>
    <t>【东方锅炉】方垫圈\16\Q235A\DG3825-87\300MW亚临界机组</t>
  </si>
  <si>
    <t>【东方锅炉】法兰\80-40-4.5\20#\DG3130-2005\300MW亚临界机组</t>
  </si>
  <si>
    <t>【东方锅炉】法兰\50-40-3.5\20#\DG3130-2005\300MW亚临界机组</t>
  </si>
  <si>
    <t>【东方锅炉】法兰\25-40-3\20#\DG3130-2005\300MW亚临界机组</t>
  </si>
  <si>
    <t>【东方锅炉】喷口\φ357\ZG8Cr26Ni4Mn3NRe\106N6151-1-3/№1\660MW超临界机组</t>
  </si>
  <si>
    <t>【东方锅炉】喷口\φ357×3.1\ZG8Cr26Ni4Mn3NRe\106N6151-1-3/№2\660MW超临界机组</t>
  </si>
  <si>
    <t>【东方锅炉】喷口\φ560×3.5\ZG5Cr24Mn8Ni4Si2NRe\102M61-1-0\330MW亚临界机组</t>
  </si>
  <si>
    <t>【东方锅炉】喷口\φ408×3.5\ZG5Cr24Mn8Ni4Si2NRe\102M61-2-0\330MW亚临界机组</t>
  </si>
  <si>
    <t>【东方锅炉】二次风喷口\φ450×3.5\ZG5Cr24Mn8Ni4Si2NRe\102M61-4-0\330MW亚临界机组</t>
  </si>
  <si>
    <t>【东方锅炉】热端蓄热元件\AH800/0.6\SPCC\59YR11-1-0/№2</t>
  </si>
  <si>
    <t>【东方锅炉】热端蓄热元件\BH800/0.6\SPCC\59YR11-2-0/№2</t>
  </si>
  <si>
    <t>【东方锅炉】热端蓄热元件\CH800/0.6\SPCC\59YR11-3-0/№2</t>
  </si>
  <si>
    <t>【东方锅炉】热端蓄热元件\DH800/0.6\SPCC\59YR11-4-0/№2</t>
  </si>
  <si>
    <t>【东方锅炉】热端蓄热元件\EH800/0.6\SPCC\59YR11-5-0/№2</t>
  </si>
  <si>
    <t>【东方锅炉】喷口\φ620×4\ZG5Cr24Mn8Ni4Si2NRe\102M61-5-0\330MW亚临界机组</t>
  </si>
  <si>
    <t>【东方锅炉】喷口\φ456×1\装配件\85M61-2-0\300MW亚临界机组</t>
  </si>
  <si>
    <t>【东方锅炉】喷口\φ392×3.1\装配件\85M61-4-0\300MW亚临界机组</t>
  </si>
  <si>
    <t>【东方锅炉】喷口\φ400×3.1\装配件\129M61-2-0\330MW亚临界机组</t>
  </si>
  <si>
    <t>【东方锅炉】喷口\φ490×3.5\装配件\129M61-4-0\330MW亚临界机组</t>
  </si>
  <si>
    <t>【东方锅炉】喷口\φ584×3.5\ZG5Cr24Mn8Ni4Si2NRe\129M61-5\330MW亚临界机组</t>
  </si>
  <si>
    <t>【东方锅炉】喷口\φ540×3.5\装配件\127M61-2-0\300MW亚临界机组</t>
  </si>
  <si>
    <t>【东方锅炉】喷口\φ424×3.5\装配件\127M61-4-0\300MW亚临界机组</t>
  </si>
  <si>
    <t>【东方锅炉】喷口\φ700×4\装配件\127M61-5-0\300MW亚临界机组</t>
  </si>
  <si>
    <t>【东方锅炉】喷口\φ534×3.5\装配件\51M61-3-0\300MW亚临界机组</t>
  </si>
  <si>
    <t>【东方锅炉】喷口\φ700×4\装配件\51M61-5-0\300MW亚临界机组</t>
  </si>
  <si>
    <t>【东方锅炉】喷口\φ700×4\装配件\51M61-7-0\300MW亚临界机组</t>
  </si>
  <si>
    <t>【东方锅炉】二次风扩锥\φ830×2\16Cr20Ni14Si2\152M6121-2-17/№2\350MW超临界机组</t>
  </si>
  <si>
    <t>【东方锅炉】二次风扩锥\φ870×2\16Cr20Ni14Si2\15S6121-2-17\1000MW超超临界机组</t>
  </si>
  <si>
    <t>【东方锅炉】耳板\L=410\20#\89M1112-1-9\300MW亚临界CFB机组</t>
  </si>
  <si>
    <t>【东方锅炉】耳板\d45 R150\15CrMog\TGN25501\600MW超临界机组</t>
  </si>
  <si>
    <t>【东方锅炉】耳板\δ25\Q245R\89M1112-1-9\300MW亚临界机组</t>
  </si>
  <si>
    <t>【东方锅炉】端盖\φ159×25\20Ⅲ\TG14014.5-97\300MW亚临界机组</t>
  </si>
  <si>
    <t>【东方锅炉】端盖\φ159×20\20Ⅲ\47M34-1-3\300MW亚临界机组</t>
  </si>
  <si>
    <t>【东方锅炉】端盖\φ159×20\20Ⅲ\DG3316-2003\300MW亚临界机组</t>
  </si>
  <si>
    <t>【东方锅炉】端盖\φ130×25\12Cr1MoVⅢ\TGNS14011\660MW超临界机组</t>
  </si>
  <si>
    <t>【东方锅炉】端盖\φ130×25\15CrMoⅢ\TGNS14011\660MW超临界机组</t>
  </si>
  <si>
    <t>【东方锅炉】端盖\φ130×25\15CrMo\TGNS14011\660MW超临界机组</t>
  </si>
  <si>
    <t>【东方锅炉】端盖\φ127×20\12Cr1MoVⅢ\TGNS14011\660MW超超临界机组</t>
  </si>
  <si>
    <t>【东方锅炉】端盖\φ127×20\SA-213F91\TGNS14011\660MW超超临界机组</t>
  </si>
  <si>
    <t>【东方锅炉】端盖\φ127×20\SA-182F91\TGNS14011\660MW超超临界机组</t>
  </si>
  <si>
    <t>【东方锅炉】端盖\φ127×20\15CrMoⅢ\TGNS14011/№1\660MW超超临界机组</t>
  </si>
  <si>
    <t>【东方锅炉】端盖\φ127×20\SA-182F92\TGNS14011\660MW超超临界机组</t>
  </si>
  <si>
    <t>【东方锅炉】端盖\φ127×20\15CrMoⅢ\TGNS14011/№2\660MW超超临界机组</t>
  </si>
  <si>
    <t>【东方锅炉】端盖\φ127×20\SA-213F92\TGNS14011\660MW超超临界机组</t>
  </si>
  <si>
    <t>【东方锅炉】堵阀拆装专用扳手\DN600\装配件\DFBS-0\600MW超临界机组</t>
  </si>
  <si>
    <t>【东方锅炉】堵阀\φ762×35\SA-105\D0700.13\SD61H-P54.5</t>
  </si>
  <si>
    <t>【东方锅炉】堵阀\φ682×23.5\SA-182F91\D1630.12F\SD61H-P54.5</t>
  </si>
  <si>
    <t>【东方锅炉】螺栓\35CrMoA\134YR02-9</t>
  </si>
  <si>
    <t>【东方锅炉】垫圈\δ5\1Cr20Ni14Si2\66M212-27\300MW亚临界机组</t>
  </si>
  <si>
    <t>【东方锅炉】垫圈\δ5\1Cr20Ni14Si2\66M2171-27\300MW亚临界机组</t>
  </si>
  <si>
    <t>【东方锅炉】垫圈\δ5\1Cr20Ni14Si2\66M2172-85\300MW亚临界机组</t>
  </si>
  <si>
    <t>【东方锅炉】垫圈\δ5\1Cr20Ni14Si2\66M223-62-0\300MW亚临界机组</t>
  </si>
  <si>
    <t>【东方锅炉】垫片组件\φ38.1×7.5\增强柔性石墨\FCGBDP-1\660MW超临界机组</t>
  </si>
  <si>
    <t>【东方锅炉】垫片组件\φ38.1×7.5\增强柔性石墨\FCGBDP-2\660MW超临界机组</t>
  </si>
  <si>
    <t>【东方锅炉】垫片组件\φ38.1×7.5\增强柔性石墨\FCGBDP-3\660MW超临界机组</t>
  </si>
  <si>
    <t>【东方锅炉】垫片组件\φ38.1×7.5\增强柔性石墨\FCGBDP-4\660MW超临界机组</t>
  </si>
  <si>
    <t>【东方锅炉】垫片\δ4\20#\23S112-1-5\1000MW超超临界机组</t>
  </si>
  <si>
    <t>【东方锅炉】垫片\δ4\20#\2S1131-1-3\1000MW超超临界机组</t>
  </si>
  <si>
    <t>【东方锅炉】垫片\δ4\20#\19S1133-1-1\1000MW超超临界机组</t>
  </si>
  <si>
    <t>【东方锅炉】垫片\δ4\20#\99N7122-3-2\660MW超临界机组</t>
  </si>
  <si>
    <t>【东方锅炉】垫片\δ4\20#\99N7122-3-3\660MW超临界机组</t>
  </si>
  <si>
    <t>【东方锅炉】垫片\δ4\20#\99N7123-5\660MW超临界机组</t>
  </si>
  <si>
    <t>【东方锅炉】垫片\δ4\20#\1S112-1-5\1000MW超超临界机组</t>
  </si>
  <si>
    <t>【东方锅炉】垫片\δ4\20#\13S7123-8\1000MW超超临界机组</t>
  </si>
  <si>
    <t>【东方锅炉】螺栓\№19\35CrMoA\158YR/№27</t>
  </si>
  <si>
    <t>【东方锅炉】垫片\δ4\20#\140M1141-4\350MW超临界机组</t>
  </si>
  <si>
    <t>【东方锅炉】垫片\δ4\20#\140M1143-5\350MW超临界机组</t>
  </si>
  <si>
    <t>【东方锅炉】垫片\δ10\Q235A\66M119-5\300MW亚临界机组</t>
  </si>
  <si>
    <t>【东方锅炉】垫片\δ4\20#\99N1133-1-3\660MW超临界机组</t>
  </si>
  <si>
    <t>【东方锅炉】热端蓄热元件\AH800/0.5\SPCC\59YR11-1-0/№3</t>
  </si>
  <si>
    <t>【东方锅炉】热端蓄热元件\BH800/0.5\SPCC\59YR11-2-0/№3</t>
  </si>
  <si>
    <t>【东方锅炉】热端蓄热元件\CH800/0.5\SPCC\59YR11-3-0/№3</t>
  </si>
  <si>
    <t>【东方锅炉】热端蓄热元件\DH800/0.5\SPCC\59YR11-4-0/№3</t>
  </si>
  <si>
    <t>【东方锅炉】热端蓄热元件\EH800/0.5\SPCC\59YR11-5-0/№3</t>
  </si>
  <si>
    <t>【东方锅炉】垫片\δ4\15CrMo\99N1141-10\660MW超临界机组</t>
  </si>
  <si>
    <t>【东方锅炉】垫片\φ130×25\增强柔性石墨\F41157-12\1000MW超超临界机组</t>
  </si>
  <si>
    <t>【东方锅炉】垫片\φ130×25\增强柔性石墨\25FM411.05-8\1000MW超超临界机组</t>
  </si>
  <si>
    <t>【东方锅炉】垫片\φ130×25\增强柔性石墨\25FM411.05-9\1000MW超超临界机组</t>
  </si>
  <si>
    <t>【东方锅炉】垫片\φ130×25\增强柔性石墨\F41220-16\1000MW超超临界机组</t>
  </si>
  <si>
    <t>【东方锅炉】垫片\φ130×25\增强柔性石墨\F41220-17\1000MW超超临界机组</t>
  </si>
  <si>
    <t>【东方锅炉】垫片\φ130×25\增强柔性石墨\F41220-18\1000MW超超临界机组</t>
  </si>
  <si>
    <t>【东方锅炉】垫片\φ130×25\增强柔性石墨\F41202-13\1000MW超超临界机组</t>
  </si>
  <si>
    <t>【东方锅炉】垫片\φ130×25\增强柔性石墨\F41202-15\1000MW超超临界机组</t>
  </si>
  <si>
    <t>【东方锅炉】垫片\φ130×25\增强柔性石墨\F41353-5-9\1000MW超超临界机组</t>
  </si>
  <si>
    <t>【东方锅炉】垫片\φ130×25\增强柔性石墨\F41353-5-10\1000MW超超临界机组</t>
  </si>
  <si>
    <t>【东方锅炉】垫片\φ130×25\增强柔性石墨\F41353-5-11\1000MW超超临界机组</t>
  </si>
  <si>
    <t>【东方锅炉】垫片\φ130×25\增强柔性石墨\1FN411.05-9\1000MW超超临界机组</t>
  </si>
  <si>
    <t>【东方锅炉】垫片\φ130×25\增强柔性石墨\1FN411.05-10\1000MW超超临界机组</t>
  </si>
  <si>
    <t>【东方锅炉】垫片\φ130×25\增强柔性石墨\1FN411.05-11\1000MW超超临界机组</t>
  </si>
  <si>
    <t>【东方锅炉】垫片\φ130×25\增强柔性石墨\TFC05N001-9/№1\1000MW超超临界机组</t>
  </si>
  <si>
    <t>【东方锅炉】垫片\φ130×25\增强柔性石墨\TFC05N001-10/№1\1000MW超超临界机组</t>
  </si>
  <si>
    <t>【东方锅炉】垫片\φ130×25\增强柔性石墨\TFC05N001-11/№1\1000MW超超临界机组</t>
  </si>
  <si>
    <t>【东方锅炉】垫片\φ130×25\增强柔性石墨\TFC05N001-9/№2\1000MW超超临界机组</t>
  </si>
  <si>
    <t>【东方锅炉】垫片\φ130×25\增强柔性石墨\TFC05N001-10/№2\1000MW超超临界机组</t>
  </si>
  <si>
    <t>【东方锅炉】螺栓\35CrMoA\110YR02/№2</t>
  </si>
  <si>
    <t>【东方锅炉】垫片\φ130×25\增强柔性石墨\TFC05N001-11/№2\1000MW超超临界机组</t>
  </si>
  <si>
    <t>【东方锅炉】螺栓\35\110YR61/№2</t>
  </si>
  <si>
    <t>【东方锅炉】垫片\φ130×25\增强柔性石墨\32FN411.05-9\1000MW超超临界机组</t>
  </si>
  <si>
    <t>【东方锅炉】压板\35\110YR61/№4</t>
  </si>
  <si>
    <t>【东方锅炉】垫片\φ130×25\增强柔性石墨\32FN411.05-10\1000MW超超临界机组</t>
  </si>
  <si>
    <t>【东方锅炉】垫片\φ130×25\增强柔性石墨\32FN411.05-11\1000MW超超临界机组</t>
  </si>
  <si>
    <t>【东方锅炉】垫片\φ130×25\增强柔性石墨\23FS411.05-9\1000MW超超临界机组</t>
  </si>
  <si>
    <t>【东方锅炉】垫片\φ130×25\增强柔性石墨\23FS411.05-11\1000MW超超临界机组</t>
  </si>
  <si>
    <t>【东方锅炉】垫片\φ130×25\增强柔性石墨\F41262-16\1000MW超超临界机组</t>
  </si>
  <si>
    <t>【东方锅炉】垫片\φ130×25\增强柔性石墨\F41262-17\1000MW超超临界机组</t>
  </si>
  <si>
    <t>【东方锅炉】垫片\φ130×25\增强柔性石墨\F41262-18\1000MW超超临界机组</t>
  </si>
  <si>
    <t>【东方锅炉】垫片\δ5\8\102M61-8-7\330MW亚临界机组</t>
  </si>
  <si>
    <t>【东方锅炉】垫片\δ10\XB450\85M61-6-5\300MW亚临界机组</t>
  </si>
  <si>
    <t>【东方锅炉】垫片\φ695\陶瓷纤维\156M6112-1-7\330MW亚临界机组</t>
  </si>
  <si>
    <t>【东方锅炉】垫片\φ645\陶瓷纤维垫\129M61-8-6\330MW亚临界机组</t>
  </si>
  <si>
    <t>【东方锅炉】垫片\φ645\陶瓷纤维垫\127M61-6-6\300MW亚临界机组</t>
  </si>
  <si>
    <t>【东方锅炉】垫片\φ645\XB450\51M61-9-10\300MW亚临界机组</t>
  </si>
  <si>
    <t>【东方锅炉】垫片\718×762\陶瓷纤维\106N6151-6-6\660MW超临界机组</t>
  </si>
  <si>
    <t>【东方锅炉】垫块\L=50\12Cr18Ni9\15S6121-2-7\1000MW超超临界机组</t>
  </si>
  <si>
    <t>【东方锅炉】垫块\δ10\Q235A\TG61263-2004/№1\330MW亚临界机组</t>
  </si>
  <si>
    <t>【东方锅炉】垫块\140×170\Q235A\TG61263-2004/№1\300MW亚临界机组</t>
  </si>
  <si>
    <t>【东方锅炉】垫块\δ10\Q235A\TG61263-2004/№2\330MW亚临界机组</t>
  </si>
  <si>
    <t>【东方锅炉】垫板\δ6 №2\12Cr18Ni9\22S813-23\1000MW超超临界机组</t>
  </si>
  <si>
    <t>【东方锅炉】垫板\δ6 №3\12Cr1MoV\22S813-23\1000MW超超临界机组</t>
  </si>
  <si>
    <t>【东方锅炉】电气元件\装配件\34YR33/№2</t>
  </si>
  <si>
    <t>【东方锅炉】低过进口集箱开孔\d514.6 L1/L2=1200/200\装配件\99N2143-8-1\660MW超临界机组</t>
  </si>
  <si>
    <t>【东方锅炉】低过进口集箱开孔\φ38.1×9\装配件\119M2143-8-2\350MW超临界机组</t>
  </si>
  <si>
    <t>【东方锅炉】导向轴承\23068CCK/W33\装配件\197YR61 No.21</t>
  </si>
  <si>
    <t>【东方锅炉】导向轴承\23192CAK/W33\装配件\166YR61 No.31</t>
  </si>
  <si>
    <t>【东方锅炉】导向轴承\23192\装配件\34YR61 No.31</t>
  </si>
  <si>
    <t>【东方锅炉】挡块\δ8\15CrMog\66M218-3-3\300MW亚临界机组</t>
  </si>
  <si>
    <t>【东方锅炉】挡块\δ10\15CrMog\66M218-3-5\300MW亚临界机组</t>
  </si>
  <si>
    <t>【东方锅炉】挡块\L=34\碳化硅陶瓷\15S6121-1-8\1000MW超超临界机组</t>
  </si>
  <si>
    <t>【东方锅炉】挡板\δ5\SA-240GR309S\16N2552-30-6\600MW超临界机组</t>
  </si>
  <si>
    <t>【东方锅炉】搭板\δ25\12Cr1MoVg\66M218-5-2\300MW亚临界机组</t>
  </si>
  <si>
    <t>【东方锅炉】搭板\δ25\12Cr1MoVg\66M218-5-5\300MW亚临界机组</t>
  </si>
  <si>
    <t>【东方锅炉】吹灰器及烟道探针备用件\φ50.8×4\装配件\TZ-40\600MW超临界机组</t>
  </si>
  <si>
    <t>【东方锅炉】吹灰孔组件\φ38.1×7.5\装配件\TGS11509\1000MW超超临界机组</t>
  </si>
  <si>
    <t>【东方锅炉】吹灰孔\219+273\装配件\23S1113-2-1\1000MW超超临界机组</t>
  </si>
  <si>
    <t>【东方锅炉】吹灰孔\L1/L2=904.8/277.4\装配件\23S1113-3-1-0\1000MW超超临界机组</t>
  </si>
  <si>
    <t>【东方锅炉】吹灰孔\L1/L2=800/231.6\装配件\22S1133-5-1-0\1050MW超超临界机组</t>
  </si>
  <si>
    <t>【东方锅炉】吹灰孔\φ81\装配件\23S1134-7-1\1000MW超超临界机组</t>
  </si>
  <si>
    <t>【东方锅炉】吹灰孔\273+219\装配件\23S1153-5-0\1000MW超超临界机组</t>
  </si>
  <si>
    <t>【东方锅炉】吹灰孔\L1/L2=850/201.9\装配件\TGS21501-0-0\1000MW超超临界机组</t>
  </si>
  <si>
    <t>【东方锅炉】吹灰孔\L1/L2=660/106.9\装配件\TGS21501-0-1\1000MW超超临界机组</t>
  </si>
  <si>
    <t>【东方锅炉】吹灰孔\L1/L2=1898/414.6\装配件\TGA00672-0-0\350MW超临界机组</t>
  </si>
  <si>
    <t>【东方锅炉】吹灰孔\L1/L2=4720.6/414.6\装配件\TGA00672-0-1\350MW超临界机组</t>
  </si>
  <si>
    <t>【东方锅炉】吹灰孔\L1/L2=2600/1316.6\装配件\TGA00672-0-2\350MW超临界机组</t>
  </si>
  <si>
    <t>【东方锅炉】吹灰孔\L1/L2=2400/916.6\装配件\TGA00672-0-3\350MW超临界机组</t>
  </si>
  <si>
    <t>【东方锅炉】吹灰孔\L1/L2=2313.3/200\装配件\TGA00387-0-0\660MW超临界机组</t>
  </si>
  <si>
    <t>【东方锅炉】吹灰孔\L1/L2=7507.3/4409.3\装配件\TGA00387-0-1\660MW超临界机组</t>
  </si>
  <si>
    <t>【东方锅炉】吹灰孔\L1/L2=2313.3/1400\装配件\TGA00387-0-2\660MW超临界机组</t>
  </si>
  <si>
    <t>【东方锅炉】吹灰孔\L1/L2=3200/1984.7\装配件\TGA00387-0-3\660MW超临界机组</t>
  </si>
  <si>
    <t>【东方锅炉】吹灰孔\L1/L2=2932.7/1288.7\装配件\TGA00387-0-4\660MW超临界机组</t>
  </si>
  <si>
    <t>【东方锅炉】吹灰孔\L1/L2=2811.3/1984.7\装配件\TGA00387-0-5\660MW超临界机组</t>
  </si>
  <si>
    <t>【东方锅炉】吹灰孔\L1/L2=6215.4/1971.4\装配件\TGA00387-0-6\660MW超临界机组</t>
  </si>
  <si>
    <t>【东方锅炉】吹灰孔\L1/L2=7000/283.4\装配件\99N1113-11-9-0\660MW超临界机组</t>
  </si>
  <si>
    <t>【东方锅炉】吹灰孔\L1/L2=3000/283.4\装配件\99N1113-11-10-0\660MW超临界机组</t>
  </si>
  <si>
    <t>【东方锅炉】吹灰孔\L1/L2=6893.2/283.4\装配件\99N1113-11-11-0\660MW超临界机组</t>
  </si>
  <si>
    <t>【东方锅炉】承重块\ZG1Cr20Ni14Si2\57N223-1-13\600MW超临界机组</t>
  </si>
  <si>
    <t>【东方锅炉】衬环\50I DN700\35#\D0700.1108\SD61H-P54.5</t>
  </si>
  <si>
    <t>【东方锅炉】螺栓\YR\35CrMoA\142YR</t>
  </si>
  <si>
    <t>【东方锅炉】超越离合器\93YR52-0\装配件\93YR52-0/№2</t>
  </si>
  <si>
    <t>【东方锅炉】槽钢\20a\Q235A\CG-21\1000MW超超临界机组</t>
  </si>
  <si>
    <t>【东方锅炉】槽钢\10a\Q235A\20S666A-6-3\1000MW超超临界机组</t>
  </si>
  <si>
    <t>【东方锅炉】槽钢\14a\Q235A\CG-22\1000MW超超临界机组</t>
  </si>
  <si>
    <t>【东方锅炉】槽钢（正）\δ3\12Cr1MoV\28M531-13-2\300MW亚临界机组</t>
  </si>
  <si>
    <t>【东方锅炉】波型板\δ3\12Cr1MoV\28M531-2-5/№1\300MW亚临界机组</t>
  </si>
  <si>
    <t>【东方锅炉】波型板\δ3\12Cr1MoV\28M531-2-5/№2\300MW亚临界机组</t>
  </si>
  <si>
    <t>【东方锅炉】波型板\δ3\12Cr1MoV\28M531-2-6/№1\300MW亚临界机组</t>
  </si>
  <si>
    <t>【东方锅炉】波型板\δ3\12Cr1MoV\28M531-2-6/№2\300MW亚临界机组</t>
  </si>
  <si>
    <t>【东方锅炉】波型板\δ3\12Cr1MoV\28M531-2-7/№1\300MW亚临界机组</t>
  </si>
  <si>
    <t>【东方锅炉】波型板\δ3\12Cr1MoV\28M531-2-7/№2\300MW亚临界机组</t>
  </si>
  <si>
    <t>【东方锅炉】波型板\δ3\12Cr1MoV\28M531-2-8/№1\300MW亚临界机组</t>
  </si>
  <si>
    <t>【东方锅炉】波型板\δ3\12Cr1MoV\28M531-2-8/№2\300MW亚临界机组</t>
  </si>
  <si>
    <t>【东方锅炉】波型板\δ3\12Cr1MoV\28M531-2-13\300MW亚临界机组</t>
  </si>
  <si>
    <t>【东方锅炉】波型板\δ3\12Cr1MoV\28M531-2-5/№3\300MW亚临界机组</t>
  </si>
  <si>
    <t>【东方锅炉】波型板\δ3\12Cr1MoV\28M531-2-5/№4\300MW亚临界机组</t>
  </si>
  <si>
    <t>【东方锅炉】波型板\δ3\12Cr1MoV\28M531-13-13/№1\300MW亚临界机组</t>
  </si>
  <si>
    <t>【东方锅炉】波型板\δ3\12Cr1MoV\28M531-13-14/№1\300MW亚临界机组</t>
  </si>
  <si>
    <t>【东方锅炉】波型板\δ3\12Cr1MoV\28M531-13-14/№2\300MW亚临界机组</t>
  </si>
  <si>
    <t>【东方锅炉】扁钢\6.4×12.7\15CrMo\BG-101\600MW超临界机组</t>
  </si>
  <si>
    <t>【东方锅炉】扁钢\6.4×11.7\15CrMo\BG-102\600MW超临界机组</t>
  </si>
  <si>
    <t>【东方锅炉】扁钢\6.4×10.7\15CrMo\BG-103\600MW超临界机组</t>
  </si>
  <si>
    <t>【东方锅炉】扁钢\6.4×24.3\15CrMo\BG-104\600MW超临界机组</t>
  </si>
  <si>
    <t>【东方锅炉】螺栓\35CrMoA\120YR02/№2</t>
  </si>
  <si>
    <t>【东方锅炉】扁钢\9×114.3\15CrMo\BG-105\600MW超临界机组</t>
  </si>
  <si>
    <t>【东方锅炉】螺栓\35\120YR61/№2</t>
  </si>
  <si>
    <t>【东方锅炉】扁钢\6×12.7\20#\BG-106\600MW超临界机组</t>
  </si>
  <si>
    <t>【东方锅炉】压板\35\120YR61/№4</t>
  </si>
  <si>
    <t>【东方锅炉】扁钢\4×120\Q235A\BG-107\300MW亚临界机组</t>
  </si>
  <si>
    <t>【东方锅炉】扁钢\6×60\Q235A\BG-108\300MW亚临界机组</t>
  </si>
  <si>
    <t>【东方锅炉】扁钢\4×120\20#\BG-109\300MW亚临界机组</t>
  </si>
  <si>
    <t>【东方锅炉】扁钢\12×50\Q235A\BG-110\300MW亚临界机组</t>
  </si>
  <si>
    <t>【东方锅炉】扁钢\8×23.4\15CrMo\BG-111\300MW亚临界机组</t>
  </si>
  <si>
    <t>【东方锅炉】扁钢\6×19\20#\BG-112\300MW亚临界机组</t>
  </si>
  <si>
    <t>【东方锅炉】扁钢\8×40.4\15CrMo\BG-113\300MW亚临界机组</t>
  </si>
  <si>
    <t>【东方锅炉】扁钢\6×31.6\20#\BG-114\300MW亚临界机组</t>
  </si>
  <si>
    <t>【东方锅炉】扁钢\8×15.8\15CrMo\BG-115\300MW亚临界机组</t>
  </si>
  <si>
    <t>【东方锅炉】扁钢\6×59.7\20#\BG-116\300MW亚临界机组</t>
  </si>
  <si>
    <t>【东方锅炉】扁钢\6×19.8\20#\BG-117\300MW亚临界机组</t>
  </si>
  <si>
    <t>【东方锅炉】扁钢\6×26.5\20#\BG-118\300MW亚临界机组</t>
  </si>
  <si>
    <t>【东方锅炉】扁钢\6×56.5\20#\BG-119\300MW亚临界机组</t>
  </si>
  <si>
    <t>【东方锅炉】扁钢\6×32.9\15CrMo\BG-120\300MW亚临界机组</t>
  </si>
  <si>
    <t>【东方锅炉】扁钢\6×35\15CrMo\BG-121\300MW亚临界机组</t>
  </si>
  <si>
    <t>【东方锅炉】扁钢\6×10\15CrMo\BG-122\300MW亚临界机组</t>
  </si>
  <si>
    <t>【东方锅炉】扁钢\6×65.8\15CrMo\BG-123\300MW亚临界机组</t>
  </si>
  <si>
    <t>【东方锅炉】扁钢\6×31\15CrMo\BG-124\300MW亚临界机组</t>
  </si>
  <si>
    <t>【东方锅炉】扁钢\6×24\15CrMo\BG-125\300MW亚临界机组</t>
  </si>
  <si>
    <t>【东方锅炉】扁钢\6×41\15CrMo\BG-126\300MW亚临界机组</t>
  </si>
  <si>
    <t>【东方锅炉】扁钢\6×61\15CrMo\BG-127\300MW亚临界机组</t>
  </si>
  <si>
    <t>【东方锅炉】扁钢\6×88.15\15CrMo\BG-128\300MW亚临界机组</t>
  </si>
  <si>
    <t>【东方锅炉】扁钢\6×58\15CrMo\BG-129\300MW亚临界机组</t>
  </si>
  <si>
    <t>【东方锅炉】扁钢\6×63.3\20#\BG-130\300MW亚临界机组</t>
  </si>
  <si>
    <t>【东方锅炉】扁钢\6×6.65\20#\BG-131\300MW亚临界机组</t>
  </si>
  <si>
    <t>【东方锅炉】扁钢\6×6\20#\BG-100\300MW亚临界机组</t>
  </si>
  <si>
    <t>【东方锅炉】扁钢\6×79\20#\BG-99\300MW亚临界机组</t>
  </si>
  <si>
    <t>【东方锅炉】扁钢\6×7\20#\BG-98\300MW亚临界机组</t>
  </si>
  <si>
    <t>【东方锅炉】扁钢\6×13\20#\BG-97\300MW亚临界机组</t>
  </si>
  <si>
    <t>【东方锅炉】扁钢\6×51\20#\BG-96\300MW亚临界机组</t>
  </si>
  <si>
    <t>【东方锅炉】扁钢\6×50\20#\BG-95\300MW亚临界机组</t>
  </si>
  <si>
    <t>【东方锅炉】螺栓\№3\35CrMoA\TYP00082</t>
  </si>
  <si>
    <t>【东方锅炉】扁钢\6×64.7\20#\BG-94\300MW亚临界机组</t>
  </si>
  <si>
    <t>【东方锅炉】螺栓\35CrMoA\275YR61-6/№1</t>
  </si>
  <si>
    <t>【东方锅炉】扁钢\6×65\20#\BG-93\300MW亚临界机组</t>
  </si>
  <si>
    <t>【东方锅炉】扁钢\6×10\20#\BG-92\150MW超高压CFB机组</t>
  </si>
  <si>
    <t>【东方锅炉】扁钢\6×55\20#\BG-91\150MW超高压CFB机组</t>
  </si>
  <si>
    <t>【东方锅炉】扁钢\6×20\20#\BG-90\150MW超高压CFB机组</t>
  </si>
  <si>
    <t>【东方锅炉】扁钢\6×41.2\20#\BG-89\150MW超高压CFB机组</t>
  </si>
  <si>
    <t>【东方锅炉】扁钢\6×60.4\20#\BG-88\150MW超高压CFB机组</t>
  </si>
  <si>
    <t>【东方锅炉】扁钢\6×20.5\20#\BG-87\150MW超高压CFB机组</t>
  </si>
  <si>
    <t>【东方锅炉】扁钢\6×23\20#\BG-86\150MW超高压CFB机组</t>
  </si>
  <si>
    <t>【东方锅炉】扁钢\6×18.6\20#\BG-85\150MW超高压CFB机组</t>
  </si>
  <si>
    <t>【东方锅炉】扁钢\6×24.5\20#\BG-84\150MW超高压CFB机组</t>
  </si>
  <si>
    <t>【东方锅炉】扁钢\6×12.2\20#\BG-83\150MW超高压CFB机组</t>
  </si>
  <si>
    <t>【东方锅炉】扁钢\6×12\20#\BG-82\150MW超高压CFB机组</t>
  </si>
  <si>
    <t>【东方锅炉】扁钢\6×14.4\20#\BG-81\150MW超高压CFB机组</t>
  </si>
  <si>
    <t>【东方锅炉】扁钢\6×44\20#\BG-80\150MW超高压CFB机组</t>
  </si>
  <si>
    <t>【东方锅炉】扁钢\6×68\20#\BG-79\150MW超高压CFB机组</t>
  </si>
  <si>
    <t>【东方锅炉】扁钢\6×29\20#\BG-78\150MW超高压CFB机组</t>
  </si>
  <si>
    <t>【东方锅炉】扁钢\6×100\20#\BG-77\135MW超高压CFB机组</t>
  </si>
  <si>
    <t>【东方锅炉】扁钢\6×82.5\20#\BG-76\135MW超高压CFB机组</t>
  </si>
  <si>
    <t>【东方锅炉】扁钢\6×56.5\20#\BG-75\150MW超高压CFB机组</t>
  </si>
  <si>
    <t>【东方锅炉】扁钢\76×6\20#\BG-74\135MW超高压CFB机组</t>
  </si>
  <si>
    <t>【东方锅炉】扁钢\38×6\20#\BG-73\135MW超高压CFB机组</t>
  </si>
  <si>
    <t>【东方锅炉】扁钢\69.75×6\20#\BG-72\150MW超高压CFB机组</t>
  </si>
  <si>
    <t>【东方锅炉】扁钢\71×6\20#\BG-71\150MW超高压CFB机组</t>
  </si>
  <si>
    <t>【东方锅炉】螺栓\42CrMoA\165YR02-5</t>
  </si>
  <si>
    <t>【东方锅炉】扁钢\6×109\20#\BG-70\150MW超高压CFB机组</t>
  </si>
  <si>
    <t>【东方锅炉】扁钢\6×84\20#\BG-69\150MW超高压CFB机组</t>
  </si>
  <si>
    <t>【东方锅炉】扁钢\6×54.5\20#\BG-68\150MW超高压CFB机组</t>
  </si>
  <si>
    <t>【东方锅炉】扁钢\21.5×6\12Cr1MoV\BG-67\150MW超高压CFB机组</t>
  </si>
  <si>
    <t>【东方锅炉】扁钢\6×21.5\12Cr1MoV\BG-66\150MW超高压CFB机组</t>
  </si>
  <si>
    <t>【东方锅炉】扁钢\3×20\12Cr1MoV\BG-65\150MW超高压CFB机组</t>
  </si>
  <si>
    <t>【东方锅炉】扁钢\8×63\20#\BG-64\150MW超高压CFB机组</t>
  </si>
  <si>
    <t>【东方锅炉】扁钢\8×30\20#\BG-63\150MW超高压CFB机组</t>
  </si>
  <si>
    <t>【东方锅炉】扁钢\8×20\20#\BG-62\150MW超高压CFB机组</t>
  </si>
  <si>
    <t>【东方锅炉】扁钢\8×40\20#\BG-61\150MW超高压CFB机组</t>
  </si>
  <si>
    <t>【东方锅炉】扁钢\8×43.5\20#\BG-60\150MW超高压CFB机组</t>
  </si>
  <si>
    <t>【东方锅炉】扁钢\8×31.5\20#\BG-59\150MW超高压CFB机组</t>
  </si>
  <si>
    <t>【东方锅炉】扁钢\6×34.5\Q235A\BG-58\150MW超高压CFB机组</t>
  </si>
  <si>
    <t>【东方锅炉】扁钢\9×31.7\12Cr1MoV\BG-57\1000MW超超临界机组</t>
  </si>
  <si>
    <t>【东方锅炉】扁钢\9×15.8\12Cr1MoV\BG-56\1000MW超超临界机组</t>
  </si>
  <si>
    <t>【东方锅炉】扁钢\9×10.1\12Cr1MoV\BG-55\1000MW超超临界机组</t>
  </si>
  <si>
    <t>【东方锅炉】扁钢\9×37.3\12Cr1MoV\BG-54\1000MW超超临界机组</t>
  </si>
  <si>
    <t>【东方锅炉】扁钢\9×20.3\12Cr1MoV\BG-53\1000MW超超临界机组</t>
  </si>
  <si>
    <t>【东方锅炉】扁钢\9×14.2\12Cr1MoV\BG-52\1000MW超超临界机组</t>
  </si>
  <si>
    <t>【东方锅炉】扁钢\9×12.7\12Cr1MoV\BG-51\1000MW超超临界机组</t>
  </si>
  <si>
    <t>【东方锅炉】扁钢\9×37.2\12Cr1MoV\BG-50\1000MW超超临界机组</t>
  </si>
  <si>
    <t>【东方锅炉】扁钢\9×32.1\12Cr1MoV\BG-49\1000MW超超临界机组</t>
  </si>
  <si>
    <t>【东方锅炉】扁钢\6.4×31.7\12Cr1MoV\BG-48\1000MW超超临界机组</t>
  </si>
  <si>
    <t>【东方锅炉】扁钢\9×58.6\12Cr1MoV\BG-47\1000MW超超临界机组</t>
  </si>
  <si>
    <t>【东方锅炉】扁钢\6.4×9.8\15CrMo\BG-46\1000MW超超临界机组</t>
  </si>
  <si>
    <t>【东方锅炉】扁钢\9×88.9\15CrMo\BG-45\1000MW超超临界机组</t>
  </si>
  <si>
    <t>【东方锅炉】旁路密封片\1.5mm\Q355GNH\193YR43-2</t>
  </si>
  <si>
    <t>【东方锅炉】扁钢\9×60.9\15CrMo\BG-44\1000MW超超临界机组</t>
  </si>
  <si>
    <t>【东方锅炉】扁钢\9×103.6\15CrMo\BG-43\1000MW超超临界机组</t>
  </si>
  <si>
    <t>【东方锅炉】扁钢\9×112\15CrMo\BG-42\1000MW超超临界机组</t>
  </si>
  <si>
    <t>【东方锅炉】扇型板\ASSEMBLY\269YR321-2-0</t>
  </si>
  <si>
    <t>【东方锅炉】扁钢\9×28.6\12Cr1MoV\BG-132\1000MW超超临界机组</t>
  </si>
  <si>
    <t>【东方锅炉】扁钢\9×31.8\12Cr1MoV\BG-133\1000MW超超临界机组</t>
  </si>
  <si>
    <t>【东方锅炉】扁钢\9×11.1\12Cr1MoV\BG-134\1000MW超超临界机组</t>
  </si>
  <si>
    <t>【东方锅炉】扁钢\9×25.4\12Cr1MoV\BG-135\1000MW超超临界机组</t>
  </si>
  <si>
    <t>【东方锅炉】扁钢\9×17.1\12Cr1MoV\BG-136\1000MW超超临界机组</t>
  </si>
  <si>
    <t>【东方锅炉】扁钢\9×34\12Cr1MoV\BG-137\1000MW超超临界机组</t>
  </si>
  <si>
    <t>【东方锅炉】扁钢\9×20.6\12Cr1MoV\BG-138\1000MW超超临界机组</t>
  </si>
  <si>
    <t>【东方锅炉】扁钢\6.4×32.1\15CrMo\BG-132\1000MW超超临界机组</t>
  </si>
  <si>
    <t>【东方锅炉】扁钢\6.4×41.5\15CrMo\BG-133\1000MW超超临界机组</t>
  </si>
  <si>
    <t>【东方锅炉】扁钢\δ6\15CrMo\BG-134\1000MW超超临界机组</t>
  </si>
  <si>
    <t>【东方锅炉】扁钢\δ6.4\15CrMo\BG-135\1000MW超超临界机组</t>
  </si>
  <si>
    <t>【东方锅炉】扁钢\9×39.3\12Cr1MoV\BG-137\1000MW超超临界机组</t>
  </si>
  <si>
    <t>【东方锅炉】扁钢\6.4×47.3\15CrMo\BG-138\1000MW超超临界机组</t>
  </si>
  <si>
    <t>【东方锅炉】扁钢\6.4×28.6\15CrMo\BG-139\1000MW超超临界机组</t>
  </si>
  <si>
    <t>【东方锅炉】扁钢\6.4×57.3\15CrMo\BG-140\1000MW超超临界机组</t>
  </si>
  <si>
    <t>【东方锅炉】扁钢\6.4×9.3\15CrMo\BG-141\1000MW超超临界机组</t>
  </si>
  <si>
    <t>【东方锅炉】扁钢\6.4×76.2\15CrMo\BG-142\1000MW超超临界机组</t>
  </si>
  <si>
    <t>【东方锅炉】扁钢\6.4×15.9\15CrMo\BG-143\1000MW超超临界机组</t>
  </si>
  <si>
    <t>【东方锅炉】扁钢\6.4×68.2\15CrMo\BG-144\1000MW超超临界机组</t>
  </si>
  <si>
    <t>【东方锅炉】扁钢\6.4×26.9\15CrMo\BG-145\1000MW超超临界机组</t>
  </si>
  <si>
    <t>【东方锅炉】扁钢\6.4×53.9\15CrMo\BG-146\1000MW超超临界机组</t>
  </si>
  <si>
    <t>【东方锅炉】扁钢\6.4×13\15CrMo\BG-147\1000MW超超临界机组</t>
  </si>
  <si>
    <t>【东方锅炉】扁钢\6.4×54\15CrMo\BG-148\1000MW超超临界机组</t>
  </si>
  <si>
    <t>【东方锅炉】扁钢\6.4×15.8\15CrMo\BG-149\1000MW超超临界机组</t>
  </si>
  <si>
    <t>【东方锅炉】扁钢\6.4×72.7\15CrMo\BG-150\1000MW超超临界机组</t>
  </si>
  <si>
    <t>【东方锅炉】扁钢\6×38\15CrMo\BG-151\1000MW超超临界机组</t>
  </si>
  <si>
    <t>【东方锅炉】扁钢\4×42\15CrMo\BG-152\1000MW超超临界机组</t>
  </si>
  <si>
    <t>【东方锅炉】扁钢\5×30\Q235A\BG-153\1000MW超超临界机组</t>
  </si>
  <si>
    <t>【东方锅炉】扁钢\6.4×19\12Cr1MoV\BG-154\350MW超临界机组</t>
  </si>
  <si>
    <t>【东方锅炉】扁钢\6.4×9.5\12Cr1MoV\BG-155\350MW超临界机组</t>
  </si>
  <si>
    <t>【东方锅炉】扁钢\6×25\15CrMo\BG-156\350MW超临界机组</t>
  </si>
  <si>
    <t>【东方锅炉】扁钢\6.4×21.2\12Cr1MoV\BG-157\350MW超临界机组</t>
  </si>
  <si>
    <t>【东方锅炉】扁钢\6.4×25\15CrMo\BG-158\350MW超临界机组</t>
  </si>
  <si>
    <t>【东方锅炉】扁钢\10×49.7\12Cr1MoV\BG-159\350MW超临界机组</t>
  </si>
  <si>
    <t>【东方锅炉】扁钢\6×25\12Cr1MoV\BG-160\350MW超临界机组</t>
  </si>
  <si>
    <t>【东方锅炉】扁钢\6.4×12.6\12Cr1MoV\BG-161\350MW超临界机组</t>
  </si>
  <si>
    <t>【东方锅炉】扁钢\6.4×25.3\12Cr1MoV\BG-162\350MW超临界机组</t>
  </si>
  <si>
    <t>【东方锅炉】扁钢\6.4×35.3\12Cr1MoV\BG-163\350MW超临界机组</t>
  </si>
  <si>
    <t>【东方锅炉】扁钢\8×31.7\12Cr1MoV\BG-164\350MW超临界机组</t>
  </si>
  <si>
    <t>【东方锅炉】扁钢\8×37.3\12Cr1MoV\BG-165\350MW超临界机组</t>
  </si>
  <si>
    <t>【东方锅炉】扁钢\8×10.1\12Cr1MoV\BG-166\350MW超临界机组</t>
  </si>
  <si>
    <t>【东方锅炉】扁钢\8×15.8\12Cr1MoV\BG-167\350MW超临界机组</t>
  </si>
  <si>
    <t>【东方锅炉】螺栓\35CrMoA\122YR02/№2</t>
  </si>
  <si>
    <t>【东方锅炉】扁钢\8×20.3\12Cr1MoV\BG-168\1000MW超超临界机组</t>
  </si>
  <si>
    <t>【东方锅炉】扁钢\6.4×9.4\12Cr1MoV\BG-169\660MW超超临界机组</t>
  </si>
  <si>
    <t>【东方锅炉】螺栓\35CrMoA\122YR61/№2</t>
  </si>
  <si>
    <t>【东方锅炉】扁钢\δ6.4 557×25\15CrMo\BG-170\660MW超超临界机组</t>
  </si>
  <si>
    <t>【东方锅炉】压板\Q235B\122YR61/№4</t>
  </si>
  <si>
    <t>【东方锅炉】扁钢\6.4×57.2\12Cr1MoV\BG-171\660MW超超临界机组</t>
  </si>
  <si>
    <t>【东方锅炉】热端蓄热元件\AH8\SPCC\59YR11-1-0/№4</t>
  </si>
  <si>
    <t>【东方锅炉】热端蓄热元件\BH8\SPCC\59YR11-2-0/№4</t>
  </si>
  <si>
    <t>【东方锅炉】热端蓄热元件\CH8\SPCC\59YR11-3-0/№4</t>
  </si>
  <si>
    <t>【东方锅炉】热端蓄热元件\DH8\SPCC\59YR11-4-0/№4</t>
  </si>
  <si>
    <t>【东方锅炉】热端蓄热元件\EH8\SPCC\59YR11-5-0/№4</t>
  </si>
  <si>
    <t>【东方锅炉】冷端蓄热元件\AH3\搪瓷\43YR12-1-0</t>
  </si>
  <si>
    <t>【东方锅炉】冷端蓄热元件\BH3\搪瓷\43YR12-2-0</t>
  </si>
  <si>
    <t>【东方锅炉】冷端蓄热元件\CH3\搪瓷\43YR12-3-0</t>
  </si>
  <si>
    <t>【东方锅炉】冷端蓄热元件\DH3\搪瓷\43YR12-4-0</t>
  </si>
  <si>
    <t>【东方锅炉】冷端蓄热元件\EH3\搪瓷\43YR12-5-0</t>
  </si>
  <si>
    <t>【东方锅炉】扁钢\6.4×18.8\12Cr1MoV\BG-172\660MW超超临界机组</t>
  </si>
  <si>
    <t>【东方锅炉】扁钢\6×18.5\15Crmo\BG-173\300MW亚临界机组</t>
  </si>
  <si>
    <t>【东方锅炉】扁钢\6×30\15CrMo\BG-174\300MW亚临界机组</t>
  </si>
  <si>
    <t>【东方锅炉】扁钢\6×15\15CrMo\BG-175\300MW亚临界机组</t>
  </si>
  <si>
    <t>【东方锅炉】扁钢\6×98\15CrMo\BG-176\300MW亚临界机组</t>
  </si>
  <si>
    <t>【东方锅炉】扁钢\6×54.5\15CrMo\BG-177\300MW亚临界机组</t>
  </si>
  <si>
    <t>【东方锅炉】扁钢\6×49\15CrMo\BG-178\300MW亚临界机组</t>
  </si>
  <si>
    <t>【东方锅炉】扁钢\6×27.3\15CrMo\BG-179\300MW亚临界机组</t>
  </si>
  <si>
    <t>【东方锅炉】扁钢\6×5.5\15CrMo\BG-180\300MW亚临界机组</t>
  </si>
  <si>
    <t>【东方锅炉】扁钢\6×11\15CrMo\BG-181\300MW亚临界机组</t>
  </si>
  <si>
    <t>【东方锅炉】扁钢\6×52\15CrMo\BG-182\300MW亚临界机组</t>
  </si>
  <si>
    <t>【东方锅炉】扁钢\6×84.7\15CrMo\BG-183\300MW亚临界机组</t>
  </si>
  <si>
    <t>【东方锅炉】扁钢\6×61.5\15CrMo\BG-184\300MW亚临界机组</t>
  </si>
  <si>
    <t>【东方锅炉】扁钢\6×25.5\15CrMo\BG-185\300MW亚临界机组</t>
  </si>
  <si>
    <t>【东方锅炉】扁钢\14.5×8\15CrMo\BG-186\300MW亚临界机组</t>
  </si>
  <si>
    <t>【东方锅炉】扁钢\10×9.4\15CrMo\99N1111-0\660MW超临界机组</t>
  </si>
  <si>
    <t>【东方锅炉】扁钢\6.4×25.3\15CrMo\99N1112-0\660MW超临界机组</t>
  </si>
  <si>
    <t>【东方锅炉】扁钢\6.4×29.8\15CrMo\99N1112-0\660MW超临界机组</t>
  </si>
  <si>
    <t>【东方锅炉】扁钢\6.4×31.6\15CrMo\99N1112-0\660MW超临界机组</t>
  </si>
  <si>
    <t>【东方锅炉】扁钢\6.4×32.5\15CrMo\99N1112-0\660MW超临界机组</t>
  </si>
  <si>
    <t>【东方锅炉】扁钢\6.4×18.7\15CrMo\99N1112-0\660MW超临界机组</t>
  </si>
  <si>
    <t>【东方锅炉】扁钢\6.4×16.2\15CrMo\99N1112-0\660MW超临界机组</t>
  </si>
  <si>
    <t>【东方锅炉】扁钢\6.4×13.6\15CrMo\99N1112-0\660MW超临界机组</t>
  </si>
  <si>
    <t>【东方锅炉】扁钢\6.4×29.9\15CrMo\99N1112-0\660MW超临界机组</t>
  </si>
  <si>
    <t>【东方锅炉】扁钢\δ6.4 25×460\15CrMo\99N1113-0\660MW超临界机组</t>
  </si>
  <si>
    <t>【东方锅炉】扁钢\δ6.4 38×502\15CrMo\99N1113-0\660MW超临界机组</t>
  </si>
  <si>
    <t>【东方锅炉】扁钢\δ6.4 963×38\15CrMo\99N1113-0\660MW超临界机组</t>
  </si>
  <si>
    <t>【东方锅炉】扁钢\δ6.4 38×616\15CrMo\99N1113-0\660MW超临界机组</t>
  </si>
  <si>
    <t>【东方锅炉】扁钢\6.4×24.3\15CrMo\99N112-0\660MW超临界机组</t>
  </si>
  <si>
    <t>【东方锅炉】扁钢\9×114.3\15CrMo\99N112-0\660MW超临界机组</t>
  </si>
  <si>
    <t>【东方锅炉】扁钢\δ6.4 22×456\15CrMo\99N1131-0\660MW超临界机组</t>
  </si>
  <si>
    <t>【东方锅炉】扁钢\9×69.9\15CrMo\99N112-0\660MW超临界机组</t>
  </si>
  <si>
    <t>【东方锅炉】扁钢\9×115.9\15CrMo\99N112-0\660MW超临界机组</t>
  </si>
  <si>
    <t>【东方锅炉】扁钢\9×150.3\15CrMo\99N112-0\660MW超临界机组</t>
  </si>
  <si>
    <t>【东方锅炉】扁钢\9×162\15CrMo\99N112-0\660MW超临界机组</t>
  </si>
  <si>
    <t>【东方锅炉】扁钢\6.4×22.3\15CrMo\99N112-0\660MW超临界机组</t>
  </si>
  <si>
    <t>【东方锅炉】扁钢\9×12.7\15CrMo\99N112-0\660MW超临界机组</t>
  </si>
  <si>
    <t>【东方锅炉】扁钢\6.4×19.7\15CrMo\99N1142-0\660MW超临界机组</t>
  </si>
  <si>
    <t>【东方锅炉】扁钢\6.4×21.6\15CrMo\99N1142-0\660MW超临界机组</t>
  </si>
  <si>
    <t>【东方锅炉】扁钢\6.4×16.55\15CrMo\99N1142-0\660MW超临界机组</t>
  </si>
  <si>
    <t>【东方锅炉】扁钢\6.4×13.05\15CrMo\99N1142-0\660MW超临界机组</t>
  </si>
  <si>
    <t>【东方锅炉】扁钢\6.4×18.4\15CrMo\99N1142-0\660MW超临界机组</t>
  </si>
  <si>
    <t>【东方锅炉】扁钢\9×40.1\15CrMo\99N2132-0\660MW超临界机组</t>
  </si>
  <si>
    <t>【东方锅炉】扁钢\6.4×28.65\15CrMo\99N2132-0\660MW超临界机组</t>
  </si>
  <si>
    <t>【东方锅炉】扁钢\6.4×62.3\15CrMo\99N2141-0\660MW超临界机组</t>
  </si>
  <si>
    <t>【东方锅炉】扁钢\6.4×58.8\15CrMo\99N2141-0\660MW超临界机组</t>
  </si>
  <si>
    <t>【东方锅炉】扁钢\6.4×71.2\15CrMo\99N2142-0\660MW超临界机组</t>
  </si>
  <si>
    <t>【东方锅炉】扁钢\6.4×67.6\15CrMo\99N2142-0\660MW超临界机组</t>
  </si>
  <si>
    <t>【东方锅炉】扁钢\δ6 25×379\20#\99N2143-0\660MW超临界机组</t>
  </si>
  <si>
    <t>【东方锅炉】扁钢\6.4×42.2\15CrMo\99N2143-0\660MW超临界机组</t>
  </si>
  <si>
    <t>【东方锅炉】扁钢\6.4×53.6\15CrMo\99N2143-0\660MW超临界机组</t>
  </si>
  <si>
    <t>【东方锅炉】扁钢\6.4×85\15CrMo\99N2145-0\660MW超临界机组</t>
  </si>
  <si>
    <t>【东方锅炉】扁钢\6.4×71.3\15CrMo\99N2145-0\660MW超临界机组</t>
  </si>
  <si>
    <t>【东方锅炉】扁钢\δ20\15CrMo\99N2146-1-7\660MW超临界机组</t>
  </si>
  <si>
    <t>【东方锅炉】扁钢\δ6×50/L=221\12Cr1MoV\28M531-13-0/№6\300MW亚临界机组</t>
  </si>
  <si>
    <t>【东方锅炉】扁钢\δ6×50/L=174.5\12Cr1MoV\28M531-13-0/№9\300MW亚临界机组</t>
  </si>
  <si>
    <t>【东方锅炉】扁钢\δ6×40/L=905\12Cr1MoV\28M531-13-0/№10\300MW亚临界机组</t>
  </si>
  <si>
    <t>【东方锅炉】扁钢\δ6×69\15CrMo\BGTYJ-1\660MW超临界机组</t>
  </si>
  <si>
    <t>【东方锅炉】扁钢\δ6×49\15CrMo\BGTYJ-2\660MW超临界机组</t>
  </si>
  <si>
    <t>【东方锅炉】扁钢\δ6×42\15CrMo\BGTYJ-3\660MW超临界机组</t>
  </si>
  <si>
    <t>【东方锅炉】扁钢\δ6×23\20#\BGTYJ-4\660MW超临界机组</t>
  </si>
  <si>
    <t>【东方锅炉】扁钢\δ6×69.5\15CrMo\BGTYJ-5\660MW超临界机组</t>
  </si>
  <si>
    <t>【东方锅炉】扁钢\δ6×10\15CrMo\BGTYJ-6\660MW超临界机组</t>
  </si>
  <si>
    <t>【东方锅炉】扁钢\δ6×10\20#\BGTYJ-7/№2\200MW亚临界机组</t>
  </si>
  <si>
    <t>【东方锅炉】扁钢\δ6×20\20#\BGTYJ-8/№2\200MW亚临界机组</t>
  </si>
  <si>
    <t>【东方锅炉】扁钢\δ6×30.5\20#\BGTYJ-9/№3\210MW亚临界机组</t>
  </si>
  <si>
    <t>【东方锅炉】扁钢\δ6×20\20#\BGTYJ-10/№3\210MW亚临界机组</t>
  </si>
  <si>
    <t>【东方锅炉】扁钢\δ6×23\20#\BGTYJ-11\210MW亚临界机组</t>
  </si>
  <si>
    <t>【东方锅炉】扁钢\δ6×76\20#\BGTYJ-12\210MW亚临界机组</t>
  </si>
  <si>
    <t>【东方锅炉】扁钢\δ6×60\20#\BGTYJ-13/№2\200MW亚临界机组</t>
  </si>
  <si>
    <t>【东方锅炉】扁钢\δ6×40\20#\BGTYJ-14/№2\200MW亚临界机组</t>
  </si>
  <si>
    <t>【东方锅炉】扁钢\9×114.3\15CrMo\BG-233\600MW超临界机组</t>
  </si>
  <si>
    <t>【东方锅炉】扁钢\6×12.7\20#\BG-188\300MW亚临界机组</t>
  </si>
  <si>
    <t>【东方锅炉】扁钢\4×120\Q235A\BG-189\300MW亚临界机组</t>
  </si>
  <si>
    <t>【东方锅炉】扁钢\6×60\Q235A\BG-190\300MW亚临界机组</t>
  </si>
  <si>
    <t>【东方锅炉】扁钢\δ6\20G\47M214-75-2\300MW亚临界机组</t>
  </si>
  <si>
    <t>【东方锅炉】扁钢\δ6\20G\47M214-75-3\300MW亚临界机组</t>
  </si>
  <si>
    <t>【东方锅炉】扁钢\4×120\20#\BG-191\300MW亚临界机组</t>
  </si>
  <si>
    <t>【东方锅炉】扁钢\12×50\Q235A\BG-192\300MW亚临界机组</t>
  </si>
  <si>
    <t>【东方锅炉】扁钢\8×23.4\15CrMo\BG-193\300MW亚临界机组</t>
  </si>
  <si>
    <t>【东方锅炉】扁钢\6×19\20#\BG-194\300MW亚临界机组</t>
  </si>
  <si>
    <t>【东方锅炉】扁钢\8×40.4\15CrMo\BG-195\300MW亚临界机组</t>
  </si>
  <si>
    <t>【东方锅炉】扁钢\6×31.6\20#\BG-196\300MW亚临界机组</t>
  </si>
  <si>
    <t>【东方锅炉】扁钢\8×15.8\15CrMo\BG-197\300MW亚临界机组</t>
  </si>
  <si>
    <t>【东方锅炉】扁钢\6×59.7\20#\BG-198\300MW亚临界机组</t>
  </si>
  <si>
    <t>【东方锅炉】扁钢\6×19.8\20#\BG-199\300MW亚临界机组</t>
  </si>
  <si>
    <t>【东方锅炉】扁钢\6×26.5\20#\BG-200\300MW亚临界机组</t>
  </si>
  <si>
    <t>【东方锅炉】扁钢\6×56.5\20#\BG-201\300MW亚临界机组</t>
  </si>
  <si>
    <t>【东方锅炉】扁钢\6×32.9\15CrMo\BG-202\300MW亚临界机组</t>
  </si>
  <si>
    <t>【东方锅炉】扁钢\6×35\15CrMo\BG-203\300MW亚临界机组</t>
  </si>
  <si>
    <t>【东方锅炉】扁钢\6×10\15CrMo\BG-204\300MW亚临界机组</t>
  </si>
  <si>
    <t>【东方锅炉】扁钢\6×65.8\15CrMo\BG-205\300MW亚临界机组</t>
  </si>
  <si>
    <t>【东方锅炉】扁钢\6×31\15CrMo\BG-206\300MW亚临界机组</t>
  </si>
  <si>
    <t>【东方锅炉】扁钢\6×24\15CrMo\BG-207\300MW亚临界机组</t>
  </si>
  <si>
    <t>【东方锅炉】扁钢\6×41\15CrMo\BG-208\300MW亚临界机组</t>
  </si>
  <si>
    <t>【东方锅炉】扁钢\6×61\15CrMo\BG-209\300MW亚临界机组</t>
  </si>
  <si>
    <t>【东方锅炉】扁钢\6×88.15\15CrMo\BG-210\300MW亚临界机组</t>
  </si>
  <si>
    <t>【东方锅炉】扁钢\6×58\15CrMo\BG-211\300MW亚临界机组</t>
  </si>
  <si>
    <t>【东方锅炉】扁钢\6×63.3\20#\BG-212\300MW亚临界机组</t>
  </si>
  <si>
    <t>【东方锅炉】扁钢\6×6.65\20#\BG-213\300MW亚临界机组</t>
  </si>
  <si>
    <t>【东方锅炉】扁钢\6×6\20#\BG-214\300MW亚临界机组</t>
  </si>
  <si>
    <t>【东方锅炉】扁钢\6×79\20#\BG-215\300MW亚临界机组</t>
  </si>
  <si>
    <t>【东方锅炉】扁钢\6×7\20#\BG-216\300MW亚临界机组</t>
  </si>
  <si>
    <t>【东方锅炉】扁钢\6×13\20#\BG-217\300MW亚临界机组</t>
  </si>
  <si>
    <t>【东方锅炉】扁钢\6×51\20#\BG-218\300MW亚临界机组</t>
  </si>
  <si>
    <t>【东方锅炉】扁钢\6×50\20#\BG-219\300MW亚临界机组</t>
  </si>
  <si>
    <t>【东方锅炉】扁钢\δ6\20G\35J1113-1-2\150MW CFB锅炉</t>
  </si>
  <si>
    <t>【东方锅炉】扁钢\δ6\20G\35J1113-1-3\150MW CFB锅炉</t>
  </si>
  <si>
    <t>【东方锅炉】扁钢\6×64.7\20#\BG-220\300MW亚临界机组</t>
  </si>
  <si>
    <t>【东方锅炉】扁钢\δ6\20G\35J1113-3-2\150MW CFB锅炉</t>
  </si>
  <si>
    <t>【东方锅炉】扁钢\6×65\20#\BG-221\300MW亚临界机组</t>
  </si>
  <si>
    <t>【东方锅炉】扁钢\6×10\20#\BG-222\150MW CFB锅炉</t>
  </si>
  <si>
    <t>【东方锅炉】扁钢\6×55\20#\BG-223\150MW CFB锅炉</t>
  </si>
  <si>
    <t>【东方锅炉】扁钢\6×20\20#\BG-224\150MW CFB锅炉</t>
  </si>
  <si>
    <t>【东方锅炉】扁钢\δ6\20G\35J1121-1-1\150MW CFB锅炉</t>
  </si>
  <si>
    <t>【东方锅炉】扁钢\δ6\20G\33J1121-1-4\150MW CFB锅炉</t>
  </si>
  <si>
    <t>【东方锅炉】扁钢\δ6\20G\35J1121-1-2\150MW CFB锅炉</t>
  </si>
  <si>
    <t>【东方锅炉】扁钢\6×41.2\20#\BG-225\150MW CFB锅炉</t>
  </si>
  <si>
    <t>【东方锅炉】扁钢\δ6 №1\20G\35J1122-1-6\150MW CFB锅炉</t>
  </si>
  <si>
    <t>【东方锅炉】扁钢\δ6 №2\20G\35J1122-1-6\150MW CFB锅炉</t>
  </si>
  <si>
    <t>【东方锅炉】扁钢\δ6 №3\20G\35J1122-1-6\150MW CFB锅炉</t>
  </si>
  <si>
    <t>【东方锅炉】扁钢\δ6 №1\20G\35J1122-1-7\150MW CFB锅炉</t>
  </si>
  <si>
    <t>【东方锅炉】扁钢\δ6 №2\20G\35J1122-1-7\150MW CFB锅炉</t>
  </si>
  <si>
    <t>【东方锅炉】扁钢\δ6 №3\20G\35J1122-1-7\150MW CFB锅炉</t>
  </si>
  <si>
    <t>【东方锅炉】扁钢\6×60.4\20#\BG-226\150MW CFB锅炉</t>
  </si>
  <si>
    <t>【东方锅炉】扁钢\δ6\20G\35J1112-1-21\150MW CFB锅炉</t>
  </si>
  <si>
    <t>【东方锅炉】扁钢\6×20.5\20#\BG-227\150MW CFB锅炉</t>
  </si>
  <si>
    <t>【东方锅炉】扁钢\6×23\20#\BG-228\150MW CFB锅炉</t>
  </si>
  <si>
    <t>【东方锅炉】扁钢\6×18.6\20#\BG-229\150MW CFB锅炉</t>
  </si>
  <si>
    <t>【东方锅炉】扁钢\6×24.5\20#\BG-230\150MW CFB锅炉</t>
  </si>
  <si>
    <t>【东方锅炉】扁钢\6×12.2\20#\BG-231\150MW CFB锅炉</t>
  </si>
  <si>
    <t>【东方锅炉】扁钢\6×12\20#\BG-232\150MW CFB锅炉</t>
  </si>
  <si>
    <t>【东方锅炉】扁钢\6×14.4\20#\BG-233\150MW CFB锅炉</t>
  </si>
  <si>
    <t>【东方锅炉】扁钢\δ6 120×300\20G\35J1112-0\150MW CFB锅炉</t>
  </si>
  <si>
    <t>【东方锅炉】扁钢\6×44\20#\BG-234\150MW CFB锅炉</t>
  </si>
  <si>
    <t>【东方锅炉】扁钢\6×68\20#\BG-235\150MW CFB锅炉</t>
  </si>
  <si>
    <t>【东方锅炉】扁钢\6×29\20#\BG-236\150MW CFB锅炉</t>
  </si>
  <si>
    <t>【东方锅炉】扁钢\6×51\20#\BG-237\150MW CFB锅炉</t>
  </si>
  <si>
    <t>【东方锅炉】扁钢\δ10\20G\29J114-8-4\150MW CFB锅炉</t>
  </si>
  <si>
    <t>【东方锅炉】扁钢\6×100\20#\BG-238\150MW CFB锅炉</t>
  </si>
  <si>
    <t>【东方锅炉】扁钢\6×82.5\20#\BG-239\150MW CFB锅炉</t>
  </si>
  <si>
    <t>【东方锅炉】扁钢\6×56.5\20#\BG-240\150MW CFB锅炉</t>
  </si>
  <si>
    <t>【东方锅炉】扁钢\76×6\20#\BG-241\150MW CFB锅炉</t>
  </si>
  <si>
    <t>【东方锅炉】扁钢\38×6\20#\BG-242\150MW CFB锅炉</t>
  </si>
  <si>
    <t>【东方锅炉】扁钢\69.75×6\20#\BG-243\150MW CFB锅炉</t>
  </si>
  <si>
    <t>【东方锅炉】扁钢\71×6\20#\BG-243\150MW CFB锅炉</t>
  </si>
  <si>
    <t>【东方锅炉】扁钢\6×109\20#\BG-244\150MW CFB锅炉</t>
  </si>
  <si>
    <t>【东方锅炉】扁钢\6×84\20#\BG-245\150MW CFB锅炉</t>
  </si>
  <si>
    <t>【东方锅炉】扁钢\6×54.5\20#\BG-246\150MW CFB锅炉</t>
  </si>
  <si>
    <t>【东方锅炉】扁钢\21.5×6\12Cr1MoV\BG-246\150MW CFB锅炉</t>
  </si>
  <si>
    <t>【东方锅炉】扁钢\6×21.5\12Cr1MoV\BG-247\150MW CFB锅炉</t>
  </si>
  <si>
    <t>【东方锅炉】包墙吹灰孔开孔\φ130×25\装配件\TGN21003\1000MW超超临界机组</t>
  </si>
  <si>
    <t>【东方锅炉】半圆板\φ51\ZG1Cr20Ni14Si2\TG21029-2005\300MW亚临界机组</t>
  </si>
  <si>
    <t>【东方锅炉】扳手\60V DN630\\DFZYJ-1\SD61H-P58.5</t>
  </si>
  <si>
    <t>【东方锅炉】U型螺栓\M12-6g/89-80\Q235A\DG3002-93\300MW亚临界机组</t>
  </si>
  <si>
    <t>【东方锅炉】U型螺栓\M16-6g/108-90\Q235A\DG3002-93\300MW亚临界机组</t>
  </si>
  <si>
    <t>【东方锅炉】U型螺栓\M12-6g/38-50\Q235A\DG3002-93\300MW亚临界机组</t>
  </si>
  <si>
    <t>【东方锅炉】U型螺栓\M12-6g/57-60\Q235A\DG3002-93\300MW亚临界机组</t>
  </si>
  <si>
    <t>【东方锅炉】U型承重块\δ5\ZG1Cr20Ni14Si2\57N211-1-32\600MW超临界机组</t>
  </si>
  <si>
    <t>【东方锅炉】U型承重块\δ5\ZG1Cr20Ni14Si2\57N211-1-33\600MW超临界机组</t>
  </si>
  <si>
    <t>【东方锅炉】U型承重块\φ50.8×4\ZG1Cr20Ni14Si2\57N223-1-12\600MW超临界机组</t>
  </si>
  <si>
    <t>【东方锅炉】U型承重块\φ50.8×4\ZG1Cr20Ni14Si2\57N223-1-13\600MW超临界机组</t>
  </si>
  <si>
    <t>【东方锅炉】人孔组件\φ63.5×7.5\装配件\156M112-15-0/102M112-4-0\330MW亚临界机组</t>
  </si>
  <si>
    <t>【东方锅炉】管座\DN65\12Cr1MoVⅢ\AQGZ-0\1000MW超超临界炉</t>
  </si>
  <si>
    <t>【东方锅炉】三通\DN65×DN65×DN65\12Cr1MoVⅢ\AQST-0\1000MW超超临界炉</t>
  </si>
  <si>
    <t>【东方锅炉】弯头\DN65/GB/T12459-2005\12Cr1MoVG\AQWT-0\1000MW超超临界炉</t>
  </si>
  <si>
    <t>【东方锅炉】管道\φ76×5 L=1000\12Cr1MoVG\YCL-213\1000MW超超临界炉</t>
  </si>
  <si>
    <t>【东方锅炉】三通\φ159×16/φ38×7/φ159×16\20Ⅲ\AQST-0\1000MW超超临界炉</t>
  </si>
  <si>
    <t>【东方锅炉】内螺纹管\φ38.1×7.5，L=9000\SA-213T2\DCYCL-1\660MW超临界炉</t>
  </si>
  <si>
    <t>【东方锅炉】弯管\φ32×8\15CrMoG\64N1112-1-1\660MW超临界炉</t>
  </si>
  <si>
    <t>【东方锅炉】弯管\φ32×8\15CrMoG\64N1112-1-2\660MW超临界炉</t>
  </si>
  <si>
    <t>【东方锅炉】管子\φ32×8，L=4899.2\15CrMoG\DCYCL-2\660MW超临界炉</t>
  </si>
  <si>
    <t>【东方锅炉】密封板\29.7×6\15CrMo\MFB-1\660MW超临界炉</t>
  </si>
  <si>
    <t>【东方锅炉】密封板\25.15×6\15CrMo\MFB-2\660MW超临界炉</t>
  </si>
  <si>
    <t>【东方锅炉】钢板\δ6\15CrMo\664N1112-1-13\660MW超临界炉</t>
  </si>
  <si>
    <t>【东方锅炉】钢板\δ6\15CrMo\664N1112-1-12\660MW超临界炉</t>
  </si>
  <si>
    <t>【东方锅炉】钢板\δ6\15CrMo\664N1112-1-10\660MW超临界炉</t>
  </si>
  <si>
    <t>【东方锅炉】钢板\δ6\15CrMo\664N1112-1-8\660MW超临界炉</t>
  </si>
  <si>
    <t>【东方锅炉】管子\φ32×8\15CrMoG\YCL-242\660MW超临界炉</t>
  </si>
  <si>
    <t>【东方锅炉】集箱\φ736.6×40\12CrMoVG\56N2423-1-0\600MW超临界炉</t>
  </si>
  <si>
    <t>【东方锅炉】集箱\φ736.6×40\12CrMoVG\56N2423-2-0\600MW超临界炉</t>
  </si>
  <si>
    <t>【东方锅炉】高温再热器弯管管束\φ50.8×4\装配件\106N223-1-0\600MW超临界炉</t>
  </si>
  <si>
    <t>【东方锅炉】高温再热器弯管管束\φ50.8×4\装配件\106N223-2-0\600MW超临界炉</t>
  </si>
  <si>
    <t>【东方锅炉】低温过热器水平管组\φ45×7\装配件\106N2121-4-0\600MW超临界炉</t>
  </si>
  <si>
    <t>【东方锅炉】管屏\φ51×7\装配件\106N311-2-0\600MW超临界炉</t>
  </si>
  <si>
    <t>【东方锅炉】高温过热器弯管管束\φ45×8.5\装配件\106N211-1-0\600MW超临界炉</t>
  </si>
  <si>
    <t>【东方锅炉】管屏\φ51×7\装配件\106N311-1-0\600MW超临界炉</t>
  </si>
  <si>
    <t>【东方锅炉】屏式过热器弯管管束\φ50.8×12\装配件\106N215-1-0\600MW超临界炉</t>
  </si>
  <si>
    <t>【东方锅炉】低温再热器一级管组\φ57×4.5\装配件\70N2211-1-1\600MW超临界炉</t>
  </si>
  <si>
    <t>【东方锅炉】低温再热器二级管组\φ57×4.5\装配件\70N2212-1-0\600MW超临界炉</t>
  </si>
  <si>
    <t>【东方锅炉】低温再热器三级管组\φ57×4.5\装配件\70N2213-1-0\600MW超临界炉</t>
  </si>
  <si>
    <t>【东方锅炉】低温过热器水平管组\φ57×4.5\装配件\106N2121-3-0\600MW超临界炉</t>
  </si>
  <si>
    <t>【东方锅炉】异种钢接头\φ42×5;L=300/φ42×5;L=300\SA-213T91/12Cr1MoVG\56D988-1-0\310MW亚临界炉</t>
  </si>
  <si>
    <t>【东方锅炉】垫片\23FS411.04-2-6\石墨\DP-1\1000MW超超临界炉</t>
  </si>
  <si>
    <t>【东方锅炉】弯头\φ51×11，R=350，L=300，T91\SA-213T91\WT-1\1000MW超超临界炉</t>
  </si>
  <si>
    <t>【东方锅炉】弯头\φ33.4×7，R=51，L=300，20G\20G\WT-2\1000MW超超临界炉</t>
  </si>
  <si>
    <t>【东方锅炉】端盖\φ486×δ60\15CrMoR\DG-1\1000MW超超临界炉</t>
  </si>
  <si>
    <t>【东方锅炉】异种钢接头\φ48.3×14/φ48.3×10\SA-213T92/SA-213TP347H\YZG-34\1000MW超超临界炉</t>
  </si>
  <si>
    <t>【东方锅炉】圆钢\φ10；L35\12Cr18Ni9\WZYG-1\1000MW超超临界炉</t>
  </si>
  <si>
    <t>【东方锅炉】管子\φ57×4.5\SA-213T91\WZZG-1\1000MW超超临界炉</t>
  </si>
  <si>
    <t>【东方锅炉】管屏\φ63.5×7.5\SA-210C\GPTYJ-83\300MW亚临界炉</t>
  </si>
  <si>
    <t>【东方锅炉】低过防磨片\R29，L=1000\12Cr13\DGFMP-1\300MW亚临界炉</t>
  </si>
  <si>
    <t>【东方锅炉】低再防磨片\R32.5，L=1000\12Cr13\DZFMP-1\300MW亚临界炉</t>
  </si>
  <si>
    <t>【东方锅炉】管屏\φ63.5×7.5\装配件\GYTYJ-86\300MW亚临界炉</t>
  </si>
  <si>
    <t>【东方锅炉】U型弯管\φ57×6\15CrMoG\WG-10\300MW亚临界炉</t>
  </si>
  <si>
    <t>【东方锅炉】管子\φ57×6\15CrMoG\YCL-231\300MW亚临界炉</t>
  </si>
  <si>
    <t>【东方锅炉】炉膛火焰探测孔组件\φ38.1×7.5\装配件\KKZJ-1\300MW亚临界炉</t>
  </si>
  <si>
    <t>【东方锅炉】炉膛火焰探测孔组件\φ31.8×8\装配件\KKZJ-2\300MW亚临界炉</t>
  </si>
  <si>
    <t>【东方锅炉】稳焰齿\δ12\16Cr2Ni14Si2\152M6121-2-8\300MW亚临界炉</t>
  </si>
  <si>
    <t>【东方锅炉】高温陶瓷胶\1kg/桶\\TCJ-0\300MW亚临界炉</t>
  </si>
  <si>
    <t>【东方锅炉】空预器热端元件\SPCC/1250/0.5，AH1250\装配件\47YR11A-0\300MW亚临界炉</t>
  </si>
  <si>
    <t>【东方锅炉】空预器热端元件\SPCC/1250/0.5，BH1250\装配件\47YR11A-0\300MW亚临界炉</t>
  </si>
  <si>
    <t>【东方锅炉】空预器热端元件\SPCC/1250/0.5，CH1250\装配件\47YR11A-0\300MW亚临界炉</t>
  </si>
  <si>
    <t>【东方锅炉】空预器热端元件\SPCC/1250/0.5，DH1250\装配件\47YR11A-0\300MW亚临界炉</t>
  </si>
  <si>
    <t>【东方锅炉】安全阀管段\φ609.6×100\装配件\54N247-1-0\600MW亚临界炉</t>
  </si>
  <si>
    <t>【东方锅炉】过热器弯管\φ51×6.5\SA-210C\38M2144-2-5\300MW亚临界炉</t>
  </si>
  <si>
    <t>【东方锅炉】过热器弯管\φ51×6.5\SA-210C\38M2144-2-6\300MW亚临界炉</t>
  </si>
  <si>
    <t>【东方锅炉】过热器弯管\φ51×6.5\SA-210C\38M2144-2-7\300MW亚临界炉</t>
  </si>
  <si>
    <t>【东方锅炉】过热器弯管\φ51×6.5\SA-210C\38M2144-2-8\300MW亚临界炉</t>
  </si>
  <si>
    <t>【东方锅炉】人孔门\D550\装配件\DG4857-2019\300MW亚临界炉</t>
  </si>
  <si>
    <t>【哈电锅炉】后屏再热器外数第一圈U型弯头\63.0*4\SA213-TP304H\JNDBJ-F002DDL001E061-1\HG-1102/17.5</t>
  </si>
  <si>
    <t>哈电锅炉</t>
  </si>
  <si>
    <t>WZSCCG-2020-BJ-051</t>
  </si>
  <si>
    <t>2020年度北京配送哈电锅炉及附属设备备件集团级长协采购框架协议</t>
  </si>
  <si>
    <t>【哈电锅炉】后屏再热器外数第二圈U型弯头\63.0*4\SA-213T91\JNDBJ-F002DDL001E061-2\HG-1102/17.5</t>
  </si>
  <si>
    <t>【哈电锅炉】后屏再热器外数第三圈U型弯头\63.0*4\SA-213T91\JNDBJ-F002DDL001E061-3\HG-1102/17.5</t>
  </si>
  <si>
    <t>【哈电锅炉】后屏再热器外数第四圈U型弯头\63.0*4\12Cr1MoVG\JNDBJ-F002DDL001E061-4\HG-1102/17.5</t>
  </si>
  <si>
    <t>【哈电锅炉】后屏再热器外数第五圈U型弯头\63.0*4\12Cr1MoVG\JNDBJ-F002DDL001E061-5\HG-1102/17.5</t>
  </si>
  <si>
    <t>【哈电锅炉】后屏再热器外数第六圈U型弯头\63.0*4\12Cr1MoVG\JNDBJ-F002DDL001E061-6\HG-1102/17.5</t>
  </si>
  <si>
    <t>【哈电锅炉】后屏再热器外数第七圈U型弯头\63.0*4\12Cr1MoVG\JNDBJ-F002DDL001E061-7\HG-1102/17.5</t>
  </si>
  <si>
    <t>【哈电锅炉】后屏再热器外数第八圈U型弯头\63.0*4\12Cr1MoVG\JNDBJ-F002DDL001E061-8\HG-1102/17.5</t>
  </si>
  <si>
    <t>【哈电锅炉】后屏再热器外数第九圈U型弯头\63.0*4\12Cr1MoVG\JNDBJ-F002DDL001E061-9\HG-1102/17.5</t>
  </si>
  <si>
    <t>【哈电锅炉】后屏再热器外数第十圈U型弯头\63.0*4\12Cr1MoVG\JNDBJ-F002DDL001E061-10\HG-1102/17.5</t>
  </si>
  <si>
    <t>【哈电锅炉】后屏再热器外数第十一圈U型弯头\63.0*4\12Cr1MoVG\JNDBJ-F002DDL001E061-11\HG-1102/17.5</t>
  </si>
  <si>
    <t>【哈电锅炉】后屏再热器外数第十二圈U型弯头\63.0*4\12Cr1MoVG\JNDBJ-F002DDL001E061-12\HG-1102/17.5</t>
  </si>
  <si>
    <t>【哈电锅炉】后屏再热器外数第十三圈U型弯头\63.0*4\12Cr1MoVG\JNDBJ-F002DDL001E061-13\HG-1102/17.5</t>
  </si>
  <si>
    <t>【哈电锅炉】后屏再热器外数第十四圈U型弯头\63.0*7\12Cr1MoVG\JNDBJ-F002DDL001E061-14\HG-1102/17.5</t>
  </si>
  <si>
    <t>【哈电锅炉】后屏再热器外数第十五圈U型弯头\63.0*7\12Cr1MoVG\JNDBJ-F002DDL001E061-15\HG-1102/17.5</t>
  </si>
  <si>
    <t>【哈电锅炉】末级再热器外数第一圈U型弯头\66.0*4.5\SA-213T91\JNDBJ-F002DEA001E061-1\HG-1102/17.5</t>
  </si>
  <si>
    <t>【哈电锅炉】末级再热器外数第二圈U型弯头\66.0*4.5\SA-213T91\JNDBJ-F002DEA001E061-2\HG-1102/17.5</t>
  </si>
  <si>
    <t>【哈电锅炉】末级再热器外数第三圈U型弯头\66.0*4.5\SA-213T91\JNDBJ-F002DEA001E061-3\HG-1102/17.5</t>
  </si>
  <si>
    <t>【哈电锅炉】末级再热器外数第四圈U型弯头\66.0*4.5\SA-213T91\JNDBJ-F002DEA001E061-4\HG-1102/17.5</t>
  </si>
  <si>
    <t>【哈电锅炉】末级再热器外数第五圈U型弯头\66.0*4.5\SA-213T91\JNDBJ-F002DEA001E061-5\HG-1102/17.5</t>
  </si>
  <si>
    <t>【哈电锅炉】末级再热器外数第六圈U型弯头\66.0*4.5\SA-213T91\JNDBJ-F002DEA001E061-6\HG-1102/17.5</t>
  </si>
  <si>
    <t>【哈电锅炉】末级再热器外数第七圈U型弯头\66.0*7\12Cr1MoVG\JNDBJ-F002DEA001E061-7\HG-1102/17.5</t>
  </si>
  <si>
    <t>【哈电锅炉】分隔屏过热器外数第一圈U型弯头\51.0*7\SA213-TP304H\JNDBJ-F002CGD001E061-1\HG-1102/17.5</t>
  </si>
  <si>
    <t>【哈电锅炉】分隔屏过热器外数第二圈U型弯头\51.0*7\12Cr1MoVG\JNDBJ-F002CGD001E061-2\HG-1102/17.5</t>
  </si>
  <si>
    <t>【哈电锅炉】分隔屏过热器外数第三圈U型弯头\51.0*7\12Cr1MoVG\JNDBJ-F002CGD001E061-3\HG-1102/17.5</t>
  </si>
  <si>
    <t>【哈电锅炉】分隔屏过热器外数第四圈U型弯头\51.0*6\12Cr1MoVG\JNDBJ-F002CGD001E061-4\HG-1102/17.5</t>
  </si>
  <si>
    <t>【哈电锅炉】分隔屏过热器外数第五圈U型弯头\51.0*6\12Cr1MoVG\JNDBJ-F002CGD001E061-5\HG-1102/17.5</t>
  </si>
  <si>
    <t>【哈电锅炉】分隔屏过热器外数第六圈U型弯头\51.0*6\12Cr1MoVG\JNDBJ-F002CGD001E061-6\HG-1102/17.5</t>
  </si>
  <si>
    <t>【哈电锅炉】分隔屏过热器外数第七圈U型弯头\51.0*6\12Cr1MoVG\JNDBJ-F002CGD001E061-7\HG-1102/17.5</t>
  </si>
  <si>
    <t>【哈电锅炉】分隔屏过热器外数第八圈U型弯头\51.0*6\12Cr1MoVG\JNDBJ-F002CGD001E061-8\HG-1102/17.5</t>
  </si>
  <si>
    <t>【哈电锅炉】分隔屏过热器外数第八圈U型弯头\51.0*7\SA213-TP304H\JNDBJ-F002CGD001E061-9\HG-1102/17.5</t>
  </si>
  <si>
    <t>【哈电锅炉】后屏过热器外数第一圈U型弯头\60.0*10\SA213-TP347H\JNDBJ-F002CGB001E061-1\HG-1102/17.5</t>
  </si>
  <si>
    <t>【哈电锅炉】后屏过热器外数第二圈U型弯头\54.0*9\SA213-TP347H\JNDBJ-F002CGB001E061-2\HG-1102/17.5</t>
  </si>
  <si>
    <t>【哈电锅炉】后屏过热器外数第三圈U型弯头\54.0*9\SA213-TP347H\JNDBJ-F002CGB001E061-3\HG-1102/17.5</t>
  </si>
  <si>
    <t>【哈电锅炉】后屏过热器外数第四圈U型弯头\54.0*9\SA213-TP347H\JNDBJ-F002CGB001E061-4\HG-1102/17.5</t>
  </si>
  <si>
    <t>【哈电锅炉】后屏过热器外数第五圈U型弯头\54.0*9\SA213-T91\JNDBJ-F002CGB001E061-5\HG-1102/17.5</t>
  </si>
  <si>
    <t>【哈电锅炉】后屏过热器外数第六圈U型弯头\54.0*9\SA213-T91\JNDBJ-F002CGB001E061-6\HG-1102/17.5</t>
  </si>
  <si>
    <t>【哈电锅炉】后屏过热器外数第七圈U型弯头\54.0*9\SA213-T91\JNDBJ-F002CGB001E061-7\HG-1102/17.5</t>
  </si>
  <si>
    <t>【哈电锅炉】后屏过热器外数第八圈U型弯头\54.0*11\12Cr1MoVG\JNDBJ-F002CGB001E061-8\HG-1102/17.5</t>
  </si>
  <si>
    <t>【哈电锅炉】后屏过热器外数第九圈U型弯头\54.0*11\12Cr1MoVG\JNDBJ-F002CGB001E061-9\HG-1102/17.5</t>
  </si>
  <si>
    <t>【哈电锅炉】后屏过热器外数第十圈U型弯头\54.0*11\12Cr1MoVG\JNDBJ-F002CGB001E061-10\HG-1102/17.5</t>
  </si>
  <si>
    <t>【哈电锅炉】后屏过热器外数第十一圈U型弯头\54.0*11\12Cr1MoVG\JNDBJ-F002CGB001E061-11\HG-1102/17.5</t>
  </si>
  <si>
    <t>【哈电锅炉】后屏过热器外数第十二圈U型弯头\54.0*11\12Cr1MoVG\JNDBJ-F002CGB001E061-12\HG-1102/17.5</t>
  </si>
  <si>
    <t>【哈电锅炉】后屏过热器外数第十三圈U型弯头\54.0*11\12Cr1MoVG\JNDBJ-F002CGB001E061-13\HG-1102/17.5</t>
  </si>
  <si>
    <t>【哈电锅炉】后屏过热器外数第十四圈U型弯头\54.0*11\12Cr1MoVG\JNDBJ-F002CGB001E061-14\HG-1102/17.5</t>
  </si>
  <si>
    <t>【哈电锅炉】后屏过热器外数第十五圈U型弯头\54.0*9\SA-213TP347H\JNDBJ-F002CGB001E061-15\HG-1102/17.5</t>
  </si>
  <si>
    <t>【哈电锅炉】末级过热器外数第一圈前部U型弯头\51.0*9\12Cr1MoVG\JNDBJ-F002CHD001E061-1\HG-1102/17.5</t>
  </si>
  <si>
    <t>【哈电锅炉】末级过热器外数第一圈后部U型弯头\51.0*8\SA213-T23\JNDBJ-F002CHD001E061-2\HG-1102/17.5</t>
  </si>
  <si>
    <t>【哈电锅炉】末级过热器外数第一圈上部U型弯头\51.0*8\12Cr1MoVG\JNDBJ-F002CHD001E061-3\HG-1102/17.5</t>
  </si>
  <si>
    <t>【哈电锅炉】末级过热器外数第二圈前部U型弯头\51.0*9\12Cr1MoVG\JNDBJ-F002CHD001E061-4\HG-1102/17.5</t>
  </si>
  <si>
    <t>【哈电锅炉】末级过热器外数第二圈后部U型弯头\51.0*8\SA213-T23\JNDBJ-F002CHD001E061-5\HG-1102/17.5</t>
  </si>
  <si>
    <t>【哈电锅炉】末级过热器外数第二圈上部U型弯头\51.0*8\12Cr1MoVG\JNDBJ-F002CHD001E061-6\HG-1102/17.5</t>
  </si>
  <si>
    <t>【哈电锅炉】末级过热器外数第三圈前部U型弯头\51.0*9\12Cr1MoVG\JNDBJ-F002CHD001E061-7\HG-1102/17.5</t>
  </si>
  <si>
    <t>【哈电锅炉】末级过热器外数第三圈后部U型弯头\51.0*8\SA213-T23\JNDBJ-F002CHD001E061-8\HG-1102/17.5</t>
  </si>
  <si>
    <t>【哈电锅炉】末级过热器外数第三圈上部U型弯头\51.0*8\12Cr1MoVG\JNDBJ-F002CHD001E061-9\HG-1102/17.5</t>
  </si>
  <si>
    <t>【哈电锅炉】末级过热器外数第四圈前部U型弯头\51.0*9\12Cr1MoVG\JNDBJ-F002CHD001E061-10\HG-1102/17.5</t>
  </si>
  <si>
    <t>【哈电锅炉】末级过热器外数第四圈后部U型弯头\51.0*8\SA213-T23\JNDBJ-F002CHD001E061-11\HG-1102/17.5</t>
  </si>
  <si>
    <t>【哈电锅炉】末级过热器外数第四圈上部U型弯头\51.0*8\12Cr1MoVG\JNDBJ-F002CHD001E061-12\HG-1102/17.5</t>
  </si>
  <si>
    <t>【哈电锅炉】再热器热段外数第一圈前部U型弯头\42.0*3.5\SA-213T91\LHYJ-F001DDB001F061-1\HG-670/13.7</t>
  </si>
  <si>
    <t>【哈电锅炉】再热器热段外数第一圈后部U型弯头\42.0*3.5\SA-213T91\LHYJ-F001DDB001F061-2\HG-670/13.7</t>
  </si>
  <si>
    <t>【哈电锅炉】再热器热段外数第一圈上部U型弯头\42.0*3.5\SA-213T91\LHYJ-F001DDB001F061-3\HG-670/13.7</t>
  </si>
  <si>
    <t>【哈电锅炉】再热器热段外数第二圈前部U型弯头\42.0*3.5\SA-213T91\LHYJ-F001DDB001F061-4\HG-670/13.7</t>
  </si>
  <si>
    <t>【哈电锅炉】再热器热段外数第二圈后部U型弯头\42.0*3.5\SA-213T91\LHYJ-F001DDB001F061-5\HG-670/13.7</t>
  </si>
  <si>
    <t>【哈电锅炉】再热器热段外数第二圈上部U型弯头\42.0*3.5\SA-213T91\LHYJ-F001DDB001F061-6\HG-670/13.7</t>
  </si>
  <si>
    <t>【哈电锅炉】再热器热段外数第三圈前部U型弯头\42.0*3.5\12Cr1MoVG\LHYJ-F001DDB001F061-7\HG-670/13.7</t>
  </si>
  <si>
    <t>【哈电锅炉】再热器热段外数第三圈后部U型弯头\42.0*3.5\SA-213T91\LHYJ-F001DDB001F061-8\HG-670/13.7</t>
  </si>
  <si>
    <t>【哈电锅炉】再热器热段外数第三圈上部U型弯头\42.0*3.5\12Cr1MoVG\LHYJ-F001DDB001F061-9\HG-670/13.7</t>
  </si>
  <si>
    <t>【哈电锅炉】再热器热段外数第四圈前部U型弯头\42.0*3.5\12Cr1MoVG\LHYJ-F001DDB001F061-10\HG-670/13.7</t>
  </si>
  <si>
    <t>【哈电锅炉】再热器热段外数第四圈后部U型弯头\42.0*3.5\SA-213T91\LHYJ-F001DDB001F061-11\HG-670/13.7</t>
  </si>
  <si>
    <t>【哈电锅炉】再热器热段外数第四圈上部U型弯头\42.0*3.5\12Cr1MoVG\LHYJ-F001DDB001F061-12\HG-670/13.7</t>
  </si>
  <si>
    <t>【哈电锅炉】再热器热段外数第五圈前部U型弯头\42.0*3.5\12Cr1MoVG\LHYJ-F001DDB001F061-13\HG-670/13.7</t>
  </si>
  <si>
    <t>【哈电锅炉】再热器热段外数第五圈后部U型弯头\42.0*3.5\SA-213T91\LHYJ-F001DDB001F061-14\HG-670/13.7</t>
  </si>
  <si>
    <t>【哈电锅炉】再热器热段外数第五圈上部U型弯头\42.0*3.5\12Cr1MoVG\LHYJ-F001DDB001F061-15\HG-670/13.7</t>
  </si>
  <si>
    <t>【哈电锅炉】再热器热段外数第六圈前部U型弯头\42.0*3.5\12Cr1MoVG\LHYJ-F001DDB001F061-16\HG-670/13.7</t>
  </si>
  <si>
    <t>【哈电锅炉】再热器热段外数第六圈后部U型弯头\42.0*3.5\SA-213T91\LHYJ-F001DDB001F061-17\HG-670/13.7</t>
  </si>
  <si>
    <t>【哈电锅炉】再热器热段外数第六圈上部U型弯头\42.0*3.5\12Cr1MoVG\LHYJ-F001DDB001F061-18\HG-670/13.7</t>
  </si>
  <si>
    <t>【哈电锅炉】再热器热段外数第七圈前部U型弯头\42.0*3.5\12Cr1MoVG\LHYJ-F001DDB001F061-19\HG-670/13.7</t>
  </si>
  <si>
    <t>【哈电锅炉】再热器热段外数第七圈后部U型弯头\42.0*3.5\SA-213T91\LHYJ-F001DDB001F061-20\HG-670/13.7</t>
  </si>
  <si>
    <t>【哈电锅炉】再热器热段外数第七圈上部U型弯头\42.0*3.5\12Cr1MoVG\LHYJ-F001DDB001F061-21\HG-670/13.7</t>
  </si>
  <si>
    <t>【哈电锅炉】再热器热段外数第八圈前部U型弯头\42.0*3.5\12Cr1MoVG\LHYJ-F001DDB001F061-22\HG-670/13.7</t>
  </si>
  <si>
    <t>【哈电锅炉】再热器热段外数第八圈后部U型弯头\42.0*3.5\SA-213T91\LHYJ-F001DDB001F061-23\HG-670/13.7</t>
  </si>
  <si>
    <t>【哈电锅炉】再热器热段外数第八圈上部U型弯头\42.0*3.5\12Cr1MoVG\LHYJ-F001DDB001F061-24\HG-670/13.7</t>
  </si>
  <si>
    <t>【哈电锅炉】屏式过热器外数第一圈U型弯头\42.0*5.5\SA-213T91\LHYJ-F001CGA001F061-1\HG-670/13.7</t>
  </si>
  <si>
    <t>【哈电锅炉】屏式过热器外数第二圈U型弯头\42.0*5.5\SA-213T91\LHYJ-F001CGA001F061-2\HG-670/13.7</t>
  </si>
  <si>
    <t>【哈电锅炉】屏式过热器外数第三圈U型弯头\42.0*5.5\SA-213T91\LHYJ-F001CGA001F061-3\HG-670/13.7</t>
  </si>
  <si>
    <t>【哈电锅炉】屏式过热器外数第四圈U型弯头\42.0*5.5\SA-213T91\LHYJ-F001CGA001F061-4\HG-670/13.7</t>
  </si>
  <si>
    <t>【哈电锅炉】屏式过热器外数第五圈U型弯头\42.0*5.5\SA-213T91\LHYJ-F001CGA001F061-5\HG-670/13.7</t>
  </si>
  <si>
    <t>【哈电锅炉】屏式过热器外数第六圈U型弯头\42.0*5.5\SA-213T91\LHYJ-F001CGA001F061-6\HG-670/13.7</t>
  </si>
  <si>
    <t>【哈电锅炉】屏式过热器外数第七圈U型弯头\42.0*5.5\12Cr1MoVG\LHYJ-F001CGA001F061-7\HG-670/13.7</t>
  </si>
  <si>
    <t>【哈电锅炉】屏式过热器外数第八圈U型弯头\42.0*5.5\12Cr1MoVG\LHYJ-F001CGA001F061-8\HG-670/13.7</t>
  </si>
  <si>
    <t>【哈电锅炉】屏式过热器外数第九圈U型弯头\42.0*5.5\12Cr1MoVG\LHYJ-F001CGA001F061-9\HG-670/13.7</t>
  </si>
  <si>
    <t>【哈电锅炉】屏式过热器外数第十圈U型弯头\42.0*5.5\12Cr1MoVG\LHYJ-F001CGA001F061-10\HG-670/13.7</t>
  </si>
  <si>
    <t>【哈电锅炉】屏式过热器外数第一十一圈U型弯头\42.0*5.5\12Cr1MoVG\LHYJ-F001CGA001F061-11\HG-670/13.7</t>
  </si>
  <si>
    <t>【哈电锅炉】屏式过热器外数第一十二圈U型弯头\42.0*5.5\12Cr1MoVG\LHYJ-F001CGA001F061-12\HG-670/13.7</t>
  </si>
  <si>
    <t>【哈电锅炉】屏式过热器外数第一十三圈U型弯头\42.0*5.5\12Cr1MoVG\LHYJ-F001CGA001F061-13\HG-670/13.7</t>
  </si>
  <si>
    <t>【哈电锅炉】屏式过热器外数第一十四圈U型弯头\42.0*5.5\12Cr1MoVG\LHYJ-F001CGA001F061-14\HG-670/13.7</t>
  </si>
  <si>
    <t>【哈电锅炉】屏式过热器外数第一十五圈U型弯头\42.0*5.5\12Cr1MoVG\LHYJ-F001CGA001F061-15\HG-670/13.7</t>
  </si>
  <si>
    <t>【哈电锅炉】屏式过热器外数第一十六圈U型弯头\42.0*5.5\12Cr1MoVG\LHYJ-F001CGA001F061-16\HG-670/13.7</t>
  </si>
  <si>
    <t>【哈电锅炉】屏式过热器外数第一十七圈U型弯头\42.0*5.5\12Cr1MoVG\LHYJ-F001CGA001F061-17\HG-670/13.7</t>
  </si>
  <si>
    <t>【哈电锅炉】屏式过热器外数第一十八圈U型弯头\42.0*5.5\12Cr1MoVG\LHYJ-F001CGA001F061-18\HG-670/13.7</t>
  </si>
  <si>
    <t>【哈电锅炉】屏式过热器外数第一十九圈U型弯头\42.0*5.5\12Cr1MoVG\LHYJ-F001CGA001F061-19\HG-670/13.7</t>
  </si>
  <si>
    <t>【哈电锅炉】屏式过热器外数第二十圈U型弯头\42.0*5.5\12Cr1MoVG\LHYJ-F001CGA001F061-20\HG-670/13.7</t>
  </si>
  <si>
    <t>【哈电锅炉】屏式过热器外数第二十一圈U型弯头\42.0*5.5\12Cr1MoVG\LHYJ-F001CGA001F061-21\HG-670/13.7</t>
  </si>
  <si>
    <t>【哈电锅炉】屏式过热器外数第二十二圈U型弯头\42.0*5.5\12Cr1MoVG\LHYJ-F001CGA001F061-22\HG-670/13.7</t>
  </si>
  <si>
    <t>【哈电锅炉】屏式过热器外数第二十三圈U型弯头\42.0*5.5\12Cr1MoVG\LHYJ-F001CGA001F061-23\HG-670/13.7</t>
  </si>
  <si>
    <t>【哈电锅炉】屏式过热器外数第二十四圈U型弯头\42.0*5.5\12Cr1MoVG\LHYJ-F001CGA001F061-24\HG-670/13.7</t>
  </si>
  <si>
    <t>【哈电锅炉】屏式过热器外数第二十五圈U型弯头\42.0*5.5\12Cr1MoVG\LHYJ-F001CGA001F061-25\HG-670/13.7</t>
  </si>
  <si>
    <t>【哈电锅炉】屏式过热器外数第二十六圈U型弯头\42.0*5.5\12Cr1MoVG\LHYJ-F001CGA001F061-26\HG-670/13.7</t>
  </si>
  <si>
    <t>【哈电锅炉】屏式过热器外数第二十七圈U型弯头\42.0*5.5\12Cr1MoVG\LHYJ-F001CGA001F061-27\HG-670/13.7</t>
  </si>
  <si>
    <t>【哈电锅炉】屏式过热器外数第一圈U型弯头\38.0*4.5\SA-213T91\LHYJ-F001CGA001F061-1\HG-670/13.7</t>
  </si>
  <si>
    <t>【哈电锅炉】屏式过热器外数第二圈U型弯头\38.0*4.5\SA-213T91\LHYJ-F001CGA001F061-2\HG-670/13.7</t>
  </si>
  <si>
    <t>【哈电锅炉】屏式过热器外数第三圈U型弯头\38.0*4.5\SA-213T91\LHYJ-F001CGA001F061-3\HG-670/13.7</t>
  </si>
  <si>
    <t>【哈电锅炉】屏式过热器外数第四圈U型弯头\38.0*4.5\SA-213T91\LHYJ-F001CGA001F061-4\HG-670/13.7</t>
  </si>
  <si>
    <t>【哈电锅炉】屏式过热器外数第五圈U型弯头\38.0*4.5\SA-213T91\LHYJ-F001CGA001F061-5\HG-670/13.7</t>
  </si>
  <si>
    <t>【哈电锅炉】屏式过热器外数第六圈U型弯头\38.0*4.5\SA-213T91\LHYJ-F001CGA001F061-6\HG-670/13.7</t>
  </si>
  <si>
    <t>【哈电锅炉】屏式过热器外数第七圈U型弯头\38.0*4.5\12Cr1MoVG\LHYJ-F001CGA001F061-7\HG-670/13.7</t>
  </si>
  <si>
    <t>【哈电锅炉】屏式过热器外数第八圈U型弯头\38.0*4.5\12Cr1MoVG\LHYJ-F001CGA001F061-8\HG-670/13.7</t>
  </si>
  <si>
    <t>【哈电锅炉】屏式过热器外数第九圈U型弯头\38.0*4.5\12Cr1MoVG\LHYJ-F001CGA001F061-9\HG-670/13.7</t>
  </si>
  <si>
    <t>【哈电锅炉】屏式过热器外数第十圈U型弯头\38.0*4.5\12Cr1MoVG\LHYJ-F001CGA001F061-10\HG-670/13.7</t>
  </si>
  <si>
    <t>【哈电锅炉】屏式过热器外数第十一圈U型弯头\38.0*4.5\12Cr1MoVG\LHYJ-F001CGA001F061-11\HG-670/13.7</t>
  </si>
  <si>
    <t>【哈电锅炉】屏式过热器外数第十二圈U型弯头\38.0*4.5\12Cr1MoVG\LHYJ-F001CGA001F061-12\HG-670/13.7</t>
  </si>
  <si>
    <t>【哈电锅炉】屏式过热器外数第十三圈U型弯头\38.0*4.5\12Cr1MoVG\LHYJ-F001CGA001F061-13\HG-670/13.7</t>
  </si>
  <si>
    <t>【哈电锅炉】屏式过热器外数第十四圈U型弯头\38.0*4.5\12Cr1MoVG\LHYJ-F001CGA001F061-14\HG-670/13.7</t>
  </si>
  <si>
    <t>【哈电锅炉】屏式过热器外数第十五圈U型弯头\38.0*4.5\12Cr1MoVG\LHYJ-F001CGA001F061-15\HG-670/13.7</t>
  </si>
  <si>
    <t>【哈电锅炉】屏式过热器外数第十六圈U型弯头\38.0*4.5\12Cr1MoVG\LHYJ-F001CGA001F061-16\HG-670/13.7</t>
  </si>
  <si>
    <t>【哈电锅炉】屏式过热器外数第十七圈U型弯头\38.0*4.5\12Cr1MoVG\LHYJ-F001CGA001F061-17\HG-670/13.7</t>
  </si>
  <si>
    <t>【哈电锅炉】末级过热器外数第一圈前部U型弯头\42.0*5\SA-213T91\LHYJ-F001CHD001F061-1\HG-670/13.7</t>
  </si>
  <si>
    <t>【哈电锅炉】末级过热器外数第一圈后部U型弯头\42.0*6\12Cr1MoVG\LHYJ-F001CHD001F061-2\HG-670/13.7</t>
  </si>
  <si>
    <t>【哈电锅炉】末级过热器外数第一圈上部U型弯头\42.0*6\12Cr1MoVG\LHYJ-F001CHD001F061-3\HG-670/13.7</t>
  </si>
  <si>
    <t>【哈电锅炉】末级过热器外数第二圈前部U型弯头\42.0*6\12Cr1MoVG\LHYJ-F001CHD001F061-4\HG-670/13.7</t>
  </si>
  <si>
    <t>【哈电锅炉】末级过热器外数第二圈后部U型弯头\42.0*6\12Cr1MoVG\LHYJ-F001CHD001F061-5\HG-670/13.7</t>
  </si>
  <si>
    <t>【哈电锅炉】末级过热器外数第二圈上部U型弯头\42.0*6\12Cr1MoVG\LHYJ-F001CHD001F061-6\HG-670/13.7</t>
  </si>
  <si>
    <t>【哈电锅炉】末级过热器外数第三圈前部U型弯头\42.0*5.5\12Cr1MoVG\LHYJ-F001CHD001F061-7\HG-670/13.7</t>
  </si>
  <si>
    <t>【哈电锅炉】末级过热器外数第三圈后部U型弯头\42.0*5.5\12Cr1MoVG\LHYJ-F001CHD001F061-8\HG-670/13.7</t>
  </si>
  <si>
    <t>【哈电锅炉】末级过热器外数第三圈上部U型弯头\42.0*5.5\12Cr1MoVG\LHYJ-F001CHD001F061-9\HG-670/13.7</t>
  </si>
  <si>
    <t>【哈电锅炉】末级过热器外数第四圈前部U型弯头\42.0*5.5\12Cr1MoVG\LHYJ-F001CHD001F061-10\HG-670/13.7</t>
  </si>
  <si>
    <t>【哈电锅炉】末级过热器外数第四圈后部U型弯头\42.0*5.5\12Cr1MoVG\LHYJ-F001CHD001F061-11\HG-670/13.7</t>
  </si>
  <si>
    <t>【哈电锅炉】末级过热器外数第四圈上部U型弯头\42.0*5.5\12Cr1MoVG\LHYJ-F001CHD001F061-12\HG-670/13.7</t>
  </si>
  <si>
    <t>【哈电锅炉】再热器热段外数第一圈前部U型弯头\42.0*3.5\12Cr1MoVG\SYS-22.1348.028-1\HG-1900/25.4</t>
  </si>
  <si>
    <t>【哈电锅炉】再热器热段外数第一圈后部U型弯头\42.0*3.5\12Cr2MoWVB\SYS-22.1348.028-2\HG-1900/25.4</t>
  </si>
  <si>
    <t>【哈电锅炉】再热器热段外数第一圈上部U型弯头\42.0*3.5\12Cr1MoVG\SYS-22.1348.028-3\HG-1900/25.4</t>
  </si>
  <si>
    <t>【哈电锅炉】再热器热段外数第二圈前部U型弯头\42.0*3.5\12Cr1MoVG\SYS-22.1348.028-4\HG-1900/25.4</t>
  </si>
  <si>
    <t>【哈电锅炉】再热器热段外数第二圈后部U型弯头\42.0*3.5\12Cr2MoWVB\SYS-22.1348.028-5\HG-1900/25.4</t>
  </si>
  <si>
    <t>【哈电锅炉】再热器热段外数第二圈上部U型弯头\42.0*3.5\12Cr1MoVG\SYS-22.1348.028-6\HG-1900/25.4</t>
  </si>
  <si>
    <t>【哈电锅炉】再热器热段外数第三圈前部U型弯头\42.0*3.5\12Cr1MoVG\SYS-22.1348.028-7\HG-1900/25.4</t>
  </si>
  <si>
    <t>【哈电锅炉】再热器热段外数第三圈后部U型弯头\42.0*3.5\12Cr2MoWVB\SYS-22.1348.028-8\HG-1900/25.4</t>
  </si>
  <si>
    <t>【哈电锅炉】再热器热段外数第三圈上部U型弯头\42.0*3.5\12Cr1MoVG\SYS-22.1348.028-9\HG-1900/25.4</t>
  </si>
  <si>
    <t>【哈电锅炉】再热器热段外数第四圈前部U型弯头\42.0*3.5\12Cr1MoVG\SYS-22.1348.028-10\HG-1900/25.4</t>
  </si>
  <si>
    <t>【哈电锅炉】再热器热段外数第四圈后部U型弯头\42.0*3.5\12Cr2MoWVB\SYS-22.1348.028-11\HG-1900/25.4</t>
  </si>
  <si>
    <t>【哈电锅炉】再热器热段外数第四圈上部U型弯头\42.0*3.5\12Cr1MoVG\SYS-22.1348.028-12\HG-1900/25.4</t>
  </si>
  <si>
    <t>【哈电锅炉】再热器热段外数第五圈前部U型弯头\42.0*3.5\12Cr1MoVG\SYS-22.1348.028-13\HG-1900/25.4</t>
  </si>
  <si>
    <t>【哈电锅炉】再热器热段外数第五圈后部U型弯头\42.0*3.5\12Cr2MoWVB\SYS-22.1348.028-14\HG-1900/25.4</t>
  </si>
  <si>
    <t>【哈电锅炉】再热器热段外数第五圈上部U型弯头\42.0*3.5\12Cr1MoVG\SYS-22.1348.028-15\HG-1900/25.4</t>
  </si>
  <si>
    <t>【哈电锅炉】再热器热段外数第六圈前部U型弯头\42.0*3.5\12Cr1MoVG\SYS-22.1348.028-16\HG-1900/25.4</t>
  </si>
  <si>
    <t>【哈电锅炉】再热器热段外数第六圈后部U型弯头\42.0*3.5\12Cr2MoWVB\SYS-22.1348.028-17\HG-1900/25.4</t>
  </si>
  <si>
    <t>【哈电锅炉】再热器热段外数第六圈上部U型弯头\42.0*3.5\12Cr1MoVG\SYS-22.1348.028-18\HG-1900/25.4</t>
  </si>
  <si>
    <t>【哈电锅炉】再热器热段外数第七圈前部U型弯头\42.0*3.5\12Cr1MoVG\SYS-22.1348.028-19\HG-1900/25.4</t>
  </si>
  <si>
    <t>【哈电锅炉】再热器热段外数第七圈后部U型弯头\42.0*3.5\12Cr2MoWVB\SYS-22.1348.028-20\HG-1900/25.4</t>
  </si>
  <si>
    <t>【哈电锅炉】再热器热段外数第七圈上部U型弯头\42.0*3.5\12Cr1MoVG\SYS-22.1348.028-21\HG-1900/25.4</t>
  </si>
  <si>
    <t>【哈电锅炉】再热器热段外数第八圈前部U型弯头\42.0*3.5\12Cr1MoVG\SYS-22.1348.028-22\HG-1900/25.4</t>
  </si>
  <si>
    <t>【哈电锅炉】再热器热段外数第八圈后部U型弯头\42.0*3.5\12Cr2MoWVB\SYS-22.1348.028-23\HG-1900/25.4</t>
  </si>
  <si>
    <t>【哈电锅炉】再热器热段外数第八圈上部U型弯头\42.0*3.5\12Cr1MoVG\SYS-22.1348.028-24\HG-1900/25.4</t>
  </si>
  <si>
    <t>【哈电锅炉】再热器热段外数第九圈前部U型弯头\42.0*3.5\12Cr1MoVG\SYS-22.1348.028-25\HG-1900/25.4</t>
  </si>
  <si>
    <t>【哈电锅炉】再热器热段外数第九圈后部U型弯头\42.0*3.5\12Cr2MoWVB\SYS-22.1348.028-26\HG-1900/25.4</t>
  </si>
  <si>
    <t>【哈电锅炉】再热器热段外数第九圈上部U型弯头\42.0*3.5\12Cr1MoVG\SYS-22.1348.028-27\HG-1900/25.4</t>
  </si>
  <si>
    <t>【哈电锅炉】再热器热段外数第十圈前部U型弯头\42.0*3.5\12Cr1MoVG\SYS-22.1348.028-28\HG-1900/25.4</t>
  </si>
  <si>
    <t>【哈电锅炉】再热器热段外数第十圈后部U型弯头\42.0*3.5\12Cr2MoWVB\SYS-22.1348.028-29\HG-1900/25.4</t>
  </si>
  <si>
    <t>【哈电锅炉】再热器热段外数第十圈上部U型弯头\42.0*3.5\12Cr1MoVG\SYS-22.1348.028-30\HG-1900/25.4</t>
  </si>
  <si>
    <t>【哈电锅炉】再热器冷段外数第一圈前部U型弯头\42.0*3.5\20YB232-70\SYS-22.1348.033-1\HG-1900/25.4</t>
  </si>
  <si>
    <t>【哈电锅炉】再热器冷段外数第一圈后部U型弯头\42.0*3.5\20YB232-70\SYS-22.1348.033-2\HG-1900/25.4</t>
  </si>
  <si>
    <t>【哈电锅炉】再热器冷段外数第一圈上部U型弯头\42.0*3.5\20YB232-70\SYS-22.1348.033-3\HG-1900/25.4</t>
  </si>
  <si>
    <t>【哈电锅炉】再热器冷段外数第二圈前部U型弯头\42.0*3.5\20YB232-70\SYS-22.1348.033-4\HG-1900/25.4</t>
  </si>
  <si>
    <t>【哈电锅炉】再热器冷段外数第二圈后部U型弯头\42.0*3.5\20YB232-70\SYS-22.1348.033-5\HG-1900/25.4</t>
  </si>
  <si>
    <t>【哈电锅炉】再热器冷段外数第二圈上部U型弯头\42.0*3.5\20YB232-70\SYS-22.1348.033-6\HG-1900/25.4</t>
  </si>
  <si>
    <t>【哈电锅炉】再热器冷段外数第三圈前部U型弯头\42.0*3.5\20YB232-70\SYS-22.1348.033-7\HG-1900/25.4</t>
  </si>
  <si>
    <t>【哈电锅炉】再热器冷段外数第三圈后部U型弯头\42.0*3.5\20YB232-70\SYS-22.1348.033-8\HG-1900/25.4</t>
  </si>
  <si>
    <t>【哈电锅炉】再热器冷段外数第三圈上部U型弯头\42.0*3.5\20YB232-70\SYS-22.1348.033-9\HG-1900/25.4</t>
  </si>
  <si>
    <t>【哈电锅炉】再热器冷段外数第四圈前部U型弯头\42.0*3.5\20YB232-70\SYS-22.1348.033-10\HG-1900/25.4</t>
  </si>
  <si>
    <t>【哈电锅炉】再热器冷段外数第四圈后部U型弯头\42.0*3.5\20YB232-70\SYS-22.1348.033-11\HG-1900/25.4</t>
  </si>
  <si>
    <t>【哈电锅炉】再热器冷段外数第四圈上部U型弯头\42.0*3.5\20YB232-70\SYS-22.1348.033-12\HG-1900/25.4</t>
  </si>
  <si>
    <t>【哈电锅炉】再热器冷段外数第五圈前部U型弯头\42.0*3.5\20YB232-70\SYS-22.1348.033-13\HG-1900/25.4</t>
  </si>
  <si>
    <t>【哈电锅炉】再热器冷段外数第五圈后部U型弯头\42.0*3.5\20YB232-70\SYS-22.1348.033-14\HG-1900/25.4</t>
  </si>
  <si>
    <t>【哈电锅炉】再热器冷段外数第五圈上部U型弯头\42.0*3.5\20YB232-70\SYS-22.1348.033-15\HG-1900/25.4</t>
  </si>
  <si>
    <t>【哈电锅炉】再热器冷段外数第六圈前部U型弯头\42.0*3.5\20YB232-70\SYS-22.1348.033-16\HG-1900/25.4</t>
  </si>
  <si>
    <t>【哈电锅炉】再热器冷段外数第六圈后部U型弯头\42.0*3.5\20YB232-70\SYS-22.1348.033-17\HG-1900/25.4</t>
  </si>
  <si>
    <t>【哈电锅炉】再热器冷段外数第六圈上部U型弯头\42.0*3.5\20YB232-70\SYS-22.1348.033-18\HG-1900/25.4</t>
  </si>
  <si>
    <t>【哈电锅炉】再热器冷段外数第七圈前部U型弯头\42.0*3.5\20YB232-70\SYS-22.1348.033-19\HG-1900/25.4</t>
  </si>
  <si>
    <t>【哈电锅炉】再热器冷段外数第七圈后部U型弯头\42.0*3.5\20YB232-70\SYS-22.1348.033-20\HG-1900/25.4</t>
  </si>
  <si>
    <t>【哈电锅炉】再热器冷段外数第七圈上部U型弯头\42.0*3.5\20YB232-70\SYS-22.1348.033-21\HG-1900/25.4</t>
  </si>
  <si>
    <t>【哈电锅炉】前屏过热器外数第一圈U型弯头\38.0*4.5\12Cr2MoWVB\SYS-22.1342.024-1\HG-1900/25.4</t>
  </si>
  <si>
    <t>【哈电锅炉】前屏过热器外数第二圈U型弯头\38.0*4.5\12Cr2MoWVB\SYS-22.1342.024-2\HG-1900/25.4</t>
  </si>
  <si>
    <t>【哈电锅炉】前屏过热器外数第三圈U型弯头\38.0*4.5\12Cr2MoWVB\SYS-22.1342.024-3\HG-1900/25.4</t>
  </si>
  <si>
    <t>【哈电锅炉】前屏过热器外数第四圈U型弯头\38.0*4.5\12Cr2MoWVB\SYS-22.1342.024-4\HG-1900/25.4</t>
  </si>
  <si>
    <t>【哈电锅炉】前屏过热器外数第五圈U型弯头\38.0*4.5\12Cr2MoWVB\SYS-22.1342.024-5\HG-1900/25.4</t>
  </si>
  <si>
    <t>【哈电锅炉】前屏过热器外数第六圈U型弯头\38.0*4.5\12Cr2MoWVB\SYS-22.1342.024-6\HG-1900/25.4</t>
  </si>
  <si>
    <t>【哈电锅炉】前屏过热器外数第七圈U型弯头\38.0*4.5\12Cr2MoWVB\SYS-22.1342.024-7\HG-1900/25.4</t>
  </si>
  <si>
    <t>【哈电锅炉】前屏过热器外数第八圈U型弯头\38.0*4.5\12Cr2MoWVB\SYS-22.1342.024-8\HG-1900/25.4</t>
  </si>
  <si>
    <t>【哈电锅炉】前屏过热器外数第九圈U型弯头\38.0*4.5\12Cr1MoVG\SYS-22.1342.024-9\HG-1900/25.4</t>
  </si>
  <si>
    <t>【哈电锅炉】前屏过热器外数第十圈U型弯头\38.0*4.5\12Cr1MoVG\SYS-22.1342.024-10\HG-1900/25.4</t>
  </si>
  <si>
    <t>【哈电锅炉】前屏过热器外数第十一圈U型弯头\38.0*4.5\12Cr1MoVG\SYS-22.1342.024-11\HG-1900/25.4</t>
  </si>
  <si>
    <t>【哈电锅炉】前屏过热器外数第十二圈U型弯头\38.0*4.5\12Cr1MoVG\SYS-22.1342.024-12\HG-1900/25.4</t>
  </si>
  <si>
    <t>【哈电锅炉】前屏过热器外数第十三圈U型弯头\38.0*4.5\12Cr1MoVG\SYS-22.1342.024-13\HG-1900/25.4</t>
  </si>
  <si>
    <t>【哈电锅炉】前屏过热器外数第十四圈U型弯头\38.0*4.5\12Cr1MoVG\SYS-22.1342.024-14\HG-1900/25.4</t>
  </si>
  <si>
    <t>【哈电锅炉】前屏过热器外数第十五圈U型弯头\38.0*4.5\12Cr1MoVG\SYS-22.1342.024-15\HG-1900/25.4</t>
  </si>
  <si>
    <t>【哈电锅炉】前屏过热器外数第十六圈U型弯头\38.0*4.5\12Cr1MoVG\SYS-22.1342.024-16\HG-1900/25.4</t>
  </si>
  <si>
    <t>【哈电锅炉】前屏过热器外数第十七圈U型弯头\38.0*4.5\12Cr1MoVG\SYS-22.1342.024-17\HG-1900/25.4</t>
  </si>
  <si>
    <t>【哈电锅炉】前屏过热器外数第十八圈U型弯头\38.0*4.5\12Cr1MoVG\SYS-22.1342.024-18\HG-1900/25.4</t>
  </si>
  <si>
    <t>【哈电锅炉】后屏过热器外数第一圈U型弯头\42.0*5\12Cr2MoWVB\SYS-22.1342.024-1\HG-1900/25.4</t>
  </si>
  <si>
    <t>【哈电锅炉】后屏过热器外数第二圈U型弯头\42.0*5\12Cr2MoWVB\SYS-22.1342.024-2\HG-1900/25.4</t>
  </si>
  <si>
    <t>【哈电锅炉】后屏过热器外数第三圈U型弯头\42.0*5\12Cr2MoWVB\SYS-22.1342.024-3\HG-1900/25.4</t>
  </si>
  <si>
    <t>【哈电锅炉】后屏过热器外数第四圈U型弯头\42.0*5\12Cr2MoWVB\SYS-22.1342.024-4\HG-1900/25.4</t>
  </si>
  <si>
    <t>【哈电锅炉】后屏过热器外数第五圈U型弯头\42.0*5\12Cr2MoWVB\SYS-22.1342.024-5\HG-1900/25.4</t>
  </si>
  <si>
    <t>【哈电锅炉】后屏过热器外数第六圈U型弯头\42.0*5\12Cr2MoWVB\SYS-22.1342.024-6\HG-1900/25.4</t>
  </si>
  <si>
    <t>【哈电锅炉】后屏过热器外数第七圈U型弯头\42.0*5\12Cr2MoWVB\SYS-22.1342.024-7\HG-1900/25.4</t>
  </si>
  <si>
    <t>【哈电锅炉】后屏过热器外数第八圈U型弯头\42.0*5\12Cr2MoWVB\SYS-22.1342.024-8\HG-1900/25.4</t>
  </si>
  <si>
    <t>【哈电锅炉】后屏过热器外数第九圈U型弯头\42.0*5\12Cr1MoVG\SYS-22.1342.024-9\HG-1900/25.4</t>
  </si>
  <si>
    <t>【哈电锅炉】后屏过热器外数第十圈U型弯头\42.0*5\12Cr1MoVG\SYS-22.1342.024-10\HG-1900/25.4</t>
  </si>
  <si>
    <t>【哈电锅炉】后屏过热器外数第十一圈U型弯头\42.0*5\12Cr1MoVG\SYS-22.1342.024-11\HG-1900/25.4</t>
  </si>
  <si>
    <t>【哈电锅炉】后屏过热器外数第十二圈U型弯头\42.0*5\12Cr1MoVG\SYS-22.1342.024-12\HG-1900/25.4</t>
  </si>
  <si>
    <t>【哈电锅炉】后屏过热器外数第十三圈U型弯头\42.0*5\12Cr1MoVG\SYS-22.1342.024-13\HG-1900/25.4</t>
  </si>
  <si>
    <t>【哈电锅炉】后屏过热器外数第十四圈U型弯头\42.0*5\12Cr1MoVG\SYS-22.1342.024-14\HG-1900/25.4</t>
  </si>
  <si>
    <t>【哈电锅炉】后屏过热器外数第十五圈U型弯头\42.0*5\12Cr1MoVG\SYS-22.1342.024-15\HG-1900/25.4</t>
  </si>
  <si>
    <t>【哈电锅炉】后屏过热器外数第十六圈U型弯头\42.0*5\12Cr1MoVG\SYS-22.1342.024-16\HG-1900/25.4</t>
  </si>
  <si>
    <t>【哈电锅炉】后屏过热器外数第十七圈U型弯头\42.0*5\12Cr1MoVG\SYS-22.1342.024-17\HG-1900/25.4</t>
  </si>
  <si>
    <t>【哈电锅炉】后屏过热器外数第十八圈U型弯头\42.0*5\12Cr1MoVG\SYS-22.1342.024-18\HG-1900/25.4</t>
  </si>
  <si>
    <t>【哈电锅炉】后屏过热器外数第十九圈U型弯头\42.0*5\12Cr1MoVG\SYS-22.1342.024-19\HG-1900/25.4</t>
  </si>
  <si>
    <t>【哈电锅炉】后屏过热器外数第二十圈U型弯头\42.0*5\12Cr1MoVG\SYS-22.1342.024-20\HG-1900/25.4</t>
  </si>
  <si>
    <t>【哈电锅炉】后屏过热器外数第二十一圈U型弯头\42.0*5\12Cr1MoVG\SYS-22.1342.024-21\HG-1900/25.4</t>
  </si>
  <si>
    <t>【哈电锅炉】后屏过热器外数第二十二圈U型弯头\42.0*5\12Cr1MoVG\SYS-22.1342.024-22\HG-1900/25.4</t>
  </si>
  <si>
    <t>【哈电锅炉】后屏过热器外数第二十三圈U型弯头\42.0*5\12Cr1MoVG\SYS-22.1342.024-23\HG-1900/25.4</t>
  </si>
  <si>
    <t>【哈电锅炉】后屏过热器外数第二十四圈U型弯头\42.0*5\12Cr1MoVG\SYS-22.1342.024-24\HG-1900/25.4</t>
  </si>
  <si>
    <t>【哈电锅炉】后屏过热器外数第二十五圈U型弯头\42.0*5\12Cr1MoVG\SYS-22.1342.024-25\HG-1900/25.4</t>
  </si>
  <si>
    <t>【哈电锅炉】后屏过热器外数第二十六圈U型弯头\42.0*5\12Cr1MoVG\SYS-22.1342.024-26\HG-1900/25.4</t>
  </si>
  <si>
    <t>【哈电锅炉】后屏过热器外数第二十七圈U型弯头\42.0*5\12Cr1MoVG\SYS-22.1342.024-27\HG-1900/25.4</t>
  </si>
  <si>
    <t>【哈电锅炉】后屏过热器外数第二十八圈U型弯头\42.0*5\12Cr1MoVG\SYS-22.1342.024-28\HG-1900/25.4</t>
  </si>
  <si>
    <t>【哈电锅炉】对流过热器外数第一圈前部U型弯头\42.0*5.5\12Cr1MoVG\SYS-22.1342.031-1\HG-1900/25.4</t>
  </si>
  <si>
    <t>【哈电锅炉】对流过热器外数第一圈后部U型弯头\42.0*5.5\12Cr1MoVG\SYS-22.1342.031-2\HG-1900/25.4</t>
  </si>
  <si>
    <t>【哈电锅炉】对流过热器外数第一圈上部U型弯头\42.0*5.5\12Cr1MoVG\SYS-22.1342.031-3\HG-1900/25.4</t>
  </si>
  <si>
    <t>【哈电锅炉】对流过热器外数第二圈前部U型弯头\42.0*5.5\12Cr1MoVG\SYS-22.1342.031-4\HG-1900/25.4</t>
  </si>
  <si>
    <t>【哈电锅炉】对流过热器外数第二圈后部U型弯头\42.0*5.5\12Cr1MoVG\SYS-22.1342.031-5\HG-1900/25.4</t>
  </si>
  <si>
    <t>【哈电锅炉】对流过热器外数第二圈上部U型弯头\42.0*5.5\12Cr1MoVG\SYS-22.1342.031-6\HG-1900/25.4</t>
  </si>
  <si>
    <t>【哈电锅炉】对流过热器外数第三圈前部U型弯头\42.0*5.5\12Cr1MoVG\SYS-22.1342.031-7\HG-1900/25.4</t>
  </si>
  <si>
    <t>【哈电锅炉】对流过热器外数第三圈后部U型弯头\42.0*5.5\12Cr1MoVG\SYS-22.1342.031-8\HG-1900/25.4</t>
  </si>
  <si>
    <t>【哈电锅炉】对流过热器外数第三圈上部U型弯头\42.0*5.5\12Cr1MoVG\SYS-22.1342.031-9\HG-1900/25.4</t>
  </si>
  <si>
    <t>【哈电锅炉】对流过热器外数第四圈前部U型弯头\42.0*5.5\12Cr1MoVG\SYS-22.1342.031-10\HG-1900/25.4</t>
  </si>
  <si>
    <t>【哈电锅炉】对流过热器外数第四圈后部U型弯头\42.0*5.5\12Cr1MoVG\SYS-22.1342.031-11\HG-1900/25.4</t>
  </si>
  <si>
    <t>【哈电锅炉】对流过热器外数第四圈上部U型弯头\42.0*5.5\12Cr1MoVG\SYS-22.1342.031-12\HG-1900/25.4</t>
  </si>
  <si>
    <t>【哈电锅炉】高温再热器外数第一圈U型弯头\51.0*4MWT\SA213-T91\SYS-22.1665.015-1\HG-1900/25.4</t>
  </si>
  <si>
    <t>【哈电锅炉】高温再热器外数第二圈U型弯头\51.0*4MWT\SA213-T91\SYS-22.1665.015-2\HG-1900/25.4</t>
  </si>
  <si>
    <t>【哈电锅炉】高温再热器外数第三圈U型弯头\51.0*4MWT\SA213-T91\SYS-22.1665.015-3\HG-1900/25.4</t>
  </si>
  <si>
    <t>【哈电锅炉】高温再热器外数第四圈U型弯头\51.0*4MWT\SA213-T91\SYS-22.1665.015-4\HG-1900/25.4</t>
  </si>
  <si>
    <t>【哈电锅炉】高温再热器外数第五圈U型弯头\51.0*4MWT\SA213-T91\SYS-22.1665.015-5\HG-1900/25.4</t>
  </si>
  <si>
    <t>【哈电锅炉】高温再热器外数第六圈U型弯头\51.0*4MWT\SA213-T91\SYS-22.1665.015-6\HG-1900/25.4</t>
  </si>
  <si>
    <t>【哈电锅炉】高温再热器外数第七圈U型弯头\51.0*4MWT\SA213-T91\SYS-22.1665.015-7\HG-1900/25.4</t>
  </si>
  <si>
    <t>【哈电锅炉】高温再热器外数第八圈U型弯头\51.0*4MWT\SA213-T91\SYS-22.1665.015-8\HG-1900/25.4</t>
  </si>
  <si>
    <t>【哈电锅炉】高温再热器外数第九圈U型弯头\51.0*4MWT\SA213-T91\SYS-22.1665.015-9\HG-1900/25.4</t>
  </si>
  <si>
    <t>【哈电锅炉】高温再热器外数第十圈U型弯头\51.0*4MWT\SA213-T91\SYS-22.1665.015-10\HG-1900/25.4</t>
  </si>
  <si>
    <t>【哈电锅炉】高温再热器外数第十一圈U型弯头\51.0*4MWT\SA213-T91\SYS-22.1665.015-11\HG-1900/25.4</t>
  </si>
  <si>
    <t>【哈电锅炉】高温再热器外数第十二圈U型弯头\51.0*4MWT\SA213-T91\SYS-22.1665.015-12\HG-1900/25.4</t>
  </si>
  <si>
    <t>【哈电锅炉】高温再热器外数第十三圈U型弯头\51.0*4MWT\SA213-T91\SYS-22.1665.015-13\HG-1900/25.4</t>
  </si>
  <si>
    <t>【哈电锅炉】高温再热器外数第十四圈U型弯头\51.0*4MWT\SA213-T91\SYS-22.1665.015-14\HG-1900/25.4</t>
  </si>
  <si>
    <t>【哈电锅炉】高温再热器外数第十五圈U型弯头\51.0*4MWT\SA213-T91\SYS-22.1665.015-15\HG-1900/25.4</t>
  </si>
  <si>
    <t>【哈电锅炉】高温再热器外数第十六圈U型弯头\51.0*4MWT\SA213-T91\SYS-22.1665.015-16\HG-1900/25.4</t>
  </si>
  <si>
    <t>【哈电锅炉】高温再热器外数第十七圈U型弯头\51.0*4MWT\SA213-T91\SYS-22.1665.015-17\HG-1900/25.4</t>
  </si>
  <si>
    <t>【哈电锅炉】高温再热器外数第十八圈U型弯头\51.0*4MWT\SA213-T91\SYS-22.1665.015-18\HG-1900/25.4</t>
  </si>
  <si>
    <t>【哈电锅炉】高温再热器外数第十九圈U型弯头\51.0*4MWT\SA213-T91\SYS-22.1665.015-19\HG-1900/25.4</t>
  </si>
  <si>
    <t>【哈电锅炉】高温再热器外数第二十圈U型弯头\51.0*4MWT\SA213-T91\SYS-22.1665.015-20\HG-1900/25.4</t>
  </si>
  <si>
    <t>【哈电锅炉】屏式过热器外数第一圈U型弯头\38.0*6.6min\SA-213TP347H\SYS-22.1647.013-1\HG-1900/25.4</t>
  </si>
  <si>
    <t>【哈电锅炉】屏式过热器外数第二圈U型弯头\38.0*6.6min\SA-213TP347H\SYS-22.1647.013-2\HG-1900/25.4</t>
  </si>
  <si>
    <t>【哈电锅炉】屏式过热器外数第三圈U型弯头\38.0*6.6min\SA-213TP347H\SYS-22.1647.013-3\HG-1900/25.4</t>
  </si>
  <si>
    <t>【哈电锅炉】屏式过热器外数第四圈U型弯头\38.0*6.6min\SA-213TP347H\SYS-22.1647.013-4\HG-1900/25.4</t>
  </si>
  <si>
    <t>【哈电锅炉】屏式过热器外数第五圈U型弯头\38.0*6.6min\SA-213TP347H\SYS-22.1647.013-5\HG-1900/25.4</t>
  </si>
  <si>
    <t>【哈电锅炉】屏式过热器外数第六圈U型弯头\38.0*6.6min\SA-213TP347H\SYS-22.1647.013-6\HG-1900/25.4</t>
  </si>
  <si>
    <t>【哈电锅炉】屏式过热器外数第七圈U型弯头\38.0*6.6min\SA-213TP347H\SYS-22.1647.013-7\HG-1900/25.4</t>
  </si>
  <si>
    <t>【哈电锅炉】屏式过热器外数第八圈U型弯头\38.0*6.6min\SA-213TP347H\SYS-22.1647.013-8\HG-1900/25.4</t>
  </si>
  <si>
    <t>【哈电锅炉】屏式过热器外数第九圈U型弯头\38.0*6.6min\SA-213TP347H\SYS-22.1647.013-9\HG-1900/25.4</t>
  </si>
  <si>
    <t>【哈电锅炉】屏式过热器外数第十圈U型弯头\38.0*6.6min\SA-213TP347H\SYS-22.1647.013-10\HG-1900/25.4</t>
  </si>
  <si>
    <t>【哈电锅炉】屏式过热器外数第十一圈U型弯头\38.0*6.6min\SA-213TP347H\SYS-22.1647.013-11\HG-1900/25.4</t>
  </si>
  <si>
    <t>【哈电锅炉】屏式过热器外数第十二圈U型弯头\38.0*6.6min\SA-213TP347H\SYS-22.1647.013-12\HG-1900/25.4</t>
  </si>
  <si>
    <t>【哈电锅炉】屏式过热器外数第十三圈U型弯头\38.0*6.6min\SA-213TP347H\SYS-22.1647.013-13\HG-1900/25.4</t>
  </si>
  <si>
    <t>【哈电锅炉】屏式过热器外数第十四圈U型弯头\38.0*6.6min\SA-213TP347H\SYS-22.1647.013-14\HG-1900/25.4</t>
  </si>
  <si>
    <t>【哈电锅炉】屏式过热器外数第十五圈U型弯头\38.0*6.6min\SA-213TP347H\SYS-22.1647.013-15\HG-1900/25.4</t>
  </si>
  <si>
    <t>【哈电锅炉】屏式过热器外数第十六圈U型弯头\38.0*6.5min\SA-213T91\SYS-22.1647.013-16\HG-1900/25.4</t>
  </si>
  <si>
    <t>【哈电锅炉】屏式过热器外数第十七圈U型弯头\38.0*6.5min\SA-213T91\SYS-22.1647.013-17\HG-1900/25.4</t>
  </si>
  <si>
    <t>【哈电锅炉】屏式过热器外数第十八圈U型弯头\38.0*6.5min\SA-213T91\SYS-22.1647.013-18\HG-1900/25.4</t>
  </si>
  <si>
    <t>【哈电锅炉】屏式过热器外数第十九圈U型弯头\38.0*6.5min\SA-213T91\SYS-22.1647.013-19\HG-1900/25.4</t>
  </si>
  <si>
    <t>【哈电锅炉】屏式过热器外数第二十圈U型弯头\38.0*6.5min\SA-213T91\SYS-22.1647.013-20\HG-1900/25.4</t>
  </si>
  <si>
    <t>【哈电锅炉】屏式过热器外数第二十一圈U型弯头\38.0*6.5min\SA-213T91\SYS-22.1647.013-21\HG-1900/25.4</t>
  </si>
  <si>
    <t>【哈电锅炉】屏式过热器外数第二十二圈U型弯头\38.0*6.5min\SA-213T91\SYS-22.1647.013-22\HG-1900/25.4</t>
  </si>
  <si>
    <t>【哈电锅炉】屏式过热器外数第二十三圈U型弯头\38.0*6.5min\SA-213T91\SYS-22.1647.013-23\HG-1900/25.4</t>
  </si>
  <si>
    <t>【哈电锅炉】屏式过热器外数第二十四圈U型弯头\38.0*6.5min\SA-213T91\SYS-22.1647.013-24\HG-1900/25.4</t>
  </si>
  <si>
    <t>【哈电锅炉】屏式过热器外数第二十五圈U型弯头\38.0*6.5min\SA-213T91\SYS-22.1647.013-25\HG-1900/25.4</t>
  </si>
  <si>
    <t>【哈电锅炉】屏式过热器外数第二十六圈U型弯头\38.0*6.5min\SA-213T91\SYS-22.1647.013-26\HG-1900/25.4</t>
  </si>
  <si>
    <t>【哈电锅炉】屏式过热器外数第二十七圈U型弯头\38.0*6.5min\SA-213T91\SYS-22.1647.013-27\HG-1900/25.4</t>
  </si>
  <si>
    <t>【哈电锅炉】屏式过热器外数第二十八圈U型弯头\38.0*6.5min\SA-213T91\SYS-22.1647.013-28\HG-1900/25.4</t>
  </si>
  <si>
    <t>【哈电锅炉】末级过热器外数第一圈U型弯头\44.5*7.5min\SA-213TP347H\SYS-22.1645.009-1\HG-1900/25.4</t>
  </si>
  <si>
    <t>【哈电锅炉】末级过热器外数第二圈U型弯头\44.5*7.5min\SA-213TP347H\SYS-22.1645.009-2\HG-1900/25.4</t>
  </si>
  <si>
    <t>【哈电锅炉】末级过热器外数第三圈U型弯头\44.5*7.5min\SA-213TP347H\SYS-22.1645.009-3\HG-1900/25.4</t>
  </si>
  <si>
    <t>【哈电锅炉】末级过热器外数第四圈U型弯头\44.5*7.5min\SA-213TP347H\SYS-22.1645.009-4\HG-1900/25.4</t>
  </si>
  <si>
    <t>【哈电锅炉】末级过热器外数第五圈U型弯头\44.5*7.5min\SA-213TP347H\SYS-22.1645.009-5\HG-1900/25.4</t>
  </si>
  <si>
    <t>【哈电锅炉】末级过热器外数第六圈U型弯头\44.5*7.5min\SA-213TP347H\SYS-22.1645.009-6\HG-1900/25.4</t>
  </si>
  <si>
    <t>【哈电锅炉】末级过热器外数第七圈U型弯头\44.5*7.5min\SA-213TP347H\SYS-22.1645.009-7\HG-1900/25.4</t>
  </si>
  <si>
    <t>【哈电锅炉】末级过热器外数第八圈U型弯头\44.5*7.5min\SA-213TP347H\SYS-22.1645.009-8\HG-1900/25.4</t>
  </si>
  <si>
    <t>【哈电锅炉】末级过热器外数第九圈U型弯头\44.5*7.5min\SA-213TP347H\SYS-22.1645.009-9\HG-1900/25.4</t>
  </si>
  <si>
    <t>【哈电锅炉】末级过热器外数第十圈U型弯头\44.5*7.5min\SA-213TP347H\SYS-22.1645.009-10\HG-1900/25.4</t>
  </si>
  <si>
    <t>【哈电锅炉】末级过热器外数第十一圈U型弯头\44.5*7.5min\SA-213TP347H\SYS-22.1645.009-11\HG-1900/25.4</t>
  </si>
  <si>
    <t>【哈电锅炉】末级过热器外数第十二圈U型弯头\44.5*7.5min\SA-213TP347H\SYS-22.1645.009-12\HG-1900/25.4</t>
  </si>
  <si>
    <t>【哈电锅炉】末级过热器外数第十三圈U型弯头\44.5*7.5min\SA-213TP347H\SYS-22.1645.009-13\HG-1900/25.4</t>
  </si>
  <si>
    <t>【哈电锅炉】末级过热器外数第十四圈U型弯头\44.5*7.5min\SA-213TP347H\SYS-22.1645.009-14\HG-1900/25.4</t>
  </si>
  <si>
    <t>【哈电锅炉】末级过热器外数第十五圈U型弯头\44.5*7.5min\SA-213TP347H\SYS-22.1645.009-15\HG-1900/25.4</t>
  </si>
  <si>
    <t>【哈电锅炉】末级过热器外数第十六圈U型弯头\44.5*7.5min\SA-213TP347H\SYS-22.1645.009-16\HG-1900/25.4</t>
  </si>
  <si>
    <t>【哈电锅炉】末级过热器外数第十七圈U型弯头\44.5*7.5min\SA-213TP347H\SYS-22.1645.009-17\HG-1900/25.4</t>
  </si>
  <si>
    <t>【哈电锅炉】末级过热器外数第十八圈U型弯头\44.5*7.5min\SA-213TP347H\SYS-22.1645.009-18\HG-1900/25.4</t>
  </si>
  <si>
    <t>【哈电锅炉】末级过热器外数第十九圈U型弯头\44.5*7.5min\SA-213TP347H\SYS-22.1645.009-19\HG-1900/25.4</t>
  </si>
  <si>
    <t>【哈电锅炉】末级过热器外数第二十圈U型弯头\44.5*7.5min\SA-213TP347H\SYS-22.1645.009-20\HG-1900/25.4</t>
  </si>
  <si>
    <t>【哈电锅炉】后屏再热器外数第一圈U型弯头\63.0*4\SA-213TP304H\NP-H322_1569_032-1\HG-1025/17.4</t>
  </si>
  <si>
    <t>【哈电锅炉】后屏再热器外数第二圈U型弯头\63.0*4\SA-213TP304H\NP-H322_1569_032-2\HG-1025/17.4</t>
  </si>
  <si>
    <t>【哈电锅炉】后屏再热器外数第三圈U型弯头\63.0*4\12Cr1MoVG\NP-H322_1569_032-3\HG-1025/17.4</t>
  </si>
  <si>
    <t>【哈电锅炉】后屏再热器外数第四圈U型弯头\63.0*4\12Cr1MoVG\NP-H322_1569_032-4\HG-1025/17.4</t>
  </si>
  <si>
    <t>【哈电锅炉】后屏再热器外数第五圈U型弯头\63.0*4\12Cr1MoVG\NP-H322_1569_032-5\HG-1025/17.4</t>
  </si>
  <si>
    <t>【哈电锅炉】后屏再热器外数第六圈U型弯头\63.0*4\12Cr1MoVG\NP-H322_1569_032-6\HG-1025/17.4</t>
  </si>
  <si>
    <t>【哈电锅炉】后屏再热器外数第七圈U型弯头\63.0*4\12Cr1MoVG\NP-H322_1569_032-7\HG-1025/17.4</t>
  </si>
  <si>
    <t>【哈电锅炉】后屏再热器外数第八圈U型弯头\63.0*4\12Cr1MoVG\NP-H322_1569_032-8\HG-1025/17.4</t>
  </si>
  <si>
    <t>【哈电锅炉】后屏再热器外数第九圈U型弯头\63.0*4\12Cr1MoVG\NP-H322_1569_032-9\HG-1025/17.4</t>
  </si>
  <si>
    <t>【哈电锅炉】后屏再热器外数第十圈U型弯头\63.0*4\12Cr1MoVG\NP-H322_1569_032-10\HG-1025/17.4</t>
  </si>
  <si>
    <t>【哈电锅炉】后屏再热器外数第十一圈U型弯头\63.0*4\12Cr1MoVG\NP-H322_1569_032-11\HG-1025/17.4</t>
  </si>
  <si>
    <t>【哈电锅炉】后屏再热器外数第十二圈U型弯头\63.0*4\12Cr1MoVG\NP-H322_1569_032-12\HG-1025/17.4</t>
  </si>
  <si>
    <t>【哈电锅炉】后屏再热器外数第十三圈U型弯头\63.0*7\12Cr1MoVG\NP-H322_1569_032-13\HG-1025/17.4</t>
  </si>
  <si>
    <t>【哈电锅炉】末级再热器外数第一圈U型弯头\63.0*4\SA-213TP304H\NP-H322_1565_046X-1\HG-1025/17.4</t>
  </si>
  <si>
    <t>【哈电锅炉】末级再热器外数第二圈U型弯头\63.0*4\SA-213T91\NP-H322_1565_046X-2\HG-1025/17.4</t>
  </si>
  <si>
    <t>【哈电锅炉】末级再热器外数第三圈U型弯头\63.0*4\SA-213T91\NP-H322_1565_046X-3\HG-1025/17.4</t>
  </si>
  <si>
    <t>【哈电锅炉】末级再热器外数第四圈U型弯头\63.0*4\SA-213T91\NP-H322_1565_046X-4\HG-1025/17.4</t>
  </si>
  <si>
    <t>【哈电锅炉】末级再热器外数第五圈U型弯头\63.0*4\SA-213T91\NP-H322_1565_046X-5\HG-1025/17.4</t>
  </si>
  <si>
    <t>【哈电锅炉】末级再热器外数第六圈U型弯头\63.0*4\SA-213T91\NP-H322_1565_046X-6\HG-1025/17.4</t>
  </si>
  <si>
    <t>【哈电锅炉】末级再热器外数第七圈U型弯头\63.0*7\SA-213T91\NP-H322_1565_046X-7\HG-1025/17.4</t>
  </si>
  <si>
    <t>【哈电锅炉】分隔屏外数第一圈U型弯头\51.0*7\SA-213TP304H\NP-借用22.1547.023-1\HG-1025/17.4</t>
  </si>
  <si>
    <t>【哈电锅炉】分隔屏外数第二圈U型弯头\51.0*7\12Cr1MoVG\NP-借用22.1547.023-2\HG-1025/17.4</t>
  </si>
  <si>
    <t>【哈电锅炉】分隔屏外数第三圈U型弯头\51.0*7\12Cr1MoVG\NP-借用22.1547.023-3\HG-1025/17.4</t>
  </si>
  <si>
    <t>【哈电锅炉】分隔屏外数第四圈U型弯头\51.0*7\12Cr1MoVG\NP-借用22.1547.023-4\HG-1025/17.4</t>
  </si>
  <si>
    <t>【哈电锅炉】分隔屏外数第五圈U型弯头\51.0*7\12Cr1MoVG\NP-借用22.1547.023-5\HG-1025/17.4</t>
  </si>
  <si>
    <t>【哈电锅炉】分隔屏外数第六圈U型弯头\51.0*7\12Cr1MoVG\NP-借用22.1547.023-6\HG-1025/17.4</t>
  </si>
  <si>
    <t>【哈电锅炉】分隔屏外数第七圈U型弯头\51.0*7\12Cr1MoVG\NP-借用22.1547.023-7\HG-1025/17.4</t>
  </si>
  <si>
    <t>【哈电锅炉】后屏过热器外数第一圈U型弯头\60.0*10\SA-213TP347H\NP-借用E422_1548_029-1\HG-1025/17.4</t>
  </si>
  <si>
    <t>【哈电锅炉】后屏过热器外数第二圈U型弯头\54.0*9\SA-213TP304H\NP-借用E422_1548_029-2\HG-1025/17.4</t>
  </si>
  <si>
    <t>【哈电锅炉】后屏过热器外数第三圈U型弯头\54.0*9\SA-213TP304H\NP-借用E422_1548_029-3\HG-1025/17.4</t>
  </si>
  <si>
    <t>【哈电锅炉】后屏过热器外数第四圈U型弯头\54.0*9\SA213-TP347H\NP-借用E422_1548_029-4\HG-1025/17.4</t>
  </si>
  <si>
    <t>【哈电锅炉】后屏过热器外数第五圈U型弯头\54.0*9\SA-213T91\NP-借用E422_1548_029-5\HG-1025/17.4</t>
  </si>
  <si>
    <t>【哈电锅炉】后屏过热器外数第六圈U型弯头\54.0*9\SA-213T91\NP-借用E422_1548_029-6\HG-1025/17.4</t>
  </si>
  <si>
    <t>【哈电锅炉】后屏过热器外数第七圈U型弯头\54.0*9\SA-213T91\NP-借用E422_1548_029-7\HG-1025/17.4</t>
  </si>
  <si>
    <t>【哈电锅炉】后屏过热器外数第八圈U型弯头\54.0*9\SA-213T91\NP-借用E422_1548_029-8\HG-1025/17.4</t>
  </si>
  <si>
    <t>【哈电锅炉】后屏过热器外数第九圈U型弯头\54.0*9\SA-213T91\NP-借用E422_1548_029-9\HG-1025/17.4</t>
  </si>
  <si>
    <t>【哈电锅炉】后屏过热器外数第十圈U型弯头\54.0*10\12Cr1MoVG\NP-借用E422_1548_029-10\HG-1025/17.4</t>
  </si>
  <si>
    <t>【哈电锅炉】后屏过热器外数第十一圈U型弯头\54.0*10\12Cr1MoVG\NP-借用E422_1548_029-11\HG-1025/17.4</t>
  </si>
  <si>
    <t>【哈电锅炉】后屏过热器外数第十二圈U型弯头\54.0*10\12Cr1MoVG\NP-借用E422_1548_029-12\HG-1025/17.4</t>
  </si>
  <si>
    <t>【哈电锅炉】后屏过热器外数第十三圈U型弯头\54.0*10\12Cr1MoVG\NP-借用E422_1548_029-13\HG-1025/17.4</t>
  </si>
  <si>
    <t>【哈电锅炉】后屏过热器外数第十四圈U型弯头\54.0*8\SA-213TP347H\NP-借用E422_1548_029-14\HG-1025/17.4</t>
  </si>
  <si>
    <t>【哈电锅炉】末级过热器外数第一圈前部U型弯头\54.0*8\SA213-TP347H\NP-借用C922_1545_017-1\HG-1025/17.4</t>
  </si>
  <si>
    <t>【哈电锅炉】末级过热器外数第一圈后部U型弯头\54.0*8\SA213-TP347H\NP-借用C922_1545_017-2\HG-1025/17.4</t>
  </si>
  <si>
    <t>【哈电锅炉】末级过热器外数第一圈上部U型弯头\54.0*8\12Cr2MoWVTiB\NP-借用C922_1545_017-3\HG-1025/17.4</t>
  </si>
  <si>
    <t>【哈电锅炉】末级过热器外数第二圈前部U型弯头\51.0*7.5\SA213-TP347H\NP-借用C922_1545_017-4\HG-1025/17.4</t>
  </si>
  <si>
    <t>【哈电锅炉】末级过热器外数第二圈后部U型弯头\51.0*7.5\SA213-TP347H\NP-借用C922_1545_017-5\HG-1025/17.4</t>
  </si>
  <si>
    <t>【哈电锅炉】末级过热器外数第二圈上部U型弯头\51.0*8\12Cr2MoWVTiB\NP-借用C922_1545_017-6\HG-1025/17.4</t>
  </si>
  <si>
    <t>【哈电锅炉】末级过热器外数第三圈前部U型弯头\51.0*9\12Cr1MoVG\NP-借用C922_1545_017-7\HG-1025/17.4</t>
  </si>
  <si>
    <t>【哈电锅炉】末级过热器外数第三圈后部U型弯头\51.0*7.5\SA213-TP347H\NP-借用C922_1545_017-8\HG-1025/17.4</t>
  </si>
  <si>
    <t>【哈电锅炉】末级过热器外数第三圈上部U型弯头\51.0*8\12Cr2MoWVTiB\NP-借用C922_1545_017-9\HG-1025/17.4</t>
  </si>
  <si>
    <t>【哈电锅炉】末级过热器外数第四圈前部U型弯头\51.0*9\12Cr1MoVG\NP-借用C922_1545_017-10\HG-1025/17.4</t>
  </si>
  <si>
    <t>【哈电锅炉】末级过热器外数第四圈后部U型弯头\51.0*8\12Cr2MoWVTiB\NP-借用C922_1545_017-11\HG-1025/17.4</t>
  </si>
  <si>
    <t>【哈电锅炉】末级过热器外数第四圈上部U型弯头\51.0*8\12Cr2MoWVTiB\NP-借用C922_1545_017-12\HG-1025/17.4</t>
  </si>
  <si>
    <t>【哈电锅炉】末级过热器外数第五圈前部U型弯头\51.0*9\12Cr1MoVG\NP-借用C922_1545_017-13\HG-1025/17.4</t>
  </si>
  <si>
    <t>【哈电锅炉】末级过热器外数第五圈后部U型弯头\51.0*8\12Cr2MoWVTiB\NP-借用C922_1545_017-14\HG-1025/17.4</t>
  </si>
  <si>
    <t>【哈电锅炉】末级过热器外数第五圈上部U型弯头\51.0*8\12Cr2MoWVTiB\NP-借用C922_1545_017-15\HG-1025/17.4</t>
  </si>
  <si>
    <t>【哈电锅炉】后屏再热器外数第一圈U型弯头\63.0*4\SA-213TP304H\PL-借用22.1569.017-1\HG-1025/17.5</t>
  </si>
  <si>
    <t>【哈电锅炉】后屏再热器外数第二圈U型弯头\63.0*4\SA-213T91\PL-借用22.1569.017-2\HG-1025/17.5</t>
  </si>
  <si>
    <t>【哈电锅炉】后屏再热器外数第三圈U型弯头\63.0*4\SA-213T91\PL-借用22.1569.017-3\HG-1025/17.5</t>
  </si>
  <si>
    <t>【哈电锅炉】后屏再热器外数第四圈U型弯头\63.0*4\12Cr1MoVG\PL-借用22.1569.017-4\HG-1025/17.5</t>
  </si>
  <si>
    <t>【哈电锅炉】后屏再热器外数第五圈U型弯头\63.0*4\12Cr1MoVG\PL-借用22.1569.017-5\HG-1025/17.5</t>
  </si>
  <si>
    <t>【哈电锅炉】后屏再热器外数第六圈U型弯头\63.0*4\12Cr1MoVG\PL-借用22.1569.017-6\HG-1025/17.5</t>
  </si>
  <si>
    <t>【哈电锅炉】后屏再热器外数第七圈U型弯头\63.0*4\12Cr1MoVG\PL-借用22.1569.017-7\HG-1025/17.5</t>
  </si>
  <si>
    <t>【哈电锅炉】后屏再热器外数第八圈U型弯头\63.0*4\12Cr1MoVG\PL-借用22.1569.017-8\HG-1025/17.5</t>
  </si>
  <si>
    <t>【哈电锅炉】后屏再热器外数第九圈U型弯头\63.0*4\12Cr1MoVG\PL-借用22.1569.017-9\HG-1025/17.5</t>
  </si>
  <si>
    <t>【哈电锅炉】后屏再热器外数第十圈U型弯头\63.0*4\12Cr1MoVG\PL-借用22.1569.017-10\HG-1025/17.5</t>
  </si>
  <si>
    <t>【哈电锅炉】后屏再热器外数第十一圈U型弯头\63.0*4\12Cr1MoVG\PL-借用22.1569.017-11\HG-1025/17.5</t>
  </si>
  <si>
    <t>【哈电锅炉】后屏再热器外数第十二圈U型弯头\63.0*4\12Cr1MoVG\PL-借用22.1569.017-12\HG-1025/17.5</t>
  </si>
  <si>
    <t>【哈电锅炉】后屏再热器外数第十三圈U型弯头\63.0*7\12Cr1MoVG\PL-借用22.1569.017-13\HG-1025/17.5</t>
  </si>
  <si>
    <t>【哈电锅炉】后屏再热器外数第十四圈U型弯头\63.0*7\12Cr1MoVG\PL-借用22.1569.017-14\HG-1025/17.5</t>
  </si>
  <si>
    <t>【哈电锅炉】末级再热器外数第一圈U型弯头\63.0*4\SA-213TP-304H\PL-22.1565.054-1\HG-1025/17.5</t>
  </si>
  <si>
    <t>【哈电锅炉】末级再热器外数第二圈U型弯头\63.0*4\SA213-T91\PL-22.1565.054-2\HG-1025/17.5</t>
  </si>
  <si>
    <t>【哈电锅炉】末级再热器外数第三圈U型弯头\63.0*4\SA213-T91\PL-22.1565.054-3\HG-1025/17.5</t>
  </si>
  <si>
    <t>【哈电锅炉】末级再热器外数第四圈U型弯头\63.0*4\12Cr1MoVG\PL-22.1565.054-4\HG-1025/17.5</t>
  </si>
  <si>
    <t>【哈电锅炉】末级再热器外数第五圈U型弯头\63.0*4\12Cr1MoVG\PL-22.1565.054-5\HG-1025/17.5</t>
  </si>
  <si>
    <t>【哈电锅炉】末级再热器外数第六圈U型弯头\63.0*4\12Cr1MoVG\PL-22.1565.054-6\HG-1025/17.5</t>
  </si>
  <si>
    <t>【哈电锅炉】末级再热器外数第七圈U型弯头\63.0*7\12Cr1MoVG\PL-22.1565.054-7\HG-1025/17.5</t>
  </si>
  <si>
    <t>【哈电锅炉】分隔屏外数第一圈U型弯头\51.0*7\SA-213TP304H\PL-借用22.1547.016-1\HG-1025/17.5</t>
  </si>
  <si>
    <t>【哈电锅炉】分隔屏外数第二圈U型弯头\51.0*7\12Cr1MoVG\PL-借用22.1547.016-2\HG-1025/17.5</t>
  </si>
  <si>
    <t>【哈电锅炉】分隔屏外数第三圈U型弯头\51.0*7\12Cr1MoVG\PL-借用22.1547.016-3\HG-1025/17.5</t>
  </si>
  <si>
    <t>【哈电锅炉】分隔屏外数第四圈U型弯头\51.0*7\12Cr1MoVG\PL-借用22.1547.016-4\HG-1025/17.5</t>
  </si>
  <si>
    <t>【哈电锅炉】分隔屏外数第五圈U型弯头\51.0*7\12Cr1MoVG\PL-借用22.1547.016-5\HG-1025/17.5</t>
  </si>
  <si>
    <t>【哈电锅炉】分隔屏外数第六圈U型弯头\51.0*7\12Cr1MoVG\PL-借用22.1547.016-6\HG-1025/17.5</t>
  </si>
  <si>
    <t>【哈电锅炉】分隔屏外数第七圈U型弯头\51.0*7\12Cr1MoVG\PL-借用22.1547.016-7\HG-1025/17.5</t>
  </si>
  <si>
    <t>【哈电锅炉】后屏过热器外数第一圈U型弯头\60.0*9.5\SA-213TP347H\PL-22.1548.043-1\HG-1025/17.5</t>
  </si>
  <si>
    <t>【哈电锅炉】后屏过热器外数第二圈U型弯头\54.0*9\SA-213TP304H\PL-22.1548.043-2\HG-1025/17.5</t>
  </si>
  <si>
    <t>【哈电锅炉】后屏过热器外数第三圈U型弯头\54.0*9\SA-213TP304H\PL-22.1548.043-3\HG-1025/17.5</t>
  </si>
  <si>
    <t>【哈电锅炉】后屏过热器外数第四圈U型弯头\54.0*9\SA-213TP304H\PL-22.1548.043-4\HG-1025/17.5</t>
  </si>
  <si>
    <t>【哈电锅炉】后屏过热器外数第五圈U型弯头\54.0*9\SA-213T91\PL-22.1548.043-5\HG-1025/17.5</t>
  </si>
  <si>
    <t>【哈电锅炉】后屏过热器外数第六圈U型弯头\54.0*9\SA-213T91\PL-22.1548.043-6\HG-1025/17.5</t>
  </si>
  <si>
    <t>【哈电锅炉】后屏过热器外数第七圈U型弯头\54.0*9\SA-213T91\PL-22.1548.043-7\HG-1025/17.5</t>
  </si>
  <si>
    <t>【哈电锅炉】后屏过热器外数第八圈U型弯头\54.0*9\SA-213T91\PL-22.1548.043-8\HG-1025/17.5</t>
  </si>
  <si>
    <t>【哈电锅炉】后屏过热器外数第九圈U型弯头\54.0*9\SA-213T91\PL-22.1548.043-9\HG-1025/17.5</t>
  </si>
  <si>
    <t>【哈电锅炉】后屏过热器外数第十圈U型弯头\54.0*9\SA-213T91\PL-22.1548.043-10\HG-1025/17.5</t>
  </si>
  <si>
    <t>【哈电锅炉】后屏过热器外数第十一圈U型弯头\54.0*9\SA-213T91\PL-22.1548.043-11\HG-1025/17.5</t>
  </si>
  <si>
    <t>【哈电锅炉】后屏过热器外数第十二圈U型弯头\54.0*9\SA-213T91\PL-22.1548.043-12\HG-1025/17.5</t>
  </si>
  <si>
    <t>【哈电锅炉】后屏过热器外数第十三圈U型弯头\54.0*9\SA-213T91\PL-22.1548.043-13\HG-1025/17.5</t>
  </si>
  <si>
    <t>【哈电锅炉】后屏过热器外数第十四圈U型弯头\54.0*8\SA-213TP347H\PL-22.1548.043-14\HG-1025/17.5</t>
  </si>
  <si>
    <t>【哈电锅炉】末级过热器外数第一圈前部U型弯头\54.0*9\12Cr1MoVG\PL-22.1545.039-1\HG-1025/17.5</t>
  </si>
  <si>
    <t>【哈电锅炉】末级过热器外数第一圈后部U型弯头\54.0*8\SA-213T91\PL-22.1545.039-2\HG-1025/17.5</t>
  </si>
  <si>
    <t>【哈电锅炉】末级过热器外数第一圈上部U型弯头\54.0*10\12Cr1MoVG\PL-22.1545.039-3\HG-1025/17.5</t>
  </si>
  <si>
    <t>【哈电锅炉】末级过热器外数第二圈前部U型弯头\54.0*9\12Cr1MoVG\PL-22.1545.039-4\HG-1025/17.5</t>
  </si>
  <si>
    <t>【哈电锅炉】末级过热器外数第二圈后部U型弯头\54.0*10\SA-213T91\PL-22.1545.039-5\HG-1025/17.5</t>
  </si>
  <si>
    <t>【哈电锅炉】末级过热器外数第二圈后部U型弯头\54.0*8\SA-213T91\PL-22.1545.039-6\HG-1025/17.5</t>
  </si>
  <si>
    <t>【哈电锅炉】末级过热器外数第二圈上部U型弯头\54.0*8\12Cr1MoVG\PL-22.1545.039-7\HG-1025/17.5</t>
  </si>
  <si>
    <t>【哈电锅炉】末级过热器外数第二圈上部U型弯头\54.0*10\12Cr1MoVG\PL-22.1545.039-8\HG-1025/17.5</t>
  </si>
  <si>
    <t>【哈电锅炉】末级过热器外数第三圈前部U型弯头\54.0*8\12Cr1MoVG\PL-22.1545.039-9\HG-1025/17.5</t>
  </si>
  <si>
    <t>【哈电锅炉】末级过热器外数第三圈前部U型弯头\54.0*9\12Cr1MoVG\PL-22.1545.039-10\HG-1025/17.5</t>
  </si>
  <si>
    <t>【哈电锅炉】末级过热器外数第三圈后部U型弯头\54.0*8\SA-213T91\PL-22.1545.039-11\HG-1025/17.5</t>
  </si>
  <si>
    <t>【哈电锅炉】末级过热器外数第三圈上部U型弯头\54.0*10\12Cr1MoVG\PL-22.1545.039-12\HG-1025/17.5</t>
  </si>
  <si>
    <t>【哈电锅炉】末级过热器外数第四圈前部U型弯头\54.0*9\12Cr1MoVG\PL-22.1545.039-13\HG-1025/17.5</t>
  </si>
  <si>
    <t>【哈电锅炉】末级过热器外数第四圈后部U型弯头\54.0*8\SA213-T91\PL-22.1545.039-14\HG-1025/17.5</t>
  </si>
  <si>
    <t>【哈电锅炉】末级过热器外数第四圈上部U型弯头\54.0*10\12Cr1MoVG\PL-22.1545.039-15\HG-1025/17.5</t>
  </si>
  <si>
    <t>【哈电锅炉】后屏再热器外数第一圈U型弯头\63.0*4\SA213-TP304H\HYC-F001DDL001E191-1\HG-1065/18.5</t>
  </si>
  <si>
    <t>【哈电锅炉】后屏再热器外数第二圈U型弯头\63.0*4\SA-213T91\HYC-F001DDL001E191-2\HG-1065/18.5</t>
  </si>
  <si>
    <t>【哈电锅炉】后屏再热器外数第三圈U型弯头\63.0*4\12Cr1MoVG\HYC-F001DDL001E191-3\HG-1065/18.5</t>
  </si>
  <si>
    <t>【哈电锅炉】后屏再热器外数第四圈U型弯头\63.0*4\12Cr1MoVG\HYC-F001DDL001E191-4\HG-1065/18.5</t>
  </si>
  <si>
    <t>【哈电锅炉】后屏再热器外数第五圈U型弯头\63.0*4\12Cr1MoVG\HYC-F001DDL001E191-5\HG-1065/18.5</t>
  </si>
  <si>
    <t>【哈电锅炉】后屏再热器外数第六圈U型弯头\63.0*4\12Cr1MoVG\HYC-F001DDL001E191-6\HG-1065/18.5</t>
  </si>
  <si>
    <t>【哈电锅炉】后屏再热器外数第七圈U型弯头\63.0*4\12Cr1MoVG\HYC-F001DDL001E191-7\HG-1065/18.5</t>
  </si>
  <si>
    <t>【哈电锅炉】后屏再热器外数第八圈U型弯头\63.0*4\12Cr1MoVG\HYC-F001DDL001E191-8\HG-1065/18.5</t>
  </si>
  <si>
    <t>【哈电锅炉】后屏再热器外数第九圈U型弯头\63.0*4\12Cr1MoVG\HYC-F001DDL001E191-9\HG-1065/18.5</t>
  </si>
  <si>
    <t>【哈电锅炉】后屏再热器外数第十圈U型弯头\63.0*4\12Cr1MoVG\HYC-F001DDL001E191-10\HG-1065/18.5</t>
  </si>
  <si>
    <t>【哈电锅炉】后屏再热器外数第十一圈U型弯头\63.0*4\12Cr1MoVG\HYC-F001DDL001E191-11\HG-1065/18.5</t>
  </si>
  <si>
    <t>【哈电锅炉】后屏再热器外数第十二圈U型弯头\63.0*4\12Cr1MoVG\HYC-F001DDL001E191-12\HG-1065/18.5</t>
  </si>
  <si>
    <t>【哈电锅炉】后屏再热器外数第十三圈U型弯头\63.0*4\12Cr1MoVG\HYC-F001DDL001E191-13\HG-1065/18.5</t>
  </si>
  <si>
    <t>【哈电锅炉】后屏再热器外数第十四圈U型弯头\63.0*4\12Cr1MoVG\HYC-F001DDL001E191-14\HG-1065/18.5</t>
  </si>
  <si>
    <t>【哈电锅炉】后屏再热器外数第十五圈U型弯头\63.0*7\12Cr1MoVG\HYC-F001DDL001E191-15\HG-1065/18.5</t>
  </si>
  <si>
    <t>【哈电锅炉】后屏再热器外数第十六圈U型弯头\63.0*7\12Cr1MoVG\HYC-F001DDL001E191-16\HG-1065/18.5</t>
  </si>
  <si>
    <t>【哈电锅炉】末级再热器外数第一圈U型弯头\63.0*4\SA213-TP304H\HYC-F001DEA001E191-1\HG-1065/18.5</t>
  </si>
  <si>
    <t>【哈电锅炉】末级再热器外数第二圈U型弯头\63.0*4\SA213-T91\HYC-F001DEA001E191-2\HG-1065/18.5</t>
  </si>
  <si>
    <t>【哈电锅炉】末级再热器外数第三圈U型弯头\63.0*4\SA213-T91\HYC-F001DEA001E191-3\HG-1065/18.5</t>
  </si>
  <si>
    <t>【哈电锅炉】末级再热器外数第四圈U型弯头\63.0*4\SA213-T91\HYC-F001DEA001E191-4\HG-1065/18.5</t>
  </si>
  <si>
    <t>【哈电锅炉】末级再热器外数第五圈U型弯头\63.0*4\SA213-T91\HYC-F001DEA001E191-5\HG-1065/18.5</t>
  </si>
  <si>
    <t>【哈电锅炉】末级再热器外数第六圈U型弯头\63.0*4\SA213-T91\HYC-F001DEA001E191-6\HG-1065/18.5</t>
  </si>
  <si>
    <t>【哈电锅炉】末级再热器外数第七圈U型弯头\63.5*6\SA213-T91\HYC-F001DEA001E191-7\HG-1065/18.5</t>
  </si>
  <si>
    <t>【哈电锅炉】末级再热器外数第八圈U型弯头\63.5*7\SA213-TP304H\HYC-F001DEA001E191-8\HG-1065/18.5</t>
  </si>
  <si>
    <t>【哈电锅炉】分隔屏过热器外数第一圈U型弯头\51.0*7\SA213-TP304H\HYC-F001CGD001E191-1\HG-1065/18.5</t>
  </si>
  <si>
    <t>【哈电锅炉】分隔屏过热器外数第二圈U型弯头\51.0*7\12Cr1MoVG\HYC-F001CGD001E191-2\HG-1065/18.5</t>
  </si>
  <si>
    <t>【哈电锅炉】分隔屏过热器外数第三圈U型弯头\51.0*7\12Cr1MoVG\HYC-F001CGD001E191-3\HG-1065/18.5</t>
  </si>
  <si>
    <t>【哈电锅炉】分隔屏过热器外数第四圈U型弯头\51.0*6\12Cr1MoVG\HYC-F001CGD001E191-4\HG-1065/18.5</t>
  </si>
  <si>
    <t>【哈电锅炉】分隔屏过热器外数第五圈U型弯头\51.0*6\12Cr1MoVG\HYC-F001CGD001E191-5\HG-1065/18.5</t>
  </si>
  <si>
    <t>【哈电锅炉】分隔屏过热器外数第六圈U型弯头\51.0*6\12Cr1MoVG\HYC-F001CGD001E191-6\HG-1065/18.5</t>
  </si>
  <si>
    <t>【哈电锅炉】分隔屏过热器外数第七圈U型弯头\51.0*6\12Cr1MoVG\HYC-F001CGD001E191-7\HG-1065/18.5</t>
  </si>
  <si>
    <t>【哈电锅炉】分隔屏过热器外数第八圈U型弯头\51.0*6\12Cr1MoVG\HYC-F001CGD001E191-8\HG-1065/18.5</t>
  </si>
  <si>
    <t>【哈电锅炉】分隔屏过热器外数第九圈U型弯头\51.0*7\SA-213TP304H\HYC-F001CGD001E191-9\HG-1065/18.5</t>
  </si>
  <si>
    <t>【哈电锅炉】后屏过热器外数第一圈U型弯头\60.0*10\SA213-TP347H\HYC-F001CGB001E191-1\HG-1065/18.5</t>
  </si>
  <si>
    <t>【哈电锅炉】后屏过热器外数第二圈U型弯头\54.0*9\SA-213TP304H\HYC-F001CGB001E191-2\HG-1065/18.5</t>
  </si>
  <si>
    <t>【哈电锅炉】后屏过热器外数第三圈U型弯头\54.0*9\SA-213TP304H\HYC-F001CGB001E191-3\HG-1065/18.5</t>
  </si>
  <si>
    <t>【哈电锅炉】后屏过热器外数第四圈U型弯头\54.0*9\SA-213TP304H\HYC-F001CGB001E191-4\HG-1065/18.5</t>
  </si>
  <si>
    <t>【哈电锅炉】后屏过热器外数第五圈U型弯头\54.0*9\SA213-T91\HYC-F001CGB001E191-5\HG-1065/18.5</t>
  </si>
  <si>
    <t>【哈电锅炉】后屏过热器外数第六圈U型弯头\54.0*9\SA213-T91\HYC-F001CGB001E191-6\HG-1065/18.5</t>
  </si>
  <si>
    <t>【哈电锅炉】后屏过热器外数第七圈U型弯头\54.0*9\SA213-T91\HYC-F001CGB001E191-7\HG-1065/18.5</t>
  </si>
  <si>
    <t>【哈电锅炉】后屏过热器外数第八圈U型弯头\54.0*11\12Cr1MoVG\HYC-F001CGB001E191-8\HG-1065/18.5</t>
  </si>
  <si>
    <t>【哈电锅炉】后屏过热器外数第九圈U型弯头\54.0*11\12Cr1MoVG\HYC-F001CGB001E191-9\HG-1065/18.5</t>
  </si>
  <si>
    <t>【哈电锅炉】后屏过热器外数第十圈U型弯头\54.0*11\12Cr1MoVG\HYC-F001CGB001E191-10\HG-1065/18.5</t>
  </si>
  <si>
    <t>【哈电锅炉】后屏过热器外数第十一圈U型弯头\54.0*11\12Cr1MoVG\HYC-F001CGB001E191-11\HG-1065/18.5</t>
  </si>
  <si>
    <t>【哈电锅炉】后屏过热器外数第十二圈U型弯头\54.0*11\12Cr1MoVG\HYC-F001CGB001E191-12\HG-1065/18.5</t>
  </si>
  <si>
    <t>【哈电锅炉】后屏过热器外数第十三圈U型弯头\54.0*11\12Cr1MoVG\HYC-F001CGB001E191-13\HG-1065/18.5</t>
  </si>
  <si>
    <t>【哈电锅炉】后屏过热器外数第十四圈U型弯头\54.0*11\12Cr1MoVG\HYC-F001CGB001E191-14\HG-1065/18.5</t>
  </si>
  <si>
    <t>【哈电锅炉】后屏过热器外数第十五圈U型弯头\54.0*9\SA213-TP347H\HYC-F001CGB001E191-15\HG-1065/18.5</t>
  </si>
  <si>
    <t>【哈电锅炉】末级过热器外数第一圈前部U型弯头\51.0*9\12Cr1MoVG\HYC-F001CHD001E191-1\HG-1065/18.5</t>
  </si>
  <si>
    <t>【哈电锅炉】末级过热器外数第一圈后部U型弯头\51.0*8\SA213-T23\HYC-F001CHD001E191-2\HG-1065/18.5</t>
  </si>
  <si>
    <t>【哈电锅炉】末级过热器外数第一圈上部U型弯头\51.0*9\12Cr1MoVG\HYC-F001CHD001E191-3\HG-1065/18.5</t>
  </si>
  <si>
    <t>【哈电锅炉】末级过热器外数第二圈前部U型弯头\51.0*9\12Cr1MoVG\HYC-F001CHD001E191-4\HG-1065/18.5</t>
  </si>
  <si>
    <t>【哈电锅炉】末级过热器外数第二圈后部U型弯头\51.0*8\SA213-T23\HYC-F001CHD001E191-5\HG-1065/18.5</t>
  </si>
  <si>
    <t>【哈电锅炉】末级过热器外数第二圈上部U型弯头\51.0*9\12Cr1MoVG\HYC-F001CHD001E191-6\HG-1065/18.5</t>
  </si>
  <si>
    <t>【哈电锅炉】末级过热器外数第三圈前部U型弯头\51.0*9\12Cr1MoVG\HYC-F001CHD001E191-7\HG-1065/18.5</t>
  </si>
  <si>
    <t>【哈电锅炉】末级过热器外数第三圈后部U型弯头\51.0*8\SA213-T23\HYC-F001CHD001E191-8\HG-1065/18.5</t>
  </si>
  <si>
    <t>【哈电锅炉】末级过热器外数第三圈上部U型弯头\51.0*9\12Cr1MoVG\HYC-F001CHD001E191-9\HG-1065/18.5</t>
  </si>
  <si>
    <t>【哈电锅炉】末级过热器外数第四圈前部U型弯头\51.0*9\12Cr1MoVG\HYC-F001CHD001E191-10\HG-1065/18.5</t>
  </si>
  <si>
    <t>【哈电锅炉】末级过热器外数第四圈后部U型弯头\51.0*8\SA213-T91\HYC-F001CHD001E191-11\HG-1065/18.5</t>
  </si>
  <si>
    <t>【哈电锅炉】末级过热器外数第四圈上部U型弯头\51.0*9\12Cr1MoVG\HYC-F001CHD001E191-12\HG-1065/18.5</t>
  </si>
  <si>
    <t>【哈电锅炉】后屏再热器外数第一圈U型弯头\63.0*4\SA-213TP304\JN-F001DDL001E401-1\HG-1100/17.5</t>
  </si>
  <si>
    <t>【哈电锅炉】后屏再热器外数第二圈U型弯头\63.0*4\SA-213T91\JN-F001DDL001E401-2\HG-1100/17.5</t>
  </si>
  <si>
    <t>【哈电锅炉】后屏再热器外数第三圈U型弯头\63.0*4\12Cr1MoVG\JN-F001DDL001E401-3\HG-1100/17.5</t>
  </si>
  <si>
    <t>【哈电锅炉】后屏再热器外数第四圈U型弯头\63.0*4\12Cr1MoVG\JN-F001DDL001E401-4\HG-1100/17.5</t>
  </si>
  <si>
    <t>【哈电锅炉】后屏再热器外数第五圈U型弯头\63.0*4\12Cr1MoVG\JN-F001DDL001E401-5\HG-1100/17.5</t>
  </si>
  <si>
    <t>【哈电锅炉】后屏再热器外数第六圈U型弯头\63.0*4\12Cr1MoVG\JN-F001DDL001E401-6\HG-1100/17.5</t>
  </si>
  <si>
    <t>【哈电锅炉】后屏再热器外数第七圈U型弯头\63.0*4\12Cr1MoVG\JN-F001DDL001E401-7\HG-1100/17.5</t>
  </si>
  <si>
    <t>【哈电锅炉】后屏再热器外数第八圈U型弯头\63.0*4\12Cr1MoVG\JN-F001DDL001E401-8\HG-1100/17.5</t>
  </si>
  <si>
    <t>【哈电锅炉】后屏再热器外数第九圈U型弯头\63.0*4\12Cr1MoVG\JN-F001DDL001E401-9\HG-1100/17.5</t>
  </si>
  <si>
    <t>【哈电锅炉】后屏再热器外数第十圈U型弯头\63.0*4\12Cr1MoVG\JN-F001DDL001E401-10\HG-1100/17.5</t>
  </si>
  <si>
    <t>【哈电锅炉】后屏再热器外数第十一圈U型弯头\63.0*4\12Cr1MoVG\JN-F001DDL001E401-11\HG-1100/17.5</t>
  </si>
  <si>
    <t>【哈电锅炉】后屏再热器外数第十二圈U型弯头\63.0*4\12Cr1MoVG\JN-F001DDL001E401-12\HG-1100/17.5</t>
  </si>
  <si>
    <t>【哈电锅炉】后屏再热器外数第十三圈U型弯头\63.0*4\12Cr1MoVG\JN-F001DDL001E401-13\HG-1100/17.5</t>
  </si>
  <si>
    <t>【哈电锅炉】后屏再热器外数第十四圈U型弯头\63.0*7\12Cr1MoVG\JN-F001DDL001E401-14\HG-1100/17.5</t>
  </si>
  <si>
    <t>【哈电锅炉】后屏再热器外数第十五圈U型弯头\63.0*7\12Cr1MoVG\JN-F001DDL001E401-15\HG-1100/17.5</t>
  </si>
  <si>
    <t>【哈电锅炉】末级再热器外数第一圈U型弯头\63.0*4\SA-213TP304H\JN-F001DEA001E401-1\HG-1100/17.5</t>
  </si>
  <si>
    <t>【哈电锅炉】末级再热器外数第二圈U型弯头\63.0*4\SA-213T91\JN-F001DEA001E401-2\HG-1100/17.5</t>
  </si>
  <si>
    <t>【哈电锅炉】末级再热器外数第三圈U型弯头\63.0*4\SA-213T91\JN-F001DEA001E401-3\HG-1100/17.5</t>
  </si>
  <si>
    <t>【哈电锅炉】末级再热器外数第四圈U型弯头\63.0*4\SA-213T91\JN-F001DEA001E401-4\HG-1100/17.5</t>
  </si>
  <si>
    <t>【哈电锅炉】末级再热器外数第五圈U型弯头\63.0*4\SA-213T91\JN-F001DEA001E401-5\HG-1100/17.5</t>
  </si>
  <si>
    <t>【哈电锅炉】末级再热器外数第六圈U型弯头\63.0*4\SA-213T91\JN-F001DEA001E401-6\HG-1100/17.5</t>
  </si>
  <si>
    <t>【哈电锅炉】末级再热器外数第七圈U型弯头\63.0*7\12Cr1MoVG\JN-F001DEA001E401-7\HG-1100/17.5</t>
  </si>
  <si>
    <t>【哈电锅炉】后屏过热器外数第一圈U型弯头\51.0*7\SA-213TP304H\JN-F001CGD001E401-1\HG-1100/17.5</t>
  </si>
  <si>
    <t>【哈电锅炉】后屏过热器外数第二圈U型弯头\51.0*7\12Cr1MoVG\JN-F001CGD001E401-2\HG-1100/17.5</t>
  </si>
  <si>
    <t>【哈电锅炉】后屏过热器外数第三圈U型弯头\51.0*7\12Cr1MoVG\JN-F001CGD001E401-3\HG-1100/17.5</t>
  </si>
  <si>
    <t>【哈电锅炉】后屏过热器外数第四圈U型弯头\51.0*6\12Cr1MoVG\JN-F001CGD001E401-4\HG-1100/17.5</t>
  </si>
  <si>
    <t>【哈电锅炉】后屏过热器外数第五圈U型弯头\51.0*6\12Cr1MoVG\JN-F001CGD001E401-5\HG-1100/17.5</t>
  </si>
  <si>
    <t>【哈电锅炉】后屏过热器外数第六圈U型弯头\51.0*6\12Cr1MoVG\JN-F001CGD001E401-6\HG-1100/17.5</t>
  </si>
  <si>
    <t>【哈电锅炉】后屏过热器外数第七圈U型弯头\51.0*6\12Cr1MoVG\JN-F001CGD001E401-7\HG-1100/17.5</t>
  </si>
  <si>
    <t>【哈电锅炉】后屏过热器外数第八圈U型弯头\51.0*6\12Cr1MoVG\JN-F001CGD001E401-8\HG-1100/17.5</t>
  </si>
  <si>
    <t>【哈电锅炉】后屏过热器外数第九圈U型弯头\51.0*7\SA-213TP304H\JN-F001CGD001E401-9\HG-1100/17.5</t>
  </si>
  <si>
    <t>【哈电锅炉】后屏过热器外数第一圈U型弯头\60.0*10\SA-213TP347H\JN-F001CGB001E401-1\HG-1100/17.5</t>
  </si>
  <si>
    <t>【哈电锅炉】后屏过热器外数第二圈U型弯头\54.0*9\SA-213TP304H\JN-F001CGB001E401-2\HG-1100/17.5</t>
  </si>
  <si>
    <t>【哈电锅炉】后屏过热器外数第三圈U型弯头\54.0*9\SA-213TP304H\JN-F001CGB001E401-3\HG-1100/17.5</t>
  </si>
  <si>
    <t>【哈电锅炉】后屏过热器外数第四圈U型弯头\54.0*9\SA-213TP304H\JN-F001CGB001E401-4\HG-1100/17.5</t>
  </si>
  <si>
    <t>【哈电锅炉】后屏过热器外数第五圈U型弯头\54.0*9\SA-213T91\JN-F001CGB001E401-5\HG-1100/17.5</t>
  </si>
  <si>
    <t>【哈电锅炉】后屏过热器外数第六圈U型弯头\54.0*9\SA-213T91\JN-F001CGB001E401-6\HG-1100/17.5</t>
  </si>
  <si>
    <t>【哈电锅炉】后屏过热器外数第七圈U型弯头\54.0*9\SA-213T91\JN-F001CGB001E401-7\HG-1100/17.5</t>
  </si>
  <si>
    <t>【哈电锅炉】后屏过热器外数第八圈U型弯头\54.0*11\12Cr1MoVG\JN-F001CGB001E401-8\HG-1100/17.5</t>
  </si>
  <si>
    <t>【哈电锅炉】后屏过热器外数第九圈U型弯头\54.0*11\12Cr1MoVG\JN-F001CGB001E401-9\HG-1100/17.5</t>
  </si>
  <si>
    <t>【哈电锅炉】后屏过热器外数第十圈U型弯头\54.0*11\12Cr1MoVG\JN-F001CGB001E401-10\HG-1100/17.5</t>
  </si>
  <si>
    <t>【哈电锅炉】后屏过热器外数第十一圈U型弯头\54.0*11\12Cr1MoVG\JN-F001CGB001E401-11\HG-1100/17.5</t>
  </si>
  <si>
    <t>【哈电锅炉】后屏过热器外数第十二圈U型弯头\54.0*11\12Cr1MoVG\JN-F001CGB001E401-12\HG-1100/17.5</t>
  </si>
  <si>
    <t>【哈电锅炉】后屏过热器外数第十三圈U型弯头\54.0*11\12Cr1MoVG\JN-F001CGB001E401-13\HG-1100/17.5</t>
  </si>
  <si>
    <t>【哈电锅炉】后屏过热器外数第十四圈U型弯头\54.0*11\12Cr1MoVG\JN-F001CGB001E401-14\HG-1100/17.5</t>
  </si>
  <si>
    <t>【哈电锅炉】后屏过热器外数第十五圈U型弯头\54.0*9\SA-213TP347H\JN-F001CGB001E401-15\HG-1100/17.5</t>
  </si>
  <si>
    <t>【哈电锅炉】末级过热器外数第一圈前部U型弯头\51.0*9\12Cr1MoVG\JN-F001CHD001E401-1\HG-1100/17.5</t>
  </si>
  <si>
    <t>【哈电锅炉】末级过热器外数第一圈后部U型弯头\51.0*8\SA-213T23\JN-F001CHD001E401-2\HG-1100/17.5</t>
  </si>
  <si>
    <t>【哈电锅炉】末级过热器外数第一圈上部U型弯头\51.0*9\12Cr1MoVG\JN-F001CHD001E401-3\HG-1100/17.5</t>
  </si>
  <si>
    <t>【哈电锅炉】末级过热器外数第二圈前部U型弯头\51.0*9\12Cr1MoVG\JN-F001CHD001E401-4\HG-1100/17.5</t>
  </si>
  <si>
    <t>【哈电锅炉】末级过热器外数第二圈后部U型弯头\51.0*8\SA-213T23\JN-F001CHD001E401-5\HG-1100/17.5</t>
  </si>
  <si>
    <t>【哈电锅炉】末级过热器外数第二圈上部U型弯头\51.0*9\12Cr1MoVG\JN-F001CHD001E401-6\HG-1100/17.5</t>
  </si>
  <si>
    <t>【哈电锅炉】末级过热器外数第三圈前部U型弯头\51.0*9\12Cr1MoVG\JN-F001CHD001E401-7\HG-1100/17.5</t>
  </si>
  <si>
    <t>【哈电锅炉】末级过热器外数第三圈后部U型弯头\51.0*8\SA-213T23\JN-F001CHD001E401-8\HG-1100/17.5</t>
  </si>
  <si>
    <t>【哈电锅炉】末级过热器外数第三圈上部U型弯头\51.0*9\12Cr1MoVG\JN-F001CHD001E401-9\HG-1100/17.5</t>
  </si>
  <si>
    <t>【哈电锅炉】末级过热器外数第四圈前部U型弯头\51.0*9\12Cr1MoVG\JN-F001CHD001E401-10\HG-1100/17.5</t>
  </si>
  <si>
    <t>【哈电锅炉】末级过热器外数第四圈后部U型弯头\51.0*8\SA-213T23\JN-F001CHD001E401-11\HG-1100/17.5</t>
  </si>
  <si>
    <t>【哈电锅炉】末级过热器外数第四圈上部U型弯头\51.0*9\12Cr1MoVG\JN-F001CHD001E401-12\HG-1100/17.5</t>
  </si>
  <si>
    <t>【哈电锅炉】后屏再热器外数第一圈U型弯头\63.0*4\SA213-TP304H\SX-F001DDL001E481-1\HG-1125/17.5</t>
  </si>
  <si>
    <t>【哈电锅炉】后屏再热器外数第二圈U型弯头\63.0*4\SA-213T91\SX-F001DDL001E481-2\HG-1125/17.5</t>
  </si>
  <si>
    <t>【哈电锅炉】后屏再热器外数第三圈U型弯头\63.0*4\SA-213T91\SX-F001DDL001E481-3\HG-1125/17.5</t>
  </si>
  <si>
    <t>【哈电锅炉】后屏再热器外数第四圈U型弯头\63.0*4\12Cr1MoVG\SX-F001DDL001E481-4\HG-1125/17.5</t>
  </si>
  <si>
    <t>【哈电锅炉】后屏再热器外数第五圈U型弯头\63.0*4\12Cr1MoVG\SX-F001DDL001E481-5\HG-1125/17.5</t>
  </si>
  <si>
    <t>【哈电锅炉】后屏再热器外数第六圈U型弯头\63.0*4\12Cr1MoVG\SX-F001DDL001E481-6\HG-1125/17.5</t>
  </si>
  <si>
    <t>【哈电锅炉】后屏再热器外数第七圈U型弯头\63.0*4\12Cr1MoVG\SX-F001DDL001E481-7\HG-1125/17.5</t>
  </si>
  <si>
    <t>【哈电锅炉】后屏再热器外数第八圈U型弯头\63.0*4\12Cr1MoVG\SX-F001DDL001E481-8\HG-1125/17.5</t>
  </si>
  <si>
    <t>【哈电锅炉】后屏再热器外数第九圈U型弯头\63.0*4\12Cr1MoVG\SX-F001DDL001E481-9\HG-1125/17.5</t>
  </si>
  <si>
    <t>【哈电锅炉】后屏再热器外数第十圈U型弯头\63.0*4\12Cr1MoVG\SX-F001DDL001E481-10\HG-1125/17.5</t>
  </si>
  <si>
    <t>【哈电锅炉】后屏再热器外数第十一圈U型弯头\63.0*4\12Cr1MoVG\SX-F001DDL001E481-11\HG-1125/17.5</t>
  </si>
  <si>
    <t>【哈电锅炉】后屏再热器外数第十二圈U型弯头\63.0*4\12Cr1MoVG\SX-F001DDL001E481-12\HG-1125/17.5</t>
  </si>
  <si>
    <t>【哈电锅炉】后屏再热器外数第十三圈U型弯头\63.0*4\12Cr1MoVG\SX-F001DDL001E481-13\HG-1125/17.5</t>
  </si>
  <si>
    <t>【哈电锅炉】后屏再热器外数第十四圈U型弯头\63.0*4\12Cr1MoVG\SX-F001DDL001E481-14\HG-1125/17.5</t>
  </si>
  <si>
    <t>【哈电锅炉】后屏再热器外数第十五圈U型弯头\63.0*7\12Cr1MoVG\SX-F001DDL001E481-15\HG-1125/17.5</t>
  </si>
  <si>
    <t>【哈电锅炉】后屏再热器外数第十六圈U型弯头\63.0*7\12Cr1MoVG\SX-F001DDL001E481-16\HG-1125/17.5</t>
  </si>
  <si>
    <t>【哈电锅炉】末级再热器外数第一圈U型弯头\63.0*4\SA213-TP304H\SX-F001DEA001E481-1\HG-1125/17.5</t>
  </si>
  <si>
    <t>【哈电锅炉】末级再热器外数第二圈U型弯头\63.0*4\SA213-T91\SX-F001DEA001E481-2\HG-1125/17.5</t>
  </si>
  <si>
    <t>【哈电锅炉】末级再热器外数第三圈U型弯头\63.0*4\SA213-T91\SX-F001DEA001E481-3\HG-1125/17.5</t>
  </si>
  <si>
    <t>【哈电锅炉】末级再热器外数第四圈U型弯头\63.0*4\SA213-T91\SX-F001DEA001E481-4\HG-1125/17.5</t>
  </si>
  <si>
    <t>【哈电锅炉】末级再热器外数第五圈U型弯头\63.0*4\SA213-T91\SX-F001DEA001E481-5\HG-1125/17.5</t>
  </si>
  <si>
    <t>【哈电锅炉】末级再热器外数第六圈U型弯头\63.0*4\SA213-T91\SX-F001DEA001E481-6\HG-1125/17.5</t>
  </si>
  <si>
    <t>【哈电锅炉】末级再热器外数第七圈U型弯头\63.5*7\12Cr1MoVG\SX-F001DEA001E481-7\HG-1125/17.5</t>
  </si>
  <si>
    <t>【哈电锅炉】分隔屏过热器外数第一圈U型弯头\51.0*7\SA213-TP304H\SX-F001CGD001E481-1\HG-1125/17.5</t>
  </si>
  <si>
    <t>【哈电锅炉】分隔屏过热器外数第二圈U型弯头\51.0*7\12Cr1MoVG\SX-F001CGD001E481-2\HG-1125/17.5</t>
  </si>
  <si>
    <t>【哈电锅炉】分隔屏过热器外数第三圈U型弯头\51.0*7\12Cr1MoVG\SX-F001CGD001E481-3\HG-1125/17.5</t>
  </si>
  <si>
    <t>【哈电锅炉】分隔屏过热器外数第四圈U型弯头\51.0*7\12Cr1MoVG\SX-F001CGD001E481-4\HG-1125/17.5</t>
  </si>
  <si>
    <t>【哈电锅炉】分隔屏过热器外数第五圈U型弯头\51.0*7\12Cr1MoVG\SX-F001CGD001E481-5\HG-1125/17.5</t>
  </si>
  <si>
    <t>【哈电锅炉】分隔屏过热器外数第六圈U型弯头\51.0*7\12Cr1MoVG\SX-F001CGD001E481-6\HG-1125/17.5</t>
  </si>
  <si>
    <t>【哈电锅炉】分隔屏过热器外数第七圈U型弯头\51.0*7\12Cr1MoVG\SX-F001CGD001E481-7\HG-1125/17.5</t>
  </si>
  <si>
    <t>【哈电锅炉】分隔屏过热器外数第八圈U型弯头\51.0*7\12Cr1MoVG\SX-F001CGD001E481-8\HG-1125/17.5</t>
  </si>
  <si>
    <t>【哈电锅炉】分隔屏过热器外数第九圈U型弯头\51.0*7\SA-213TP304H\SX-F001CGD001E481-9\HG-1125/17.5</t>
  </si>
  <si>
    <t>【哈电锅炉】后屏过热器外数第一圈U型弯头\60.0*11\SA213-TP347H\SX-F001CGB001E481-1\HG-1125/17.5</t>
  </si>
  <si>
    <t>【哈电锅炉】后屏过热器外数第二圈U型弯头\54.0*9\SA213-TP347H\SX-F001CGB001E481-2\HG-1125/17.5</t>
  </si>
  <si>
    <t>【哈电锅炉】后屏过热器外数第三圈U型弯头\54.0*9\SA-213T91\SX-F001CGB001E481-3\HG-1125/17.5</t>
  </si>
  <si>
    <t>【哈电锅炉】后屏过热器外数第四圈U型弯头\54.0*9\SA-213T91\SX-F001CGB001E481-4\HG-1125/17.5</t>
  </si>
  <si>
    <t>【哈电锅炉】后屏过热器外数第五圈U型弯头\54.0*9\SA213-T91\SX-F001CGB001E481-5\HG-1125/17.5</t>
  </si>
  <si>
    <t>【哈电锅炉】后屏过热器外数第六圈U型弯头\54.0*9\SA213-T91\SX-F001CGB001E481-6\HG-1125/17.5</t>
  </si>
  <si>
    <t>【哈电锅炉】后屏过热器外数第七圈U型弯头\54.0*9\SA213-T91\SX-F001CGB001E481-7\HG-1125/17.5</t>
  </si>
  <si>
    <t>【哈电锅炉】后屏过热器外数第八圈U型弯头\54.0*10\12Cr1MoVG\SX-F001CGB001E481-8\HG-1125/17.5</t>
  </si>
  <si>
    <t>【哈电锅炉】后屏过热器外数第九圈U型弯头\54.0*10\12Cr1MoVG\SX-F001CGB001E481-9\HG-1125/17.5</t>
  </si>
  <si>
    <t>【哈电锅炉】后屏过热器外数第十圈U型弯头\54.0*10\12Cr1MoVG\SX-F001CGB001E481-10\HG-1125/17.5</t>
  </si>
  <si>
    <t>【哈电锅炉】后屏过热器外数第十一圈U型弯头\54.0*10\12Cr1MoVG\SX-F001CGB001E481-11\HG-1125/17.5</t>
  </si>
  <si>
    <t>【哈电锅炉】后屏过热器外数第十二圈U型弯头\54.0*10\12Cr1MoVG\SX-F001CGB001E481-12\HG-1125/17.5</t>
  </si>
  <si>
    <t>【哈电锅炉】后屏过热器外数第十三圈U型弯头\54.0*10\12Cr1MoVG\SX-F001CGB001E481-13\HG-1125/17.5</t>
  </si>
  <si>
    <t>【哈电锅炉】后屏过热器外数第十四圈U型弯头\54.0*10\12Cr1MoVG\SX-F001CGB001E481-14\HG-1125/17.5</t>
  </si>
  <si>
    <t>【哈电锅炉】后屏过热器外数第十五圈U型弯头\54.0*10\12Cr1MoVG\SX-F001CGB001E481-15\HG-1125/17.5</t>
  </si>
  <si>
    <t>【哈电锅炉】后屏过热器外数第十六圈U型弯头\54.0*9\SA213-TP347H\SX-F001CGB001E481-16\HG-1125/17.5</t>
  </si>
  <si>
    <t>【哈电锅炉】末级过热器外数第一圈前部U型弯头\51.0*9\12Cr1MoVG\SX-F001CHD001E481-1\HG-1125/17.5</t>
  </si>
  <si>
    <t>【哈电锅炉】末级过热器外数第一圈后部U型弯头\51.0*7\SA213-T91\SX-F001CHD001E481-2\HG-1125/17.5</t>
  </si>
  <si>
    <t>【哈电锅炉】末级过热器内数第一圈上部U型弯头\51.0*7\SA213-T91\SX-F001CHD001E481-3\HG-1125/17.5</t>
  </si>
  <si>
    <t>【哈电锅炉】末级过热器外数第二圈前部U型弯头\51.0*9\12Cr1MoVG\SX-F001CHD001E481-4\HG-1125/17.5</t>
  </si>
  <si>
    <t>【哈电锅炉】末级过热器外数第二圈后部U型弯头\51.0*7\SA213-T91\SX-F001CHD001E481-5\HG-1125/17.5</t>
  </si>
  <si>
    <t>【哈电锅炉】末级过热器内数第二圈上部U型弯头\51.0*7\SA213-T91\SX-F001CHD001E481-6\HG-1125/17.5</t>
  </si>
  <si>
    <t>【哈电锅炉】末级过热器外数第三圈前部U型弯头\51.0*9\12Cr1MoVG\SX-F001CHD001E481-7\HG-1125/17.5</t>
  </si>
  <si>
    <t>【哈电锅炉】末级过热器外数第三圈后部U型弯头\51.0*7\SA213-T91\SX-F001CHD001E481-8\HG-1125/17.5</t>
  </si>
  <si>
    <t>【哈电锅炉】末级过热器内数第三圈上部U型弯头\51.0*9\12Cr1MoVG\SX-F001CHD001E481-9\HG-1125/17.5</t>
  </si>
  <si>
    <t>【哈电锅炉】末级过热器外数第四圈前部U型弯头\51.0*9\12Cr1MoVG\SX-F001CHD001E481-10\HG-1125/17.5</t>
  </si>
  <si>
    <t>【哈电锅炉】末级过热器外数第四圈后部U型弯头\51.0*7\SA213-T91\SX-F001CHD001E481-11\HG-1125/17.5</t>
  </si>
  <si>
    <t>【哈电锅炉】末级过热器内数第四圈上部U型弯头\51.0*9\12Cr1MoVG\SX-F001CHD001E481-12\HG-1125/17.5</t>
  </si>
  <si>
    <t>【哈电锅炉】末级过热器外数第五圈前部U型弯头\51.0*9\12Cr1MoVG\SX-F001CHD001E481-13\HG-1125/17.5</t>
  </si>
  <si>
    <t>【哈电锅炉】末级过热器外数第五圈后部U型弯头\51.0*7\SA213-T91\SX-F001CHD001E481-14\HG-1125/17.5</t>
  </si>
  <si>
    <t>【哈电锅炉】末级过热器内数第五圈上部U型弯头\51.0*9\12Cr1MoVG\SX-F001CHD001E481-15\HG-1125/17.5</t>
  </si>
  <si>
    <t>【哈电锅炉】Ⅰ级过热器外数第一圈上部U型弯头\38.0*5\15CrMoG\YY-22.1342.128-1\HG-465/13.7</t>
  </si>
  <si>
    <t>【哈电锅炉】Ⅰ级过热器外数第一圈下部U型弯头\38.0*5\20G\YY-22.1342.128-2\HG-465/13.7</t>
  </si>
  <si>
    <t>【哈电锅炉】Ⅰ级过热器外数第二圈上部U型弯头\38.0*5\15CrMoG\YY-22.1342.128-3\HG-465/13.7</t>
  </si>
  <si>
    <t>【哈电锅炉】Ⅰ级过热器外数第二圈下部U型弯头\38.0*5\20G\YY-22.1342.128-4\HG-465/13.7</t>
  </si>
  <si>
    <t>【哈电锅炉】Ⅰ级过热器外数第三圈上部U型弯头\38.0*5\15CrMoG\YY-22.1342.128-5\HG-465/13.7</t>
  </si>
  <si>
    <t>【哈电锅炉】Ⅰ级过热器外数第三圈下部U型弯头\38.0*5\20G\YY-22.1342.128-6\HG-465/13.7</t>
  </si>
  <si>
    <t>【哈电锅炉】Ⅲ级过热器外数第一圈U型弯头\38.0*5\12Cr1MoVG\YY-22.1342.130-1\HG-465/13.7</t>
  </si>
  <si>
    <t>【哈电锅炉】Ⅲ级过热器外数第一圈U型弯头\38.0*5\SA213-T91\YY-22.1342.130-2\HG-465/13.7</t>
  </si>
  <si>
    <t>【哈电锅炉】Ⅲ级过热器外数第二圈U型弯头\38.0*5\12Cr1MoVG\YY-22.1342.130-3\HG-465/13.7</t>
  </si>
  <si>
    <t>【哈电锅炉】Ⅲ级过热器外数第二圈U型弯头\38.0*5\SA213-T91\YY-22.1342.130-4\HG-465/13.7</t>
  </si>
  <si>
    <t>【哈电锅炉】Ⅲ级过热器外数第三圈U型弯头\38.0*5\12Cr1MoVG\YY-22.1342.130-5\HG-465/13.7</t>
  </si>
  <si>
    <t>【哈电锅炉】Ⅲ级过热器外数第三圈U型弯头\38.0*5\SA213-T91\YY-22.1342.130-6\HG-465/13.7</t>
  </si>
  <si>
    <t>【哈电锅炉】Ⅲ级过热器外数第四圈U型弯头\38.0*5\12Cr1MoVG\YY-22.1342.130-7\HG-465/13.7</t>
  </si>
  <si>
    <t>【哈电锅炉】Ⅲ级过热器外数第四圈U型弯头\38.0*5\SA213-T91\YY-22.1342.130-8\HG-465/13.7</t>
  </si>
  <si>
    <t>【哈电锅炉】Ⅲ级过热器外数第五圈U型弯头\38.0*5\12Cr1MoVG\YY-22.1342.130-9\HG-465/13.7</t>
  </si>
  <si>
    <t>【哈电锅炉】Ⅲ级过热器外数第五圈U型弯头\38.0*5\SA213-T91\YY-22.1342.130-10\HG-465/13.7</t>
  </si>
  <si>
    <t>【哈电锅炉】Ⅲ级过热器外数第六圈U型弯头\38.0*5\12Cr1MoVG\YY-22.1342.130-11\HG-465/13.7</t>
  </si>
  <si>
    <t>【哈电锅炉】Ⅲ级过热器外数第六圈U型弯头\38.0*5\SA213-T91\YY-22.1342.130-12\HG-465/13.7</t>
  </si>
  <si>
    <t>【哈电锅炉】冷段再热器外数第一圈U型弯头\51.0*4\15CrMoG\YY-22.1348.112-1\HG-465/13.7</t>
  </si>
  <si>
    <t>【哈电锅炉】冷段再热器外数第一圈U型弯头\51.0*4\20G\YY-22.1348.112-2\HG-465/13.7</t>
  </si>
  <si>
    <t>【哈电锅炉】冷段再热器外数第二圈U型弯头\51.0*4\15CrMoG\YY-22.1348.112-3\HG-465/13.7</t>
  </si>
  <si>
    <t>【哈电锅炉】冷段再热器外数第二圈U型弯头\51.0*4\20G\YY-22.1348.112-4\HG-465/13.7</t>
  </si>
  <si>
    <t>【哈电锅炉】冷段再热器外数第三圈U型弯头\51.0*4\15CrMoG\YY-22.1348.112-5\HG-465/13.7</t>
  </si>
  <si>
    <t>【哈电锅炉】冷段再热器外数第三圈U型弯头\51.0*4\20G\YY-22.1348.112-6\HG-465/13.7</t>
  </si>
  <si>
    <t>【哈电锅炉】冷段再热器外数第四圈U型弯头\51.0*4\15CrMoG\YY-22.1348.112-7\HG-465/13.7</t>
  </si>
  <si>
    <t>【哈电锅炉】冷段再热器外数第四圈U型弯头\51.0*4\20G\YY-22.1348.112-8\HG-465/13.7</t>
  </si>
  <si>
    <t>【哈电锅炉】末级再热器外数第一圈U型弯头\51.0*4.5\SA-213T91\BB-F001DCH001C101-1\HG-1913/25.4</t>
  </si>
  <si>
    <t>【哈电锅炉】末级再热器外数第二圈U型弯头\51.0*4.5\SA-213T91\BB-F001DCH001C101-2\HG-1913/25.4</t>
  </si>
  <si>
    <t>【哈电锅炉】末级再热器外数第三圈U型弯头\51.0*4.5\SA-213T91\BB-F001DCH001C101-3\HG-1913/25.4</t>
  </si>
  <si>
    <t>【哈电锅炉】末级再热器外数第四圈U型弯头\51.0*4.5\SA-213T91\BB-F001DCH001C101-4\HG-1913/25.4</t>
  </si>
  <si>
    <t>【哈电锅炉】末级再热器外数第五圈U型弯头\51.0*4.5\SA-213T91\BB-F001DCH001C101-5\HG-1913/25.4</t>
  </si>
  <si>
    <t>【哈电锅炉】末级再热器外数第六圈U型弯头\51.0*4.5\SA-213T91\BB-F001DCH001C101-6\HG-1913/25.4</t>
  </si>
  <si>
    <t>【哈电锅炉】末级再热器外数第七圈U型弯头\51.0*4.5\SA-213T91\BB-F001DCH001C101-7\HG-1913/25.4</t>
  </si>
  <si>
    <t>【哈电锅炉】末级再热器外数第八圈U型弯头\51.0*4.5\SA-213T91\BB-F001DCH001C101-8\HG-1913/25.4</t>
  </si>
  <si>
    <t>【哈电锅炉】末级再热器外数第九圈U型弯头\51.0*4.5\SA-213T91\BB-F001DCH001C101-9\HG-1913/25.4</t>
  </si>
  <si>
    <t>【哈电锅炉】末级再热器外数第十圈U型弯头\51.0*4.5\SA-213T91\BB-F001DCH001C101-10\HG-1913/25.4</t>
  </si>
  <si>
    <t>【哈电锅炉】末级再热器外数第十一圈U型弯头\51.0*4.5\SA-213T91\BB-F001DCH001C101-11\HG-1913/25.4</t>
  </si>
  <si>
    <t>【哈电锅炉】末级再热器外数第十二圈U型弯头\51.0*4.5\SA-213T91\BB-F001DCH001C101-12\HG-1913/25.4</t>
  </si>
  <si>
    <t>【哈电锅炉】末级再热器外数第十三圈U型弯头\51.0*4.5\SA-213T91\BB-F001DCH001C101-13\HG-1913/25.4</t>
  </si>
  <si>
    <t>【哈电锅炉】末级再热器外数第十四圈U型弯头\51.0*4.5\SA-213T91\BB-F001DCH001C101-14\HG-1913/25.4</t>
  </si>
  <si>
    <t>【哈电锅炉】末级再热器外数第十五圈U型弯头\51.0*4.5\SA-213T91\BB-F001DCH001C101-15\HG-1913/25.4</t>
  </si>
  <si>
    <t>【哈电锅炉】末级再热器外数第十六圈U型弯头\51.0*4.5\SA-213T91\BB-F001DCH001C101-16\HG-1913/25.4</t>
  </si>
  <si>
    <t>【哈电锅炉】末级再热器外数第十七圈U型弯头\51.0*4.5\SA-213T91\BB-F001DCH001C101-17\HG-1913/25.4</t>
  </si>
  <si>
    <t>【哈电锅炉】末级再热器外数第十八圈U型弯头\51.0*4.5\SA-213T91\BB-F001DCH001C101-18\HG-1913/25.4</t>
  </si>
  <si>
    <t>【哈电锅炉】末级再热器外数第十九圈U型弯头\51.0*4.5\SA-213T91\BB-F001DCH001C101-19\HG-1913/25.4</t>
  </si>
  <si>
    <t>【哈电锅炉】末级再热器外数第二十圈U型弯头\51.0*4.5\SA-213T91\BB-F001DCH001C101-20\HG-1913/25.4</t>
  </si>
  <si>
    <t>【哈电锅炉】屏式过热器外数第一圈U型弯头\38.0*7.5\SA-213TP347H\BB-F001CGA001C101-1\HG-1913/25.4</t>
  </si>
  <si>
    <t>【哈电锅炉】屏式过热器外数第二圈U型弯头\38.0*7.5\SA-213TP347H\BB-F001CGA001C101-2\HG-1913/25.4</t>
  </si>
  <si>
    <t>【哈电锅炉】屏式过热器外数第三圈U型弯头\38.0*7.5\SA-213TP347H\BB-F001CGA001C101-3\HG-1913/25.4</t>
  </si>
  <si>
    <t>【哈电锅炉】屏式过热器外数第四圈U型弯头\38.0*7.5\SA-213TP347H\BB-F001CGA001C101-4\HG-1913/25.4</t>
  </si>
  <si>
    <t>【哈电锅炉】屏式过热器外数第五圈U型弯头\38.0*7.5\SA-213TP347H\BB-F001CGA001C101-5\HG-1913/25.4</t>
  </si>
  <si>
    <t>【哈电锅炉】屏式过热器外数第六圈U型弯头\38.0*7.5\SA-213TP347H\BB-F001CGA001C101-6\HG-1913/25.4</t>
  </si>
  <si>
    <t>【哈电锅炉】屏式过热器外数第七圈U型弯头\38.0*7.5\SA-213TP347H\BB-F001CGA001C101-7\HG-1913/25.4</t>
  </si>
  <si>
    <t>【哈电锅炉】屏式过热器外数第八圈U型弯头\38.0*7.5\SA-213TP347H\BB-F001CGA001C101-8\HG-1913/25.4</t>
  </si>
  <si>
    <t>【哈电锅炉】屏式过热器外数第九圈U型弯头\38.0*7.5\SA-213TP347H\BB-F001CGA001C101-9\HG-1913/25.4</t>
  </si>
  <si>
    <t>【哈电锅炉】屏式过热器外数第十圈U型弯头\38.0*7.5\SA-213TP347H\BB-F001CGA001C101-10\HG-1913/25.4</t>
  </si>
  <si>
    <t>【哈电锅炉】屏式过热器外数第十一圈U型弯头\38.0*7.5\SA-213TP347H\BB-F001CGA001C101-11\HG-1913/25.4</t>
  </si>
  <si>
    <t>【哈电锅炉】屏式过热器外数第十二圈U型弯头\38.0*7.5\SA-213TP347H\BB-F001CGA001C101-12\HG-1913/25.4</t>
  </si>
  <si>
    <t>【哈电锅炉】屏式过热器外数第十三圈U型弯头\38.0*7.5\SA-213TP347H\BB-F001CGA001C101-13\HG-1913/25.4</t>
  </si>
  <si>
    <t>【哈电锅炉】屏式过热器外数第十四圈U型弯头\38.0*7.5\SA-213TP347H\BB-F001CGA001C101-14\HG-1913/25.4</t>
  </si>
  <si>
    <t>【哈电锅炉】屏式过热器外数第十五圈U型弯头\38.0*7.5\SA-213TP347H\BB-F001CGA001C101-15\HG-1913/25.4</t>
  </si>
  <si>
    <t>【哈电锅炉】屏式过热器外数第十六圈U型弯头\38.0*7.5\SA-213T91\BB-F001CGA001C101-16\HG-1913/25.4</t>
  </si>
  <si>
    <t>【哈电锅炉】屏式过热器外数第十七圈U型弯头\38.0*7.5\SA-213T91\BB-F001CGA001C101-17\HG-1913/25.4</t>
  </si>
  <si>
    <t>【哈电锅炉】屏式过热器外数第十八圈U型弯头\38.0*7.5\SA-213T91\BB-F001CGA001C101-18\HG-1913/25.4</t>
  </si>
  <si>
    <t>【哈电锅炉】屏式过热器外数第十九圈U型弯头\38.0*7.5\SA-213T91\BB-F001CGA001C101-19\HG-1913/25.4</t>
  </si>
  <si>
    <t>【哈电锅炉】屏式过热器外数第二十圈U型弯头\38.0*7.5\SA-213T91\BB-F001CGA001C101-20\HG-1913/25.4</t>
  </si>
  <si>
    <t>【哈电锅炉】屏式过热器外数第二十一圈U型弯头\38.0*7.5\SA-213T91\BB-F001CGA001C101-21\HG-1913/25.4</t>
  </si>
  <si>
    <t>【哈电锅炉】屏式过热器外数第二十二圈U型弯头\38.0*7.5\SA-213T91\BB-F001CGA001C101-22\HG-1913/25.4</t>
  </si>
  <si>
    <t>【哈电锅炉】屏式过热器外数第二十三圈U型弯头\38.0*7.5\SA-213T91\BB-F001CGA001C101-23\HG-1913/25.4</t>
  </si>
  <si>
    <t>【哈电锅炉】屏式过热器外数第二十四圈U型弯头\38.0*7.5\SA-213T91\BB-F001CGA001C101-24\HG-1913/25.4</t>
  </si>
  <si>
    <t>【哈电锅炉】屏式过热器外数第二十五圈U型弯头\38.0*7.5\SA-213T91\BB-F001CGA001C101-25\HG-1913/25.4</t>
  </si>
  <si>
    <t>【哈电锅炉】屏式过热器外数第二十六圈U型弯头\38.0*7.5\SA-213T91\BB-F001CGA001C101-26\HG-1913/25.4</t>
  </si>
  <si>
    <t>【哈电锅炉】屏式过热器外数第二十七圈U型弯头\38.0*7.5\SA-213T91\BB-F001CGA001C101-27\HG-1913/25.4</t>
  </si>
  <si>
    <t>【哈电锅炉】屏式过热器外数第二十八圈U型弯头\38.0*7.5\SA-213T91\BB-F001CGA001C101-28\HG-1913/25.4</t>
  </si>
  <si>
    <t>【哈电锅炉】末级过热器外数第一圈U型弯头\44.5*8.5\SA-213TP347H\BB-F001CHD001C101-1\HG-1913/25.4</t>
  </si>
  <si>
    <t>【哈电锅炉】末级过热器外数第二圈U型弯头\44.5*8.5\SA-213TP347H\BB-F001CHD001C101-2\HG-1913/25.4</t>
  </si>
  <si>
    <t>【哈电锅炉】末级过热器外数第三圈U型弯头\44.5*8.5\SA-213TP347H\BB-F001CHD001C101-3\HG-1913/25.4</t>
  </si>
  <si>
    <t>【哈电锅炉】末级过热器外数第四圈U型弯头\44.5*8.5\SA-213TP347H\BB-F001CHD001C101-4\HG-1913/25.4</t>
  </si>
  <si>
    <t>【哈电锅炉】末级过热器外数第五圈U型弯头\44.5*8.5\SA-213TP347H\BB-F001CHD001C101-5\HG-1913/25.4</t>
  </si>
  <si>
    <t>【哈电锅炉】末级过热器外数第六圈U型弯头\44.5*8.5\SA-213TP347H\BB-F001CHD001C101-6\HG-1913/25.4</t>
  </si>
  <si>
    <t>【哈电锅炉】末级过热器外数第七圈U型弯头\44.5*8.5\SA-213TP347H\BB-F001CHD001C101-7\HG-1913/25.4</t>
  </si>
  <si>
    <t>【哈电锅炉】末级过热器外数第八圈U型弯头\44.5*8.5\SA-213TP347H\BB-F001CHD001C101-8\HG-1913/25.4</t>
  </si>
  <si>
    <t>【哈电锅炉】末级过热器外数第九圈U型弯头\44.5*8.5\SA-213TP347H\BB-F001CHD001C101-9\HG-1913/25.4</t>
  </si>
  <si>
    <t>【哈电锅炉】末级过热器外数第十圈U型弯头\44.5*8.5\SA-213TP347H\BB-F001CHD001C101-10\HG-1913/25.4</t>
  </si>
  <si>
    <t>【哈电锅炉】末级过热器外数第十一圈U型弯头\44.5*8.5\SA-213TP347H\BB-F001CHD001C101-11\HG-1913/25.4</t>
  </si>
  <si>
    <t>【哈电锅炉】末级过热器外数第十二圈U型弯头\44.5*8.5\SA-213TP347H\BB-F001CHD001C101-12\HG-1913/25.4</t>
  </si>
  <si>
    <t>【哈电锅炉】末级过热器外数第十三圈U型弯头\44.5*8.5\SA-213TP347H\BB-F001CHD001C101-13\HG-1913/25.4</t>
  </si>
  <si>
    <t>【哈电锅炉】末级过热器外数第十四圈U型弯头\44.5*8.5\SA-213TP347H\BB-F001CHD001C101-14\HG-1913/25.4</t>
  </si>
  <si>
    <t>【哈电锅炉】末级过热器外数第十五圈U型弯头\44.5*8.5\SA-213TP347H\BB-F001CHD001C101-15\HG-1913/25.4</t>
  </si>
  <si>
    <t>【哈电锅炉】末级过热器外数第十六圈U型弯头\44.5*8.5\SA-213TP347H\BB-F001CHD001C101-16\HG-1913/25.4</t>
  </si>
  <si>
    <t>【哈电锅炉】末级过热器外数第十七圈U型弯头\44.5*8.5\SA-213TP347H\BB-F001CHD001C101-17\HG-1913/25.4</t>
  </si>
  <si>
    <t>【哈电锅炉】末级过热器外数第十八圈U型弯头\44.5*8.5\SA-213TP347H\BB-F001CHD001C101-18\HG-1913/25.4</t>
  </si>
  <si>
    <t>【哈电锅炉】末级过热器外数第十九圈U型弯头\44.5*8.5\SA-213TP347H\BB-F001CHD001C101-19\HG-1913/25.4</t>
  </si>
  <si>
    <t>【哈电锅炉】末级过热器外数第二十圈U型弯头\44.5*8.5\SA-213TP347H\BB-F001CHD001C101-20\HG-1913/25.4</t>
  </si>
  <si>
    <t>【哈电锅炉】高温再热器外数第一圈U型弯头\51.0*4min\SA213-T91\CZ-22.1665.006-1\HG-1913/25.4</t>
  </si>
  <si>
    <t>【哈电锅炉】高温再热器外数第二圈U型弯头\51.0*4min\SA213-T91\CZ-22.1665.006-2\HG-1913/25.4</t>
  </si>
  <si>
    <t>【哈电锅炉】高温再热器外数第三圈U型弯头\51.0*4min\SA213-T91\CZ-22.1665.006-3\HG-1913/25.4</t>
  </si>
  <si>
    <t>【哈电锅炉】高温再热器外数第四圈U型弯头\51.0*4min\SA213-T91\CZ-22.1665.006-4\HG-1913/25.4</t>
  </si>
  <si>
    <t>【哈电锅炉】高温再热器外数第五圈U型弯头\51.0*4min\SA213-T91\CZ-22.1665.006-5\HG-1913/25.4</t>
  </si>
  <si>
    <t>【哈电锅炉】高温再热器外数第六圈U型弯头\51.0*4min\SA213-T91\CZ-22.1665.006-6\HG-1913/25.4</t>
  </si>
  <si>
    <t>【哈电锅炉】高温再热器外数第七圈U型弯头\51.0*4min\SA213-T91\CZ-22.1665.006-7\HG-1913/25.4</t>
  </si>
  <si>
    <t>【哈电锅炉】高温再热器外数第八圈U型弯头\51.0*4min\SA213-T91\CZ-22.1665.006-8\HG-1913/25.4</t>
  </si>
  <si>
    <t>【哈电锅炉】高温再热器外数第九圈U型弯头\51.0*4min\SA213-T91\CZ-22.1665.006-9\HG-1913/25.4</t>
  </si>
  <si>
    <t>【哈电锅炉】高温再热器外数第十圈U型弯头\51.0*4min\SA213-T91\CZ-22.1665.006-10\HG-1913/25.4</t>
  </si>
  <si>
    <t>【哈电锅炉】高温再热器外数第十一圈U型弯头\51.0*4min\SA213-T91\CZ-22.1665.006-11\HG-1913/25.4</t>
  </si>
  <si>
    <t>【哈电锅炉】高温再热器外数第十二圈U型弯头\51.0*4min\SA213-T91\CZ-22.1665.006-12\HG-1913/25.4</t>
  </si>
  <si>
    <t>【哈电锅炉】高温再热器外数第十三圈U型弯头\51.0*4min\SA213-T91\CZ-22.1665.006-13\HG-1913/25.4</t>
  </si>
  <si>
    <t>【哈电锅炉】高温再热器外数第十四圈U型弯头\51.0*4min\SA213-T91\CZ-22.1665.006-14\HG-1913/25.4</t>
  </si>
  <si>
    <t>【哈电锅炉】高温再热器外数第十五圈U型弯头\51.0*4min\SA213-T91\CZ-22.1665.006-15\HG-1913/25.4</t>
  </si>
  <si>
    <t>【哈电锅炉】高温再热器外数第十六圈U型弯头\51.0*4min\SA213-T91\CZ-22.1665.006-16\HG-1913/25.4</t>
  </si>
  <si>
    <t>【哈电锅炉】高温再热器外数第十七圈U型弯头\51.0*4min\SA213-T91\CZ-22.1665.006-17\HG-1913/25.4</t>
  </si>
  <si>
    <t>【哈电锅炉】高温再热器外数第十八圈U型弯头\51.0*4min\SA213-T91\CZ-22.1665.006-18\HG-1913/25.4</t>
  </si>
  <si>
    <t>【哈电锅炉】高温再热器外数第十九圈U型弯头\51.0*4min\SA213-T91\CZ-22.1665.006-19\HG-1913/25.4</t>
  </si>
  <si>
    <t>【哈电锅炉】高温再热器外数第二十圈U型弯头\51.0*4.3min\SA213-T91\CZ-22.1665.006-20\HG-1913/25.4</t>
  </si>
  <si>
    <t>【哈电锅炉】屏式过热器外数第一圈U型弯头\38.0*6.6min\SA-213TP347H\CZ-22.1647.011-1\HG-1913/25.4</t>
  </si>
  <si>
    <t>【哈电锅炉】屏式过热器外数第二圈U型弯头\38.0*6.6min\SA-213TP347H\CZ-22.1647.011-2\HG-1913/25.4</t>
  </si>
  <si>
    <t>【哈电锅炉】屏式过热器外数第三圈U型弯头\38.0*6.6min\SA-213TP347H\CZ-22.1647.011-3\HG-1913/25.4</t>
  </si>
  <si>
    <t>【哈电锅炉】屏式过热器外数第四圈U型弯头\38.0*6.6min\SA-213TP347H\CZ-22.1647.011-4\HG-1913/25.4</t>
  </si>
  <si>
    <t>【哈电锅炉】屏式过热器外数第五圈U型弯头\38.0*6.6min\SA-213TP347H\CZ-22.1647.011-5\HG-1913/25.4</t>
  </si>
  <si>
    <t>【哈电锅炉】屏式过热器外数第六圈U型弯头\38.0*6.6min\SA-213TP347H\CZ-22.1647.011-6\HG-1913/25.4</t>
  </si>
  <si>
    <t>【哈电锅炉】屏式过热器外数第七圈U型弯头\38.0*6.6min\SA-213TP347H\CZ-22.1647.011-7\HG-1913/25.4</t>
  </si>
  <si>
    <t>【哈电锅炉】屏式过热器外数第八圈U型弯头\38.0*6.6min\SA-213TP347H\CZ-22.1647.011-8\HG-1913/25.4</t>
  </si>
  <si>
    <t>【哈电锅炉】屏式过热器外数第九圈U型弯头\38.0*6.6min\SA-213TP347H\CZ-22.1647.011-9\HG-1913/25.4</t>
  </si>
  <si>
    <t>【哈电锅炉】屏式过热器外数第十圈U型弯头\38.0*6.6min\SA-213TP347H\CZ-22.1647.011-10\HG-1913/25.4</t>
  </si>
  <si>
    <t>【哈电锅炉】屏式过热器外数第十一圈U型弯头\38.0*6.6min\SA-213TP347H\CZ-22.1647.011-11\HG-1913/25.4</t>
  </si>
  <si>
    <t>【哈电锅炉】屏式过热器外数第十二圈U型弯头\38.0*6.6min\SA-213TP347H\CZ-22.1647.011-12\HG-1913/25.4</t>
  </si>
  <si>
    <t>【哈电锅炉】屏式过热器外数第十三圈U型弯头\38.0*6.6min\SA-213TP347H\CZ-22.1647.011-13\HG-1913/25.4</t>
  </si>
  <si>
    <t>【哈电锅炉】屏式过热器外数第十四圈U型弯头\38.0*6.6min\SA-213TP347H\CZ-22.1647.011-14\HG-1913/25.4</t>
  </si>
  <si>
    <t>【哈电锅炉】屏式过热器外数第十五圈U型弯头\38.0*6.6min\SA-213TP347H\CZ-22.1647.011-15\HG-1913/25.4</t>
  </si>
  <si>
    <t>【哈电锅炉】屏式过热器外数第十六圈U型弯头\38.0*6.6min\SA-213TP347H\CZ-22.1647.011-16\HG-1913/25.4</t>
  </si>
  <si>
    <t>【哈电锅炉】屏式过热器外数第十七圈U型弯头\38.0*6.6min\SA-213TP347H\CZ-22.1647.011-17\HG-1913/25.4</t>
  </si>
  <si>
    <t>【哈电锅炉】屏式过热器外数第十八圈U型弯头\38.0*6.6min\SA-213TP347H\CZ-22.1647.011-18\HG-1913/25.4</t>
  </si>
  <si>
    <t>【哈电锅炉】屏式过热器外数第十九圈U型弯头\38.0*6.6min\SA-213TP347H\CZ-22.1647.011-19\HG-1913/25.4</t>
  </si>
  <si>
    <t>【哈电锅炉】屏式过热器外数第二十圈U型弯头\38.0*6.6min\SA-213TP347H\CZ-22.1647.011-20\HG-1913/25.4</t>
  </si>
  <si>
    <t>【哈电锅炉】屏式过热器外数第二十一圈U型弯头\38.0*6.6min\SA-213TP347H\CZ-22.1647.011-21\HG-1913/25.4</t>
  </si>
  <si>
    <t>【哈电锅炉】屏式过热器外数第二十二圈U型弯头\38.0*6.6min\SA-213TP347H\CZ-22.1647.011-22\HG-1913/25.4</t>
  </si>
  <si>
    <t>【哈电锅炉】屏式过热器外数第二十三圈U型弯头\38.0*6.6min\SA-213TP347H\CZ-22.1647.011-23\HG-1913/25.4</t>
  </si>
  <si>
    <t>【哈电锅炉】屏式过热器外数第二十四圈U型弯头\38.0*6.6min\SA-213TP347H\CZ-22.1647.011-24\HG-1913/25.4</t>
  </si>
  <si>
    <t>【哈电锅炉】屏式过热器外数第二十五圈U型弯头\38.0*6.6min\SA-213TP347H\CZ-22.1647.011-25\HG-1913/25.4</t>
  </si>
  <si>
    <t>【哈电锅炉】屏式过热器外数第二十六圈U型弯头\38.0*6.6min\SA-213TP347H\CZ-22.1647.011-26\HG-1913/25.4</t>
  </si>
  <si>
    <t>【哈电锅炉】屏式过热器外数第二十七圈U型弯头\38.0*6.6min\SA-213TP347H\CZ-22.1647.011-27\HG-1913/25.4</t>
  </si>
  <si>
    <t>【哈电锅炉】屏式过热器外数第二十八圈U型弯头\38.0*6.6min\SA-213TP347H\CZ-22.1647.011-28\HG-1913/25.4</t>
  </si>
  <si>
    <t>【哈电锅炉】末级过热器外数第一圈U型弯头\44.5*7.5min\SA-213TP347H\CZ-22.1645.009-1\HG-1913/25.4</t>
  </si>
  <si>
    <t>【哈电锅炉】末级过热器外数第二圈U型弯头\44.5*7.5min\SA-213TP347H\CZ-22.1645.009-2\HG-1913/25.4</t>
  </si>
  <si>
    <t>【哈电锅炉】末级过热器外数第三圈U型弯头\44.5*7.5min\SA-213TP347H\CZ-22.1645.009-3\HG-1913/25.4</t>
  </si>
  <si>
    <t>【哈电锅炉】末级过热器外数第四圈U型弯头\44.5*7.5min\SA-213TP347H\CZ-22.1645.009-4\HG-1913/25.4</t>
  </si>
  <si>
    <t>【哈电锅炉】末级过热器外数第五圈U型弯头\44.5*7.5min\SA-213TP347H\CZ-22.1645.009-5\HG-1913/25.4</t>
  </si>
  <si>
    <t>【哈电锅炉】末级过热器外数第六圈U型弯头\44.5*7.5min\SA-213TP347H\CZ-22.1645.009-6\HG-1913/25.4</t>
  </si>
  <si>
    <t>【哈电锅炉】末级过热器外数第七圈U型弯头\44.5*7.5min\SA-213TP347H\CZ-22.1645.009-7\HG-1913/25.4</t>
  </si>
  <si>
    <t>【哈电锅炉】末级过热器外数第八圈U型弯头\44.5*7.5min\SA-213TP347H\CZ-22.1645.009-8\HG-1913/25.4</t>
  </si>
  <si>
    <t>【哈电锅炉】末级过热器外数第九圈U型弯头\44.5*7.5min\SA-213TP347H\CZ-22.1645.009-9\HG-1913/25.4</t>
  </si>
  <si>
    <t>【哈电锅炉】末级过热器外数第十圈U型弯头\44.5*7.5min\SA-213TP347H\CZ-22.1645.009-10\HG-1913/25.4</t>
  </si>
  <si>
    <t>【哈电锅炉】末级过热器外数第十一圈U型弯头\44.5*7.5min\SA-213TP347H\CZ-22.1645.009-11\HG-1913/25.4</t>
  </si>
  <si>
    <t>【哈电锅炉】末级过热器外数第十二圈U型弯头\44.5*7.5min\SA-213TP347H\CZ-22.1645.009-12\HG-1913/25.4</t>
  </si>
  <si>
    <t>【哈电锅炉】末级过热器外数第十三圈U型弯头\44.5*7.5min\SA-213TP347H\CZ-22.1645.009-13\HG-1913/25.4</t>
  </si>
  <si>
    <t>【哈电锅炉】末级过热器外数第十四圈U型弯头\44.5*7.5min\SA-213TP347H\CZ-22.1645.009-14\HG-1913/25.4</t>
  </si>
  <si>
    <t>【哈电锅炉】末级过热器外数第十五圈U型弯头\44.5*7.5min\SA-213TP347H\CZ-22.1645.009-15\HG-1913/25.4</t>
  </si>
  <si>
    <t>【哈电锅炉】末级过热器外数第十六圈U型弯头\44.5*7.5min\SA-213TP347H\CZ-22.1645.009-16\HG-1913/25.4</t>
  </si>
  <si>
    <t>【哈电锅炉】末级过热器外数第十七圈U型弯头\44.5*7.5min\SA-213TP347H\CZ-22.1645.009-17\HG-1913/25.4</t>
  </si>
  <si>
    <t>【哈电锅炉】末级过热器外数第十八圈U型弯头\44.5*7.5min\SA-213TP347H\CZ-22.1645.009-18\HG-1913/25.4</t>
  </si>
  <si>
    <t>【哈电锅炉】末级过热器外数第十九圈U型弯头\44.5*7.5min\SA-213TP347H\CZ-22.1645.009-19\HG-1913/25.4</t>
  </si>
  <si>
    <t>【哈电锅炉】末级过热器外数第二十圈U型弯头\44.5*7.5min\SA-213TP347H\CZ-22.1645.009-20\HG-1913/25.4</t>
  </si>
  <si>
    <t>【哈电锅炉】末级再热器外数第一圈U型弯头\60.0*4.5\SA-213TP347H\DK-F001DEA001Q081-1\HG-1125/25.4</t>
  </si>
  <si>
    <t>【哈电锅炉】末级再热器外数第二圈U型弯头\60.0*4\SA-213TP347H\DK-F001DEA001Q081-2\HG-1125/25.4</t>
  </si>
  <si>
    <t>【哈电锅炉】末级再热器外数第三圈U型弯头\60.0*4\SA-213TP347H\DK-F001DEA001Q081-3\HG-1125/25.4</t>
  </si>
  <si>
    <t>【哈电锅炉】末级再热器外数第四圈U型弯头\54.0*4\SA-213T91\DK-F001DEA001Q081-4\HG-1125/25.4</t>
  </si>
  <si>
    <t>【哈电锅炉】末级再热器外数第五圈U型弯头\54.0*4\SA-213T91\DK-F001DEA001Q081-5\HG-1125/25.4</t>
  </si>
  <si>
    <t>【哈电锅炉】末级再热器外数第六圈U型弯头\54.0*4\SA-213T91\DK-F001DEA001Q081-6\HG-1125/25.4</t>
  </si>
  <si>
    <t>【哈电锅炉】末级再热器外数第七圈U型弯头\54.0*4\SA-213T91\DK-F001DEA001Q081-7\HG-1125/25.4</t>
  </si>
  <si>
    <t>【哈电锅炉】末级再热器外数第八圈U型弯头\54.0*4\SA-213T91\DK-F001DEA001Q081-8\HG-1125/25.4</t>
  </si>
  <si>
    <t>【哈电锅炉】分隔屏外数第一圈U型弯头\51.0*11\SA-213TP347H\DK-F001CGD001Q081-1\HG-1125/25.4</t>
  </si>
  <si>
    <t>【哈电锅炉】分隔屏外数第二圈U型弯头\44.5*9.5\SA-213TP347H\DK-F001CGD001Q081-2\HG-1125/25.4</t>
  </si>
  <si>
    <t>【哈电锅炉】分隔屏外数第三圈U型弯头\44.5*9.5\SA-213TP347H\DK-F001CGD001Q081-3\HG-1125/25.4</t>
  </si>
  <si>
    <t>【哈电锅炉】分隔屏外数第四圈U型弯头\44.5*9.5\SA-213TP347H\DK-F001CGD001Q081-4\HG-1125/25.4</t>
  </si>
  <si>
    <t>【哈电锅炉】分隔屏外数第五圈U型弯头\44.5*9.5\SA-213TP347H\DK-F001CGD001Q081-5\HG-1125/25.4</t>
  </si>
  <si>
    <t>【哈电锅炉】分隔屏外数第六圈U型弯头\44.5*9.5\SA-213TP347H\DK-F001CGD001Q081-6\HG-1125/25.4</t>
  </si>
  <si>
    <t>【哈电锅炉】分隔屏外数第七圈U型弯头\44.5*9.5\SA-213TP347H\DK-F001CGD001Q081-7\HG-1125/25.4</t>
  </si>
  <si>
    <t>【哈电锅炉】分隔屏外数第八圈U型弯头\44.5*9.5\SA-213TP347H\DK-F001CGD001Q081-8\HG-1125/25.4</t>
  </si>
  <si>
    <t>【哈电锅炉】分隔屏外数第九圈U型弯头\44.5*9.5\SA-213TP347H\DK-F001CGD001Q081-9\HG-1125/25.4</t>
  </si>
  <si>
    <t>【哈电锅炉】分隔屏外数第十圈U型弯头\44.5*9.5\SA-213TP347H\DK-F001CGD001Q081-10\HG-1125/25.4</t>
  </si>
  <si>
    <t>【哈电锅炉】分隔屏外数第十一圈U型弯头\44.5*9.5\SA-213TP347H\DK-F001CGD001Q081-11\HG-1125/25.4</t>
  </si>
  <si>
    <t>【哈电锅炉】末级过热器外数第一圈U型弯头\54.0*11\SA-213TP347H\DK-F001CHD001Q081-1\HG-1125/25.4</t>
  </si>
  <si>
    <t>【哈电锅炉】末级过热器外数第二圈U型弯头\44.5*9.5\SA-213TP347H\DK-F001CHD001Q081-2\HG-1125/25.4</t>
  </si>
  <si>
    <t>【哈电锅炉】末级过热器外数第三圈U型弯头\44.5*9.5\SA-213TP347H\DK-F001CHD001Q081-3\HG-1125/25.4</t>
  </si>
  <si>
    <t>【哈电锅炉】末级过热器外数第四圈U型弯头\44.5*9.5\SA-213TP347H\DK-F001CHD001Q081-4\HG-1125/25.4</t>
  </si>
  <si>
    <t>【哈电锅炉】末级过热器外数第五圈U型弯头\44.5*9.5\SA-213TP347H\DK-F001CHD001Q081-5\HG-1125/25.4</t>
  </si>
  <si>
    <t>【哈电锅炉】末级过热器外数第六圈U型弯头\44.5*9.5\SA-213TP347H\DK-F001CHD001Q081-6\HG-1125/25.4</t>
  </si>
  <si>
    <t>【哈电锅炉】末级过热器外数第七圈U型弯头\44.5*9.5\SA-213TP347H\DK-F001CHD001Q081-7\HG-1125/25.4</t>
  </si>
  <si>
    <t>【哈电锅炉】末级过热器外数第八圈U型弯头\44.5*9.5\SA-213TP347H\DK-F001CHD001Q081-8\HG-1125/25.4</t>
  </si>
  <si>
    <t>【哈电锅炉】末级过热器外数第九圈U型弯头\44.5*9.5\SA-213TP347H\DK-F001CHD001Q081-9\HG-1125/25.4</t>
  </si>
  <si>
    <t>【哈电锅炉】末级过热器外数第十圈U型弯头\44.5*9.5\SA-213TP347H\DK-F001CHD001Q081-10\HG-1125/25.4</t>
  </si>
  <si>
    <t>【哈电锅炉】末级过热器外数第十一圈U型弯头\44.5*9.5\SA-213TP347H\DK-F001CHD001Q081-11\HG-1125/25.4</t>
  </si>
  <si>
    <t>【哈电锅炉】末级过热器外数第十二圈U型弯头\44.5*9.5\SA-213TP347H\DK-F001CHD001Q081-12\HG-1125/25.4</t>
  </si>
  <si>
    <t>【哈电锅炉】末级过热器外数第十三圈U型弯头\44.5*9.5\SA-213TP347H\DK-F001CHD001Q081-13\HG-1125/25.4</t>
  </si>
  <si>
    <t>【哈电锅炉】末级过热器外数第十四圈U型弯头\44.5*9.5\SA-213TP347H\DK-F001CHD001Q081-14\HG-1125/25.4</t>
  </si>
  <si>
    <t>【哈电锅炉】末级过热器外数第十五圈U型弯头\44.5*9.5\SA-213TP347H\DK-F001CHD001Q081-15\HG-1125/25.4</t>
  </si>
  <si>
    <t>【哈电锅炉】末级过热器外数第十六圈U型弯头\44.5*9.5\SA-213TP347H\DK-F001CHD001Q081-16\HG-1125/25.4</t>
  </si>
  <si>
    <t>【哈电锅炉】末级过热器外数第十七圈U型弯头\44.5*9.5\SA-213TP347H\DK-F001CHD001Q081-17\HG-1125/25.4</t>
  </si>
  <si>
    <t>【哈电锅炉】末级过热器外数第十八圈U型弯头\44.5*9.5\SA-213TP347H\DK-F001CHD001Q081-18\HG-1125/25.4</t>
  </si>
  <si>
    <t>【哈电锅炉】高温再热器外数第一圈U型弯头\51.0*4MWT\SA213-T91\FX-22.1665.015-1\HG-1913/25.4</t>
  </si>
  <si>
    <t>【哈电锅炉】高温再热器外数第二圈U型弯头\51.0*4MWT\SA213-T91\FX-22.1665.015-2\HG-1913/25.4</t>
  </si>
  <si>
    <t>【哈电锅炉】高温再热器外数第三圈U型弯头\51.0*4MWT\SA213-T91\FX-22.1665.015-3\HG-1913/25.4</t>
  </si>
  <si>
    <t>【哈电锅炉】高温再热器外数第四圈U型弯头\51.0*4MWT\SA213-T91\FX-22.1665.015-4\HG-1913/25.4</t>
  </si>
  <si>
    <t>【哈电锅炉】高温再热器外数第五圈U型弯头\51.0*4MWT\SA213-T91\FX-22.1665.015-5\HG-1913/25.4</t>
  </si>
  <si>
    <t>【哈电锅炉】高温再热器外数第六圈U型弯头\51.0*4MWT\SA213-T91\FX-22.1665.015-6\HG-1913/25.4</t>
  </si>
  <si>
    <t>【哈电锅炉】高温再热器外数第七圈U型弯头\51.0*4MWT\SA213-T91\FX-22.1665.015-7\HG-1913/25.4</t>
  </si>
  <si>
    <t>【哈电锅炉】高温再热器外数第八圈U型弯头\51.0*4MWT\SA213-T91\FX-22.1665.015-8\HG-1913/25.4</t>
  </si>
  <si>
    <t>【哈电锅炉】高温再热器外数第九圈U型弯头\51.0*4MWT\SA213-T91\FX-22.1665.015-9\HG-1913/25.4</t>
  </si>
  <si>
    <t>【哈电锅炉】高温再热器外数第十圈U型弯头\51.0*4MWT\SA213-T91\FX-22.1665.015-10\HG-1913/25.4</t>
  </si>
  <si>
    <t>【哈电锅炉】高温再热器外数第十一圈U型弯头\51.0*4MWT\SA213-T91\FX-22.1665.015-11\HG-1913/25.4</t>
  </si>
  <si>
    <t>【哈电锅炉】高温再热器外数第十二圈U型弯头\51.0*4MWT\SA213-T91\FX-22.1665.015-12\HG-1913/25.4</t>
  </si>
  <si>
    <t>【哈电锅炉】高温再热器外数第十三圈U型弯头\51.0*4MWT\SA213-T91\FX-22.1665.015-13\HG-1913/25.4</t>
  </si>
  <si>
    <t>【哈电锅炉】高温再热器外数第十四圈U型弯头\51.0*4MWT\SA213-T91\FX-22.1665.015-14\HG-1913/25.4</t>
  </si>
  <si>
    <t>【哈电锅炉】高温再热器外数第十五圈U型弯头\51.0*4MWT\SA213-T91\FX-22.1665.015-15\HG-1913/25.4</t>
  </si>
  <si>
    <t>【哈电锅炉】高温再热器外数第十六圈U型弯头\51.0*4MWT\SA213-T91\FX-22.1665.015-16\HG-1913/25.4</t>
  </si>
  <si>
    <t>【哈电锅炉】高温再热器外数第十七圈U型弯头\51.0*4MWT\SA213-T91\FX-22.1665.015-17\HG-1913/25.4</t>
  </si>
  <si>
    <t>【哈电锅炉】高温再热器外数第十八圈U型弯头\51.0*4MWT\SA213-T91\FX-22.1665.015-18\HG-1913/25.4</t>
  </si>
  <si>
    <t>【哈电锅炉】高温再热器外数第十九圈U型弯头\51.0*4MWT\SA213-T91\FX-22.1665.015-19\HG-1913/25.4</t>
  </si>
  <si>
    <t>【哈电锅炉】高温再热器外数第二十圈U型弯头\51.0*4MWT\SA213-T91\FX-22.1665.015-20\HG-1913/25.4</t>
  </si>
  <si>
    <t>【哈电锅炉】屏式过热器外数第一圈U型弯头\38.0*6.6min\SA-213TP347H\FX-22.1647.011-1\HG-1913/25.4</t>
  </si>
  <si>
    <t>【哈电锅炉】屏式过热器外数第二圈U型弯头\38.0*6.6min\SA-213TP347H\FX-22.1647.011-2\HG-1913/25.4</t>
  </si>
  <si>
    <t>【哈电锅炉】屏式过热器外数第三圈U型弯头\38.0*6.6min\SA-213TP347H\FX-22.1647.011-3\HG-1913/25.4</t>
  </si>
  <si>
    <t>【哈电锅炉】屏式过热器外数第四圈U型弯头\38.0*6.6min\SA-213TP347H\FX-22.1647.011-4\HG-1913/25.4</t>
  </si>
  <si>
    <t>【哈电锅炉】屏式过热器外数第五圈U型弯头\38.0*6.6min\SA-213TP347H\FX-22.1647.011-5\HG-1913/25.4</t>
  </si>
  <si>
    <t>【哈电锅炉】屏式过热器外数第六圈U型弯头\38.0*6.6min\SA-213TP347H\FX-22.1647.011-6\HG-1913/25.4</t>
  </si>
  <si>
    <t>【哈电锅炉】屏式过热器外数第七圈U型弯头\38.0*6.6min\SA-213TP347H\FX-22.1647.011-7\HG-1913/25.4</t>
  </si>
  <si>
    <t>【哈电锅炉】屏式过热器外数第八圈U型弯头\38.0*6.6min\SA-213TP347H\FX-22.1647.011-8\HG-1913/25.4</t>
  </si>
  <si>
    <t>【哈电锅炉】屏式过热器外数第九圈U型弯头\38.0*6.6min\SA-213TP347H\FX-22.1647.011-9\HG-1913/25.4</t>
  </si>
  <si>
    <t>【哈电锅炉】屏式过热器外数第十圈U型弯头\38.0*6.6min\SA-213TP347H\FX-22.1647.011-10\HG-1913/25.4</t>
  </si>
  <si>
    <t>【哈电锅炉】屏式过热器外数第十一圈U型弯头\38.0*6.6min\SA-213TP347H\FX-22.1647.011-11\HG-1913/25.4</t>
  </si>
  <si>
    <t>【哈电锅炉】屏式过热器外数第十二圈U型弯头\38.0*6.6min\SA-213TP347H\FX-22.1647.011-12\HG-1913/25.4</t>
  </si>
  <si>
    <t>【哈电锅炉】屏式过热器外数第十三圈U型弯头\38.0*6.6min\SA-213TP347H\FX-22.1647.011-13\HG-1913/25.4</t>
  </si>
  <si>
    <t>【哈电锅炉】屏式过热器外数第十四圈U型弯头\38.0*6.6min\SA-213TP347H\FX-22.1647.011-14\HG-1913/25.4</t>
  </si>
  <si>
    <t>【哈电锅炉】屏式过热器外数第十五圈U型弯头\38.0*6.6min\SA-213TP347H\FX-22.1647.011-15\HG-1913/25.4</t>
  </si>
  <si>
    <t>【哈电锅炉】屏式过热器外数第十六圈U型弯头\38.0*6.6min\SA-213TP347H\FX-22.1647.011-16\HG-1913/25.4</t>
  </si>
  <si>
    <t>【哈电锅炉】屏式过热器外数第十七圈U型弯头\38.0*6.6min\SA-213TP347H\FX-22.1647.011-17\HG-1913/25.4</t>
  </si>
  <si>
    <t>【哈电锅炉】屏式过热器外数第十八圈U型弯头\38.0*6.6min\SA-213TP347H\FX-22.1647.011-18\HG-1913/25.4</t>
  </si>
  <si>
    <t>【哈电锅炉】屏式过热器外数第十九圈U型弯头\38.0*6.6min\SA-213TP347H\FX-22.1647.011-19\HG-1913/25.4</t>
  </si>
  <si>
    <t>【哈电锅炉】屏式过热器外数第二十圈U型弯头\38.0*6.6min\SA-213TP347H\FX-22.1647.011-20\HG-1913/25.4</t>
  </si>
  <si>
    <t>【哈电锅炉】屏式过热器外数第二十一圈U型弯头\38.0*6.6min\SA-213TP347H\FX-22.1647.011-21\HG-1913/25.4</t>
  </si>
  <si>
    <t>【哈电锅炉】屏式过热器外数第二十二圈U型弯头\38.0*6.6min\SA-213TP347H\FX-22.1647.011-22\HG-1913/25.4</t>
  </si>
  <si>
    <t>【哈电锅炉】屏式过热器外数第二十三圈U型弯头\38.0*6.6min\SA-213TP347H\FX-22.1647.011-23\HG-1913/25.4</t>
  </si>
  <si>
    <t>【哈电锅炉】屏式过热器外数第二十四圈U型弯头\38.0*6.6min\SA-213TP347H\FX-22.1647.011-24\HG-1913/25.4</t>
  </si>
  <si>
    <t>【哈电锅炉】屏式过热器外数第二十五圈U型弯头\38.0*6.6min\SA-213TP347H\FX-22.1647.011-25\HG-1913/25.4</t>
  </si>
  <si>
    <t>【哈电锅炉】屏式过热器外数第二十六圈U型弯头\38.0*6.6min\SA-213TP347H\FX-22.1647.011-26\HG-1913/25.4</t>
  </si>
  <si>
    <t>【哈电锅炉】屏式过热器外数第二十七圈U型弯头\38.0*6.6min\SA-213TP347H\FX-22.1647.011-27\HG-1913/25.4</t>
  </si>
  <si>
    <t>【哈电锅炉】屏式过热器外数第二十八圈U型弯头\38.0*6.6min\SA-213TP347H\FX-22.1647.011-28\HG-1913/25.4</t>
  </si>
  <si>
    <t>【哈电锅炉】末级过热器外数第一圈U型弯头\44.5*7.5min\SA-213TP347H\FX-22.1645.009-1\HG-1913/25.4</t>
  </si>
  <si>
    <t>【哈电锅炉】末级过热器外数第二圈U型弯头\44.5*7.5min\SA-213TP347H\FX-22.1645.009-2\HG-1913/25.4</t>
  </si>
  <si>
    <t>【哈电锅炉】末级过热器外数第三圈U型弯头\44.5*7.5min\SA-213TP347H\FX-22.1645.009-3\HG-1913/25.4</t>
  </si>
  <si>
    <t>【哈电锅炉】末级过热器外数第四圈U型弯头\44.5*7.5min\SA-213TP347H\FX-22.1645.009-4\HG-1913/25.4</t>
  </si>
  <si>
    <t>【哈电锅炉】末级过热器外数第五圈U型弯头\44.5*7.5min\SA-213TP347H\FX-22.1645.009-5\HG-1913/25.4</t>
  </si>
  <si>
    <t>【哈电锅炉】末级过热器外数第六圈U型弯头\44.5*7.5min\SA-213TP347H\FX-22.1645.009-6\HG-1913/25.4</t>
  </si>
  <si>
    <t>【哈电锅炉】末级过热器外数第七圈U型弯头\44.5*7.5min\SA-213TP347H\FX-22.1645.009-7\HG-1913/25.4</t>
  </si>
  <si>
    <t>【哈电锅炉】末级过热器外数第八圈U型弯头\44.5*7.5min\SA-213TP347H\FX-22.1645.009-8\HG-1913/25.4</t>
  </si>
  <si>
    <t>【哈电锅炉】末级过热器外数第九圈U型弯头\44.5*7.5min\SA-213TP347H\FX-22.1645.009-9\HG-1913/25.4</t>
  </si>
  <si>
    <t>【哈电锅炉】末级过热器外数第十圈U型弯头\44.5*7.5min\SA-213TP347H\FX-22.1645.009-10\HG-1913/25.4</t>
  </si>
  <si>
    <t>【哈电锅炉】末级过热器外数第十一圈U型弯头\44.5*7.5min\SA-213TP347H\FX-22.1645.009-11\HG-1913/25.4</t>
  </si>
  <si>
    <t>【哈电锅炉】末级过热器外数第十二圈U型弯头\44.5*7.5min\SA-213TP347H\FX-22.1645.009-12\HG-1913/25.4</t>
  </si>
  <si>
    <t>【哈电锅炉】末级过热器外数第十三圈U型弯头\44.5*7.5min\SA-213TP347H\FX-22.1645.009-13\HG-1913/25.4</t>
  </si>
  <si>
    <t>【哈电锅炉】末级过热器外数第十四圈U型弯头\44.5*7.5min\SA-213TP347H\FX-22.1645.009-14\HG-1913/25.4</t>
  </si>
  <si>
    <t>【哈电锅炉】末级过热器外数第十五圈U型弯头\44.5*7.5min\SA-213TP347H\FX-22.1645.009-15\HG-1913/25.4</t>
  </si>
  <si>
    <t>【哈电锅炉】末级过热器外数第十六圈U型弯头\44.5*7.5min\SA-213TP347H\FX-22.1645.009-16\HG-1913/25.4</t>
  </si>
  <si>
    <t>【哈电锅炉】末级过热器外数第十七圈U型弯头\44.5*7.5min\SA-213TP347H\FX-22.1645.009-17\HG-1913/25.4</t>
  </si>
  <si>
    <t>【哈电锅炉】末级过热器外数第十八圈U型弯头\44.5*7.5min\SA-213TP347H\FX-22.1645.009-18\HG-1913/25.4</t>
  </si>
  <si>
    <t>【哈电锅炉】末级过热器外数第十九圈U型弯头\44.5*7.5min\SA-213TP347H\FX-22.1645.009-19\HG-1913/25.4</t>
  </si>
  <si>
    <t>【哈电锅炉】末级过热器外数第二十圈U型弯头\44.5*7.5min\SA-213TP347H\FX-22.1645.009-20\HG-1913/25.4</t>
  </si>
  <si>
    <t>【哈电锅炉】分隔屏外数第一圈U型弯头\44.5*9\SA-213S30432\HMDNH-F001CGD001B201-1\HG-1948/28.25</t>
  </si>
  <si>
    <t>【哈电锅炉】分隔屏外数第二圈U型弯头\44.5*9\SA-213S30432\HMDNH-F001CGD001B201-2\HG-1948/28.25</t>
  </si>
  <si>
    <t>【哈电锅炉】分隔屏外数第三圈U型弯头\44.5*9\SA-213S30432\HMDNH-F001CGD001B201-3\HG-1948/28.25</t>
  </si>
  <si>
    <t>【哈电锅炉】分隔屏外数第四圈U型弯头\44.5*9\SA-213TP347H\HMDNH-F001CGD001B201-4\HG-1948/28.25</t>
  </si>
  <si>
    <t>【哈电锅炉】分隔屏外数第五圈U型弯头\44.5*9\SA-213TP347H\HMDNH-F001CGD001B201-5\HG-1948/28.25</t>
  </si>
  <si>
    <t>【哈电锅炉】分隔屏外数第六圈U型弯头\44.5*9\SA-213TP347H\HMDNH-F001CGD001B201-6\HG-1948/28.25</t>
  </si>
  <si>
    <t>【哈电锅炉】分隔屏外数第七圈U型弯头\44.5*9\SA-213TP347H\HMDNH-F001CGD001B201-7\HG-1948/28.25</t>
  </si>
  <si>
    <t>【哈电锅炉】分隔屏外数第八圈U型弯头\44.5*9\SA-213TP347H\HMDNH-F001CGD001B201-8\HG-1948/28.25</t>
  </si>
  <si>
    <t>【哈电锅炉】分隔屏外数第九圈U型弯头\44.5*9\SA-213TP347H\HMDNH-F001CGD001B201-9\HG-1948/28.25</t>
  </si>
  <si>
    <t>【哈电锅炉】分隔屏外数第十圈U型弯头\44.5*9\SA-213TP347H\HMDNH-F001CGD001B201-10\HG-1948/28.25</t>
  </si>
  <si>
    <t>【哈电锅炉】分隔屏外数第十一圈U型弯头\44.5*9\SA-213TP347H\HMDNH-F001CGD001B201-11\HG-1948/28.25</t>
  </si>
  <si>
    <t>【哈电锅炉】分隔屏外数第十二圈U型弯头\44.5*9\SA-213TP347H\HMDNH-F001CGD001B201-12\HG-1948/28.25</t>
  </si>
  <si>
    <t>【哈电锅炉】末级过热器外数第一圈U型弯头\60.0*13.5\SA-213TP310HCbN\HMDNH-F001CHD001B201-1\HG-1948/28.25</t>
  </si>
  <si>
    <t>【哈电锅炉】末级过热器外数第二圈U型弯头\51.0*11.5\SA-213TP310HCbN\HMDNH-F001CHD001B201-2\HG-1948/28.25</t>
  </si>
  <si>
    <t>【哈电锅炉】末级过热器外数第三圈U型弯头\51.0*11.5\SA-213TP310HCbN\HMDNH-F001CHD001B201-3\HG-1948/28.25</t>
  </si>
  <si>
    <t>【哈电锅炉】末级过热器外数第四圈U型弯头\51.0*10.5\SA-213S30432\HMDNH-F001CHD001B201-4\HG-1948/28.25</t>
  </si>
  <si>
    <t>【哈电锅炉】末级过热器外数第五圈U型弯头\51.0*10.5\SA-213S30432\HMDNH-F001CHD001B201-5\HG-1948/28.25</t>
  </si>
  <si>
    <t>【哈电锅炉】末级过热器外数第六圈U型弯头\51.0*10.5\SA-213S30432\HMDNH-F001CHD001B201-6\HG-1948/28.25</t>
  </si>
  <si>
    <t>【哈电锅炉】末级过热器外数第七圈U型弯头\51.0*10.5\SA-213S30432\HMDNH-F001CHD001B201-7\HG-1948/28.25</t>
  </si>
  <si>
    <t>【哈电锅炉】末级过热器外数第八圈U型弯头\51.0*10.5\SA-213S30432\HMDNH-F001CHD001B201-8\HG-1948/28.25</t>
  </si>
  <si>
    <t>【哈电锅炉】末级过热器外数第九圈U型弯头\51.0*10.5\SA-213S30432\HMDNH-F001CHD001B201-9\HG-1948/28.25</t>
  </si>
  <si>
    <t>【哈电锅炉】末级过热器外数第十圈U型弯头\51.0*10.5\SA-213S30432\HMDNH-F001CHD001B201-10\HG-1948/28.25</t>
  </si>
  <si>
    <t>【哈电锅炉】末级过热器外数第十一圈U型弯头\51.0*10.5\SA-213S30432\HMDNH-F001CHD001B201-11\HG-1948/28.25</t>
  </si>
  <si>
    <t>【哈电锅炉】末级过热器外数第十二圈U型弯头\51.0*10.5\SA-213S30432\HMDNH-F001CHD001B201-12\HG-1948/28.25</t>
  </si>
  <si>
    <t>【哈电锅炉】末级过热器外数第十三圈U型弯头\51.0*10.5\SA-213S30432\HMDNH-F001CHD001B201-13\HG-1948/28.25</t>
  </si>
  <si>
    <t>【哈电锅炉】末级过热器外数第十四圈U型弯头\51.0*10.5\SA-213S30432\HMDNH-F001CHD001B201-14\HG-1948/28.25</t>
  </si>
  <si>
    <t>【哈电锅炉】末级过热器外数第十五圈U型弯头\51.0*10.5\SA-213S30432\HMDNH-F001CHD001B201-15\HG-1948/28.25</t>
  </si>
  <si>
    <t>【哈电锅炉】后屏再热器外数第一圈U型弯头\60.0*4.5\SA-213TP310HCbN\HMDNH-F001DDL001B201-1\HG-1948/28.25</t>
  </si>
  <si>
    <t>【哈电锅炉】后屏再热器外数第一圈U型弯头\57.0*4\SA-213TP310HCbN\HMDNH-F001DDL001B201-2\HG-1948/28.25</t>
  </si>
  <si>
    <t>【哈电锅炉】后屏再热器外数第二圈U型弯头\57.0*4\SA-213TP310HCbN\HMDNH-F001DDL001B201-3\HG-1948/28.25</t>
  </si>
  <si>
    <t>【哈电锅炉】后屏再热器外数第二圈U型弯头\57.0*4\SA-213S30432\HMDNH-F001DDL001B201-4\HG-1948/28.25</t>
  </si>
  <si>
    <t>【哈电锅炉】后屏再热器外数第三圈U型弯头\57.0*4\SA-213S30432\HMDNH-F001DDL001B201-5\HG-1948/28.25</t>
  </si>
  <si>
    <t>【哈电锅炉】后屏再热器外数第三圈U型弯头\57.0*4\SA-213S30432\HMDNH-F001DDL001B201-6\HG-1948/28.25</t>
  </si>
  <si>
    <t>【哈电锅炉】后屏再热器外数第四圈U型弯头\57.0*4\SA-213S30432\HMDNH-F001DDL001B201-7\HG-1948/28.25</t>
  </si>
  <si>
    <t>【哈电锅炉】后屏再热器外数第四圈U型弯头\57.0*4\SA-213S30432\HMDNH-F001DDL001B201-8\HG-1948/28.25</t>
  </si>
  <si>
    <t>【哈电锅炉】后屏再热器外数第五圈U型弯头\57.0*4\SA-213S30432\HMDNH-F001DDL001B201-9\HG-1948/28.25</t>
  </si>
  <si>
    <t>【哈电锅炉】后屏再热器外数第五圈U型弯头\57.0*4\SA-213S30432\HMDNH-F001DDL001B201-10\HG-1948/28.25</t>
  </si>
  <si>
    <t>【哈电锅炉】后屏再热器外数第六圈U型弯头\57.0*4\SA-213S30432\HMDNH-F001DDL001B201-11\HG-1948/28.25</t>
  </si>
  <si>
    <t>【哈电锅炉】末级再热器外数第一圈U型弯头\60.0*4.5\SA-213TP310HCbN\HMDNH-F001DEA001B201-1\HG-1948/28.25</t>
  </si>
  <si>
    <t>【哈电锅炉】末级再热器外数第二圈U型弯头\57.0*4\SA-213TP310HCbN\HMDNH-F001DEA001B201-2\HG-1948/28.25</t>
  </si>
  <si>
    <t>【哈电锅炉】末级再热器外数第三圈U型弯头\57.0*4\SA-213TP310HCbN\HMDNH-F001DEA001B201-3\HG-1948/28.25</t>
  </si>
  <si>
    <t>【哈电锅炉】末级再热器外数第四圈U型弯头\57.0*4\SA-213S30432\HMDNH-F001DEA001B201-4\HG-1948/28.25</t>
  </si>
  <si>
    <t>【哈电锅炉】末级再热器外数第五圈U型弯头\57.0*4\SA-213S30432\HMDNH-F001DEA001B201-5\HG-1948/28.25</t>
  </si>
  <si>
    <t>【哈电锅炉】末级再热器外数第六圈U型弯头\57.0*4\SA-213S30432\HMDNH-F001DEA001B201-6\HG-1948/28.25</t>
  </si>
  <si>
    <t>【哈电锅炉】末级再热器外数第七圈U型弯头\57.0*4\SA-213S30432\HMDNH-F001DEA001B201-7\HG-1948/28.25</t>
  </si>
  <si>
    <t>【哈电锅炉】末级再热器外数第八圈U型弯头\57.0*4\SA-213S30432\HMDNH-F001DEA001B201-8\HG-1948/28.25</t>
  </si>
  <si>
    <t>【哈电锅炉】末级再热器外数第九圈U型弯头\57.0*4\SA-213S30432\HMDNH-F001DEA001B201-9\HG-1948/28.25</t>
  </si>
  <si>
    <t>【哈电锅炉】末级再热器外数第十圈U型弯头\57.0*4\SA-213S30432\HMDNH-F001DEA001B201-10\HG-1948/28.25</t>
  </si>
  <si>
    <t>【哈电锅炉】末级再热器外数第十一圈下U型弯头\57.0*4\SA-213S30432\HMDNH-F001DEA001B201-11\HG-1948/28.25</t>
  </si>
  <si>
    <t>【哈电锅炉】末级再热器外数第一圈U型弯头\60.0*4.5\SA-213TP347HFG\HR-22.1565.050-1\HG-1110/25.4</t>
  </si>
  <si>
    <t>【哈电锅炉】末级再热器外数第二圈U型弯头\60.0*4\SA-213TP347HFG\HR-22.1565.050-2\HG-1110/25.4</t>
  </si>
  <si>
    <t>【哈电锅炉】末级再热器外数第三圈U型弯头\60.0*4\SA-213TP347HFG\HR-22.1565.050-3\HG-1110/25.4</t>
  </si>
  <si>
    <t>【哈电锅炉】末级再热器外数第四圈U型弯头\54.0*4\SA-213TP347HFG\HR-22.1565.050-4\HG-1110/25.4</t>
  </si>
  <si>
    <t>【哈电锅炉】末级再热器外数第五圈U型弯头\54.0*4\SA-213TP347HFG\HR-22.1565.050-5\HG-1110/25.4</t>
  </si>
  <si>
    <t>【哈电锅炉】末级再热器外数第六圈U型弯头\54.0*4\SA-213TP347HFG\HR-22.1565.050-6\HG-1110/25.4</t>
  </si>
  <si>
    <t>【哈电锅炉】末级再热器外数第七圈U型弯头\54.0*4\SA-213TP347HFG\HR-22.1565.050-7\HG-1110/25.4</t>
  </si>
  <si>
    <t>【哈电锅炉】末级再热器外数第八圈U型弯头\54.0*4\SA-213TP347HFG\HR-22.1565.050-8\HG-1110/25.4</t>
  </si>
  <si>
    <t>【哈电锅炉】分隔屏外数第一圈U型弯头\51.0*10\SA-213TP347HFG\HR-22.1547.028-1\HG-1110/25.4</t>
  </si>
  <si>
    <t>【哈电锅炉】分隔屏外数第二圈U型弯头\44.5*8\SA-213TP347HFG\HR-22.1547.028-2\HG-1110/25.4</t>
  </si>
  <si>
    <t>【哈电锅炉】分隔屏外数第三圈U型弯头\44.5*8\SA-213TP347HFG\HR-22.1547.028-3\HG-1110/25.4</t>
  </si>
  <si>
    <t>【哈电锅炉】分隔屏外数第四圈U型弯头\44.5*8\SA-213TP347HFG\HR-22.1547.028-4\HG-1110/25.4</t>
  </si>
  <si>
    <t>【哈电锅炉】分隔屏外数第五圈U型弯头\44.5*8\SA-213TP347HFG\HR-22.1547.028-5\HG-1110/25.4</t>
  </si>
  <si>
    <t>【哈电锅炉】分隔屏外数第六圈U型弯头\44.5*8\SA-213TP347HFG\HR-22.1547.028-6\HG-1110/25.4</t>
  </si>
  <si>
    <t>【哈电锅炉】分隔屏外数第七圈U型弯头\44.5*8\SA-213TP347HFG\HR-22.1547.028-7\HG-1110/25.4</t>
  </si>
  <si>
    <t>【哈电锅炉】分隔屏外数第八圈U型弯头\44.5*8\SA-213TP347HFG\HR-22.1547.028-8\HG-1110/25.4</t>
  </si>
  <si>
    <t>【哈电锅炉】分隔屏外数第九圈U型弯头\44.5*8\SA-213TP347HFG\HR-22.1547.028-9\HG-1110/25.4</t>
  </si>
  <si>
    <t>【哈电锅炉】分隔屏外数第十圈U型弯头\44.5*8\SA-213TP347HFG\HR-22.1547.028-10\HG-1110/25.4</t>
  </si>
  <si>
    <t>【哈电锅炉】末级过热器外数第一圈U型弯头\54.0*11\SA-213TP347HFG\HR-22.1545.033-1\HG-1110/25.4</t>
  </si>
  <si>
    <t>【哈电锅炉】末级过热器外数第二圈U型弯头\44.5*9.5\SA-213TP347HFG\HR-22.1545.033-2\HG-1110/25.4</t>
  </si>
  <si>
    <t>【哈电锅炉】末级过热器外数第三圈U型弯头\44.5*9.5\SA-213TP347HFG\HR-22.1545.033-3\HG-1110/25.4</t>
  </si>
  <si>
    <t>【哈电锅炉】末级过热器外数第四圈U型弯头\44.5*9.5\SA-213TP347HFG\HR-22.1545.033-4\HG-1110/25.4</t>
  </si>
  <si>
    <t>【哈电锅炉】末级过热器外数第五圈U型弯头\44.5*9.5\SA-213TP347HFG\HR-22.1545.033-5\HG-1110/25.4</t>
  </si>
  <si>
    <t>【哈电锅炉】末级过热器外数第六圈U型弯头\44.5*9.5\SA-213TP347HFG\HR-22.1545.033-6\HG-1110/25.4</t>
  </si>
  <si>
    <t>【哈电锅炉】末级过热器外数第七圈U型弯头\44.5*9.5\SA-213TP347HFG\HR-22.1545.033-7\HG-1110/25.4</t>
  </si>
  <si>
    <t>【哈电锅炉】末级过热器外数第八圈U型弯头\44.5*9.5\SA-213TP347HFG\HR-22.1545.033-8\HG-1110/25.4</t>
  </si>
  <si>
    <t>【哈电锅炉】末级过热器外数第九圈U型弯头\44.5*9.5\SA-213TP347HFG\HR-22.1545.033-9\HG-1110/25.4</t>
  </si>
  <si>
    <t>【哈电锅炉】末级过热器外数第十圈U型弯头\44.5*9.5\SA-213TP347HFG\HR-22.1545.033-10\HG-1110/25.4</t>
  </si>
  <si>
    <t>【哈电锅炉】末级过热器外数第十一圈U型弯头\44.5*9.5\SA-213TP347HFG\HR-22.1545.033-11\HG-1110/25.4</t>
  </si>
  <si>
    <t>【哈电锅炉】末级过热器外数第十二圈U型弯头\44.5*9.5\SA-213TP347HFG\HR-22.1545.033-12\HG-1110/25.4</t>
  </si>
  <si>
    <t>【哈电锅炉】末级过热器外数第十三圈U型弯头\44.5*9.5\SA-213TP347HFG\HR-22.1545.033-13\HG-1110/25.4</t>
  </si>
  <si>
    <t>【哈电锅炉】末级过热器外数第十四圈U型弯头\44.5*9.5\SA-213TP347HFG\HR-22.1545.033-14\HG-1110/25.4</t>
  </si>
  <si>
    <t>【哈电锅炉】末级过热器外数第十五圈U型弯头\44.5*9.5\SA-213TP347HFG\HR-22.1545.033-15\HG-1110/25.4</t>
  </si>
  <si>
    <t>【哈电锅炉】末级过热器外数第十六圈U型弯头\44.5*9.5\SA-213TP347HFG\HR-22.1545.033-16\HG-1110/25.4</t>
  </si>
  <si>
    <t>【哈电锅炉】末级过热器外数第十七圈U型弯头\44.5*9.5\SA-213TP347HFG\HR-22.1545.033-17\HG-1110/25.4</t>
  </si>
  <si>
    <t>【哈电锅炉】末级过热器外数第十八圈U型弯头\44.5*9.5\SA-213TP347HFG\HR-22.1545.033-18\HG-1110/25.4</t>
  </si>
  <si>
    <t>【哈电锅炉】高温再热器外数第一圈U型弯头\51.0*4MWT\SA213-T91\JY-F001DCH001C041-1\HG-1913/25.4</t>
  </si>
  <si>
    <t>【哈电锅炉】高温再热器外数第二圈U型弯头\51.0*4MWT\SA213-T91\JY-F001DCH001C041-2\HG-1913/25.4</t>
  </si>
  <si>
    <t>【哈电锅炉】高温再热器外数第三圈U型弯头\51.0*4MWT\SA213-T91\JY-F001DCH001C041-3\HG-1913/25.4</t>
  </si>
  <si>
    <t>【哈电锅炉】高温再热器外数第四圈U型弯头\51.0*4MWT\SA213-T91\JY-F001DCH001C041-4\HG-1913/25.4</t>
  </si>
  <si>
    <t>【哈电锅炉】高温再热器外数第五圈U型弯头\51.0*4MWT\SA213-T91\JY-F001DCH001C041-5\HG-1913/25.4</t>
  </si>
  <si>
    <t>【哈电锅炉】高温再热器外数第六圈U型弯头\51.0*4MWT\SA213-T91\JY-F001DCH001C041-6\HG-1913/25.4</t>
  </si>
  <si>
    <t>【哈电锅炉】高温再热器外数第七圈U型弯头\51.0*4MWT\SA213-T91\JY-F001DCH001C041-7\HG-1913/25.4</t>
  </si>
  <si>
    <t>【哈电锅炉】高温再热器外数第八圈U型弯头\51.0*4MWT\SA213-T91\JY-F001DCH001C041-8\HG-1913/25.4</t>
  </si>
  <si>
    <t>【哈电锅炉】高温再热器外数第九圈U型弯头\51.0*4MWT\SA213-T91\JY-F001DCH001C041-9\HG-1913/25.4</t>
  </si>
  <si>
    <t>【哈电锅炉】高温再热器外数第十圈U型弯头\51.0*4MWT\SA213-T91\JY-F001DCH001C041-10\HG-1913/25.4</t>
  </si>
  <si>
    <t>【哈电锅炉】高温再热器外数第十一圈U型弯头\51.0*4MWT\SA213-T91\JY-F001DCH001C041-11\HG-1913/25.4</t>
  </si>
  <si>
    <t>【哈电锅炉】高温再热器外数第十二圈U型弯头\51.0*4MWT\SA213-T91\JY-F001DCH001C041-12\HG-1913/25.4</t>
  </si>
  <si>
    <t>【哈电锅炉】高温再热器外数第十三圈U型弯头\51.0*4MWT\SA213-T91\JY-F001DCH001C041-13\HG-1913/25.4</t>
  </si>
  <si>
    <t>【哈电锅炉】高温再热器外数第十四圈U型弯头\51.0*4MWT\SA213-T91\JY-F001DCH001C041-14\HG-1913/25.4</t>
  </si>
  <si>
    <t>【哈电锅炉】高温再热器外数第十五圈U型弯头\51.0*4MWT\SA213-T91\JY-F001DCH001C041-15\HG-1913/25.4</t>
  </si>
  <si>
    <t>【哈电锅炉】高温再热器外数第十六圈U型弯头\51.0*4MWT\SA213-T91\JY-F001DCH001C041-16\HG-1913/25.4</t>
  </si>
  <si>
    <t>【哈电锅炉】高温再热器外数第十七圈U型弯头\51.0*4MWT\SA213-T91\JY-F001DCH001C041-17\HG-1913/25.4</t>
  </si>
  <si>
    <t>【哈电锅炉】高温再热器外数第十八圈U型弯头\51.0*4MWT\SA213-T91\JY-F001DCH001C041-18\HG-1913/25.4</t>
  </si>
  <si>
    <t>【哈电锅炉】高温再热器外数第十九圈U型弯头\51.0*4MWT\SA213-T91\JY-F001DCH001C041-19\HG-1913/25.4</t>
  </si>
  <si>
    <t>【哈电锅炉】高温再热器外数第二十圈U型弯头\51.0*4MWT\SA213-T91\JY-F001DCH001C041-20\HG-1913/25.4</t>
  </si>
  <si>
    <t>【哈电锅炉】屏式过热器外数第一圈U型弯头\38.0*6.6MWT\SA-213TP347H\JY-F001CGA001C041-1\HG-1913/25.4</t>
  </si>
  <si>
    <t>【哈电锅炉】屏式过热器外数第二圈U型弯头\38.0*6.6MWT\SA-213TP347H\JY-F001CGA001C041-2\HG-1913/25.4</t>
  </si>
  <si>
    <t>【哈电锅炉】屏式过热器外数第三圈U型弯头\38.0*6.6MWT\SA-213TP347H\JY-F001CGA001C041-3\HG-1913/25.4</t>
  </si>
  <si>
    <t>【哈电锅炉】屏式过热器外数第四圈U型弯头\38.0*6.6MWT\SA-213TP347H\JY-F001CGA001C041-4\HG-1913/25.4</t>
  </si>
  <si>
    <t>【哈电锅炉】屏式过热器外数第五圈U型弯头\38.0*6.6MWT\SA-213TP347H\JY-F001CGA001C041-5\HG-1913/25.4</t>
  </si>
  <si>
    <t>【哈电锅炉】屏式过热器外数第六圈U型弯头\38.0*6.6MWT\SA-213TP347H\JY-F001CGA001C041-6\HG-1913/25.4</t>
  </si>
  <si>
    <t>【哈电锅炉】屏式过热器外数第七圈U型弯头\38.0*6.6MWT\SA-213TP347H\JY-F001CGA001C041-7\HG-1913/25.4</t>
  </si>
  <si>
    <t>【哈电锅炉】屏式过热器外数第八圈U型弯头\38.0*6.6MWT\SA-213TP347H\JY-F001CGA001C041-8\HG-1913/25.4</t>
  </si>
  <si>
    <t>【哈电锅炉】屏式过热器外数第九圈U型弯头\38.0*6.6MWT\SA-213TP347H\JY-F001CGA001C041-9\HG-1913/25.4</t>
  </si>
  <si>
    <t>【哈电锅炉】屏式过热器外数第十圈U型弯头\38.0*6.6MWT\SA-213TP347H\JY-F001CGA001C041-10\HG-1913/25.4</t>
  </si>
  <si>
    <t>【哈电锅炉】屏式过热器外数第十一圈U型弯头\38.0*6.6MWT\SA-213TP347H\JY-F001CGA001C041-11\HG-1913/25.4</t>
  </si>
  <si>
    <t>【哈电锅炉】屏式过热器外数第十二圈U型弯头\38.0*6.6MWT\SA-213TP347H\JY-F001CGA001C041-12\HG-1913/25.4</t>
  </si>
  <si>
    <t>【哈电锅炉】屏式过热器外数第十三圈U型弯头\38.0*6.6MWT\SA-213TP347H\JY-F001CGA001C041-13\HG-1913/25.4</t>
  </si>
  <si>
    <t>【哈电锅炉】屏式过热器外数第十四圈U型弯头\38.0*6.6MWT\SA-213TP347H\JY-F001CGA001C041-14\HG-1913/25.4</t>
  </si>
  <si>
    <t>【哈电锅炉】屏式过热器外数第十五圈U型弯头\38.0*6.6MWT\SA-213TP347H\JY-F001CGA001C041-15\HG-1913/25.4</t>
  </si>
  <si>
    <t>【哈电锅炉】屏式过热器外数第十六圈U型弯头\38.0*6.6MWT\SA-213T91\JY-F001CGA001C041-16\HG-1913/25.4</t>
  </si>
  <si>
    <t>【哈电锅炉】屏式过热器外数第十七圈U型弯头\38.0*6.6MWT\SA-213T91\JY-F001CGA001C041-17\HG-1913/25.4</t>
  </si>
  <si>
    <t>【哈电锅炉】屏式过热器外数第十八圈U型弯头\38.0*6.6MWT\SA-213T91\JY-F001CGA001C041-18\HG-1913/25.4</t>
  </si>
  <si>
    <t>【哈电锅炉】屏式过热器外数第十九圈U型弯头\38.0*6.6MWT\SA-213T91\JY-F001CGA001C041-19\HG-1913/25.4</t>
  </si>
  <si>
    <t>【哈电锅炉】屏式过热器外数第二十圈U型弯头\38.0*6.6MWT\SA-213T91\JY-F001CGA001C041-20\HG-1913/25.4</t>
  </si>
  <si>
    <t>【哈电锅炉】屏式过热器外数第二十一圈U型弯头\38.0*6.6MWT\SA-213T91\JY-F001CGA001C041-21\HG-1913/25.4</t>
  </si>
  <si>
    <t>【哈电锅炉】屏式过热器外数第二十二圈U型弯头\38.0*6.6MWT\SA-213T91\JY-F001CGA001C041-22\HG-1913/25.4</t>
  </si>
  <si>
    <t>【哈电锅炉】屏式过热器外数第二十三圈U型弯头\38.0*6.6MWT\SA-213T91\JY-F001CGA001C041-23\HG-1913/25.4</t>
  </si>
  <si>
    <t>【哈电锅炉】屏式过热器外数第二十四圈U型弯头\38.0*6.6MWT\SA-213T91\JY-F001CGA001C041-24\HG-1913/25.4</t>
  </si>
  <si>
    <t>【哈电锅炉】屏式过热器外数第二十五圈U型弯头\38.0*6.6MWT\SA-213T91\JY-F001CGA001C041-25\HG-1913/25.4</t>
  </si>
  <si>
    <t>【哈电锅炉】屏式过热器外数第二十六圈U型弯头\38.0*6.6MWT\SA-213T91\JY-F001CGA001C041-26\HG-1913/25.4</t>
  </si>
  <si>
    <t>【哈电锅炉】屏式过热器外数第二十七圈U型弯头\38.0*6.6MWT\SA-213T91\JY-F001CGA001C041-27\HG-1913/25.4</t>
  </si>
  <si>
    <t>【哈电锅炉】屏式过热器外数第二十八圈U型弯头\38.0*6.6MWT\SA-213T91\JY-F001CGA001C041-28\HG-1913/25.4</t>
  </si>
  <si>
    <t>【哈电锅炉】末级过热器外数第一圈U型弯头\44.5*7.5MWT\SA-213TP347H\JY-F001CHD001C041-1\HG-1913/25.4</t>
  </si>
  <si>
    <t>【哈电锅炉】末级过热器外数第二圈U型弯头\44.5*7.5MWT\SA-213TP347H\JY-F001CHD001C041-2\HG-1913/25.4</t>
  </si>
  <si>
    <t>【哈电锅炉】末级过热器外数第三圈U型弯头\44.5*7.5MWT\SA-213TP347H\JY-F001CHD001C041-3\HG-1913/25.4</t>
  </si>
  <si>
    <t>【哈电锅炉】末级过热器外数第四圈U型弯头\44.5*7.5MWT\SA-213TP347H\JY-F001CHD001C041-4\HG-1913/25.4</t>
  </si>
  <si>
    <t>【哈电锅炉】末级过热器外数第五圈U型弯头\44.5*7.5MWT\SA-213TP347H\JY-F001CHD001C041-5\HG-1913/25.4</t>
  </si>
  <si>
    <t>【哈电锅炉】末级过热器外数第六圈U型弯头\44.5*7.5MWT\SA-213TP347H\JY-F001CHD001C041-6\HG-1913/25.4</t>
  </si>
  <si>
    <t>【哈电锅炉】末级过热器外数第七圈U型弯头\44.5*7.5MWT\SA-213TP347H\JY-F001CHD001C041-7\HG-1913/25.4</t>
  </si>
  <si>
    <t>【哈电锅炉】末级过热器外数第八圈U型弯头\44.5*7.5MWT\SA-213TP347H\JY-F001CHD001C041-8\HG-1913/25.4</t>
  </si>
  <si>
    <t>【哈电锅炉】末级过热器外数第九圈U型弯头\44.5*7.5MWT\SA-213TP347H\JY-F001CHD001C041-9\HG-1913/25.4</t>
  </si>
  <si>
    <t>【哈电锅炉】末级过热器外数第十圈U型弯头\44.5*7.5MWT\SA-213TP347H\JY-F001CHD001C041-10\HG-1913/25.4</t>
  </si>
  <si>
    <t>【哈电锅炉】末级过热器外数第十一圈U型弯头\44.5*7.5MWT\SA-213TP347H\JY-F001CHD001C041-11\HG-1913/25.4</t>
  </si>
  <si>
    <t>【哈电锅炉】末级过热器外数第十二圈U型弯头\44.5*7.5MWT\SA-213TP347H\JY-F001CHD001C041-12\HG-1913/25.4</t>
  </si>
  <si>
    <t>【哈电锅炉】末级过热器外数第十三圈U型弯头\44.5*7.5MWT\SA-213TP347H\JY-F001CHD001C041-13\HG-1913/25.4</t>
  </si>
  <si>
    <t>【哈电锅炉】末级过热器外数第十四圈U型弯头\44.5*7.5MWT\SA-213TP347H\JY-F001CHD001C041-14\HG-1913/25.4</t>
  </si>
  <si>
    <t>【哈电锅炉】末级过热器外数第十五圈U型弯头\44.5*7.5MWT\SA-213TP347H\JY-F001CHD001C041-15\HG-1913/25.4</t>
  </si>
  <si>
    <t>【哈电锅炉】末级过热器外数第十六圈U型弯头\44.5*7.5MWT\SA-213TP347H\JY-F001CHD001C041-16\HG-1913/25.4</t>
  </si>
  <si>
    <t>【哈电锅炉】末级过热器外数第十七圈U型弯头\44.5*7.5MWT\SA-213TP347H\JY-F001CHD001C041-17\HG-1913/25.4</t>
  </si>
  <si>
    <t>【哈电锅炉】末级过热器外数第十八圈U型弯头\44.5*7.5MWT\SA-213TP347H\JY-F001CHD001C041-18\HG-1913/25.4</t>
  </si>
  <si>
    <t>【哈电锅炉】末级过热器外数第十九圈U型弯头\44.5*7.5MWT\SA-213TP347H\JY-F001CHD001C041-19\HG-1913/25.4</t>
  </si>
  <si>
    <t>【哈电锅炉】末级过热器外数第二十圈U型弯头\44.5*7.5MWT\SA-213TP347H\JY-F001CHD001C041-20\HG-1913/25.4</t>
  </si>
  <si>
    <t>【哈电锅炉】高温再热器外数第一圈U型弯头\51.0*4.5\SA-213T91\KP-F001DCH001C081-1\HG-1900/25.4</t>
  </si>
  <si>
    <t>【哈电锅炉】高温再热器外数第二圈U型弯头\51.0*4.5\SA-213T91\KP-F001DCH001C081-2\HG-1900/25.4</t>
  </si>
  <si>
    <t>【哈电锅炉】高温再热器外数第三圈U型弯头\51.0*4.5\SA-213T91\KP-F001DCH001C081-3\HG-1900/25.4</t>
  </si>
  <si>
    <t>【哈电锅炉】高温再热器外数第四圈U型弯头\51.0*4.5\SA-213T91\KP-F001DCH001C081-4\HG-1900/25.4</t>
  </si>
  <si>
    <t>【哈电锅炉】高温再热器外数第五圈U型弯头\51.0*4.5\SA-213T91\KP-F001DCH001C081-5\HG-1900/25.4</t>
  </si>
  <si>
    <t>【哈电锅炉】高温再热器外数第六圈U型弯头\51.0*4.5\SA-213T91\KP-F001DCH001C081-6\HG-1900/25.4</t>
  </si>
  <si>
    <t>【哈电锅炉】高温再热器外数第七圈U型弯头\51.0*4.5\SA-213T91\KP-F001DCH001C081-7\HG-1900/25.4</t>
  </si>
  <si>
    <t>【哈电锅炉】高温再热器外数第八圈U型弯头\51.0*4.5\SA-213T91\KP-F001DCH001C081-8\HG-1900/25.4</t>
  </si>
  <si>
    <t>【哈电锅炉】高温再热器外数第九圈U型弯头\51.0*4.5\SA-213T91\KP-F001DCH001C081-9\HG-1900/25.4</t>
  </si>
  <si>
    <t>【哈电锅炉】高温再热器外数第十圈U型弯头\51.0*4.5\SA-213T91\KP-F001DCH001C081-10\HG-1900/25.4</t>
  </si>
  <si>
    <t>【哈电锅炉】高温再热器外数第十一圈U型弯头\51.0*4.5\SA-213T91\KP-F001DCH001C081-11\HG-1900/25.4</t>
  </si>
  <si>
    <t>【哈电锅炉】高温再热器外数第十二圈U型弯头\51.0*4.5\SA-213T91\KP-F001DCH001C081-12\HG-1900/25.4</t>
  </si>
  <si>
    <t>【哈电锅炉】高温再热器外数第十三圈U型弯头\51.0*4.5\SA-213T91\KP-F001DCH001C081-13\HG-1900/25.4</t>
  </si>
  <si>
    <t>【哈电锅炉】高温再热器外数第十四圈U型弯头\51.0*4.5\SA-213T91\KP-F001DCH001C081-14\HG-1900/25.4</t>
  </si>
  <si>
    <t>【哈电锅炉】高温再热器外数第十五圈U型弯头\51.0*4.5\SA-213T91\KP-F001DCH001C081-15\HG-1900/25.4</t>
  </si>
  <si>
    <t>【哈电锅炉】高温再热器外数第十六圈U型弯头\51.0*4.5\SA-213T91\KP-F001DCH001C081-16\HG-1900/25.4</t>
  </si>
  <si>
    <t>【哈电锅炉】高温再热器外数第十七圈U型弯头\51.0*4.5\SA-213T91\KP-F001DCH001C081-17\HG-1900/25.4</t>
  </si>
  <si>
    <t>【哈电锅炉】高温再热器外数第十八圈U型弯头\51.0*4.5\SA-213T91\KP-F001DCH001C081-18\HG-1900/25.4</t>
  </si>
  <si>
    <t>【哈电锅炉】高温再热器外数第十九圈U型弯头\51.0*4.5\SA-213T91\KP-F001DCH001C081-19\HG-1900/25.4</t>
  </si>
  <si>
    <t>【哈电锅炉】高温再热器外数第二十圈U型弯头\51.0*4.5\SA-213T91\KP-F001DCH001C081-20\HG-1900/25.4</t>
  </si>
  <si>
    <t>【哈电锅炉】屏式过热器外数第一圈U型弯头\38.0*7.5\SA-213TP347H\KP-F001CGA001C081-1\HG-1900/25.4</t>
  </si>
  <si>
    <t>【哈电锅炉】屏式过热器外数第二圈U型弯头\38.0*7.5\SA-213TP347H\KP-F001CGA001C081-2\HG-1900/25.4</t>
  </si>
  <si>
    <t>【哈电锅炉】屏式过热器外数第三圈U型弯头\38.0*7.5\SA-213TP347H\KP-F001CGA001C081-3\HG-1900/25.4</t>
  </si>
  <si>
    <t>【哈电锅炉】屏式过热器外数第四圈U型弯头\38.0*7.5\SA-213TP347H\KP-F001CGA001C081-4\HG-1900/25.4</t>
  </si>
  <si>
    <t>【哈电锅炉】屏式过热器外数第五圈U型弯头\38.0*7.5\SA-213TP347H\KP-F001CGA001C081-5\HG-1900/25.4</t>
  </si>
  <si>
    <t>【哈电锅炉】屏式过热器外数第六圈U型弯头\38.0*7.5\SA-213TP347H\KP-F001CGA001C081-6\HG-1900/25.4</t>
  </si>
  <si>
    <t>【哈电锅炉】屏式过热器外数第七圈U型弯头\38.0*7.5\SA-213TP347H\KP-F001CGA001C081-7\HG-1900/25.4</t>
  </si>
  <si>
    <t>【哈电锅炉】屏式过热器外数第八圈U型弯头\38.0*7.5\SA-213TP347H\KP-F001CGA001C081-8\HG-1900/25.4</t>
  </si>
  <si>
    <t>【哈电锅炉】屏式过热器外数第九圈U型弯头\38.0*7.5\SA-213TP347H\KP-F001CGA001C081-9\HG-1900/25.4</t>
  </si>
  <si>
    <t>【哈电锅炉】屏式过热器外数第十圈U型弯头\38.0*7.5\SA-213TP347H\KP-F001CGA001C081-10\HG-1900/25.4</t>
  </si>
  <si>
    <t>【哈电锅炉】屏式过热器外数第十一圈U型弯头\38.0*7.5\SA-213TP347H\KP-F001CGA001C081-11\HG-1900/25.4</t>
  </si>
  <si>
    <t>【哈电锅炉】屏式过热器外数第十二圈U型弯头\38.0*7.5\SA-213TP347H\KP-F001CGA001C081-12\HG-1900/25.4</t>
  </si>
  <si>
    <t>【哈电锅炉】屏式过热器外数第十三圈U型弯头\38.0*7.5\SA-213TP347H\KP-F001CGA001C081-13\HG-1900/25.4</t>
  </si>
  <si>
    <t>【哈电锅炉】屏式过热器外数第十四圈U型弯头\38.0*7.5\SA-213TP347H\KP-F001CGA001C081-14\HG-1900/25.4</t>
  </si>
  <si>
    <t>【哈电锅炉】屏式过热器外数第十五圈U型弯头\38.0*7.5\SA-213TP347H\KP-F001CGA001C081-15\HG-1900/25.4</t>
  </si>
  <si>
    <t>【哈电锅炉】屏式过热器外数第十六圈U型弯头\38.0*7.5\SA-213T91\KP-F001CGA001C081-16\HG-1900/25.4</t>
  </si>
  <si>
    <t>【哈电锅炉】屏式过热器外数第十七圈U型弯头\38.0*7.5\SA-213T91\KP-F001CGA001C081-17\HG-1900/25.4</t>
  </si>
  <si>
    <t>【哈电锅炉】屏式过热器外数第十八圈U型弯头\38.0*7.5\SA-213T91\KP-F001CGA001C081-18\HG-1900/25.4</t>
  </si>
  <si>
    <t>【哈电锅炉】屏式过热器外数第十九圈U型弯头\38.0*7.5\SA-213T91\KP-F001CGA001C081-19\HG-1900/25.4</t>
  </si>
  <si>
    <t>【哈电锅炉】屏式过热器外数第二十圈U型弯头\38.0*7.5\SA-213T91\KP-F001CGA001C081-20\HG-1900/25.4</t>
  </si>
  <si>
    <t>【哈电锅炉】屏式过热器外数第二十一圈U型弯头\38.0*7.5\SA-213T91\KP-F001CGA001C081-21\HG-1900/25.4</t>
  </si>
  <si>
    <t>【哈电锅炉】屏式过热器外数第二十二圈U型弯头\38.0*7.5\SA-213T91\KP-F001CGA001C081-22\HG-1900/25.4</t>
  </si>
  <si>
    <t>【哈电锅炉】屏式过热器外数第二十三圈U型弯头\38.0*7.5\SA-213T91\KP-F001CGA001C081-23\HG-1900/25.4</t>
  </si>
  <si>
    <t>【哈电锅炉】屏式过热器外数第二十四圈U型弯头\38.0*7.5\SA-213T91\KP-F001CGA001C081-24\HG-1900/25.4</t>
  </si>
  <si>
    <t>【哈电锅炉】屏式过热器外数第二十五圈U型弯头\38.0*7.5\SA-213T91\KP-F001CGA001C081-25\HG-1900/25.4</t>
  </si>
  <si>
    <t>【哈电锅炉】屏式过热器外数第二十六圈U型弯头\38.0*7.5\SA-213T91\KP-F001CGA001C081-26\HG-1900/25.4</t>
  </si>
  <si>
    <t>【哈电锅炉】屏式过热器外数第二十七圈U型弯头\38.0*7.5\SA-213T91\KP-F001CGA001C081-27\HG-1900/25.4</t>
  </si>
  <si>
    <t>【哈电锅炉】屏式过热器外数第二十八圈U型弯头\38.0*7.5\SA-213T91\KP-F001CGA001C081-28\HG-1900/25.4</t>
  </si>
  <si>
    <t>【哈电锅炉】末级过热器外数第一圈U型弯头\44.5*8.5\SA-213TP347H\KP-F001CHD001C081-1\HG-1900/25.4</t>
  </si>
  <si>
    <t>【哈电锅炉】末级过热器外数第二圈U型弯头\44.5*8.5\SA-213TP347H\KP-F001CHD001C081-2\HG-1900/25.4</t>
  </si>
  <si>
    <t>【哈电锅炉】末级过热器外数第三圈U型弯头\44.5*8.5\SA-213TP347H\KP-F001CHD001C081-3\HG-1900/25.4</t>
  </si>
  <si>
    <t>【哈电锅炉】末级过热器外数第四圈U型弯头\44.5*8.5\SA-213TP347H\KP-F001CHD001C081-4\HG-1900/25.4</t>
  </si>
  <si>
    <t>【哈电锅炉】末级过热器外数第五圈U型弯头\44.5*8.5\SA-213TP347H\KP-F001CHD001C081-5\HG-1900/25.4</t>
  </si>
  <si>
    <t>【哈电锅炉】末级过热器外数第六圈U型弯头\44.5*8.5\SA-213TP347H\KP-F001CHD001C081-6\HG-1900/25.4</t>
  </si>
  <si>
    <t>【哈电锅炉】末级过热器外数第七圈U型弯头\44.5*8.5\SA-213TP347H\KP-F001CHD001C081-7\HG-1900/25.4</t>
  </si>
  <si>
    <t>【哈电锅炉】末级过热器外数第八圈U型弯头\44.5*8.5\SA-213TP347H\KP-F001CHD001C081-8\HG-1900/25.4</t>
  </si>
  <si>
    <t>【哈电锅炉】末级过热器外数第九圈U型弯头\44.5*8.5\SA-213TP347H\KP-F001CHD001C081-9\HG-1900/25.4</t>
  </si>
  <si>
    <t>【哈电锅炉】末级过热器外数第十圈U型弯头\44.5*8.5\SA-213TP347H\KP-F001CHD001C081-10\HG-1900/25.4</t>
  </si>
  <si>
    <t>【哈电锅炉】末级过热器外数第十一圈U型弯头\44.5*8.5\SA-213TP347H\KP-F001CHD001C081-11\HG-1900/25.4</t>
  </si>
  <si>
    <t>【哈电锅炉】末级过热器外数第十二圈U型弯头\44.5*8.5\SA-213TP347H\KP-F001CHD001C081-12\HG-1900/25.4</t>
  </si>
  <si>
    <t>【哈电锅炉】末级过热器外数第十三圈U型弯头\44.5*8.5\SA-213TP347H\KP-F001CHD001C081-13\HG-1900/25.4</t>
  </si>
  <si>
    <t>【哈电锅炉】末级过热器外数第十四圈U型弯头\44.5*8.5\SA-213TP347H\KP-F001CHD001C081-14\HG-1900/25.4</t>
  </si>
  <si>
    <t>【哈电锅炉】末级过热器外数第十五圈U型弯头\44.5*8.5\SA-213TP347H\KP-F001CHD001C081-15\HG-1900/25.4</t>
  </si>
  <si>
    <t>【哈电锅炉】末级过热器外数第十六圈U型弯头\44.5*8.5\SA-213TP347H\KP-F001CHD001C081-16\HG-1900/25.4</t>
  </si>
  <si>
    <t>【哈电锅炉】末级过热器外数第十七圈U型弯头\44.5*8.5\SA-213TP347H\KP-F001CHD001C081-17\HG-1900/25.4</t>
  </si>
  <si>
    <t>【哈电锅炉】末级过热器外数第十八圈U型弯头\44.5*8.5\SA-213TP347H\KP-F001CHD001C081-18\HG-1900/25.4</t>
  </si>
  <si>
    <t>【哈电锅炉】末级过热器外数第十九圈U型弯头\44.5*8.5\SA-213TP347H\KP-F001CHD001C081-19\HG-1900/25.4</t>
  </si>
  <si>
    <t>【哈电锅炉】末级过热器外数第二十圈U型弯头\44.5*8.5\SA-213TP347H\KP-F001CHD001C081-20\HG-1900/25.4</t>
  </si>
  <si>
    <t>【哈电锅炉】末级再热器外数第一圈下部U型弯头\51.0*4.5\SA-213T91\KLMY-F001DCH001Q111-1\HG-1180/25.5</t>
  </si>
  <si>
    <t>【哈电锅炉】末级再热器外数第一圈上部U型弯头\51.0*4.5\SA-213T91\KLMY-F001DCH001Q111-2\HG-1180/25.5</t>
  </si>
  <si>
    <t>【哈电锅炉】末级再热器外数第二圈下部U型弯头\51.0*4.5\SA-213T91\KLMY-F001DCH001Q111-3\HG-1180/25.5</t>
  </si>
  <si>
    <t>【哈电锅炉】末级再热器外数第二圈上部U型弯头\51.0*4.5\SA-213T91\KLMY-F001DCH001Q111-4\HG-1180/25.5</t>
  </si>
  <si>
    <t>【哈电锅炉】末级再热器外数第三圈下部U型弯头\51.0*4.5\SA-213T91\KLMY-F001DCH001Q111-5\HG-1180/25.5</t>
  </si>
  <si>
    <t>【哈电锅炉】末级再热器外数第三圈上部U型弯头\51.0*4.5\SA-213T91\KLMY-F001DCH001Q111-6\HG-1180/25.5</t>
  </si>
  <si>
    <t>【哈电锅炉】末级再热器外数第四圈下部U型弯头\51.0*4.5\SA-213T91\KLMY-F001DCH001Q111-7\HG-1180/25.5</t>
  </si>
  <si>
    <t>【哈电锅炉】末级再热器外数第四圈上部U型弯头\51.0*4.5\SA-213T91\KLMY-F001DCH001Q111-8\HG-1180/25.5</t>
  </si>
  <si>
    <t>【哈电锅炉】末级再热器外数第五圈下部U型弯头\51.0*4.5\SA-213T91\KLMY-F001DCH001Q111-9\HG-1180/25.5</t>
  </si>
  <si>
    <t>【哈电锅炉】末级再热器外数第五圈上部U型弯头\51.0*4.5\SA-213T91\KLMY-F001DCH001Q111-10\HG-1180/25.5</t>
  </si>
  <si>
    <t>【哈电锅炉】末级再热器外数第六圈下部U型弯头\51.0*4.5\SA-213T91\KLMY-F001DCH001Q111-11\HG-1180/25.5</t>
  </si>
  <si>
    <t>【哈电锅炉】末级再热器外数第六圈上部U型弯头\51.0*4.5\SA-213T91\KLMY-F001DCH001Q111-12\HG-1180/25.5</t>
  </si>
  <si>
    <t>【哈电锅炉】末级再热器外数第七圈下部U型弯头\51.0*4.5\SA-213T91\KLMY-F001DCH001Q111-13\HG-1180/25.5</t>
  </si>
  <si>
    <t>【哈电锅炉】末级再热器外数第七圈上部U型弯头\51.0*4.5\SA-213T91\KLMY-F001DCH001Q111-14\HG-1180/25.5</t>
  </si>
  <si>
    <t>【哈电锅炉】末级再热器外数第八圈下部U型弯头\51.0*4.5\SA-213T91\KLMY-F001DCH001Q111-15\HG-1180/25.5</t>
  </si>
  <si>
    <t>【哈电锅炉】末级再热器外数第八圈上部U型弯头\51.0*4.5\SA-213T91\KLMY-F001DCH001Q111-16\HG-1180/25.5</t>
  </si>
  <si>
    <t>【哈电锅炉】末级再热器外数第九圈下部U型弯头\51.0*4.5\SA-213TP347H\KLMY-F001DCH001Q111-17\HG-1180/25.5</t>
  </si>
  <si>
    <t>【哈电锅炉】末级再热器外数第十圈下部U型弯头\51.0*4.5\SA-213TP347H\KLMY-F001DCH001Q111-18\HG-1180/25.5</t>
  </si>
  <si>
    <t>【哈电锅炉】末级再热器外数第十一圈下部U型弯头\51.0*4.5\SA-213TP347H\KLMY-F001DCH001Q111-19\HG-1180/25.5</t>
  </si>
  <si>
    <t>【哈电锅炉】末级再热器外数第十二圈下部U型弯头\51.0*4.5\SA-213TP347H\KLMY-F001DCH001Q111-20\HG-1180/25.5</t>
  </si>
  <si>
    <t>【哈电锅炉】末级再热器外数第十三圈下部U型弯头\51.0*4.5\SA-213TP347H\KLMY-F001DCH001Q111-21\HG-1180/25.5</t>
  </si>
  <si>
    <t>【哈电锅炉】末级再热器外数第十四圈下部U型弯头\51.0*4.5\SA-213TP347H\KLMY-F001DCH001Q111-22\HG-1180/25.5</t>
  </si>
  <si>
    <t>【哈电锅炉】末级再热器外数第十五圈下部U型弯头\51.0*4.5\SA-213TP347H\KLMY-F001DCH001Q111-23\HG-1180/25.5</t>
  </si>
  <si>
    <t>【哈电锅炉】末级再热器外数第十六圈下部U型弯头\51.0*4.5\SA-213TP347H\KLMY-F001DCH001Q111-24\HG-1180/25.5</t>
  </si>
  <si>
    <t>【哈电锅炉】屏式过热器外数第一圈U型弯头\38.0*7.5\SA-213TP347H\KLMY-F001PDF001Q111-1\HG-1180/25.5</t>
  </si>
  <si>
    <t>【哈电锅炉】屏式过热器外数第二圈U型弯头\38.0*7.5\SA-213TP347H\KLMY-F001PDF001Q111-2\HG-1180/25.5</t>
  </si>
  <si>
    <t>【哈电锅炉】屏式过热器外数第三圈U型弯头\38.0*7.5\SA-213TP347H\KLMY-F001PDF001Q111-3\HG-1180/25.5</t>
  </si>
  <si>
    <t>【哈电锅炉】屏式过热器外数第四圈U型弯头\38.0*7.5\SA-213TP347H\KLMY-F001PDF001Q111-4\HG-1180/25.5</t>
  </si>
  <si>
    <t>【哈电锅炉】屏式过热器外数第五圈U型弯头\38.0*7.5\SA-213TP347H\KLMY-F001PDF001Q111-5\HG-1180/25.5</t>
  </si>
  <si>
    <t>【哈电锅炉】屏式过热器外数第六圈U型弯头\38.0*7.5\SA-213TP347H\KLMY-F001PDF001Q111-6\HG-1180/25.5</t>
  </si>
  <si>
    <t>【哈电锅炉】屏式过热器外数第七圈U型弯头\38.0*7.5\SA-213TP347H\KLMY-F001PDF001Q111-7\HG-1180/25.5</t>
  </si>
  <si>
    <t>【哈电锅炉】屏式过热器外数第八圈U型弯头\38.0*7.5\SA-213TP347H\KLMY-F001PDF001Q111-8\HG-1180/25.5</t>
  </si>
  <si>
    <t>【哈电锅炉】屏式过热器外数第九圈U型弯头\38.0*7.5\SA-213TP347H\KLMY-F001PDF001Q111-9\HG-1180/25.5</t>
  </si>
  <si>
    <t>【哈电锅炉】屏式过热器外数第十圈U型弯头\38.0*7.5\SA-213TP347H\KLMY-F001PDF001Q111-10\HG-1180/25.5</t>
  </si>
  <si>
    <t>【哈电锅炉】屏式过热器外数第十一圈U型弯头\38.0*7.5\SA-213TP347H\KLMY-F001PDF001Q111-11\HG-1180/25.5</t>
  </si>
  <si>
    <t>【哈电锅炉】屏式过热器外数第十二圈U型弯头\38.0*7.5\SA-213TP347H\KLMY-F001PDF001Q111-12\HG-1180/25.5</t>
  </si>
  <si>
    <t>【哈电锅炉】屏式过热器外数第十三圈U型弯头\38.0*7.5\SA-213T91\KLMY-F001PDF001Q111-13\HG-1180/25.5</t>
  </si>
  <si>
    <t>【哈电锅炉】屏式过热器外数第十四圈U型弯头\38.0*7.5\SA-213T91\KLMY-F001PDF001Q111-14\HG-1180/25.5</t>
  </si>
  <si>
    <t>【哈电锅炉】屏式过热器外数第十五圈U型弯头\38.0*7.5\SA-213T91\KLMY-F001PDF001Q111-15\HG-1180/25.5</t>
  </si>
  <si>
    <t>【哈电锅炉】屏式过热器外数第十六圈U型弯头\38.0*7.5\SA-213T91\KLMY-F001PDF001Q111-16\HG-1180/25.5</t>
  </si>
  <si>
    <t>【哈电锅炉】屏式过热器外数第十七圈U型弯头\38.0*7.5\SA-213T91\KLMY-F001PDF001Q111-17\HG-1180/25.5</t>
  </si>
  <si>
    <t>【哈电锅炉】屏式过热器外数第十八圈U型弯头\38.0*7.5\SA-213T91\KLMY-F001PDF001Q111-18\HG-1180/25.5</t>
  </si>
  <si>
    <t>【哈电锅炉】屏式过热器外数第十九圈U型弯头\38.0*7.5\SA-213T91\KLMY-F001PDF001Q111-19\HG-1180/25.5</t>
  </si>
  <si>
    <t>【哈电锅炉】屏式过热器外数第二十圈U型弯头\38.0*7.5\SA-213T91\KLMY-F001PDF001Q111-20\HG-1180/25.5</t>
  </si>
  <si>
    <t>【哈电锅炉】屏式过热器外数第二十一圈U型弯头\38.0*7.5\SA-213T91\KLMY-F001PDF001Q111-21\HG-1180/25.5</t>
  </si>
  <si>
    <t>【哈电锅炉】屏式过热器外数第二十二圈U型弯头\38.0*7.5\SA-213T91\KLMY-F001PDF001Q111-22\HG-1180/25.5</t>
  </si>
  <si>
    <t>【哈电锅炉】屏式过热器外数第二十三圈U型弯头\38.0*7.5\SA-213T91\KLMY-F001PDF001Q111-23\HG-1180/25.5</t>
  </si>
  <si>
    <t>【哈电锅炉】末级过热器外数第一圈U型弯头\44.5*9\SA-213TP347H\KLMY-F001CHD001Q111-1\HG-1180/25.5</t>
  </si>
  <si>
    <t>【哈电锅炉】末级过热器外数第二圈U型弯头\44.5*9\SA-213TP347H\KLMY-F001CHD001Q111-2\HG-1180/25.5</t>
  </si>
  <si>
    <t>【哈电锅炉】末级过热器外数第三圈U型弯头\44.5*9\SA-213TP347H\KLMY-F001CHD001Q111-3\HG-1180/25.5</t>
  </si>
  <si>
    <t>【哈电锅炉】末级过热器外数第四圈U型弯头\44.5*9\SA-213TP347H\KLMY-F001CHD001Q111-4\HG-1180/25.5</t>
  </si>
  <si>
    <t>【哈电锅炉】末级过热器外数第五圈U型弯头\44.5*9\SA-213TP347H\KLMY-F001CHD001Q111-5\HG-1180/25.5</t>
  </si>
  <si>
    <t>【哈电锅炉】末级过热器外数第六圈U型弯头\44.5*9\SA-213TP347H\KLMY-F001CHD001Q111-6\HG-1180/25.5</t>
  </si>
  <si>
    <t>【哈电锅炉】末级过热器外数第七圈U型弯头\44.5*9\SA-213TP347H\KLMY-F001CHD001Q111-7\HG-1180/25.5</t>
  </si>
  <si>
    <t>【哈电锅炉】末级过热器外数第八圈U型弯头\44.5*9\SA-213TP347H\KLMY-F001CHD001Q111-8\HG-1180/25.5</t>
  </si>
  <si>
    <t>【哈电锅炉】末级过热器外数第九圈U型弯头\44.5*9\SA-213TP347H\KLMY-F001CHD001Q111-9\HG-1180/25.5</t>
  </si>
  <si>
    <t>【哈电锅炉】末级过热器外数第十圈U型弯头\44.5*9\SA-213TP347H\KLMY-F001CHD001Q111-10\HG-1180/25.5</t>
  </si>
  <si>
    <t>【哈电锅炉】末级过热器外数第十一圈U型弯头\44.5*9\SA-213TP347H\KLMY-F001CHD001Q111-11\HG-1180/25.5</t>
  </si>
  <si>
    <t>【哈电锅炉】末级过热器外数第十二圈U型弯头\44.5*9\SA-213TP347H\KLMY-F001CHD001Q111-12\HG-1180/25.5</t>
  </si>
  <si>
    <t>【哈电锅炉】末级过热器外数第十三圈U型弯头\44.5*9\SA-213TP347H\KLMY-F001CHD001Q111-13\HG-1180/25.5</t>
  </si>
  <si>
    <t>【哈电锅炉】末级过热器外数第十四圈U型弯头\44.5*9\SA-213TP347H\KLMY-F001CHD001Q111-14\HG-1180/25.5</t>
  </si>
  <si>
    <t>【哈电锅炉】末级过热器外数第十五圈U型弯头\44.5*9\SA-213TP347H\KLMY-F001CHD001Q111-15\HG-1180/25.5</t>
  </si>
  <si>
    <t>【哈电锅炉】末级过热器外数第十六圈U型弯头\44.5*9\SA-213TP347H\KLMY-F001CHD001Q111-16\HG-1180/25.5</t>
  </si>
  <si>
    <t>【哈电锅炉】末级过热器外数第十七圈U型弯头\44.5*9\SA-213TP347H\KLMY-F001CHD001Q111-17\HG-1180/25.5</t>
  </si>
  <si>
    <t>【哈电锅炉】末级再热器外数第一圈下部U型弯头\51.0*4.5\SA-213T91\LD-F001DCH001Q291-1\HG-1130/25.4</t>
  </si>
  <si>
    <t>【哈电锅炉】末级再热器外数第一圈上部U型弯头\51.0*4.5\SA-213T91\LD-F001DCH001Q291-2\HG-1130/25.4</t>
  </si>
  <si>
    <t>【哈电锅炉】末级再热器外数第二圈下部U型弯头\51.0*4.5\SA-213T91\LD-F001DCH001Q291-3\HG-1130/25.4</t>
  </si>
  <si>
    <t>【哈电锅炉】末级再热器外数第二圈上部U型弯头\51.0*4.5\SA-213T91\LD-F001DCH001Q291-4\HG-1130/25.4</t>
  </si>
  <si>
    <t>【哈电锅炉】末级再热器外数第三圈下部U型弯头\51.0*4.5\SA-213T91\LD-F001DCH001Q291-5\HG-1130/25.4</t>
  </si>
  <si>
    <t>【哈电锅炉】末级再热器外数第三圈上部U型弯头\51.0*4.5\SA-213T91\LD-F001DCH001Q291-6\HG-1130/25.4</t>
  </si>
  <si>
    <t>【哈电锅炉】末级再热器外数第四圈下部U型弯头\51.0*4.5\SA-213T91\LD-F001DCH001Q291-7\HG-1130/25.4</t>
  </si>
  <si>
    <t>【哈电锅炉】末级再热器外数第四圈上部U型弯头\51.0*4.5\SA-213T91\LD-F001DCH001Q291-8\HG-1130/25.4</t>
  </si>
  <si>
    <t>【哈电锅炉】末级再热器外数第五圈下部U型弯头\51.0*4.5\SA-213T91\LD-F001DCH001Q291-9\HG-1130/25.4</t>
  </si>
  <si>
    <t>【哈电锅炉】末级再热器外数第五圈上部U型弯头\51.0*4.5\SA-213T91\LD-F001DCH001Q291-10\HG-1130/25.4</t>
  </si>
  <si>
    <t>【哈电锅炉】末级再热器外数第六圈下部U型弯头\51.0*4.5\SA-213T91\LD-F001DCH001Q291-11\HG-1130/25.4</t>
  </si>
  <si>
    <t>【哈电锅炉】末级再热器外数第六圈上部U型弯头\51.0*6\SA-213T91\LD-F001DCH001Q291-12\HG-1130/25.4</t>
  </si>
  <si>
    <t>【哈电锅炉】末级再热器外数第七圈下部U型弯头\51.0*4.5\SA-213T91\LD-F001DCH001Q291-13\HG-1130/25.4</t>
  </si>
  <si>
    <t>【哈电锅炉】末级再热器外数第七圈上部U型弯头\51.0*6\SA-213T91\LD-F001DCH001Q291-14\HG-1130/25.4</t>
  </si>
  <si>
    <t>【哈电锅炉】末级再热器外数第八圈下部U型弯头\51.0*4.5\SA-213T91\LD-F001DCH001Q291-15\HG-1130/25.4</t>
  </si>
  <si>
    <t>【哈电锅炉】末级再热器外数第八圈上部U型弯头\51.0*6\SA-213T91\LD-F001DCH001Q291-16\HG-1130/25.4</t>
  </si>
  <si>
    <t>【哈电锅炉】末级再热器外数第九圈下部U型弯头\51.0*4.5\SA-213TP347H\LD-F001DCH001Q291-17\HG-1130/25.4</t>
  </si>
  <si>
    <t>【哈电锅炉】末级再热器外数第十圈下部U型弯头\51.0*4.5\SA-213TP347H\LD-F001DCH001Q291-18\HG-1130/25.4</t>
  </si>
  <si>
    <t>【哈电锅炉】末级再热器外数第十一圈下部U型弯头\51.0*4.5\SA-213TP347H\LD-F001DCH001Q291-19\HG-1130/25.4</t>
  </si>
  <si>
    <t>【哈电锅炉】末级再热器外数第十二圈下部U型弯头\51.0*4.5\SA-213TP347H\LD-F001DCH001Q291-20\HG-1130/25.4</t>
  </si>
  <si>
    <t>【哈电锅炉】末级再热器外数第十三圈下部U型弯头\51.0*4.5\SA-213TP347H\LD-F001DCH001Q291-21\HG-1130/25.4</t>
  </si>
  <si>
    <t>【哈电锅炉】末级再热器外数第十四圈下部U型弯头\51.0*4.5\SA-213TP347H\LD-F001DCH001Q291-22\HG-1130/25.4</t>
  </si>
  <si>
    <t>【哈电锅炉】末级再热器外数第十五圈下部U型弯头\51.0*4.5\SA-213TP347H\LD-F001DCH001Q291-23\HG-1130/25.4</t>
  </si>
  <si>
    <t>【哈电锅炉】末级再热器外数第十六圈下部U型弯头\51.0*4.5\SA-213TP347H\LD-F001DCH001Q291-24\HG-1130/25.4</t>
  </si>
  <si>
    <t>【哈电锅炉】屏式过热器外数第一圈U型弯头\38.0*7.5\SA-213TP347H\LD-F001CGA001Q291-1\HG-1130/25.4</t>
  </si>
  <si>
    <t>【哈电锅炉】屏式过热器外数第二圈U型弯头\38.0*7.5\SA-213TP347H\LD-F001CGA001Q291-2\HG-1130/25.4</t>
  </si>
  <si>
    <t>【哈电锅炉】屏式过热器外数第三圈U型弯头\38.0*7.5\SA-213TP347H\LD-F001CGA001Q291-3\HG-1130/25.4</t>
  </si>
  <si>
    <t>【哈电锅炉】屏式过热器外数第四圈U型弯头\38.0*7.5\SA-213TP347H\LD-F001CGA001Q291-4\HG-1130/25.4</t>
  </si>
  <si>
    <t>【哈电锅炉】屏式过热器外数第五圈U型弯头\38.0*7.5\SA-213TP347H\LD-F001CGA001Q291-5\HG-1130/25.4</t>
  </si>
  <si>
    <t>【哈电锅炉】屏式过热器外数第六圈U型弯头\38.0*7.5\SA-213TP347H\LD-F001CGA001Q291-6\HG-1130/25.4</t>
  </si>
  <si>
    <t>【哈电锅炉】屏式过热器外数第七圈U型弯头\38.0*7.5\SA-213TP347H\LD-F001CGA001Q291-7\HG-1130/25.4</t>
  </si>
  <si>
    <t>【哈电锅炉】屏式过热器外数第八圈U型弯头\38.0*7.5\SA-213TP347H\LD-F001CGA001Q291-8\HG-1130/25.4</t>
  </si>
  <si>
    <t>【哈电锅炉】屏式过热器外数第九圈U型弯头\38.0*7.5\SA-213TP347H\LD-F001CGA001Q291-9\HG-1130/25.4</t>
  </si>
  <si>
    <t>【哈电锅炉】屏式过热器外数第十圈U型弯头\38.0*7.5\SA-213TP347H\LD-F001CGA001Q291-10\HG-1130/25.4</t>
  </si>
  <si>
    <t>【哈电锅炉】屏式过热器外数第十一圈U型弯头\38.0*7.5\SA-213TP347H\LD-F001CGA001Q291-11\HG-1130/25.4</t>
  </si>
  <si>
    <t>【哈电锅炉】屏式过热器外数第十二圈U型弯头\38.0*7.5\SA-213TP347H\LD-F001CGA001Q291-12\HG-1130/25.4</t>
  </si>
  <si>
    <t>【哈电锅炉】屏式过热器外数第十三圈U型弯头\38.0*7.5\SA-213T91\LD-F001CGA001Q291-13\HG-1130/25.4</t>
  </si>
  <si>
    <t>【哈电锅炉】屏式过热器外数第十四圈U型弯头\38.0*7.5\SA-213T91\LD-F001CGA001Q291-14\HG-1130/25.4</t>
  </si>
  <si>
    <t>【哈电锅炉】屏式过热器外数第十五圈U型弯头\38.0*7.5\SA-213T91\LD-F001CGA001Q291-15\HG-1130/25.4</t>
  </si>
  <si>
    <t>【哈电锅炉】屏式过热器外数第十六圈U型弯头\38.0*7.5\SA-213T91\LD-F001CGA001Q291-16\HG-1130/25.4</t>
  </si>
  <si>
    <t>【哈电锅炉】屏式过热器外数第十七圈U型弯头\38.0*7.5\SA-213T91\LD-F001CGA001Q291-17\HG-1130/25.4</t>
  </si>
  <si>
    <t>【哈电锅炉】屏式过热器外数第十八圈U型弯头\38.0*7.5\SA-213T91\LD-F001CGA001Q291-18\HG-1130/25.4</t>
  </si>
  <si>
    <t>【哈电锅炉】屏式过热器外数第十九圈U型弯头\38.0*7.5\SA-213T91\LD-F001CGA001Q291-19\HG-1130/25.4</t>
  </si>
  <si>
    <t>【哈电锅炉】屏式过热器外数第二十圈U型弯头\38.0*7.5\SA-213T91\LD-F001CGA001Q291-20\HG-1130/25.4</t>
  </si>
  <si>
    <t>【哈电锅炉】屏式过热器外数第二十一圈U型弯头\38.0*7.5\SA-213T91\LD-F001CGA001Q291-21\HG-1130/25.4</t>
  </si>
  <si>
    <t>【哈电锅炉】屏式过热器外数第二十二圈U型弯头\38.0*7.5\SA-213T91\LD-F001CGA001Q291-22\HG-1130/25.4</t>
  </si>
  <si>
    <t>【哈电锅炉】屏式过热器外数第二十三圈U型弯头\38.0*7.5\SA-213T91\LD-F001CGA001Q291-23\HG-1130/25.4</t>
  </si>
  <si>
    <t>【哈电锅炉】末级过热器外数第一圈U型弯头\44.5*9\SA-213TP347H\LD-F001CHD001Q291-1\HG-1130/25.4</t>
  </si>
  <si>
    <t>【哈电锅炉】末级过热器外数第二圈U型弯头\44.5*9\SA-213TP347H\LD-F001CHD001Q291-2\HG-1130/25.4</t>
  </si>
  <si>
    <t>【哈电锅炉】末级过热器外数第三圈U型弯头\44.5*9\SA-213TP347H\LD-F001CHD001Q291-3\HG-1130/25.4</t>
  </si>
  <si>
    <t>【哈电锅炉】末级过热器外数第四圈U型弯头\44.5*9\SA-213TP347H\LD-F001CHD001Q291-4\HG-1130/25.4</t>
  </si>
  <si>
    <t>【哈电锅炉】末级过热器外数第五圈U型弯头\44.5*9\SA-213TP347H\LD-F001CHD001Q291-5\HG-1130/25.4</t>
  </si>
  <si>
    <t>【哈电锅炉】末级过热器外数第六圈U型弯头\44.5*9\SA-213TP347H\LD-F001CHD001Q291-6\HG-1130/25.4</t>
  </si>
  <si>
    <t>【哈电锅炉】末级过热器外数第七圈U型弯头\44.5*9\SA-213TP347H\LD-F001CHD001Q291-7\HG-1130/25.4</t>
  </si>
  <si>
    <t>【哈电锅炉】末级过热器外数第八圈U型弯头\44.5*9\SA-213TP347H\LD-F001CHD001Q291-8\HG-1130/25.4</t>
  </si>
  <si>
    <t>【哈电锅炉】末级过热器外数第九圈U型弯头\44.5*9\SA-213TP347H\LD-F001CHD001Q291-9\HG-1130/25.4</t>
  </si>
  <si>
    <t>【哈电锅炉】末级过热器外数第十圈U型弯头\44.5*9\SA-213TP347H\LD-F001CHD001Q291-10\HG-1130/25.4</t>
  </si>
  <si>
    <t>【哈电锅炉】末级过热器外数第十一圈U型弯头\44.5*9\SA-213TP347H\LD-F001CHD001Q291-11\HG-1130/25.4</t>
  </si>
  <si>
    <t>【哈电锅炉】末级过热器外数第十二圈U型弯头\44.5*9\SA-213TP347H\LD-F001CHD001Q291-12\HG-1130/25.4</t>
  </si>
  <si>
    <t>【哈电锅炉】末级过热器外数第十三圈U型弯头\44.5*9\SA-213TP347H\LD-F001CHD001Q291-13\HG-1130/25.4</t>
  </si>
  <si>
    <t>【哈电锅炉】末级过热器外数第十四圈U型弯头\44.5*9\SA-213TP347H\LD-F001CHD001Q291-14\HG-1130/25.4</t>
  </si>
  <si>
    <t>【哈电锅炉】末级过热器外数第十五圈U型弯头\44.5*9\SA-213TP347H\LD-F001CHD001Q291-15\HG-1130/25.4</t>
  </si>
  <si>
    <t>【哈电锅炉】末级过热器外数第十六圈U型弯头\44.5*9\SA-213TP347H\LD-F001CHD001Q291-16\HG-1130/25.4</t>
  </si>
  <si>
    <t>【哈电锅炉】末级过热器外数第十七圈U型弯头\44.5*9\SA-213TP347H\LD-F001CHD001Q291-17\HG-1130/25.4</t>
  </si>
  <si>
    <t>【哈电锅炉】高温再热器外数第一圈U型弯头\51.0*4.5\SA-213T91\QZ-F001DCH001C181-1\HG-2115/25.4</t>
  </si>
  <si>
    <t>【哈电锅炉】高温再热器外数第二圈U型弯头\51.0*4.5\SA-213T91\QZ-F001DCH001C181-2\HG-2115/25.4</t>
  </si>
  <si>
    <t>【哈电锅炉】高温再热器外数第三圈U型弯头\51.0*4.5\SA-213T91\QZ-F001DCH001C181-3\HG-2115/25.4</t>
  </si>
  <si>
    <t>【哈电锅炉】高温再热器外数第四圈U型弯头\51.0*4.5\SA-213T91\QZ-F001DCH001C181-4\HG-2115/25.4</t>
  </si>
  <si>
    <t>【哈电锅炉】高温再热器外数第五圈U型弯头\51.0*4.5\SA-213T91\QZ-F001DCH001C181-5\HG-2115/25.4</t>
  </si>
  <si>
    <t>【哈电锅炉】高温再热器外数第六圈U型弯头\51.0*4.5\SA-213T91\QZ-F001DCH001C181-6\HG-2115/25.4</t>
  </si>
  <si>
    <t>【哈电锅炉】高温再热器外数第七圈U型弯头\51.0*4.5\SA-213T91\QZ-F001DCH001C181-7\HG-2115/25.4</t>
  </si>
  <si>
    <t>【哈电锅炉】高温再热器外数第八圈U型弯头\51.0*4.5\SA-213T91\QZ-F001DCH001C181-8\HG-2115/25.4</t>
  </si>
  <si>
    <t>【哈电锅炉】高温再热器外数第九圈U型弯头\51.0*4.5\SA-213T91\QZ-F001DCH001C181-9\HG-2115/25.4</t>
  </si>
  <si>
    <t>【哈电锅炉】高温再热器外数第十圈U型弯头\51.0*4.5\SA-213T91\QZ-F001DCH001C181-10\HG-2115/25.4</t>
  </si>
  <si>
    <t>【哈电锅炉】高温再热器外数第十一圈U型弯头\51.0*4.5\SA-213T91\QZ-F001DCH001C181-11\HG-2115/25.4</t>
  </si>
  <si>
    <t>【哈电锅炉】高温再热器外数第十二圈U型弯头\51.0*4.5\SA-213T91\QZ-F001DCH001C181-12\HG-2115/25.4</t>
  </si>
  <si>
    <t>【哈电锅炉】高温再热器外数第十三圈U型弯头\51.0*4.5\SA-213T91\QZ-F001DCH001C181-13\HG-2115/25.4</t>
  </si>
  <si>
    <t>【哈电锅炉】高温再热器外数第十四圈U型弯头\51.0*4.5\SA-213T91\QZ-F001DCH001C181-14\HG-2115/25.4</t>
  </si>
  <si>
    <t>【哈电锅炉】高温再热器外数第十五圈U型弯头\51.0*4.5\SA-213T91\QZ-F001DCH001C181-15\HG-2115/25.4</t>
  </si>
  <si>
    <t>【哈电锅炉】高温再热器外数第十六圈U型弯头\51.0*4.5\SA-213T91\QZ-F001DCH001C181-16\HG-2115/25.4</t>
  </si>
  <si>
    <t>【哈电锅炉】高温再热器外数第十七圈U型弯头\51.0*4.5\SA-213T91\QZ-F001DCH001C181-17\HG-2115/25.4</t>
  </si>
  <si>
    <t>【哈电锅炉】高温再热器外数第十八圈U型弯头\51.0*4.5\SA-213T91\QZ-F001DCH001C181-18\HG-2115/25.4</t>
  </si>
  <si>
    <t>【哈电锅炉】高温再热器外数第十九圈U型弯头\51.0*4.5\SA-213T91\QZ-F001DCH001C181-19\HG-2115/25.4</t>
  </si>
  <si>
    <t>【哈电锅炉】高温再热器外数第二十圈U型弯头\51.0*4.5\SA-213T91\QZ-F001DCH001C181-20\HG-2115/25.4</t>
  </si>
  <si>
    <t>【哈电锅炉】屏式过热器外数第一圈U型弯头\38.0*7.5\SA-213TP347H\QZ-F001CGA001C181-1\HG-2115/25.4</t>
  </si>
  <si>
    <t>【哈电锅炉】屏式过热器外数第二圈U型弯头\38.0*7.5\SA-213TP347H\QZ-F001CGA001C181-2\HG-2115/25.4</t>
  </si>
  <si>
    <t>【哈电锅炉】屏式过热器外数第三圈U型弯头\38.0*7.5\SA-213TP347H\QZ-F001CGA001C181-3\HG-2115/25.4</t>
  </si>
  <si>
    <t>【哈电锅炉】屏式过热器外数第四圈U型弯头\38.0*7.5\SA-213TP347H\QZ-F001CGA001C181-4\HG-2115/25.4</t>
  </si>
  <si>
    <t>【哈电锅炉】屏式过热器外数第五圈U型弯头\38.0*7.5\SA-213TP347H\QZ-F001CGA001C181-5\HG-2115/25.4</t>
  </si>
  <si>
    <t>【哈电锅炉】屏式过热器外数第六圈U型弯头\38.0*7.5\SA-213TP347H\QZ-F001CGA001C181-6\HG-2115/25.4</t>
  </si>
  <si>
    <t>【哈电锅炉】屏式过热器外数第七圈U型弯头\38.0*7.5\SA-213TP347H\QZ-F001CGA001C181-7\HG-2115/25.4</t>
  </si>
  <si>
    <t>【哈电锅炉】屏式过热器外数第八圈U型弯头\38.0*7.5\SA-213TP347H\QZ-F001CGA001C181-8\HG-2115/25.4</t>
  </si>
  <si>
    <t>【哈电锅炉】屏式过热器外数第九圈U型弯头\38.0*7.5\SA-213TP347H\QZ-F001CGA001C181-9\HG-2115/25.4</t>
  </si>
  <si>
    <t>【哈电锅炉】屏式过热器外数第十圈U型弯头\38.0*7.5\SA-213TP347H\QZ-F001CGA001C181-10\HG-2115/25.4</t>
  </si>
  <si>
    <t>【哈电锅炉】屏式过热器外数第十一圈U型弯头\38.0*7.5\SA-213TP347H\QZ-F001CGA001C181-11\HG-2115/25.4</t>
  </si>
  <si>
    <t>【哈电锅炉】屏式过热器外数第十二圈U型弯头\38.0*7.5\SA-213TP347H\QZ-F001CGA001C181-12\HG-2115/25.4</t>
  </si>
  <si>
    <t>【哈电锅炉】屏式过热器外数第十三圈U型弯头\38.0*7.5\SA-213TP347H\QZ-F001CGA001C181-13\HG-2115/25.4</t>
  </si>
  <si>
    <t>【哈电锅炉】屏式过热器外数第十四圈U型弯头\38.0*7.5\SA-213TP347H\QZ-F001CGA001C181-14\HG-2115/25.4</t>
  </si>
  <si>
    <t>【哈电锅炉】屏式过热器外数第十五圈U型弯头\38.0*7.5\SA-213TP347H\QZ-F001CGA001C181-15\HG-2115/25.4</t>
  </si>
  <si>
    <t>【哈电锅炉】屏式过热器外数第十六圈U型弯头\38.0*7.5\SA-213T91\QZ-F001CGA001C181-16\HG-2115/25.4</t>
  </si>
  <si>
    <t>【哈电锅炉】屏式过热器外数第十七圈U型弯头\38.0*7.5\SA-213T91\QZ-F001CGA001C181-17\HG-2115/25.4</t>
  </si>
  <si>
    <t>【哈电锅炉】屏式过热器外数第十八圈U型弯头\38.0*7.5\SA-213T91\QZ-F001CGA001C181-18\HG-2115/25.4</t>
  </si>
  <si>
    <t>【哈电锅炉】屏式过热器外数第十九圈U型弯头\38.0*7.5\SA-213T91\QZ-F001CGA001C181-19\HG-2115/25.4</t>
  </si>
  <si>
    <t>【哈电锅炉】屏式过热器外数第二十圈U型弯头\38.0*7.5\SA-213T91\QZ-F001CGA001C181-20\HG-2115/25.4</t>
  </si>
  <si>
    <t>【哈电锅炉】屏式过热器外数第二十一圈U型弯头\38.0*7.5\SA-213T91\QZ-F001CGA001C181-21\HG-2115/25.4</t>
  </si>
  <si>
    <t>【哈电锅炉】屏式过热器外数第二十二圈U型弯头\38.0*7.5\SA-213T91\QZ-F001CGA001C181-22\HG-2115/25.4</t>
  </si>
  <si>
    <t>【哈电锅炉】屏式过热器外数第二十三圈U型弯头\38.0*7.5\SA-213T91\QZ-F001CGA001C181-23\HG-2115/25.4</t>
  </si>
  <si>
    <t>【哈电锅炉】屏式过热器外数第二十四圈U型弯头\38.0*7.5\SA-213T91\QZ-F001CGA001C181-24\HG-2115/25.4</t>
  </si>
  <si>
    <t>【哈电锅炉】屏式过热器外数第二十五圈U型弯头\38.0*7.5\SA-213T91\QZ-F001CGA001C181-25\HG-2115/25.4</t>
  </si>
  <si>
    <t>【哈电锅炉】屏式过热器外数第二十六圈U型弯头\38.0*7.5\SA-213T91\QZ-F001CGA001C181-26\HG-2115/25.4</t>
  </si>
  <si>
    <t>【哈电锅炉】屏式过热器外数第二十七圈U型弯头\38.0*7.5\SA-213T91\QZ-F001CGA001C181-27\HG-2115/25.4</t>
  </si>
  <si>
    <t>【哈电锅炉】屏式过热器外数第二十八圈U型弯头\38.0*7.5\SA-213TP347\QZ-F001CGA001C181-28\HG-2115/25.4</t>
  </si>
  <si>
    <t>【哈电锅炉】末级过热器外数第一圈U型弯头\44.5*8.5\SA-213TP347H\QZ-F001CHD001C181-1\HG-2115/25.4</t>
  </si>
  <si>
    <t>【哈电锅炉】末级过热器外数第二圈U型弯头\44.5*8.5\SA-213TP347H\QZ-F001CHD001C181-2\HG-2115/25.4</t>
  </si>
  <si>
    <t>【哈电锅炉】末级过热器外数第三圈U型弯头\44.5*8.5\SA-213TP347H\QZ-F001CHD001C181-3\HG-2115/25.4</t>
  </si>
  <si>
    <t>【哈电锅炉】末级过热器外数第四圈U型弯头\44.5*8.5\SA-213TP347H\QZ-F001CHD001C181-4\HG-2115/25.4</t>
  </si>
  <si>
    <t>【哈电锅炉】末级过热器外数第五圈U型弯头\44.5*8.5\SA-213TP347H\QZ-F001CHD001C181-5\HG-2115/25.4</t>
  </si>
  <si>
    <t>【哈电锅炉】末级过热器外数第六圈U型弯头\44.5*8.5\SA-213TP347H\QZ-F001CHD001C181-6\HG-2115/25.4</t>
  </si>
  <si>
    <t>【哈电锅炉】末级过热器外数第七圈U型弯头\44.5*8.5\SA-213TP347H\QZ-F001CHD001C181-7\HG-2115/25.4</t>
  </si>
  <si>
    <t>【哈电锅炉】末级过热器外数第八圈U型弯头\44.5*8.5\SA-213TP347H\QZ-F001CHD001C181-8\HG-2115/25.4</t>
  </si>
  <si>
    <t>【哈电锅炉】末级过热器外数第九圈U型弯头\44.5*8.5\SA-213TP347H\QZ-F001CHD001C181-9\HG-2115/25.4</t>
  </si>
  <si>
    <t>【哈电锅炉】末级过热器外数第十圈U型弯头\44.5*8.5\SA-213TP347H\QZ-F001CHD001C181-10\HG-2115/25.4</t>
  </si>
  <si>
    <t>【哈电锅炉】末级过热器外数第十一圈U型弯头\44.5*8.5\SA-213TP347H\QZ-F001CHD001C181-11\HG-2115/25.4</t>
  </si>
  <si>
    <t>【哈电锅炉】末级过热器外数第十二圈U型弯头\44.5*8.5\SA-213TP347H\QZ-F001CHD001C181-12\HG-2115/25.4</t>
  </si>
  <si>
    <t>【哈电锅炉】末级过热器外数第十三圈U型弯头\44.5*8.5\SA-213TP347H\QZ-F001CHD001C181-13\HG-2115/25.4</t>
  </si>
  <si>
    <t>【哈电锅炉】末级过热器外数第十四圈U型弯头\44.5*8.5\SA-213TP347H\QZ-F001CHD001C181-14\HG-2115/25.4</t>
  </si>
  <si>
    <t>【哈电锅炉】末级过热器外数第十五圈U型弯头\44.5*8.5\SA-213TP347H\QZ-F001CHD001C181-15\HG-2115/25.4</t>
  </si>
  <si>
    <t>【哈电锅炉】末级过热器外数第十六圈U型弯头\44.5*8.5\SA-213TP347H\QZ-F001CHD001C181-16\HG-2115/25.4</t>
  </si>
  <si>
    <t>【哈电锅炉】末级过热器外数第十七圈U型弯头\44.5*8.5\SA-213TP347H\QZ-F001CHD001C181-17\HG-2115/25.4</t>
  </si>
  <si>
    <t>【哈电锅炉】末级过热器外数第十八圈U型弯头\44.5*8.5\SA-213TP347H\QZ-F001CHD001C181-18\HG-2115/25.4</t>
  </si>
  <si>
    <t>【哈电锅炉】末级过热器外数第十九圈U型弯头\44.5*8.5\SA-213TP347H\QZ-F001CHD001C181-19\HG-2115/25.4</t>
  </si>
  <si>
    <t>【哈电锅炉】末级过热器外数第二十圈U型弯头\44.5*8.5\SA-213TP347H\QZ-F001CHD001C181-20\HG-2115/25.4</t>
  </si>
  <si>
    <t>【哈电锅炉】末级再热器外数第一圈U型弯头\63.0*5\SA-213TP347H\SL-F001DEA001C521-1\HG-2141/25.4</t>
  </si>
  <si>
    <t>【哈电锅炉】末级再热器外数第二圈U型弯头\60.0*4.5\SA-213TP347H\SL-F001DEA001C521-2\HG-2141/25.4</t>
  </si>
  <si>
    <t>【哈电锅炉】末级再热器外数第三圈U型弯头\60.0*4.5\SA-213TP347H\SL-F001DEA001C521-3\HG-2141/25.4</t>
  </si>
  <si>
    <t>【哈电锅炉】末级再热器外数第四圈U型弯头\60.0*4.5\SA-213T91\SL-F001DEA001C521-4\HG-2141/25.4</t>
  </si>
  <si>
    <t>【哈电锅炉】末级再热器外数第五圈U型弯头\60.0*4.5\SA-213T91\SL-F001DEA001C521-5\HG-2141/25.4</t>
  </si>
  <si>
    <t>【哈电锅炉】末级再热器外数第六圈U型弯头\60.0*4.5\SA-213T91\SL-F001DEA001C521-6\HG-2141/25.4</t>
  </si>
  <si>
    <t>【哈电锅炉】末级再热器外数第七圈U型弯头\60.0*4.5\SA-213T91\SL-F001DEA001C521-7\HG-2141/25.4</t>
  </si>
  <si>
    <t>【哈电锅炉】末级再热器外数第八圈U型弯头\60.0*4.5\SA-213T91\SL-F001DEA001C521-8\HG-2141/25.4</t>
  </si>
  <si>
    <t>【哈电锅炉】末级再热器外数第九圈U型弯头\60.0*4.5\SA-213T91\SL-F001DEA001C521-9\HG-2141/25.4</t>
  </si>
  <si>
    <t>【哈电锅炉】末级再热器外数第十圈U型弯头\60.0*4.5\SA-213T91\SL-F001DEA001C521-10\HG-2141/25.4</t>
  </si>
  <si>
    <t>【哈电锅炉】末级再热器外数第十一圈U型弯头\60.0*4.5\SA-213T91\SL-F001DEA001C521-11\HG-2141/25.4</t>
  </si>
  <si>
    <t>【哈电锅炉】末级再热器外数第十二圈U型弯头\60.0*4.5\SA-213TP347H\SL-F001DEA001C521-12\HG-2141/25.4</t>
  </si>
  <si>
    <t>【哈电锅炉】分隔屏外数第一圈U型弯头\51.0*8\SA-213TP347H\SL-F001CGD001C521-1\HG-2141/25.4</t>
  </si>
  <si>
    <t>【哈电锅炉】分隔屏外数第二圈U型弯头\44.5*8\SA-213TP347H\SL-F001CGD001C521-2\HG-2141/25.4</t>
  </si>
  <si>
    <t>【哈电锅炉】分隔屏外数第三圈U型弯头\44.5*8\SA-213TP347H\SL-F001CGD001C521-3\HG-2141/25.4</t>
  </si>
  <si>
    <t>【哈电锅炉】分隔屏外数第四圈U型弯头\44.5*8\SA-213TP347H\SL-F001CGD001C521-4\HG-2141/25.4</t>
  </si>
  <si>
    <t>【哈电锅炉】分隔屏外数第五圈U型弯头\44.5*8\SA-213TP347H\SL-F001CGD001C521-5\HG-2141/25.4</t>
  </si>
  <si>
    <t>【哈电锅炉】分隔屏外数第六圈U型弯头\44.5*8\SA-213TP347H\SL-F001CGD001C521-6\HG-2141/25.4</t>
  </si>
  <si>
    <t>【哈电锅炉】分隔屏外数第七圈U型弯头\44.5*8\SA-213TP347H\SL-F001CGD001C521-7\HG-2141/25.4</t>
  </si>
  <si>
    <t>【哈电锅炉】分隔屏外数第八圈U型弯头\44.5*8\SA-213TP347H\SL-F001CGD001C521-8\HG-2141/25.4</t>
  </si>
  <si>
    <t>【哈电锅炉】分隔屏外数第九圈U型弯头\44.5*8\SA-213TP347H\SL-F001CGD001C521-9\HG-2141/25.4</t>
  </si>
  <si>
    <t>【哈电锅炉】分隔屏外数第十圈U型弯头\44.5*8\SA-213TP347H\SL-F001CGD001C521-10\HG-2141/25.4</t>
  </si>
  <si>
    <t>【哈电锅炉】分隔屏外数第十一圈U型弯头\44.5*8\SA-213TP347H\SL-F001CGD001C521-11\HG-2141/25.4</t>
  </si>
  <si>
    <t>【哈电锅炉】分隔屏外数第十二圈U型弯头\44.5*8\SA-213TP347H\SL-F001CGD001C521-12\HG-2141/25.4</t>
  </si>
  <si>
    <t>【哈电锅炉】分隔屏外数第十三圈U型弯头\44.5*8\SA-213TP347H\SL-F001CGD001C521-13\HG-2141/25.4</t>
  </si>
  <si>
    <t>【哈电锅炉】分隔屏外数第十四圈U型弯头\44.5*9\SA-213TP347H\SL-F001CGD001C521-14\HG-2141/25.4</t>
  </si>
  <si>
    <t>【哈电锅炉】末级过热器外数第一圈U型弯头\63.0*13\SA-213TP347H\SL-F001CHD001C521-1\HG-2141/25.4</t>
  </si>
  <si>
    <t>【哈电锅炉】末级过热器外数第二圈U型弯头\51.0*11\SA-213TP347H\SL-F001CHD001C521-2\HG-2141/25.4</t>
  </si>
  <si>
    <t>【哈电锅炉】末级过热器外数第三圈U型弯头\51.0*11\SA-213TP347H\SL-F001CHD001C521-3\HG-2141/25.4</t>
  </si>
  <si>
    <t>【哈电锅炉】末级过热器外数第四圈U型弯头\51.0*11\SA-213TP347H\SL-F001CHD001C521-4\HG-2141/25.4</t>
  </si>
  <si>
    <t>【哈电锅炉】末级过热器外数第五圈U型弯头\51.0*11\SA-213TP347H\SL-F001CHD001C521-5\HG-2141/25.4</t>
  </si>
  <si>
    <t>【哈电锅炉】末级过热器外数第六圈U型弯头\51.0*11\SA-213TP347H\SL-F001CHD001C521-6\HG-2141/25.4</t>
  </si>
  <si>
    <t>【哈电锅炉】末级过热器外数第七圈U型弯头\51.0*11\SA-213TP347H\SL-F001CHD001C521-7\HG-2141/25.4</t>
  </si>
  <si>
    <t>【哈电锅炉】末级过热器外数第八圈U型弯头\51.0*11\SA-213TP347H\SL-F001CHD001C521-8\HG-2141/25.4</t>
  </si>
  <si>
    <t>【哈电锅炉】末级过热器外数第九圈U型弯头\51.0*11\SA-213TP347H\SL-F001CHD001C521-9\HG-2141/25.4</t>
  </si>
  <si>
    <t>【哈电锅炉】末级过热器外数第十圈U型弯头\51.0*11\SA-213TP347H\SL-F001CHD001C521-10\HG-2141/25.4</t>
  </si>
  <si>
    <t>【哈电锅炉】末级过热器外数第十一圈U型弯头\51.0*11\SA-213TP347H\SL-F001CHD001C521-11\HG-2141/25.4</t>
  </si>
  <si>
    <t>【哈电锅炉】末级过热器外数第十二圈U型弯头\51.0*11\SA-213TP347H\SL-F001CHD001C521-12\HG-2141/25.4</t>
  </si>
  <si>
    <t>【哈电锅炉】末级过热器外数第十三圈U型弯头\51.0*11\SA-213TP347H\SL-F001CHD001C521-13\HG-2141/25.4</t>
  </si>
  <si>
    <t>【哈电锅炉】末级过热器外数第十四圈U型弯头\51.0*11\SA-213TP347H\SL-F001CHD001C521-14\HG-2141/25.4</t>
  </si>
  <si>
    <t>【哈电锅炉】末级过热器外数第十五圈U型弯头\51.0*11\SA-213TP347H\SL-F001CHD001C521-15\HG-2141/25.4</t>
  </si>
  <si>
    <t>【哈电锅炉】末级过热器外数第十六圈U型弯头\51.0*11\SA-213TP347H\SL-F001CHD001C521-16\HG-2141/25.4</t>
  </si>
  <si>
    <t>【哈电锅炉】末级过热器外数第十七圈U型弯头\51.0*11\SA-213TP347H\SL-F001CHD001C521-17\HG-2141/25.4</t>
  </si>
  <si>
    <t>【哈电锅炉】末级过热器外数第十八圈U型弯头\51.0*11\SA-213TP347H\SL-F001CHD001C521-18\HG-2141/25.4</t>
  </si>
  <si>
    <t>【哈电锅炉】末级过热器外数第十九圈U型弯头\51.0*11\SA-213TP347H\SL-F001CHD001C521-19\HG-2141/25.4</t>
  </si>
  <si>
    <t>【哈电锅炉】末级再热器外数第一圈U型弯头\63.0*5\SA-213TP347H\SL-F001DEA001C421-1\HG-1021/18.2</t>
  </si>
  <si>
    <t>【哈电锅炉】末级再热器外数第二圈U型弯头\60.0*4.5\SA-213TP347H\SL-F001DEA001C421-2\HG-1021/18.2</t>
  </si>
  <si>
    <t>【哈电锅炉】末级再热器外数第三圈U型弯头\60.0*4.5\SA-213TP347H\SL-F001DEA001C421-3\HG-1021/18.2</t>
  </si>
  <si>
    <t>【哈电锅炉】末级再热器外数第四圈U型弯头\60.0*4.5\SA-213T91\SL-F001DEA001C421-4\HG-1021/18.2</t>
  </si>
  <si>
    <t>【哈电锅炉】末级再热器外数第五圈U型弯头\60.0*4.5\SA-213T91\SL-F001DEA001C421-5\HG-1021/18.2</t>
  </si>
  <si>
    <t>【哈电锅炉】末级再热器外数第六圈U型弯头\60.0*4.5\SA-213T91\SL-F001DEA001C421-6\HG-1021/18.2</t>
  </si>
  <si>
    <t>【哈电锅炉】末级再热器外数第七圈U型弯头\60.0*4.5\SA-213T91\SL-F001DEA001C421-7\HG-1021/18.2</t>
  </si>
  <si>
    <t>【哈电锅炉】末级再热器外数第八圈U型弯头\60.0*4.5\SA-213T91\SL-F001DEA001C421-8\HG-1021/18.2</t>
  </si>
  <si>
    <t>【哈电锅炉】末级再热器外数第九圈U型弯头\60.0*4.5\SA-213T91\SL-F001DEA001C421-9\HG-1021/18.2</t>
  </si>
  <si>
    <t>【哈电锅炉】末级再热器外数第十圈U型弯头\60.0*4.5\SA-213T91\SL-F001DEA001C421-10\HG-1021/18.2</t>
  </si>
  <si>
    <t>【哈电锅炉】末级再热器外数第十一圈U型弯头\60.0*4.5\SA-213T91\SL-F001DEA001C421-11\HG-1021/18.2</t>
  </si>
  <si>
    <t>【哈电锅炉】末级再热器外数第十二圈U型弯头\60.0*4.5\SA-213T91\SL-F001DEA001C421-12\HG-1021/18.2</t>
  </si>
  <si>
    <t>【哈电锅炉】分隔屏外数第一圈U型弯头\51.0*11\SA-213TP347H\SL-F001CGD001C421-1\HG-1021/18.2</t>
  </si>
  <si>
    <t>【哈电锅炉】分隔屏外数第二圈U型弯头\51.0*9\SA-213TP347H\SL-F001CGD001C421-2\HG-1021/18.2</t>
  </si>
  <si>
    <t>【哈电锅炉】分隔屏外数第三圈U型弯头\51.0*9\SA-213TP347H\SL-F001CGD001C421-3\HG-1021/18.2</t>
  </si>
  <si>
    <t>【哈电锅炉】分隔屏外数第四圈U型弯头\51.0*9\SA-213TP347H\SL-F001CGD001C421-4\HG-1021/18.2</t>
  </si>
  <si>
    <t>【哈电锅炉】分隔屏外数第五圈U型弯头\51.0*9\SA-213TP347H\SL-F001CGD001C421-5\HG-1021/18.2</t>
  </si>
  <si>
    <t>【哈电锅炉】分隔屏外数第六圈U型弯头\51.0*9\SA-213TP347H\SL-F001CGD001C421-6\HG-1021/18.2</t>
  </si>
  <si>
    <t>【哈电锅炉】分隔屏外数第七圈U型弯头\51.0*9\SA-213TP347H\SL-F001CGD001C421-7\HG-1021/18.2</t>
  </si>
  <si>
    <t>【哈电锅炉】分隔屏外数第八圈U型弯头\51.0*9\SA-213TP347H\SL-F001CGD001C421-8\HG-1021/18.2</t>
  </si>
  <si>
    <t>【哈电锅炉】分隔屏外数第九圈U型弯头\51.0*9\SA-213TP347H\SL-F001CGD001C421-9\HG-1021/18.2</t>
  </si>
  <si>
    <t>【哈电锅炉】分隔屏外数第十圈U型弯头\51.0*9\SA-213TP347H\SL-F001CGD001C421-10\HG-1021/18.2</t>
  </si>
  <si>
    <t>【哈电锅炉】分隔屏外数第十一圈U型弯头\51.0*10\SA-213TP347H\SL-F001CGD001C421-11\HG-1021/18.2</t>
  </si>
  <si>
    <t>【哈电锅炉】末级过热器外数第一圈U型弯头\63.0*13\SA-213TP347H\SL-F001CHD001C421-1\HG-1021/18.2</t>
  </si>
  <si>
    <t>【哈电锅炉】末级过热器外数第二圈U型弯头\51.0*11\SA-213TP347H\SL-F001CHD001C421-2\HG-1021/18.2</t>
  </si>
  <si>
    <t>【哈电锅炉】末级过热器外数第三圈U型弯头\51.0*11\SA-213TP347H\SL-F001CHD001C421-3\HG-1021/18.2</t>
  </si>
  <si>
    <t>【哈电锅炉】末级过热器外数第四圈U型弯头\51.0*11\SA-213TP347H\SL-F001CHD001C421-4\HG-1021/18.2</t>
  </si>
  <si>
    <t>【哈电锅炉】末级过热器外数第五圈U型弯头\51.0*11\SA-213TP347H\SL-F001CHD001C421-5\HG-1021/18.2</t>
  </si>
  <si>
    <t>【哈电锅炉】末级过热器外数第六圈U型弯头\51.0*11\SA-213TP347H\SL-F001CHD001C421-6\HG-1021/18.2</t>
  </si>
  <si>
    <t>【哈电锅炉】末级过热器外数第七圈U型弯头\51.0*11\SA-213TP347H\SL-F001CHD001C421-7\HG-1021/18.2</t>
  </si>
  <si>
    <t>【哈电锅炉】末级过热器外数第八圈U型弯头\51.0*11\SA-213TP347H\SL-F001CHD001C421-8\HG-1021/18.2</t>
  </si>
  <si>
    <t>【哈电锅炉】末级过热器外数第九圈U型弯头\51.0*11\SA-213TP347H\SL-F001CHD001C421-9\HG-1021/18.2</t>
  </si>
  <si>
    <t>【哈电锅炉】末级过热器外数第十圈U型弯头\51.0*11\SA-213TP347H\SL-F001CHD001C421-10\HG-1021/18.2</t>
  </si>
  <si>
    <t>【哈电锅炉】末级过热器外数第十一圈U型弯头\51.0*11\SA-213TP347H\SL-F001CHD001C421-11\HG-1021/18.2</t>
  </si>
  <si>
    <t>【哈电锅炉】末级过热器外数第十二圈U型弯头\51.0*11\SA-213TP347H\SL-F001CHD001C421-12\HG-1021/18.2</t>
  </si>
  <si>
    <t>【哈电锅炉】末级过热器外数第十三圈U型弯头\51.0*11\SA-213TP347H\SL-F001CHD001C421-13\HG-1021/18.2</t>
  </si>
  <si>
    <t>【哈电锅炉】末级过热器外数第十四圈U型弯头\51.0*11\SA-213TP347H\SL-F001CHD001C421-14\HG-1021/18.2</t>
  </si>
  <si>
    <t>【哈电锅炉】末级过热器外数第十五圈U型弯头\51.0*11\SA-213TP347H\SL-F001CHD001C421-15\HG-1021/18.2</t>
  </si>
  <si>
    <t>【哈电锅炉】末级过热器外数第十六圈U型弯头\51.0*11\SA-213TP347H\SL-F001CHD001C421-16\HG-1021/18.2</t>
  </si>
  <si>
    <t>【哈电锅炉】末级过热器外数第十七圈U型弯头\51.0*11\SA-213TP347H\SL-F001CHD001C421-17\HG-1021/18.2</t>
  </si>
  <si>
    <t>【哈电锅炉】末级过热器外数第十八圈U型弯头\51.0*11\SA-213TP347H\SL-F001CHD001C421-18\HG-1021/18.2</t>
  </si>
  <si>
    <t>【哈电锅炉】末级过热器外数第十九圈U型弯头\51.0*11\SA-213TP347H\SL-F001CHD001C421-19\HG-1021/18.2</t>
  </si>
  <si>
    <t>【哈电锅炉】分隔屏外数第一圈U型弯头\60.0*9MWT\SA-213TP347H\TZ-F001CGD001A011-1\HG-2980/26.15</t>
  </si>
  <si>
    <t>【哈电锅炉】分隔屏外数第二圈U型弯头\54.0*8.5MWT\SA-213TP347H\TZ-F001CGD001A011-2\HG-2980/26.15</t>
  </si>
  <si>
    <t>【哈电锅炉】分隔屏外数第三圈U型弯头\54.0*8.5MWT\SA-213TP347H\TZ-F001CGD001A011-3\HG-2980/26.15</t>
  </si>
  <si>
    <t>【哈电锅炉】分隔屏外数第四圈U型弯头\54.0*8.5MWT\SA-213TP347H\TZ-F001CGD001A011-4\HG-2980/26.15</t>
  </si>
  <si>
    <t>【哈电锅炉】分隔屏外数第五圈U型弯头\54.0*8.5MWT\SA-213TP347H\TZ-F001CGD001A011-5\HG-2980/26.15</t>
  </si>
  <si>
    <t>【哈电锅炉】分隔屏外数第六圈U型弯头\54.0*8.5MWT\SA-213TP347H\TZ-F001CGD001A011-6\HG-2980/26.15</t>
  </si>
  <si>
    <t>【哈电锅炉】分隔屏外数第七圈U型弯头\54.0*8.5MWT\SA-213TP347H\TZ-F001CGD001A011-7\HG-2980/26.15</t>
  </si>
  <si>
    <t>【哈电锅炉】分隔屏外数第八圈U型弯头\54.0*8.5MWT\SA-213TP347H\TZ-F001CGD001A011-8\HG-2980/26.15</t>
  </si>
  <si>
    <t>【哈电锅炉】分隔屏外数第九圈U型弯头\54.0*8.5MWT\SA-213TP347H\TZ-F001CGD001A011-9\HG-2980/26.15</t>
  </si>
  <si>
    <t>【哈电锅炉】分隔屏外数第十圈U型弯头\54.0*8.5MWT\SA-213TP347H\TZ-F001CGD001A011-10\HG-2980/26.15</t>
  </si>
  <si>
    <t>【哈电锅炉】分隔屏外数第十一圈U型弯头\54.0*8.5MWT\SA-213TP347H\TZ-F001CGD001A011-11\HG-2980/26.15</t>
  </si>
  <si>
    <t>【哈电锅炉】分隔屏外数第十二圈U型弯头\54.0*8.5MWT\SA-213TP347H\TZ-F001CGD001A011-12\HG-2980/26.15</t>
  </si>
  <si>
    <t>【哈电锅炉】分隔屏外数第十三圈U型弯头\54.0*8.5MWT\SA-213TP347H\TZ-F001CGD001A011-13\HG-2980/26.15</t>
  </si>
  <si>
    <t>【哈电锅炉】分隔屏外数第十四圈U型弯头\54.0*8.5MWT\SA-213TP347H\TZ-F001CGD001A011-14\HG-2980/26.15</t>
  </si>
  <si>
    <t>【哈电锅炉】分隔屏外数第十五圈U型弯头\54.0*8.5MWT\SA-213TP347H\TZ-F001CGD001A011-15\HG-2980/26.15</t>
  </si>
  <si>
    <t>【哈电锅炉】末级再热器外数第一圈U型弯头\60.0*4MWT\SA-213TP310HCbN\TZ-F001DEA001A011-1\HG-2980/26.15</t>
  </si>
  <si>
    <t>【哈电锅炉】末级再热器外数第二圈U型弯头\60.0*4MWT\SA-213TP310HCbN\TZ-F001DEA001A011-2\HG-2980/26.15</t>
  </si>
  <si>
    <t>【哈电锅炉】末级再热器外数第三圈U型弯头\60.0*4MWT\SA-213TP310HCbN\TZ-F001DEA001A011-3\HG-2980/26.15</t>
  </si>
  <si>
    <t>【哈电锅炉】末级再热器外数第四圈U型弯头\57.0*3.5MWT\SA-213TP310HCbN\TZ-F001DEA001A011-4\HG-2980/26.15</t>
  </si>
  <si>
    <t>【哈电锅炉】末级再热器外数第五圈U型弯头\57.0*3.5MWT\SA-213TP310HCbN\TZ-F001DEA001A011-5\HG-2980/26.15</t>
  </si>
  <si>
    <t>【哈电锅炉】末级再热器外数第六圈U型弯头\57.0*3.5MWT\SA-213TP310HCbN\TZ-F001DEA001A011-6\HG-2980/26.15</t>
  </si>
  <si>
    <t>【哈电锅炉】末级再热器外数第七圈U型弯头\57.0*3.5MWT\SA-213TP310HCbN\TZ-F001DEA001A011-7\HG-2980/26.15</t>
  </si>
  <si>
    <t>【哈电锅炉】末级再热器外数第八圈U型弯头\57.0*3.5MWT\SA-213TP310HCbN\TZ-F001DEA001A011-8\HG-2980/26.15</t>
  </si>
  <si>
    <t>【哈电锅炉】末级再热器外数第九圈U型弯头\57.0*3.5MWT\SA-213TP310HCbN\TZ-F001DEA001A011-9\HG-2980/26.15</t>
  </si>
  <si>
    <t>【哈电锅炉】后屏再热器外数第一圈U型弯头\60.0*4MWT\SA-213TP310HCbN\TZ-F001DDL001A011-1\HG-2980/26.15</t>
  </si>
  <si>
    <t>【哈电锅炉】后屏再热器外数第二圈U型弯头\63.0*3.5MWT\A-213S30432\TZ-F001DDL001A011-2\HG-2980/26.15</t>
  </si>
  <si>
    <t>【哈电锅炉】后屏再热器外数第三圈U型弯头\63.0*3.5MWT\A-213S30432\TZ-F001DDL001A011-3\HG-2980/26.15</t>
  </si>
  <si>
    <t>【哈电锅炉】后屏再热器外数第四圈U型弯头\57.0*3.5MWT\A-213S30432\TZ-F001DDL001A011-4\HG-2980/26.15</t>
  </si>
  <si>
    <t>【哈电锅炉】后屏再热器外数第五圈U型弯头\57.0*3.5MWT\A-213S30432\TZ-F001DDL001A011-5\HG-2980/26.15</t>
  </si>
  <si>
    <t>【哈电锅炉】后屏再热器外数第六圈U型弯头\57.0*3.5MWT\A-213S30432\TZ-F001DDL001A011-6\HG-2980/26.15</t>
  </si>
  <si>
    <t>【哈电锅炉】后屏再热器外数第七圈U型弯头\57.0*3.5MWT\A-213S30432\TZ-F001DDL001A011-7\HG-2980/26.15</t>
  </si>
  <si>
    <t>【哈电锅炉】后屏再热器外数第八圈U型弯头\57.0*3.5MWT\A-213S30432\TZ-F001DDL001A011-8\HG-2980/26.15</t>
  </si>
  <si>
    <t>【哈电锅炉】后屏再热器外数第九圈U型弯头\57.0*3.5MWT\A-213S30432\TZ-F001DDL001A011-9\HG-2980/26.15</t>
  </si>
  <si>
    <t>【哈电锅炉】后屏过热器外数第一圈U型弯头\63.5*12\SA-213TP310HCbN\TZ-F001CGB001A011-1\HG-2980/26.15</t>
  </si>
  <si>
    <t>【哈电锅炉】后屏过热器外数第二圈U型弯头\51.0*11\SA-213TP310HCbN\TZ-F001CGB001A011-2\HG-2980/26.15</t>
  </si>
  <si>
    <t>【哈电锅炉】后屏过热器外数第三圈U型弯头\51.0*11\SA-213TP310HCbN\TZ-F001CGB001A011-3\HG-2980/26.15</t>
  </si>
  <si>
    <t>【哈电锅炉】后屏过热器外数第四圈U型弯头\51.0*10\A-213S30432\TZ-F001CGB001A011-4\HG-2980/26.15</t>
  </si>
  <si>
    <t>【哈电锅炉】后屏过热器外数第五圈U型弯头\51.0*10\A-213S30432\TZ-F001CGB001A011-5\HG-2980/26.15</t>
  </si>
  <si>
    <t>【哈电锅炉】后屏过热器外数第六圈U型弯头\51.0*10\A-213S30432\TZ-F001CGB001A011-6\HG-2980/26.15</t>
  </si>
  <si>
    <t>【哈电锅炉】后屏过热器外数第七圈U型弯头\51.0*10\A-213S30432\TZ-F001CGB001A011-7\HG-2980/26.15</t>
  </si>
  <si>
    <t>【哈电锅炉】后屏过热器外数第八圈U型弯头\51.0*9\A-213S30432\TZ-F001CGB001A011-8\HG-2980/26.15</t>
  </si>
  <si>
    <t>【哈电锅炉】后屏过热器外数第九圈U型弯头\51.0*9\A-213S30432\TZ-F001CGB001A011-9\HG-2980/26.15</t>
  </si>
  <si>
    <t>【哈电锅炉】后屏过热器外数第十圈U型弯头\51.0*9\A-213S30432\TZ-F001CGB001A011-10\HG-2980/26.15</t>
  </si>
  <si>
    <t>【哈电锅炉】后屏过热器外数第十一圈U型弯头\51.0*9\A-213S30432\TZ-F001CGB001A011-11\HG-2980/26.15</t>
  </si>
  <si>
    <t>【哈电锅炉】后屏过热器外数第十二圈U型弯头\51.0*9\A-213S30432\TZ-F001CGB001A011-12\HG-2980/26.15</t>
  </si>
  <si>
    <t>【哈电锅炉】后屏过热器外数第十三圈U型弯头\51.0*11\SA-213TP310HCbN\TZ-F001CGB001A011-13\HG-2980/26.15</t>
  </si>
  <si>
    <t>【哈电锅炉】末级再热器外数第一圈U型弯头\60.0*4.5\SA-213TP347H\CYR-F001DEA001Q091-1\HG-1110/25.4</t>
  </si>
  <si>
    <t>【哈电锅炉】末级再热器外数第二圈U型弯头\60.0*4\SA-213TP347H\CYR-F001DEA001Q091-2\HG-1110/25.4</t>
  </si>
  <si>
    <t>【哈电锅炉】末级再热器外数第三圈U型弯头\54.0*4\SA-213TP347H\CYR-F001DEA001Q091-3\HG-1110/25.4</t>
  </si>
  <si>
    <t>【哈电锅炉】末级再热器外数第四圈U型弯头\54.0*4\SA-213T91\CYR-F001DEA001Q091-4\HG-1110/25.4</t>
  </si>
  <si>
    <t>【哈电锅炉】末级再热器外数第五圈U型弯头\54.0*4\SA-213T91\CYR-F001DEA001Q091-5\HG-1110/25.4</t>
  </si>
  <si>
    <t>【哈电锅炉】末级再热器外数第六圈U型弯头\54.0*4\SA-213T91\CYR-F001DEA001Q091-6\HG-1110/25.4</t>
  </si>
  <si>
    <t>【哈电锅炉】末级再热器外数第七圈U型弯头\54.0*4\SA-213T91\CYR-F001DEA001Q091-7\HG-1110/25.4</t>
  </si>
  <si>
    <t>【哈电锅炉】末级再热器外数第八圈U型弯头\54.0*4\SA-213T91\CYR-F001DEA001Q091-8\HG-1110/25.4</t>
  </si>
  <si>
    <t>【哈电锅炉】分隔屏外数第一圈U型弯头\51.0*11\SA-213TP347H\CYR-F001CGD001Q091-1\HG-1110/25.4</t>
  </si>
  <si>
    <t>【哈电锅炉】分隔屏外数第二圈U型弯头\44.5*9.5\SA-213TP347H\CYR-F001CGD001Q091-2\HG-1110/25.4</t>
  </si>
  <si>
    <t>【哈电锅炉】分隔屏外数第三圈U型弯头\44.5*9.5\SA-213TP347H\CYR-F001CGD001Q091-3\HG-1110/25.4</t>
  </si>
  <si>
    <t>【哈电锅炉】分隔屏外数第四圈U型弯头\44.5*9.5\SA-213TP347H\CYR-F001CGD001Q091-4\HG-1110/25.4</t>
  </si>
  <si>
    <t>【哈电锅炉】分隔屏外数第五圈U型弯头\44.5*9.5\SA-213TP347H\CYR-F001CGD001Q091-5\HG-1110/25.4</t>
  </si>
  <si>
    <t>【哈电锅炉】分隔屏外数第六圈U型弯头\44.5*9.5\SA-213TP347H\CYR-F001CGD001Q091-6\HG-1110/25.4</t>
  </si>
  <si>
    <t>【哈电锅炉】分隔屏外数第七圈U型弯头\44.5*9.5\SA-213TP347H\CYR-F001CGD001Q091-7\HG-1110/25.4</t>
  </si>
  <si>
    <t>【哈电锅炉】分隔屏外数第八圈U型弯头\44.5*9.5\SA-213TP347H\CYR-F001CGD001Q091-8\HG-1110/25.4</t>
  </si>
  <si>
    <t>【哈电锅炉】分隔屏外数第九圈U型弯头\44.5*9.5\SA-213TP347H\CYR-F001CGD001Q091-9\HG-1110/25.4</t>
  </si>
  <si>
    <t>【哈电锅炉】分隔屏外数第十圈U型弯头\44.5*9.5\SA-213TP347H\CYR-F001CGD001Q091-10\HG-1110/25.4</t>
  </si>
  <si>
    <t>【哈电锅炉】分隔屏外数第十一圈U型弯头\44.5*9.5\SA-213TP347H\CYR-F001CGD001Q091-11\HG-1110/25.4</t>
  </si>
  <si>
    <t>【哈电锅炉】末级过热器外数第一圈U型弯头\54.0*11\SA-213TP347H\CYR-F001CHD001Q091-1\HG-1110/25.4</t>
  </si>
  <si>
    <t>【哈电锅炉】末级过热器外数第二圈U型弯头\44.5*9.5\SA-213TP347H\CYR-F001CHD001Q091-2\HG-1110/25.4</t>
  </si>
  <si>
    <t>【哈电锅炉】末级过热器外数第三圈U型弯头\44.5*9.5\SA-213TP347H\CYR-F001CHD001Q091-3\HG-1110/25.4</t>
  </si>
  <si>
    <t>【哈电锅炉】末级过热器外数第四圈U型弯头\44.5*9.5\SA-213TP347H\CYR-F001CHD001Q091-4\HG-1110/25.4</t>
  </si>
  <si>
    <t>【哈电锅炉】末级过热器外数第五圈U型弯头\44.5*9.5\SA-213TP347H\CYR-F001CHD001Q091-5\HG-1110/25.4</t>
  </si>
  <si>
    <t>【哈电锅炉】末级过热器外数第六圈U型弯头\44.5*9.5\SA-213TP347H\CYR-F001CHD001Q091-6\HG-1110/25.4</t>
  </si>
  <si>
    <t>【哈电锅炉】末级过热器外数第七圈U型弯头\44.5*9.5\SA-213TP347H\CYR-F001CHD001Q091-7\HG-1110/25.4</t>
  </si>
  <si>
    <t>【哈电锅炉】末级过热器外数第八圈U型弯头\44.5*9.5\SA-213TP347H\CYR-F001CHD001Q091-8\HG-1110/25.4</t>
  </si>
  <si>
    <t>【哈电锅炉】末级过热器外数第九圈U型弯头\44.5*9.5\SA-213TP347H\CYR-F001CHD001Q091-9\HG-1110/25.4</t>
  </si>
  <si>
    <t>【哈电锅炉】末级过热器外数第十圈U型弯头\44.5*9.5\SA-213TP347H\CYR-F001CHD001Q091-10\HG-1110/25.4</t>
  </si>
  <si>
    <t>【哈电锅炉】末级过热器外数第十一圈U型弯头\44.5*9.5\SA-213TP347H\CYR-F001CHD001Q091-11\HG-1110/25.4</t>
  </si>
  <si>
    <t>【哈电锅炉】末级过热器外数第十二圈U型弯头\44.5*9.5\SA-213TP347H\CYR-F001CHD001Q091-12\HG-1110/25.4</t>
  </si>
  <si>
    <t>【哈电锅炉】末级过热器外数第十三圈U型弯头\44.5*9.5\SA-213TP347H\CYR-F001CHD001Q091-13\HG-1110/25.4</t>
  </si>
  <si>
    <t>【哈电锅炉】末级过热器外数第十四圈U型弯头\44.5*9.5\SA-213TP347H\CYR-F001CHD001Q091-14\HG-1110/25.4</t>
  </si>
  <si>
    <t>【哈电锅炉】末级过热器外数第十五圈U型弯头\44.5*9.5\SA-213TP347H\CYR-F001CHD001Q091-15\HG-1110/25.4</t>
  </si>
  <si>
    <t>【哈电锅炉】末级过热器外数第十六圈U型弯头\44.5*9.5\SA-213TP347H\CYR-F001CHD001Q091-16\HG-1110/25.4</t>
  </si>
  <si>
    <t>【哈电锅炉】末级过热器外数第十七圈U型弯头\44.5*9.5\SA-213TP347H\CYR-F001CHD001Q091-17\HG-1110/25.4</t>
  </si>
  <si>
    <t>【哈电锅炉】末级过热器外数第十八圈U型弯头\44.5*9.5\SA-213TP347H\CYR-F001CHD001Q091-18\HG-1110/25.4</t>
  </si>
  <si>
    <t>【哈电锅炉】高温再热器外数第一圈U型弯头\51.0*4MWT\SA-213T91\ZH-F001DCH001C051-1\HG-1900/25.4</t>
  </si>
  <si>
    <t>【哈电锅炉】高温再热器外数第二圈U型弯头\51.0*4MWT\SA213-T91\ZH-F001DCH001C051-2\HG-1900/25.4</t>
  </si>
  <si>
    <t>【哈电锅炉】高温再热器外数第三圈U型弯头\51.0*4MWT\SA213-T91\ZH-F001DCH001C051-3\HG-1900/25.4</t>
  </si>
  <si>
    <t>【哈电锅炉】高温再热器外数第四圈U型弯头\51.0*4MWT\SA213-T91\ZH-F001DCH001C051-4\HG-1900/25.4</t>
  </si>
  <si>
    <t>【哈电锅炉】高温再热器外数第五圈U型弯头\51.0*4MWT\SA213-T91\ZH-F001DCH001C051-5\HG-1900/25.4</t>
  </si>
  <si>
    <t>【哈电锅炉】高温再热器外数第六圈U型弯头\51.0*4MWT\SA213-T91\ZH-F001DCH001C051-6\HG-1900/25.4</t>
  </si>
  <si>
    <t>【哈电锅炉】高温再热器外数第七圈U型弯头\51.0*4MWT\SA-213T91\ZH-F001DCH001C051-7\HG-1900/25.4</t>
  </si>
  <si>
    <t>【哈电锅炉】高温再热器外数第八圈U型弯头\51.0*4MWT\SA213-T91\ZH-F001DCH001C051-8\HG-1900/25.4</t>
  </si>
  <si>
    <t>【哈电锅炉】高温再热器外数第九圈U型弯头\51.0*4MWT\SA213-T91\ZH-F001DCH001C051-9\HG-1900/25.4</t>
  </si>
  <si>
    <t>【哈电锅炉】高温再热器外数第十圈U型弯头\51.0*4MWT\SA-213T92\ZH-F001DCH001C051-10\HG-1900/25.4</t>
  </si>
  <si>
    <t>【哈电锅炉】高温再热器外数第十一圈U型弯头\51.0*4MWT\SA213-T91\ZH-F001DCH001C051-11\HG-1900/25.4</t>
  </si>
  <si>
    <t>【哈电锅炉】高温再热器外数第十二圈U型弯头\51.0*4MWT\SA213-T91\ZH-F001DCH001C051-12\HG-1900/25.4</t>
  </si>
  <si>
    <t>【哈电锅炉】高温再热器外数第十三圈U型弯头\51.0*4MWT\SA213-T91\ZH-F001DCH001C051-13\HG-1900/25.4</t>
  </si>
  <si>
    <t>【哈电锅炉】高温再热器外数第十四圈U型弯头\51.0*4MWT\SA213-T91\ZH-F001DCH001C051-14\HG-1900/25.4</t>
  </si>
  <si>
    <t>【哈电锅炉】高温再热器外数第十五圈U型弯头\51.0*4MWT\SA213-T91\ZH-F001DCH001C051-15\HG-1900/25.4</t>
  </si>
  <si>
    <t>【哈电锅炉】高温再热器外数第十六圈U型弯头\51.0*4MWT\SA-213T92\ZH-F001DCH001C051-16\HG-1900/25.4</t>
  </si>
  <si>
    <t>【哈电锅炉】高温再热器外数第十七圈U型弯头\51.0*4MWT\SA213-T91\ZH-F001DCH001C051-17\HG-1900/25.4</t>
  </si>
  <si>
    <t>【哈电锅炉】高温再热器外数第十八圈U型弯头\51.0*4MWT\SA213-T91\ZH-F001DCH001C051-18\HG-1900/25.4</t>
  </si>
  <si>
    <t>【哈电锅炉】高温再热器外数第十九圈U型弯头\51.0*4MWT\SA-213T91\ZH-F001DCH001C051-19\HG-1900/25.4</t>
  </si>
  <si>
    <t>【哈电锅炉】高温再热器外数第二十圈U型弯头\51.0*4MWT\SA213-T91\ZH-F001DCH001C051-20\HG-1900/25.4</t>
  </si>
  <si>
    <t>【哈电锅炉】屏式过热器外数第一圈U型弯头\38.0*6.6MWT\SA-213TP347H\ZH-F001CGA001C051-1\HG-1900/25.4</t>
  </si>
  <si>
    <t>【哈电锅炉】屏式过热器外数第二圈U型弯头\38.0*6.6MWT\SA-213TP347H\ZH-F001CGA001C051-2\HG-1900/25.4</t>
  </si>
  <si>
    <t>【哈电锅炉】屏式过热器外数第三圈U型弯头\38.0*6.6MWT\SA-213TP347H\ZH-F001CGA001C051-3\HG-1900/25.4</t>
  </si>
  <si>
    <t>【哈电锅炉】屏式过热器外数第四圈U型弯头\38.0*6.6MWT\SA-213TP347H\ZH-F001CGA001C051-4\HG-1900/25.4</t>
  </si>
  <si>
    <t>【哈电锅炉】屏式过热器外数第五圈U型弯头\38.0*6.6MWT\SA-213TP347H\ZH-F001CGA001C051-5\HG-1900/25.4</t>
  </si>
  <si>
    <t>【哈电锅炉】屏式过热器外数第六圈U型弯头\38.0*6.6MWT\SA-213TP347H\ZH-F001CGA001C051-6\HG-1900/25.4</t>
  </si>
  <si>
    <t>【哈电锅炉】屏式过热器外数第七圈U型弯头\38.0*6.6MWT\SA-213TP347H\ZH-F001CGA001C051-7\HG-1900/25.4</t>
  </si>
  <si>
    <t>【哈电锅炉】屏式过热器外数第八圈U型弯头\38.0*6.6MWT\SA-213TP347H\ZH-F001CGA001C051-8\HG-1900/25.4</t>
  </si>
  <si>
    <t>【哈电锅炉】屏式过热器外数第九圈U型弯头\38.0*6.6MWT\SA-213TP347H\ZH-F001CGA001C051-9\HG-1900/25.4</t>
  </si>
  <si>
    <t>【哈电锅炉】屏式过热器外数第十圈U型弯头\38.0*6.6MWT\SA-213TP347H\ZH-F001CGA001C051-10\HG-1900/25.4</t>
  </si>
  <si>
    <t>【哈电锅炉】屏式过热器外数第十一圈U型弯头\38.0*6.6MWT\SA-213TP347H\ZH-F001CGA001C051-11\HG-1900/25.4</t>
  </si>
  <si>
    <t>【哈电锅炉】屏式过热器外数第十二圈U型弯头\38.0*6.6MWT\SA-213TP347H\ZH-F001CGA001C051-12\HG-1900/25.4</t>
  </si>
  <si>
    <t>【哈电锅炉】屏式过热器外数第十三圈U型弯头\38.0*6.6MWT\SA-213TP347H\ZH-F001CGA001C051-13\HG-1900/25.4</t>
  </si>
  <si>
    <t>【哈电锅炉】屏式过热器外数第十四圈U型弯头\38.0*6.6MWT\SA-213TP347H\ZH-F001CGA001C051-14\HG-1900/25.4</t>
  </si>
  <si>
    <t>【哈电锅炉】屏式过热器外数第十五圈U型弯头\38.0*6.6MWT\SA-213TP347H\ZH-F001CGA001C051-15\HG-1900/25.4</t>
  </si>
  <si>
    <t>【哈电锅炉】屏式过热器外数第十六圈U型弯头\38.0*6.6MWT\SA-213TP347H\ZH-F001CGA001C051-16\HG-1900/25.4</t>
  </si>
  <si>
    <t>【哈电锅炉】屏式过热器外数第十七圈U型弯头\38.0*6.6MWT\SA-213TP347H\ZH-F001CGA001C051-17\HG-1900/25.4</t>
  </si>
  <si>
    <t>【哈电锅炉】屏式过热器外数第十八圈U型弯头\38.0*6.6MWT\SA-213TP347H\ZH-F001CGA001C051-18\HG-1900/25.4</t>
  </si>
  <si>
    <t>【哈电锅炉】屏式过热器外数第十九圈U型弯头\38.0*6.6MWT\SA-213TP347H\ZH-F001CGA001C051-19\HG-1900/25.4</t>
  </si>
  <si>
    <t>【哈电锅炉】屏式过热器外数第二十圈U型弯头\38.0*6.6MWT\SA-213TP347H\ZH-F001CGA001C051-20\HG-1900/25.4</t>
  </si>
  <si>
    <t>【哈电锅炉】屏式过热器外数第二十一圈U型弯头\38.0*6.6MWT\SA-213TP347H\ZH-F001CGA001C051-21\HG-1900/25.4</t>
  </si>
  <si>
    <t>【哈电锅炉】屏式过热器外数第二十二圈U型弯头\38.0*6.6MWT\SA-213TP347H\ZH-F001CGA001C051-22\HG-1900/25.4</t>
  </si>
  <si>
    <t>【哈电锅炉】屏式过热器外数第二十三圈U型弯头\38.0*6.6MWT\SA-213TP347H\ZH-F001CGA001C051-23\HG-1900/25.4</t>
  </si>
  <si>
    <t>【哈电锅炉】屏式过热器外数第二十四圈U型弯头\38.0*6.6MWT\SA-213TP347H\ZH-F001CGA001C051-24\HG-1900/25.4</t>
  </si>
  <si>
    <t>【哈电锅炉】屏式过热器外数第二十五圈U型弯头\38.0*6.6MWT\SA-213TP347H\ZH-F001CGA001C051-25\HG-1900/25.4</t>
  </si>
  <si>
    <t>【哈电锅炉】屏式过热器外数第二十六圈U型弯头\38.0*6.6MWT\SA-213TP347H\ZH-F001CGA001C051-26\HG-1900/25.4</t>
  </si>
  <si>
    <t>【哈电锅炉】屏式过热器外数第二十七圈U型弯头\38.0*6.6MWT\SA-213TP347H\ZH-F001CGA001C051-27\HG-1900/25.4</t>
  </si>
  <si>
    <t>【哈电锅炉】屏式过热器外数第二十八圈U型弯头\38.0*6.6MWT\SA-213TP347H\ZH-F001CGA001C051-28\HG-1900/25.4</t>
  </si>
  <si>
    <t>【哈电锅炉】末级过热器外数第一圈U型弯头\44.5*7.5MWT\SA-213TP347H\ZH-F001CHD001C051-1\HG-1900/25.4</t>
  </si>
  <si>
    <t>【哈电锅炉】末级过热器外数第二圈U型弯头\44.5*7.5MWT\SA-213TP347H\ZH-F001CHD001C051-2\HG-1900/25.4</t>
  </si>
  <si>
    <t>【哈电锅炉】末级过热器外数第三圈U型弯头\44.5*7.5MWT\SA-213TP347H\ZH-F001CHD001C051-3\HG-1900/25.4</t>
  </si>
  <si>
    <t>【哈电锅炉】末级过热器外数第四圈U型弯头\44.5*7.5MWT\SA-213TP347H\ZH-F001CHD001C051-4\HG-1900/25.4</t>
  </si>
  <si>
    <t>【哈电锅炉】末级过热器外数第五圈U型弯头\44.5*7.5MWT\SA-213TP347H\ZH-F001CHD001C051-5\HG-1900/25.4</t>
  </si>
  <si>
    <t>【哈电锅炉】末级过热器外数第六圈U型弯头\44.5*7.5MWT\SA-213TP347H\ZH-F001CHD001C051-6\HG-1900/25.4</t>
  </si>
  <si>
    <t>【哈电锅炉】末级过热器外数第七圈U型弯头\44.5*7.5MWT\SA-213TP347H\ZH-F001CHD001C051-7\HG-1900/25.4</t>
  </si>
  <si>
    <t>【哈电锅炉】末级过热器外数第八圈U型弯头\44.5*7.5MWT\SA-213TP347H\ZH-F001CHD001C051-8\HG-1900/25.4</t>
  </si>
  <si>
    <t>【哈电锅炉】末级过热器外数第九圈U型弯头\44.5*7.5MWT\SA-213TP347H\ZH-F001CHD001C051-9\HG-1900/25.4</t>
  </si>
  <si>
    <t>【哈电锅炉】末级过热器外数第十圈U型弯头\44.5*7.5MWT\SA-213TP347H\ZH-F001CHD001C051-10\HG-1900/25.4</t>
  </si>
  <si>
    <t>【哈电锅炉】末级过热器外数第十一圈U型弯头\44.5*7.5MWT\SA-213TP347H\ZH-F001CHD001C051-11\HG-1900/25.4</t>
  </si>
  <si>
    <t>【哈电锅炉】末级过热器外数第十二圈U型弯头\44.5*7.5MWT\SA-213TP347H\ZH-F001CHD001C051-12\HG-1900/25.4</t>
  </si>
  <si>
    <t>【哈电锅炉】末级过热器外数第十三圈U型弯头\44.5*7.5MWT\SA-213TP347H\ZH-F001CHD001C051-13\HG-1900/25.4</t>
  </si>
  <si>
    <t>【哈电锅炉】末级过热器外数第十四圈U型弯头\44.5*7.5MWT\SA-213TP347H\ZH-F001CHD001C051-14\HG-1900/25.4</t>
  </si>
  <si>
    <t>【哈电锅炉】末级过热器外数第十五圈U型弯头\44.5*7.5MWT\SA-213TP347H\ZH-F001CHD001C051-15\HG-1900/25.4</t>
  </si>
  <si>
    <t>【哈电锅炉】末级过热器外数第十六圈U型弯头\44.5*7.5MWT\SA-213TP347H\ZH-F001CHD001C051-16\HG-1900/25.4</t>
  </si>
  <si>
    <t>【哈电锅炉】末级过热器外数第十七圈U型弯头\44.5*7.5MWT\SA-213TP347H\ZH-F001CHD001C051-17\HG-1900/25.4</t>
  </si>
  <si>
    <t>【哈电锅炉】末级过热器外数第十八圈U型弯头\44.5*7.5MWT\SA-213TP347H\ZH-F001CHD001C051-18\HG-1900/25.4</t>
  </si>
  <si>
    <t>【哈电锅炉】末级过热器外数第十九圈U型弯头\44.5*7.5MWT\SA-213TP347H\ZH-F001CHD001C051-19\HG-1900/25.4</t>
  </si>
  <si>
    <t>【哈电锅炉】末级过热器外数第二十圈U型弯头\44.5*7.5MWT\SA-213TP347H\ZH-F001CHD001C051-20\HG-1900/25.4</t>
  </si>
  <si>
    <t>【哈电锅炉】热端内侧径向密封片\F002JAE001C101\31.5-VI(T)-2033-SMR</t>
  </si>
  <si>
    <t>【哈电锅炉】中间径向密封片\F002JAE002C101\31.5-VI(T)-2033-SMR</t>
  </si>
  <si>
    <t>【哈电锅炉】外侧径向密封片\F002JAE003C101\31.5-VI(T)-2033-SMR</t>
  </si>
  <si>
    <t>【哈电锅炉】冷端内侧径向密封片\F002JAE004C101\31.5-VI(T)-2033-SMR</t>
  </si>
  <si>
    <t>【哈电锅炉】热端中心筒密封片\F002JAE010C101\31.5-VI(T)-2033-SMR</t>
  </si>
  <si>
    <t>【哈电锅炉】冷端中心筒密封片\F002JAE011C101\31.5-VI(T)-2033-SMR</t>
  </si>
  <si>
    <t>【哈电锅炉】热端传热元件盒A\F002JAG001C101\31.5-VI(T)-2033-SMR</t>
  </si>
  <si>
    <t>【哈电锅炉】热端传热元件盒B\F002JAG005C101\31.5-VI(T)-2033-SMR</t>
  </si>
  <si>
    <t>【哈电锅炉】热端传热元件盒C\F002JAG008C101\31.5-VI(T)-2033-SMR</t>
  </si>
  <si>
    <t>【哈电锅炉】热端传热元件盒D\F002JAG010C101\31.5-VI(T)-2033-SMR</t>
  </si>
  <si>
    <t>【哈电锅炉】热端传热元件盒E\F002JAG012C101\31.5-VI(T)-2033-SMR</t>
  </si>
  <si>
    <t>【哈电锅炉】热端传热元件盒F\F002JAG014C101\31.5-VI(T)-2033-SMR</t>
  </si>
  <si>
    <t>【哈电锅炉】中间层传热元件盒A\F002JAG018C101\31.5-VI(T)-2033-SMR</t>
  </si>
  <si>
    <t>【哈电锅炉】中间层传热元件盒B\F002JAG021C101\31.5-VI(T)-2033-SMR</t>
  </si>
  <si>
    <t>【哈电锅炉】中间层传热元件盒C\F002JAG023C101\31.5-VI(T)-2033-SMR</t>
  </si>
  <si>
    <t>【哈电锅炉】中间层传热元件盒D\F002JAG024C101\31.5-VI(T)-2033-SMR</t>
  </si>
  <si>
    <t>【哈电锅炉】中间层传热元件盒E\F002JAG025C101\31.5-VI(T)-2033-SMR</t>
  </si>
  <si>
    <t>【哈电锅炉】中间层传热元件盒F\F002JAG026C101\31.5-VI(T)-2033-SMR</t>
  </si>
  <si>
    <t>【哈电锅炉】冷端传热元件盒A\F002JAH001C101\31.5-VI(T)-2033-SMR</t>
  </si>
  <si>
    <t>【哈电锅炉】冷端传热元件盒B\F002JAH002C101\31.5-VI(T)-2033-SMR</t>
  </si>
  <si>
    <t>【哈电锅炉】冷端传热元件盒C\F002JAH003C101\31.5-VI(T)-2033-SMR</t>
  </si>
  <si>
    <t>【哈电锅炉】冷端传热元件盒D\F002JAH004C101\31.5-VI(T)-2033-SMR</t>
  </si>
  <si>
    <t>【哈电锅炉】冷端传热元件盒E\F002JAH005C101\31.5-VI(T)-2033-SMR</t>
  </si>
  <si>
    <t>【哈电锅炉】冷端传热元件盒F\F002JAH006C101\31.5-VI(T)-2033-SMR</t>
  </si>
  <si>
    <t>【哈电锅炉】轴向密封片\F002JBB002C101\31.5-VI(T)-2033-SMR</t>
  </si>
  <si>
    <t>【哈电锅炉】轴向密封片\F002JBB003C101\31.5-VI(T)-2033-SMR</t>
  </si>
  <si>
    <t>【哈电锅炉】冷端旁路密封片\F002JBB005C101\31.5-VI(T)-2033-SMR</t>
  </si>
  <si>
    <t>【哈电锅炉】热端旁路密封片\F002JBB006C101\31.5-VI(T)-2033-SMR</t>
  </si>
  <si>
    <t>【哈电锅炉】热端内侧径向密封片\F002JAE001ZL08\32-VI(T)-2500-QMR</t>
  </si>
  <si>
    <t>【哈电锅炉】中间径向密封片\F002JAE002ZL08\32-VI(T)-2500-QMR</t>
  </si>
  <si>
    <t>【哈电锅炉】冷端内侧径向密封片\F002JAE003ZL08\32-VI(T)-2500-QMR</t>
  </si>
  <si>
    <t>【哈电锅炉】热端中心筒密封片\F002JAE007ZL08\32-VI(T)-2500-QMR</t>
  </si>
  <si>
    <t>【哈电锅炉】冷端中心筒密封片\F002JAE008ZL08\32-VI(T)-2500-QMR</t>
  </si>
  <si>
    <t>【哈电锅炉】热端传热元件盒A\F002JAG001ZL08\32-VI(T)-2500-QMR</t>
  </si>
  <si>
    <t>【哈电锅炉】热端传热元件盒B\F002JAG002ZL08\32-VI(T)-2500-QMR</t>
  </si>
  <si>
    <t>【哈电锅炉】热端传热元件盒C\F002JAG003ZL08\32-VI(T)-2500-QMR</t>
  </si>
  <si>
    <t>【哈电锅炉】热端传热元件盒D\F002JAG004ZL08\32-VI(T)-2500-QMR</t>
  </si>
  <si>
    <t>【哈电锅炉】热端传热元件盒E\F002JAG005ZL08\32-VI(T)-2500-QMR</t>
  </si>
  <si>
    <t>【哈电锅炉】热端传热元件盒F\F002JAG006ZL08\32-VI(T)-2500-QMR</t>
  </si>
  <si>
    <t>【哈电锅炉】中间层传热元件盒A\F002JAG007ZL08\32-VI(T)-2500-QMR</t>
  </si>
  <si>
    <t>【哈电锅炉】中间层传热元件盒B\F002JAG008ZL08\32-VI(T)-2500-QMR</t>
  </si>
  <si>
    <t>【哈电锅炉】中间层传热元件盒C\F002JAG009ZL08\32-VI(T)-2500-QMR</t>
  </si>
  <si>
    <t>【哈电锅炉】中间层传热元件盒D\F002JAG010ZL08\32-VI(T)-2500-QMR</t>
  </si>
  <si>
    <t>【哈电锅炉】中间层传热元件盒E\F002JAG011ZL08\32-VI(T)-2500-QMR</t>
  </si>
  <si>
    <t>【哈电锅炉】中间层传热元件盒F\F002JAG012ZL08\32-VI(T)-2500-QMR</t>
  </si>
  <si>
    <t>【哈电锅炉】冷端传热元件盒A\F002JAH001ZL08\32-VI(T)-2500-QMR</t>
  </si>
  <si>
    <t>【哈电锅炉】冷端传热元件盒B\F002JAH002ZL08\32-VI(T)-2500-QMR</t>
  </si>
  <si>
    <t>【哈电锅炉】冷端传热元件盒C\F002JAH003ZL08\32-VI(T)-2500-QMR</t>
  </si>
  <si>
    <t>【哈电锅炉】冷端传热元件盒D\F002JAH004ZL08\32-VI(T)-2500-QMR</t>
  </si>
  <si>
    <t>【哈电锅炉】冷端传热元件盒E\F002JAH005ZL08\32-VI(T)-2500-QMR</t>
  </si>
  <si>
    <t>【哈电锅炉】冷端传热元件盒F\F002JAH006ZL08\32-VI(T)-2500-QMR</t>
  </si>
  <si>
    <t>【哈电锅炉】轴向密封片No.1\F002JBB002ZL08\32-VI(T)-2500-QMR</t>
  </si>
  <si>
    <t>【哈电锅炉】轴向密封片No.2\F002JBB002ZL08\32-VI(T)-2500-QMR</t>
  </si>
  <si>
    <t>【哈电锅炉】冷端旁路密封片\F002JBB004ZL08\32-VI(T)-2500-QMR</t>
  </si>
  <si>
    <t>【哈电锅炉】热端旁路密封片\F002JBB005ZL08\32-VI(T)-2500-QMR</t>
  </si>
  <si>
    <t>【哈电锅炉】热端内侧径向密封片\F002JAE001ZL31\30-VI(T)-2300-QMR</t>
  </si>
  <si>
    <t>【哈电锅炉】中间径向密封片\F002JAE002ZL31\30-VI(T)-2300-QMR</t>
  </si>
  <si>
    <t>【哈电锅炉】冷端内侧径向密封片\F002JAE003ZL31\30-VI(T)-2300-QMR</t>
  </si>
  <si>
    <t>【哈电锅炉】热端中心筒密封片\F002JAE010Q071\30-VI(T)-2300-QMR</t>
  </si>
  <si>
    <t>【哈电锅炉】冷端中心筒密封片\F002JAE011Q071\30-VI(T)-2300-QMR</t>
  </si>
  <si>
    <t>【哈电锅炉】中间层传热元件盒A\F002JAG001Q081\30-VI(T)-2300-QMR</t>
  </si>
  <si>
    <t>【哈电锅炉】中间层传热元件盒B\F002JAG002Q081\30-VI(T)-2300-QMR</t>
  </si>
  <si>
    <t>【哈电锅炉】中间层传热元件盒C\F002JAG003Q081\30-VI(T)-2300-QMR</t>
  </si>
  <si>
    <t>【哈电锅炉】中间层传热元件盒D\F002JAG004Q081\30-VI(T)-2300-QMR</t>
  </si>
  <si>
    <t>【哈电锅炉】中间层传热元件盒E\F002JAG005Q081\30-VI(T)-2300-QMR</t>
  </si>
  <si>
    <t>【哈电锅炉】热端传热元件盒A\F002JAG001ZL31\30-VI(T)-2300-QMR</t>
  </si>
  <si>
    <t>【哈电锅炉】热端传热元件盒B\F002JAG005ZL31\30-VI(T)-2300-QMR</t>
  </si>
  <si>
    <t>【哈电锅炉】热端传热元件盒C\F002JAG008ZL31\30-VI(T)-2300-QMR</t>
  </si>
  <si>
    <t>【哈电锅炉】热端传热元件盒D\F002JAG010ZL31\30-VI(T)-2300-QMR</t>
  </si>
  <si>
    <t>【哈电锅炉】热端传热元件盒E\F002JAG012ZL31\30-VI(T)-2300-QMR</t>
  </si>
  <si>
    <t>【哈电锅炉】冷端传热元件盒A\F002JAH001ZL31\30-VI(T)-2300-QMR</t>
  </si>
  <si>
    <t>【哈电锅炉】冷端传热元件盒B\F002JAH005ZL31\30-VI(T)-2300-QMR</t>
  </si>
  <si>
    <t>【哈电锅炉】冷端传热元件盒C\F002JAH008ZL31\30-VI(T)-2300-QMR</t>
  </si>
  <si>
    <t>【哈电锅炉】冷端传热元件盒D\F002JAH010ZL31\30-VI(T)-2300-QMR</t>
  </si>
  <si>
    <t>【哈电锅炉】冷端传热元件盒E\F002JAH012ZL31\30-VI(T)-2300-QMR</t>
  </si>
  <si>
    <t>【哈电锅炉】轴向密封片\F002JBB002ZL31\30-VI(T)-2300-QMR</t>
  </si>
  <si>
    <t>【哈电锅炉】轴向密封片\F002JBB003ZL31\30-VI(T)-2300-QMR</t>
  </si>
  <si>
    <t>【哈电锅炉】冷端旁路密封片\F002JBB004ZL31\30-VI(T)-2300-QMR</t>
  </si>
  <si>
    <t>【哈电锅炉】热端旁路密封片\F002JBB005ZL31\30-VI(T)-2300-QMR</t>
  </si>
  <si>
    <t>【哈电锅炉】冷端旁路密封片\F002JBB006ZL31\30-VI(T)-2300-QMR</t>
  </si>
  <si>
    <t>【哈电锅炉】热端内侧径向密封片\7303S.302\31.5-VI(T)-1833（1733）-QMR</t>
  </si>
  <si>
    <t>【哈电锅炉】中间径向密封片\7303S.303\31.5-VI(T)-1833（1733）-QMR</t>
  </si>
  <si>
    <t>【哈电锅炉】外侧径向密封片\7303S.304\31.5-VI(T)-1833（1733）-QMR</t>
  </si>
  <si>
    <t>【哈电锅炉】冷端内侧径向密封片\7303S.305\31.5-VI(T)-1833（1733）-QMR</t>
  </si>
  <si>
    <t>【哈电锅炉】热端中心筒密封片\7303S.311\31.5-VI(T)-1833（1733）-QMR</t>
  </si>
  <si>
    <t>【哈电锅炉】冷端中心筒密封片\7303S.312\31.5-VI(T)-1833（1733）-QMR</t>
  </si>
  <si>
    <t>【哈电锅炉】热端传热元件盒A\7306S.1003\31.5-VI(T)-1833（1733）-QMR</t>
  </si>
  <si>
    <t>【哈电锅炉】热端传热元件盒B\7306S.1007\31.5-VI(T)-1833（1733）-QMR</t>
  </si>
  <si>
    <t>【哈电锅炉】热端传热元件盒C\7306S.1010\31.5-VI(T)-1833（1733）-QMR</t>
  </si>
  <si>
    <t>【哈电锅炉】热端传热元件盒D\7306S.1012\31.5-VI(T)-1833（1733）-QMR</t>
  </si>
  <si>
    <t>【哈电锅炉】热端传热元件盒E\7306S.1014\31.5-VI(T)-1833（1733）-QMR</t>
  </si>
  <si>
    <t>【哈电锅炉】热端传热元件盒F\7306S.1016\31.5-VI(T)-1833（1733）-QMR</t>
  </si>
  <si>
    <t>【哈电锅炉】中间层传热元件盒A\7306S.1020\31.5-VI(T)-1833（1733）-QMR</t>
  </si>
  <si>
    <t>【哈电锅炉】中间层传热元件盒B\7306S.1023\31.5-VI(T)-1833（1733）-QMR</t>
  </si>
  <si>
    <t>【哈电锅炉】中间层传热元件盒C\7306S.1025\31.5-VI(T)-1833（1733）-QMR</t>
  </si>
  <si>
    <t>【哈电锅炉】中间层传热元件盒D\7306S.1026\31.5-VI(T)-1833（1733）-QMR</t>
  </si>
  <si>
    <t>【哈电锅炉】中间层传热元件盒E\7306S.1027\31.5-VI(T)-1833（1733）-QMR</t>
  </si>
  <si>
    <t>【哈电锅炉】中间层传热元件盒F\7306S.1028\31.5-VI(T)-1833（1733）-QMR</t>
  </si>
  <si>
    <t>【哈电锅炉】冷端传热元件盒A\7307S.591\31.5-VI(T)-1833（1733）-QMR</t>
  </si>
  <si>
    <t>【哈电锅炉】冷端传热元件盒B\7307S.595\31.5-VI(T)-1833（1733）-QMR</t>
  </si>
  <si>
    <t>【哈电锅炉】冷端传热元件盒C\7307S.598\31.5-VI(T)-1833（1733）-QMR</t>
  </si>
  <si>
    <t>【哈电锅炉】冷端传热元件盒D\7307S.600\31.5-VI(T)-1833（1733）-QMR</t>
  </si>
  <si>
    <t>【哈电锅炉】冷端传热元件盒E\7307S.602\31.5-VI(T)-1833（1733）-QMR</t>
  </si>
  <si>
    <t>【哈电锅炉】冷端传热元件盒F\7307S.604\31.5-VI(T)-1833（1733）-QMR</t>
  </si>
  <si>
    <t>【哈电锅炉】轴向密封片\7316S.192\31.5-VI(T)-1833（1733）-QMR</t>
  </si>
  <si>
    <t>【哈电锅炉】轴向密封片\7316S.193\31.5-VI(T)-1833（1733）-QMR</t>
  </si>
  <si>
    <t>【哈电锅炉】冷端旁路密封片\7316S.196\31.5-VI(T)-1833（1733）-QMR</t>
  </si>
  <si>
    <t>【哈电锅炉】热端旁路密封片\7316S.195\31.5-VI(T)-1833（1733）-QMR</t>
  </si>
  <si>
    <t>【哈电锅炉】热端内侧径向密封片\F002JAE001B201\33.5-VI(T)-2450-QMR</t>
  </si>
  <si>
    <t>【哈电锅炉】中间径向密封片\F002JAE002B201\33.5-VI(T)-2450-QMR</t>
  </si>
  <si>
    <t>【哈电锅炉】冷端内侧径向密封片\F002JAE003B201\33.5-VI(T)-2450-QMR</t>
  </si>
  <si>
    <t>【哈电锅炉】热端中心筒密封片\F002JAE008B201\33.5-VI(T)-2450-QMR</t>
  </si>
  <si>
    <t>【哈电锅炉】冷端中心筒密封片\F002JAE009B201\33.5-VI(T)-2450-QMR</t>
  </si>
  <si>
    <t>【哈电锅炉】热端传热元件盒A\F002JAG001B201\33.5-VI(T)-2450-QMR</t>
  </si>
  <si>
    <t>【哈电锅炉】热端传热元件盒B\F002JAG005B201\33.5-VI(T)-2450-QMR</t>
  </si>
  <si>
    <t>【哈电锅炉】热端传热元件盒C\F002JAG008B201\33.5-VI(T)-2450-QMR</t>
  </si>
  <si>
    <t>【哈电锅炉】热端传热元件盒D\F002JAG010B201\33.5-VI(T)-2450-QMR</t>
  </si>
  <si>
    <t>【哈电锅炉】热端传热元件盒E\F002JAG012B201\33.5-VI(T)-2450-QMR</t>
  </si>
  <si>
    <t>【哈电锅炉】热端传热元件盒F\F002JAG016B201\33.5-VI(T)-2450-QMR</t>
  </si>
  <si>
    <t>【哈电锅炉】热端传热元件盒G\F002JAG018B201\33.5-VI(T)-2450-QMR</t>
  </si>
  <si>
    <t>【哈电锅炉】热端传热元件盒H\F002JAG020B201\33.5-VI(T)-2450-QMR</t>
  </si>
  <si>
    <t>【哈电锅炉】中间层传热元件盒A\F002JAG022B201\33.5-VI(T)-2450-QMR</t>
  </si>
  <si>
    <t>【哈电锅炉】中间层传热元件盒B\F002JAG025B201\33.5-VI(T)-2450-QMR</t>
  </si>
  <si>
    <t>【哈电锅炉】中间层传热元件盒C\F002JAG027B201\33.5-VI(T)-2450-QMR</t>
  </si>
  <si>
    <t>【哈电锅炉】中间层传热元件盒D\F002JAG028B201\33.5-VI(T)-2450-QMR</t>
  </si>
  <si>
    <t>【哈电锅炉】中间层传热元件盒E\F002JAG029B201\33.5-VI(T)-2450-QMR</t>
  </si>
  <si>
    <t>【哈电锅炉】中间层传热元件盒F\F002JAG032B201\33.5-VI(T)-2450-QMR</t>
  </si>
  <si>
    <t>【哈电锅炉】中间层传热元件盒G\F002JAG033B201\33.5-VI(T)-2450-QMR</t>
  </si>
  <si>
    <t>【哈电锅炉】中间层传热元件盒H\F002JAG034B201\33.5-VI(T)-2450-QMR</t>
  </si>
  <si>
    <t>【哈电锅炉】冷端传热元件盒A\F002JAG001B201\33.5-VI(T)-2450-QMR</t>
  </si>
  <si>
    <t>【哈电锅炉】冷端传热元件盒B\F002JAG005B201\33.5-VI(T)-2450-QMR</t>
  </si>
  <si>
    <t>【哈电锅炉】冷端传热元件盒C\F002JAG008B201\33.5-VI(T)-2450-QMR</t>
  </si>
  <si>
    <t>【哈电锅炉】冷端传热元件盒D\F002JAG010B201\33.5-VI(T)-2450-QMR</t>
  </si>
  <si>
    <t>【哈电锅炉】冷端传热元件盒E\F002JAG012B201\33.5-VI(T)-2450-QMR</t>
  </si>
  <si>
    <t>【哈电锅炉】冷端传热元件盒F\F002JAG016B201\33.5-VI(T)-2450-QMR</t>
  </si>
  <si>
    <t>【哈电锅炉】冷端传热元件盒G\F002JAG018B201\33.5-VI(T)-2450-QMR</t>
  </si>
  <si>
    <t>【哈电锅炉】轴向密封片\F002JBB001B201\33.5-VI(T)-2450-QMR</t>
  </si>
  <si>
    <t>【哈电锅炉】冷端旁路密封片\F002JBB005B201\33.5-VI(T)-2450-QMR</t>
  </si>
  <si>
    <t>【哈电锅炉】热端旁路密封片\F002JBB006B201\33.5-VI(T)-2450-QMR</t>
  </si>
  <si>
    <t>【哈电锅炉】热端内侧径向密封片\F002JAE001Q101\30.5-VI(T)-2450-QMR</t>
  </si>
  <si>
    <t>【哈电锅炉】中间径向密封片\F002JAE002Q101\30.5-VI(T)-2450-QMR</t>
  </si>
  <si>
    <t>【哈电锅炉】冷端内侧径向密封片\F002JAE004Q101\30.5-VI(T)-2450-QMR</t>
  </si>
  <si>
    <t>【哈电锅炉】热端中心筒密封片\F002JAE010Q101\30.5-VI(T)-2450-QMR</t>
  </si>
  <si>
    <t>【哈电锅炉】冷端中心筒密封片\F002JAE011Q101\30.5-VI(T)-2450-QMR</t>
  </si>
  <si>
    <t>【哈电锅炉】轴向密封片\F002JBB002Q101\30.5-VI(T)-2450-QMR</t>
  </si>
  <si>
    <t>【哈电锅炉】冷端旁路密封片\F002JBB004Q101\30.5-VI(T)-2450-QMR</t>
  </si>
  <si>
    <t>【哈电锅炉】热端旁路密封片\F002JBB005Q101\30.5-VI(T)-2450-QMR</t>
  </si>
  <si>
    <t>【哈电锅炉】热端传热元件盒A\F002JAG001Q101\30.5-VI(T)-2450-QMR</t>
  </si>
  <si>
    <t>【哈电锅炉】热端传热元件盒B\F002JAG002Q101\30.5-VI(T)-2450-QMR</t>
  </si>
  <si>
    <t>【哈电锅炉】热端传热元件盒C\F002JAG003Q101\30.5-VI(T)-2450-QMR</t>
  </si>
  <si>
    <t>【哈电锅炉】热端传热元件盒D\F002JAG004Q101\30.5-VI(T)-2450-QMR</t>
  </si>
  <si>
    <t>【哈电锅炉】热端传热元件盒E\F002JAG005Q101\30.5-VI(T)-2450-QMR</t>
  </si>
  <si>
    <t>【哈电锅炉】热端防磨层传热元件盒A\F002JAG006Q101\30.5-VI(T)-2450-QMR</t>
  </si>
  <si>
    <t>【哈电锅炉】热端防磨层传热元件盒B\F002JAG007Q101\30.5-VI(T)-2450-QMR</t>
  </si>
  <si>
    <t>【哈电锅炉】热端防磨层传热元件盒C\F002JAG008Q101\30.5-VI(T)-2450-QMR</t>
  </si>
  <si>
    <t>【哈电锅炉】热端防磨层传热元件盒D\F002JAG009Q101\30.5-VI(T)-2450-QMR</t>
  </si>
  <si>
    <t>【哈电锅炉】热端防磨层传热元件盒E\F002JAG010Q101\30.5-VI(T)-2450-QMR</t>
  </si>
  <si>
    <t>【哈电锅炉】冷端传热元件盒A\F002JAH001Q091\30.5-VI(T)-2450-QMR</t>
  </si>
  <si>
    <t>【哈电锅炉】冷端传热元件盒B\F002JAH002Q091\30.5-VI(T)-2450-QMR</t>
  </si>
  <si>
    <t>【哈电锅炉】冷端传热元件盒C\F002JAH003Q091\30.5-VI(T)-2450-QMR</t>
  </si>
  <si>
    <t>【哈电锅炉】冷端传热元件盒D\F002JAH004Q091\30.5-VI(T)-2450-QMR</t>
  </si>
  <si>
    <t>【哈电锅炉】冷端传热元件盒E\F002JAH005Q091\30.5-VI(T)-2450-QMR</t>
  </si>
  <si>
    <t>【哈电锅炉】冷端内侧径向密封片\F002JAE001ZM34\29.5-VI(T)-2250-QMR</t>
  </si>
  <si>
    <t>【哈电锅炉】中间径向密封片\F002JAE002ZM34\29.5-VI(T)-2250-QMR</t>
  </si>
  <si>
    <t>【哈电锅炉】外侧径向密封片\F002JAE003ZM34\29.5-VI(T)-2250-QMR</t>
  </si>
  <si>
    <t>【哈电锅炉】热端内侧径向密封片\F002JAE004ZM34\29.5-VI(T)-2250-QMR</t>
  </si>
  <si>
    <t>【哈电锅炉】热端中心筒密封片\F002JAE009ZM34\29.5-VI(T)-2250-QMR</t>
  </si>
  <si>
    <t>【哈电锅炉】冷端中心筒密封片\F002JAE010ZM34\29.5-VI(T)-2250-QMR</t>
  </si>
  <si>
    <t>【哈电锅炉】热端传热元件盒A\F002JAG001ZM34\29.5-VI(T)-2250-QMR</t>
  </si>
  <si>
    <t>【哈电锅炉】热端传热元件盒B\F002JAG005ZM34\29.5-VI(T)-2250-QMR</t>
  </si>
  <si>
    <t>【哈电锅炉】热端传热元件盒C\F002JAG008ZM34\29.5-VI(T)-2250-QMR</t>
  </si>
  <si>
    <t>【哈电锅炉】热端传热元件盒D\F002JAG010ZM34\29.5-VI(T)-2250-QMR</t>
  </si>
  <si>
    <t>【哈电锅炉】中间层传热元件盒A\F002JAG014E191\29.5-VI(T)-2250-QMR</t>
  </si>
  <si>
    <t>【哈电锅炉】中间层传热元件盒B\F002JAG017E191\29.5-VI(T)-2250-QMR</t>
  </si>
  <si>
    <t>【哈电锅炉】中间层传热元件盒C\F002JAG019E191\29.5-VI(T)-2250-QMR</t>
  </si>
  <si>
    <t>【哈电锅炉】中间层传热元件盒D\F002JAG020E191\29.5-VI(T)-2250-QMR</t>
  </si>
  <si>
    <t>【哈电锅炉】冷端传热元件盒A\F002JAH001ZM34\29.5-VI(T)-2250-QMR</t>
  </si>
  <si>
    <t>【哈电锅炉】冷端传热元件盒B\F002JAH005ZM34\29.5-VI(T)-2250-QMR</t>
  </si>
  <si>
    <t>【哈电锅炉】冷端传热元件盒C\F002JAH008ZM34\29.5-VI(T)-2250-QMR</t>
  </si>
  <si>
    <t>【哈电锅炉】冷端传热元件盒D\F002JAH010ZM34\29.5-VI(T)-2250-QMR</t>
  </si>
  <si>
    <t>【哈电锅炉】轴向密封片\F002JBB002ZM34\29.5-VI(T)-2250-QMR</t>
  </si>
  <si>
    <t>【哈电锅炉】冷端旁路密封片\F002JBB004ZM34\29.5-VI(T)-2250-QMR</t>
  </si>
  <si>
    <t>【哈电锅炉】热端旁路密封片\F002JBB005ZM34\29.5-VI(T)-2250-QMR</t>
  </si>
  <si>
    <t>【哈电锅炉】冷端旁路密封片\F002JBB006ZM34\29.5-VI(T)-2250-QMR</t>
  </si>
  <si>
    <t>【哈电锅炉】热端内侧径向密封片\F002JAE001E401\30.5-VI(T)-2200-QMR</t>
  </si>
  <si>
    <t>【哈电锅炉】中间径向密封片\F002JAE002E401\30.5-VI(T)-2200-QMR</t>
  </si>
  <si>
    <t>【哈电锅炉】外侧径向密封片\F002JAE003E401\30.5-VI(T)-2200-QMR</t>
  </si>
  <si>
    <t>【哈电锅炉】冷端内侧径向密封片\F002JAE004E401\30.5-VI(T)-2200-QMR</t>
  </si>
  <si>
    <t>【哈电锅炉】热端中心筒密封片\F002JAE010E401\30.5-VI(T)-2200-QMR</t>
  </si>
  <si>
    <t>【哈电锅炉】冷端中心筒密封片\F002JAE011E401\30.5-VI(T)-2200-QMR</t>
  </si>
  <si>
    <t>【哈电锅炉】热端传热元件盒A\F002JAG001E401\30.5-VI(T)-2200-QMR</t>
  </si>
  <si>
    <t>【哈电锅炉】热端传热元件盒B\F002JAG002E401\30.5-VI(T)-2200-QMR</t>
  </si>
  <si>
    <t>【哈电锅炉】热端传热元件盒C\F002JAG003E401\30.5-VI(T)-2200-QMR</t>
  </si>
  <si>
    <t>【哈电锅炉】热端传热元件盒D\F002JAG004E401\30.5-VI(T)-2200-QMR</t>
  </si>
  <si>
    <t>【哈电锅炉】热端传热元件盒E\F002JAG005E401\30.5-VI(T)-2200-QMR</t>
  </si>
  <si>
    <t>【哈电锅炉】中间层传热元件盒A\F002JAG007E401\30.5-VI(T)-2200-QMR</t>
  </si>
  <si>
    <t>【哈电锅炉】中间层传热元件盒B\F002JAG008E401\30.5-VI(T)-2200-QMR</t>
  </si>
  <si>
    <t>【哈电锅炉】中间层传热元件盒C\F002JAG009E401\30.5-VI(T)-2200-QMR</t>
  </si>
  <si>
    <t>【哈电锅炉】中间层传热元件盒D\F002JAG010E401\30.5-VI(T)-2200-QMR</t>
  </si>
  <si>
    <t>【哈电锅炉】中间层传热元件盒E\F002JAG011E401\30.5-VI(T)-2200-QMR</t>
  </si>
  <si>
    <t>【哈电锅炉】热端防磨层传热元件盒A\F002JAG012E401\30.5-VI(T)-2200-QMR</t>
  </si>
  <si>
    <t>【哈电锅炉】热端防磨层传热元件盒B\F002JAG013E401\30.5-VI(T)-2200-QMR</t>
  </si>
  <si>
    <t>【哈电锅炉】热端防磨层传热元件盒C\F002JAG014E401\30.5-VI(T)-2200-QMR</t>
  </si>
  <si>
    <t>【哈电锅炉】热端防磨层传热元件盒D\F002JAG015E401\30.5-VI(T)-2200-QMR</t>
  </si>
  <si>
    <t>【哈电锅炉】热端防磨层传热元件盒E\F002JAG016E401\30.5-VI(T)-2200-QMR</t>
  </si>
  <si>
    <t>【哈电锅炉】冷端传热元件盒A\F002JAH001E401\30.5-VI(T)-2200-QMR</t>
  </si>
  <si>
    <t>【哈电锅炉】冷端传热元件盒B\F002JAH002E401\30.5-VI(T)-2200-QMR</t>
  </si>
  <si>
    <t>【哈电锅炉】冷端传热元件盒C\F002JAH003E401\30.5-VI(T)-2200-QMR</t>
  </si>
  <si>
    <t>【哈电锅炉】冷端传热元件盒D\F002JAH004E401\30.5-VI(T)-2200-QMR</t>
  </si>
  <si>
    <t>【哈电锅炉】冷端传热元件盒E\F002JAH005E401\30.5-VI(T)-2200-QMR</t>
  </si>
  <si>
    <t>【哈电锅炉】轴向密封片\F002JBB002E401\30.5-VI(T)-2200-QMR</t>
  </si>
  <si>
    <t>【哈电锅炉】热端旁路密封片\F002JBB004E401\30.5-VI(T)-2200-QMR</t>
  </si>
  <si>
    <t>【哈电锅炉】冷端旁路密封片\F002JBB005E401\30.5-VI(T)-2200-QMR</t>
  </si>
  <si>
    <t>【哈电锅炉】热端传热元件盒A\F002JAG001E402\30.5-VI(T)-2200-QMR</t>
  </si>
  <si>
    <t>【哈电锅炉】热端传热元件盒B\F002JAG002E402\30.5-VI(T)-2200-QMR</t>
  </si>
  <si>
    <t>【哈电锅炉】热端传热元件盒C\F002JAG003E402\30.5-VI(T)-2200-QMR</t>
  </si>
  <si>
    <t>【哈电锅炉】热端传热元件盒D\F002JAG004E402\30.5-VI(T)-2200-QMR</t>
  </si>
  <si>
    <t>【哈电锅炉】热端传热元件盒E\F002JAG005E402\30.5-VI(T)-2200-QMR</t>
  </si>
  <si>
    <t>【哈电锅炉】热端防磨层传热元件盒A\F002JAG006E402\30.5-VI(T)-2200-QMR</t>
  </si>
  <si>
    <t>【哈电锅炉】热端防磨层传热元件盒B\F002JAG007E402\30.5-VI(T)-2200-QMR</t>
  </si>
  <si>
    <t>【哈电锅炉】热端防磨层传热元件盒C\F002JAG008E402\30.5-VI(T)-2200-QMR</t>
  </si>
  <si>
    <t>【哈电锅炉】热端防磨层传热元件盒D\F002JAG009E402\30.5-VI(T)-2200-QMR</t>
  </si>
  <si>
    <t>【哈电锅炉】热端防磨层传热元件盒E\F002JAG010E402\30.5-VI(T)-2200-QMR</t>
  </si>
  <si>
    <t>【哈电锅炉】冷端传热元件盒A\F002JAH001E402\30.5-VI(T)-2200-QMR</t>
  </si>
  <si>
    <t>【哈电锅炉】冷端传热元件盒B\F002JAH002E402\30.5-VI(T)-2200-QMR</t>
  </si>
  <si>
    <t>【哈电锅炉】冷端传热元件盒C\F002JAH003E402\30.5-VI(T)-2200-QMR</t>
  </si>
  <si>
    <t>【哈电锅炉】冷端传热元件盒D\F002JAH004E402\30.5-VI(T)-2200-QMR</t>
  </si>
  <si>
    <t>【哈电锅炉】冷端传热元件盒E\F002JAH005E402\30.5-VI(T)-2200-QMR</t>
  </si>
  <si>
    <t>【哈电锅炉】热端内侧径向密封片\F002JAE001E061\29-VI(T)-1950-SMR</t>
  </si>
  <si>
    <t>【哈电锅炉】中间径向密封片\F002JAE002E061\29-VI(T)-1950-SMR</t>
  </si>
  <si>
    <t>【哈电锅炉】外侧径向密封片\F002JAE003E061\29-VI(T)-1950-SMR</t>
  </si>
  <si>
    <t>【哈电锅炉】冷端内侧径向密封片\F002JAE004E061\29-VI(T)-1950-SMR</t>
  </si>
  <si>
    <t>【哈电锅炉】热端中心筒密封片\F002JAE010E061\29-VI(T)-1950-SMR</t>
  </si>
  <si>
    <t>【哈电锅炉】冷端中心筒密封片\F002JAE011E061\29-VI(T)-1950-SMR</t>
  </si>
  <si>
    <t>【哈电锅炉】热端传热元件盒A\F002JAG001E061\29-VI(T)-1950-SMR</t>
  </si>
  <si>
    <t>【哈电锅炉】热端传热元件盒B\F002JAG002E061\29-VI(T)-1950-SMR</t>
  </si>
  <si>
    <t>【哈电锅炉】热端传热元件盒C\F002JAG003E061\29-VI(T)-1950-SMR</t>
  </si>
  <si>
    <t>【哈电锅炉】热端传热元件盒D\F002JAG004E061\29-VI(T)-1950-SMR</t>
  </si>
  <si>
    <t>【哈电锅炉】冷端传热元件盒A\F002JAH001E061\29-VI(T)-1950-SMR</t>
  </si>
  <si>
    <t>【哈电锅炉】冷端传热元件盒B\F002JAH002E061\29-VI(T)-1950-SMR</t>
  </si>
  <si>
    <t>【哈电锅炉】冷端传热元件盒C\F002JAH003E061\29-VI(T)-1950-SMR</t>
  </si>
  <si>
    <t>【哈电锅炉】冷端传热元件盒D\F002JAH004E061\29-VI(T)-1950-SMR</t>
  </si>
  <si>
    <t>【哈电锅炉】端部轴向密封片\F002JBB002E061\29-VI(T)-1950-SMR</t>
  </si>
  <si>
    <t>【哈电锅炉】轴向密封片\F002JBB003E061\29-VI(T)-1950-SMR</t>
  </si>
  <si>
    <t>【哈电锅炉】冷端旁路密封片\F002JBB005E061\29-VI(T)-1950-SMR</t>
  </si>
  <si>
    <t>【哈电锅炉】热端旁路密封片\F002JBB006E061\29-VI(T)-1950-SMR</t>
  </si>
  <si>
    <t>【哈电锅炉】热端内侧径向密封片\F002JAE001C081\31-VI(T)-1950-QMR</t>
  </si>
  <si>
    <t>【哈电锅炉】中间径向密封片\F002JAE002C081\31-VI(T)-1950-QMR</t>
  </si>
  <si>
    <t>【哈电锅炉】外侧径向密封片\F002JAE003C081\31-VI(T)-1950-QMR</t>
  </si>
  <si>
    <t>【哈电锅炉】冷端内侧径向密封片\F002JAE004C081\31-VI(T)-1950-QMR</t>
  </si>
  <si>
    <t>【哈电锅炉】热端中心筒密封片\F002JAE010C081\31-VI(T)-1950-QMR</t>
  </si>
  <si>
    <t>【哈电锅炉】冷端中心筒密封片\F002JAE011C081\31-VI(T)-1950-QMR</t>
  </si>
  <si>
    <t>【哈电锅炉】热端传热元件盒A\F002JAG003C081\31-VI(T)-1950-QMR</t>
  </si>
  <si>
    <t>【哈电锅炉】热端传热元件盒B\F002JAG006C081\31-VI(T)-1950-QMR</t>
  </si>
  <si>
    <t>【哈电锅炉】热端传热元件盒C\F002JAG008C081\31-VI(T)-1950-QMR</t>
  </si>
  <si>
    <t>【哈电锅炉】热端传热元件盒D\F002JAG009C081\31-VI(T)-1950-QMR</t>
  </si>
  <si>
    <t>【哈电锅炉】热端传热元件盒E\F002JAG010C081\31-VI(T)-1950-QMR</t>
  </si>
  <si>
    <t>【哈电锅炉】中间层传热元件盒A\F002JAG012C081\31-VI(T)-1950-QMR</t>
  </si>
  <si>
    <t>【哈电锅炉】中间层传热元件盒B\F002JAG017C081\31-VI(T)-1950-QMR</t>
  </si>
  <si>
    <t>【哈电锅炉】中间层传热元件盒C\F002JAG020C081\31-VI(T)-1950-QMR</t>
  </si>
  <si>
    <t>【哈电锅炉】中间层传热元件盒D\F002JAG022C081\31-VI(T)-1950-QMR</t>
  </si>
  <si>
    <t>【哈电锅炉】中间层传热元件盒E\F002JAG001C081\31-VI(T)-1950-QMR</t>
  </si>
  <si>
    <t>【哈电锅炉】冷端传热元件盒A\F002JAH001ZL67\31-VI(T)-1950-QMR</t>
  </si>
  <si>
    <t>【哈电锅炉】冷端传热元件盒B\F002JAH005ZL67\31-VI(T)-1950-QMR</t>
  </si>
  <si>
    <t>【哈电锅炉】冷端传热元件盒C\F002JAH008ZL67\31-VI(T)-1950-QMR</t>
  </si>
  <si>
    <t>【哈电锅炉】冷端传热元件盒D\F002JAH010ZL67\31-VI(T)-1950-QMR</t>
  </si>
  <si>
    <t>【哈电锅炉】冷端传热元件盒E\F002JAH012ZL67\31-VI(T)-1950-QMR</t>
  </si>
  <si>
    <t>【哈电锅炉】轴向密封片\F002JBB002C081\31-VI(T)-1950-QMR</t>
  </si>
  <si>
    <t>【哈电锅炉】轴向密封片\F002JBB003C081\31-VI(T)-1950-QMR</t>
  </si>
  <si>
    <t>【哈电锅炉】冷端旁路密封片\F002JBB005C081\31-VI(T)-1950-QMR</t>
  </si>
  <si>
    <t>【哈电锅炉】热端旁路密封片\F002JBB006C081\31-VI(T)-1950-QMR</t>
  </si>
  <si>
    <t>【哈电锅炉】冷端旁路密封片\F002JBB007C081\31-VI(T)-1950-QMR</t>
  </si>
  <si>
    <t>【哈电锅炉】热端内侧径向密封片\F002JAE001ZX77\31-VI(T)-2010-QMR</t>
  </si>
  <si>
    <t>【哈电锅炉】中间径向密封片\F002JAE002ZX77\31-VI(T)-2010-QMR</t>
  </si>
  <si>
    <t>【哈电锅炉】外侧径向密封片\F002JAE003ZX77\31-VI(T)-2010-QMR</t>
  </si>
  <si>
    <t>【哈电锅炉】冷端内侧径向密封片\F002JAE004ZX77\31-VI(T)-2010-QMR</t>
  </si>
  <si>
    <t>【哈电锅炉】热端中心筒密封片\F002JAE009ZX77\31-VI(T)-2010-QMR</t>
  </si>
  <si>
    <t>【哈电锅炉】冷端中心筒密封片\F002JAE010ZX77\31-VI(T)-2010-QMR</t>
  </si>
  <si>
    <t>【哈电锅炉】热端传热元件盒F\F002JAG001ZX77\31-VI(T)-2010-QMR</t>
  </si>
  <si>
    <t>【哈电锅炉】中间层传热元件盒F\F002JAG002ZX77\31-VI(T)-2010-QMR</t>
  </si>
  <si>
    <t>【哈电锅炉】冷端传热元件盒A\F002JAH001ZX77\31-VI(T)-2010-QMR</t>
  </si>
  <si>
    <t>【哈电锅炉】冷端传热元件盒B\F002JAH002ZX77\31-VI(T)-2010-QMR</t>
  </si>
  <si>
    <t>【哈电锅炉】冷端传热元件盒C\F002JAH003ZX77\31-VI(T)-2010-QMR</t>
  </si>
  <si>
    <t>【哈电锅炉】冷端传热元件盒D\F002JAH004ZX77\31-VI(T)-2010-QMR</t>
  </si>
  <si>
    <t>【哈电锅炉】冷端传热元件盒E\F002JAH005ZX77\31-VI(T)-2010-QMR</t>
  </si>
  <si>
    <t>【哈电锅炉】冷端传热元件盒F\F002JAH006ZX77\31-VI(T)-2010-QMR</t>
  </si>
  <si>
    <t>【哈电锅炉】轴向密封片\F002JBB001ZX77\31-VI(T)-2010-QMR</t>
  </si>
  <si>
    <t>【哈电锅炉】热端旁路密封片\J04-7008-2016-B\31-VI(T)-2010-QMR</t>
  </si>
  <si>
    <t>【哈电锅炉】冷端旁路密封片\J04-7011-2016-B\31-VI(T)-2010-QMR</t>
  </si>
  <si>
    <t>【哈电锅炉】热端内侧径向密封片\F002JAE001Q111\29.5-VI(T)-2200-QMR</t>
  </si>
  <si>
    <t>【哈电锅炉】热端中间径向密封片\F002JAE002Q111\29.5-VI(T)-2200-QMR</t>
  </si>
  <si>
    <t>【哈电锅炉】外侧径向密封板\F002JAE003Q111\29.5-VI(T)-2200-QMR</t>
  </si>
  <si>
    <t>【哈电锅炉】冷端内侧径向密封片\F002JAE004Q111\29.5-VI(T)-2200-QMR</t>
  </si>
  <si>
    <t>【哈电锅炉】冷端中间径向密封板\F002JAE005Q111\29.5-VI(T)-2200-QMR</t>
  </si>
  <si>
    <t>【哈电锅炉】热端中心筒密封片\F002JAE011Q111\29.5-VI(T)-2200-QMR</t>
  </si>
  <si>
    <t>【哈电锅炉】冷端中心筒密封片\F002JAE012Q111\29.5-VI(T)-2200-QMR</t>
  </si>
  <si>
    <t>【哈电锅炉】热端传热元件盒A\F002JAG001KC01\29.5-VI(T)-2200-QMR</t>
  </si>
  <si>
    <t>【哈电锅炉】热端传热元件盒B\F002JAG002KC01\29.5-VI(T)-2200-QMR</t>
  </si>
  <si>
    <t>【哈电锅炉】热端传热元件盒C\F002JAG003KC01\29.5-VI(T)-2200-QMR</t>
  </si>
  <si>
    <t>【哈电锅炉】热端传热元件盒D\F002JAG004KC01\29.5-VI(T)-2200-QMR</t>
  </si>
  <si>
    <t>【哈电锅炉】热端传热元件盒E\F002JAG005KC01\29.5-VI(T)-2200-QMR</t>
  </si>
  <si>
    <t>【哈电锅炉】防磨层传热元件盒A\F002JAG006KC01\29.5-VI(T)-2200-QMR</t>
  </si>
  <si>
    <t>【哈电锅炉】防磨层传热元件盒B\F002JAG007KC01\29.5-VI(T)-2200-QMR</t>
  </si>
  <si>
    <t>【哈电锅炉】防磨层传热元件盒C\F002JAG008KC01\29.5-VI(T)-2200-QMR</t>
  </si>
  <si>
    <t>【哈电锅炉】防磨层传热元件盒D\F002JAG009KC01\29.5-VI(T)-2200-QMR</t>
  </si>
  <si>
    <t>【哈电锅炉】防磨层传热元件盒E\F002JAG010KC01\29.5-VI(T)-2200-QMR</t>
  </si>
  <si>
    <t>【哈电锅炉】冷端传热元件盒A\F002JAH001KC01\29.5-VI(T)-2200-QMR</t>
  </si>
  <si>
    <t>【哈电锅炉】冷端传热元件盒B\F002JAH002KC01\29.5-VI(T)-2200-QMR</t>
  </si>
  <si>
    <t>【哈电锅炉】冷端传热元件盒C\F002JAH003KC01\29.5-VI(T)-2200-QMR</t>
  </si>
  <si>
    <t>【哈电锅炉】冷端传热元件盒D\F002JAH004KC01\29.5-VI(T)-2200-QMR</t>
  </si>
  <si>
    <t>【哈电锅炉】冷端传热元件盒E\F002JAH005KC01\29.5-VI(T)-2200-QMR</t>
  </si>
  <si>
    <t>【哈电锅炉】轴向密封片\F002JBB002Q111\29.5-VI(T)-2200-QMR</t>
  </si>
  <si>
    <t>【哈电锅炉】冷端旁路密封片\F002JBB004Q111\29.5-VI(T)-2200-QMR</t>
  </si>
  <si>
    <t>【哈电锅炉】热端旁路密封片\F002JBB005Q111\29.5-VI(T)-2200-QMR</t>
  </si>
  <si>
    <t>【哈电锅炉】冷端旁路密封片\F002JBB006Q111\29.5-VI(T)-2200-QMR</t>
  </si>
  <si>
    <t>【哈电锅炉】热端内侧径向密封片\F002JAE001Q291\30-VI(T)-2500-QMR</t>
  </si>
  <si>
    <t>【哈电锅炉】中间、外侧径向密封片\F002JAE002Q291\30-VI(T)-2500-QMR</t>
  </si>
  <si>
    <t>【哈电锅炉】冷端内侧径向密封片\F002JAE003Q291\30-VI(T)-2500-QMR</t>
  </si>
  <si>
    <t>【哈电锅炉】热端中心筒密封片\F002JAE008Q291\30-VI(T)-2500-QMR</t>
  </si>
  <si>
    <t>【哈电锅炉】冷端中心筒密封片\F002JAE009Q291\30-VI(T)-2500-QMR</t>
  </si>
  <si>
    <t>【哈电锅炉】热端传热元件盒A\F002JAG001Q291\30-VI(T)-2500-QMR</t>
  </si>
  <si>
    <t>【哈电锅炉】热端传热元件盒B\F002JAG005Q291\30-VI(T)-2500-QMR</t>
  </si>
  <si>
    <t>【哈电锅炉】热端传热元件盒C\F002JAG008Q291\30-VI(T)-2500-QMR</t>
  </si>
  <si>
    <t>【哈电锅炉】热端传热元件盒D\F002JAG010Q291\30-VI(T)-2500-QMR</t>
  </si>
  <si>
    <t>【哈电锅炉】热端传热元件盒E\F002JAG012Q291\30-VI(T)-2500-QMR</t>
  </si>
  <si>
    <t>【哈电锅炉】中间层传热元件盒A\F002JAG014Q291\30-VI(T)-2500-QMR</t>
  </si>
  <si>
    <t>【哈电锅炉】中间层传热元件盒B\F002JAG017Q291\30-VI(T)-2500-QMR</t>
  </si>
  <si>
    <t>【哈电锅炉】中间层传热元件盒C\F002JAG019Q291\30-VI(T)-2500-QMR</t>
  </si>
  <si>
    <t>【哈电锅炉】中间层传热元件盒D\F002JAG020Q291\30-VI(T)-2500-QMR</t>
  </si>
  <si>
    <t>【哈电锅炉】中间层传热元件盒E\F002JAG021Q291\30-VI(T)-2500-QMR</t>
  </si>
  <si>
    <t>【哈电锅炉】冷端传热元件盒A\F002JAH001Q291\30-VI(T)-2500-QMR</t>
  </si>
  <si>
    <t>【哈电锅炉】冷端传热元件盒B\F002JAH005Q291\30-VI(T)-2500-QMR</t>
  </si>
  <si>
    <t>【哈电锅炉】冷端传热元件盒C\F002JAH008Q291\30-VI(T)-2500-QMR</t>
  </si>
  <si>
    <t>【哈电锅炉】冷端传热元件盒D\F002JAH010Q291\30-VI(T)-2500-QMR</t>
  </si>
  <si>
    <t>【哈电锅炉】冷端传热元件盒E\F002JAH012Q291\30-VI(T)-2500-QMR</t>
  </si>
  <si>
    <t>【哈电锅炉】轴向密封片\F002JBB001Q291\30-VI(T)-2500-QMR</t>
  </si>
  <si>
    <t>【哈电锅炉】热端旁路密封片\F002JBB004Q291\30-VI(T)-2500-QMR</t>
  </si>
  <si>
    <t>【哈电锅炉】冷端旁路密封片\F002JBB005Q291\30-VI(T)-2500-QMR</t>
  </si>
  <si>
    <t>【哈电锅炉】热端内侧径向密封片\F002JAE001ZL73\29-VI(T)-2400(2700)-QMR</t>
  </si>
  <si>
    <t>【哈电锅炉】径向密封片\F002JAE002ZL73\29-VI(T)-2400(2700)-QMR</t>
  </si>
  <si>
    <t>【哈电锅炉】冷端内侧径向密封片\F002JAE003ZL73\29-VI(T)-2400(2700)-QMR</t>
  </si>
  <si>
    <t>【哈电锅炉】热端中心筒密封片\F002JAE007ZL73\29-VI(T)-2400(2700)-QMR</t>
  </si>
  <si>
    <t>【哈电锅炉】冷端中心筒密封片\F002JAE008ZL73\29-VI(T)-2400(2700)-QMR</t>
  </si>
  <si>
    <t>【哈电锅炉】热端传热元件盒A\F002JAG001ZL37\29-VI(T)-2400(2700)-QMR</t>
  </si>
  <si>
    <t>【哈电锅炉】热端传热元件盒B\F002JAG005ZL37\29-VI(T)-2400(2700)-QMR</t>
  </si>
  <si>
    <t>【哈电锅炉】热端传热元件盒C\F002JAG008ZL37\29-VI(T)-2400(2700)-QMR</t>
  </si>
  <si>
    <t>【哈电锅炉】热端传热元件盒D\F002JAG010ZL37\29-VI(T)-2400(2700)-QMR</t>
  </si>
  <si>
    <t>【哈电锅炉】中间层传热元件盒A\F002JAG012ZL37\29-VI(T)-2400(2700)-QMR</t>
  </si>
  <si>
    <t>【哈电锅炉】中间层传热元件盒B\F002JAG015ZL37\29-VI(T)-2400(2700)-QMR</t>
  </si>
  <si>
    <t>【哈电锅炉】中间层传热元件盒C\F002JAG017ZL37\29-VI(T)-2400(2700)-QMR</t>
  </si>
  <si>
    <t>【哈电锅炉】中间层传热元件盒D\F002JAG018ZL37\29-VI(T)-2400(2700)-QMR</t>
  </si>
  <si>
    <t>【哈电锅炉】冷端传热元件盒A\F002JAH001ZL73\29-VI(T)-2400(2700)-QMR</t>
  </si>
  <si>
    <t>【哈电锅炉】冷端传热元件盒B\F002JAH005ZL73\29-VI(T)-2400(2700)-QMR</t>
  </si>
  <si>
    <t>【哈电锅炉】冷端传热元件盒C\F002JAH008ZL73\29-VI(T)-2400(2700)-QMR</t>
  </si>
  <si>
    <t>【哈电锅炉】冷端传热元件盒D\F002JAH010ZL73\29-VI(T)-2400(2700)-QMR</t>
  </si>
  <si>
    <t>【哈电锅炉】轴向密封片A\F002JBB001ZL73\29-VI(T)-2400(2700)-QMR</t>
  </si>
  <si>
    <t>【哈电锅炉】轴向密封片B\F002JBB002ZL73\29-VI(T)-2400(2700)-QMR</t>
  </si>
  <si>
    <t>【哈电锅炉】冷端旁路密封片\F002JBB006ZL73\29-VI(T)-2400(2700)-QMR</t>
  </si>
  <si>
    <t>【哈电锅炉】热端旁路密封片\F002JBB007ZL73\29-VI(T)-2400(2700)-QMR</t>
  </si>
  <si>
    <t>【哈电锅炉】热端内侧径向密封片\F002JAE001ZL33\28.5-VI(T)-2300-QMR</t>
  </si>
  <si>
    <t>【哈电锅炉】中间径向密封片\F002JAE002ZL33\28.5-VI(T)-2300-QMR</t>
  </si>
  <si>
    <t>【哈电锅炉】外侧径向密封片\F002JAE003ZL33\28.5-VI(T)-2300-QMR</t>
  </si>
  <si>
    <t>【哈电锅炉】冷端内侧径向密封片\F002JAE004ZL33\28.5-VI(T)-2300-QMR</t>
  </si>
  <si>
    <t>【哈电锅炉】热端中心筒密封片\F002JAE008ZL33\28.5-VI(T)-2300-QMR</t>
  </si>
  <si>
    <t>【哈电锅炉】冷端中心筒密封片\F002JAE009ZL33\28.5-VI(T)-2300-QMR</t>
  </si>
  <si>
    <t>【哈电锅炉】热端传热元件盒A\F002JAG001ZL33\28.5-VI(T)-2300-QMR</t>
  </si>
  <si>
    <t>【哈电锅炉】热端传热元件盒B\F002JAG005ZL33\28.5-VI(T)-2300-QMR</t>
  </si>
  <si>
    <t>【哈电锅炉】热端传热元件盒C\F002JAG008ZL33\28.5-VI(T)-2300-QMR</t>
  </si>
  <si>
    <t>【哈电锅炉】热端传热元件盒D\F002JAG010ZL33\28.5-VI(T)-2300-QMR</t>
  </si>
  <si>
    <t>【哈电锅炉】防磨层传热元件盒A\F002JAG012ZL33\28.5-VI(T)-2300-QMR</t>
  </si>
  <si>
    <t>【哈电锅炉】防磨层传热元件盒B\F002JAG016ZL33\28.5-VI(T)-2300-QMR</t>
  </si>
  <si>
    <t>【哈电锅炉】防磨层传热元件盒C\F002JAG019ZL33\28.5-VI(T)-2300-QMR</t>
  </si>
  <si>
    <t>【哈电锅炉】防磨层传热元件盒D\F002JAG021ZL33\28.5-VI(T)-2300-QMR</t>
  </si>
  <si>
    <t>【哈电锅炉】冷端传热元件盒A\F002JAH001ZL33\28.5-VI(T)-2300-QMR</t>
  </si>
  <si>
    <t>【哈电锅炉】冷端传热元件盒B\F002JAH005ZL33\28.5-VI(T)-2300-QMR</t>
  </si>
  <si>
    <t>【哈电锅炉】冷端传热元件盒C\F002JAH008ZL33\28.5-VI(T)-2300-QMR</t>
  </si>
  <si>
    <t>【哈电锅炉】冷端传热元件盒D\F002JAH010ZL33\28.5-VI(T)-2300-QMR</t>
  </si>
  <si>
    <t>【哈电锅炉】轴向密封片\F002JBB003ZL33\28.5-VI(T)-2300-QMR</t>
  </si>
  <si>
    <t>【哈电锅炉】冷端旁路密封片\F002JBB005ZL33\28.5-VI(T)-2300-QMR</t>
  </si>
  <si>
    <t>【哈电锅炉】热端旁路密封片\F002JBB006ZL33\28.5-VI(T)-2300-QMR</t>
  </si>
  <si>
    <t>【哈电锅炉】热端传热元件盒A\F002JAG001E481\30.5-VI(T)-2200-QMR</t>
  </si>
  <si>
    <t>【哈电锅炉】热端传热元件盒B\F002JAG002E481\30.5-VI(T)-2200-QMR</t>
  </si>
  <si>
    <t>【哈电锅炉】热端传热元件盒C\F002JAG003E481\30.5-VI(T)-2200-QMR</t>
  </si>
  <si>
    <t>【哈电锅炉】热端传热元件盒D\F002JAG004E481\30.5-VI(T)-2200-QMR</t>
  </si>
  <si>
    <t>【哈电锅炉】热端传热元件盒E\F002JAG005E481\30.5-VI(T)-2201-QMR</t>
  </si>
  <si>
    <t>【哈电锅炉】热端防磨层传热元件盒A\F002JAG006E481\30.5-VI(T)-2202-QMR</t>
  </si>
  <si>
    <t>【哈电锅炉】热端防磨层传热元件盒B\F002JAG007E481\30.5-VI(T)-2203-QMR</t>
  </si>
  <si>
    <t>【哈电锅炉】热端防磨层传热元件盒C\F002JAG008E481\30.5-VI(T)-2204-QMR</t>
  </si>
  <si>
    <t>【哈电锅炉】热端防磨层传热元件盒D\F002JAG009E481\30.5-VI(T)-2205-QMR</t>
  </si>
  <si>
    <t>【哈电锅炉】热端防磨层传热元件盒E\F002JAG010E481\30.5-VI(T)-2206-QMR</t>
  </si>
  <si>
    <t>【哈电锅炉】冷端传热元件盒A\F002JAG001E402\30.5-VI(T)-2200-QMR</t>
  </si>
  <si>
    <t>【哈电锅炉】冷端传热元件盒B\F002JAG002E402\30.5-VI(T)-2200-QMR</t>
  </si>
  <si>
    <t>【哈电锅炉】冷端传热元件盒C\F002JAG003E402\30.5-VI(T)-2200-QMR</t>
  </si>
  <si>
    <t>【哈电锅炉】冷端传热元件盒D\F002JAG004E402\30.5-VI(T)-2200-QMR</t>
  </si>
  <si>
    <t>【哈电锅炉】冷端传热元件盒E\F002JAG005E402\30.5-VI(T)-2201-QMR</t>
  </si>
  <si>
    <t>【哈电锅炉】轴向密封片\F002JBB002E481\30.5-VI(T)-2200-QMR</t>
  </si>
  <si>
    <t>【哈电锅炉】热端旁路密封片\F002JBB005E481\30.5-VI(T)-2200-QMR</t>
  </si>
  <si>
    <t>【哈电锅炉】冷端旁路密封片\F002JBB004E481\30.5-VI(T)-2200-QMR</t>
  </si>
  <si>
    <t>【哈电锅炉】热端内侧径向密封片\F002JAE001ZL85\29-VI(B)-1900-QMR</t>
  </si>
  <si>
    <t>【哈电锅炉】热端中间径向密封片\F002JAE002ZL85\29-VI(B)-1900-QMR</t>
  </si>
  <si>
    <t>【哈电锅炉】热端外侧径向密封片\F002JAE003ZL85\29-VI(B)-1900-QMR</t>
  </si>
  <si>
    <t>【哈电锅炉】冷端内侧径向密封片\F002JAE004ZL85\29-VI(B)-1900-QMR</t>
  </si>
  <si>
    <t>【哈电锅炉】冷端中间径向密封片\F002JAE005ZL85\29-VI(B)-1900-QMR</t>
  </si>
  <si>
    <t>【哈电锅炉】冷端外侧径向密封片\F002JAE006ZL85\29-VI(B)-1900-QMR</t>
  </si>
  <si>
    <t>【哈电锅炉】热端外侧密封调节片\F002JAE015ZL85\29-VI(B)-1900-QMR</t>
  </si>
  <si>
    <t>【哈电锅炉】冷端外侧密封调节片\F002JAE016ZL85\29-VI(B)-1900-QMR</t>
  </si>
  <si>
    <t>【哈电锅炉】热端传热元件盒A\F002JAG001ZL85\29-VI(B)-1900-QMR</t>
  </si>
  <si>
    <t>【哈电锅炉】热端传热元件盒B\F002JAG007ZL85\29-VI(B)-1900-QMR</t>
  </si>
  <si>
    <t>【哈电锅炉】热端传热元件盒C\F002JAG011ZL85\29-VI(B)-1900-QMR</t>
  </si>
  <si>
    <t>【哈电锅炉】热端传热元件盒D\F002JAG013ZL85\29-VI(B)-1900-QMR</t>
  </si>
  <si>
    <t>【哈电锅炉】冷端传热元件盒A\F002JAH001ZL85\29-VI(B)-1900-QMR</t>
  </si>
  <si>
    <t>【哈电锅炉】冷端传热元件盒B\F002JAH007ZL85\29-VI(B)-1900-QMR</t>
  </si>
  <si>
    <t>【哈电锅炉】冷端传热元件盒C\F002JAH011ZL85\29-VI(B)-1900-QMR</t>
  </si>
  <si>
    <t>【哈电锅炉】冷端传热元件盒D\F002JAH013ZL85\29-VI(B)-1900-QMR</t>
  </si>
  <si>
    <t>【哈电锅炉】轴向密封片\F002JBB003ZL85\29-VI(B)-1900-QMR</t>
  </si>
  <si>
    <t>【哈电锅炉】轴向密封片\F002JBB004ZL85\29-VI(B)-1900-QMR</t>
  </si>
  <si>
    <t>【哈电锅炉】冷端旁路密封片\F002JBB005ZL85\29-VI(B)-1900-QMR</t>
  </si>
  <si>
    <t>【哈电锅炉】热端旁路密封片\F002JBB006ZL85\29-VI(B)-1900-QMR</t>
  </si>
  <si>
    <t>【哈电锅炉】热端内侧径向密封片\F002JAE001ZM79\27.5-VI(B)-2400-QMR</t>
  </si>
  <si>
    <t>【哈电锅炉】中间径向密封片\F002JAE002ZM79\27.5-VI(B)-2400-QMR</t>
  </si>
  <si>
    <t>【哈电锅炉】冷端内侧径向密封片\F002JAE003ZM79\27.5-VI(B)-2400-QMR</t>
  </si>
  <si>
    <t>【哈电锅炉】热端中心筒密封片\F002JAE007ZM79\27.5-VI(B)-2400-QMR</t>
  </si>
  <si>
    <t>【哈电锅炉】冷端中心筒密封片\F002JAE008ZM79\27.5-VI(B)-2400-QMR</t>
  </si>
  <si>
    <t>【哈电锅炉】轴向密封片A\F002JBB001ZM79\27.5-VI(B)-2400-QMR</t>
  </si>
  <si>
    <t>【哈电锅炉】轴向密封片B\F002JBB002ZM79\27.5-VI(B)-2400-QMR</t>
  </si>
  <si>
    <t>【哈电锅炉】热端旁路密封片\F002JBB006ZM79\27.5-VI(B)-2400-QMR</t>
  </si>
  <si>
    <t>【哈电锅炉】冷端旁路密封片\F002JBB007ZM79\27.5-VI(B)-2400-QMR</t>
  </si>
  <si>
    <t>【哈电锅炉】冷端传热元件盒A\J04-4001CS900-2014-A\27.5-VI(B)-2400-QMR</t>
  </si>
  <si>
    <t>【哈电锅炉】冷端传热元件盒B\J04-4005-CS900-2014-A\27.5-VI(B)-2400-QMR</t>
  </si>
  <si>
    <t>【哈电锅炉】冷端传热元件盒C\J04-4011-CS900-2014-A\27.5-VI(B)-2400-QMR</t>
  </si>
  <si>
    <t>【哈电锅炉】冷端传热元件盒D\J04-4016-CS900-2014-A\27.5-VI(B)-2400-QMR</t>
  </si>
  <si>
    <t>【哈电锅炉】中间层传热元件盒A\J04-4001-HS1000-2014-A\27.5-VI(B)-2400-QMR</t>
  </si>
  <si>
    <t>【哈电锅炉】中间层传热元件盒B\J04-4005-HS1000-2014-A\27.5-VI(B)-2400-QMR</t>
  </si>
  <si>
    <t>【哈电锅炉】中间层传热元件盒C\J04-4011-HS1000-2014-A\27.5-VI(B)-2400-QMR</t>
  </si>
  <si>
    <t>【哈电锅炉】中间层传热元件盒D\J04-4016-HS1000-2014-A\27.5-VI(B)-2400-QMR</t>
  </si>
  <si>
    <t>【哈电锅炉】热端传热元件盒A\J04-4001-HS500-2014-A\27.5-VI(B)-2400-QMR</t>
  </si>
  <si>
    <t>【哈电锅炉】热端传热元件盒B\J04-4005-HS500-2014-A\27.5-VI(B)-2400-QMR</t>
  </si>
  <si>
    <t>【哈电锅炉】热端传热元件盒C\J04-4011-HS500-2014-A\27.5-VI(B)-2400-QMR</t>
  </si>
  <si>
    <t>【哈电锅炉】热端传热元件盒D\J04-4016-HS500-2014-A\27.5-VI(B)-2400-QMR</t>
  </si>
  <si>
    <t>【哈电锅炉】热端内侧径向密封片\F002JAE001ZL91\32-VI(T)-1980-QMR</t>
  </si>
  <si>
    <t>【哈电锅炉】中间径向密封片\F002JAE002ZL91\32-VI(T)-1980-QMR</t>
  </si>
  <si>
    <t>【哈电锅炉】外侧径向密封片\F002JAE003ZL91\32-VI(T)-1980-QMR</t>
  </si>
  <si>
    <t>【哈电锅炉】冷端内侧径向密封板\F002JAE004ZL91\32-VI(T)-1980-QMR</t>
  </si>
  <si>
    <t>【哈电锅炉】热端中心筒密封片\F002JAE008ZL91\32-VI(T)-1980-QMR</t>
  </si>
  <si>
    <t>【哈电锅炉】冷端中心筒密封片\F002JAE009ZL91\32-VI(T)-1980-QMR</t>
  </si>
  <si>
    <t>【哈电锅炉】热端传热元件盒A\F002JAG001ZL91\32-VI(T)-1980-QMR</t>
  </si>
  <si>
    <t>【哈电锅炉】热端传热元件盒B\F002JAG005ZL91\32-VI(T)-1980-QMR</t>
  </si>
  <si>
    <t>【哈电锅炉】热端传热元件盒C\F002JAG008ZL91\32-VI(T)-1980-QMR</t>
  </si>
  <si>
    <t>【哈电锅炉】热端传热元件盒D\F002JAG010ZL91\32-VI(T)-1980-QMR</t>
  </si>
  <si>
    <t>【哈电锅炉】热端传热元件盒E\F002JAG012ZL91\32-VI(T)-1980-QMR</t>
  </si>
  <si>
    <t>【哈电锅炉】热端传热元件盒F\F002JAG016ZL91\32-VI(T)-1980-QMR</t>
  </si>
  <si>
    <t>【哈电锅炉】冷端传热元件盒A\F002JAH001ZL91\32-VI(T)-1980-QMR</t>
  </si>
  <si>
    <t>【哈电锅炉】冷端传热元件盒B\F002JAH005ZL91\32-VI(T)-1980-QMR</t>
  </si>
  <si>
    <t>【哈电锅炉】冷端传热元件盒C\F002JAH008ZL91\32-VI(T)-1980-QMR</t>
  </si>
  <si>
    <t>【哈电锅炉】冷端传热元件盒D\F002JAH010ZL91\32-VI(T)-1980-QMR</t>
  </si>
  <si>
    <t>【哈电锅炉】冷端传热元件盒E\F002JAH012ZL91\32-VI(T)-1980-QMR</t>
  </si>
  <si>
    <t>【哈电锅炉】冷端传热元件盒F\F002JAH016ZL91\32-VI(T)-1980-QMR</t>
  </si>
  <si>
    <t>【哈电锅炉】轴向密封片\F002JBB002ZL91\32-VI(T)-1980-QMR</t>
  </si>
  <si>
    <t>【哈电锅炉】冷端旁路密封片\F002JBB004ZL91\32-VI(T)-1980-QMR</t>
  </si>
  <si>
    <t>【哈电锅炉】热端旁路密封片\F002JBB005ZL91\32-VI(T)-1980-QMR</t>
  </si>
  <si>
    <t>【哈电锅炉】热端内侧径向密封片\F002JAE001ZL17\34.5-VI(T)-2600-QMR</t>
  </si>
  <si>
    <t>【哈电锅炉】中间径向密封片\F002JAE002ZL17\34.5-VI(T)-2600-QMR</t>
  </si>
  <si>
    <t>【哈电锅炉】冷端中心筒密封片\F002JAE003ZL17\34.5-VI(T)-2600-QMR</t>
  </si>
  <si>
    <t>【哈电锅炉】冷端内侧径向密封片\F002JAE004ZL17\34.5-VI(T)-2600-QMR</t>
  </si>
  <si>
    <t>【哈电锅炉】热端中心筒密封片\F002JAE010ZL17\34.5-VI(T)-2600-QMR</t>
  </si>
  <si>
    <t>【哈电锅炉】热端传热元件盒A\F002JAG001ZL17\34.5-VI(T)-2600-QMR</t>
  </si>
  <si>
    <t>【哈电锅炉】热端传热元件盒B\F002JAG002ZL17\34.5-VI(T)-2600-QMR</t>
  </si>
  <si>
    <t>【哈电锅炉】热端传热元件盒C\F002JAG003ZL17\34.5-VI(T)-2600-QMR</t>
  </si>
  <si>
    <t>【哈电锅炉】热端传热元件盒D\F002JAG004ZL17\34.5-VI(T)-2600-QMR</t>
  </si>
  <si>
    <t>【哈电锅炉】热端传热元件盒E\F002JAG005ZL17\34.5-VI(T)-2600-QMR</t>
  </si>
  <si>
    <t>【哈电锅炉】热端传热元件盒F\F002JAG006ZL17\34.5-VI(T)-2600-QMR</t>
  </si>
  <si>
    <t>【哈电锅炉】热端传热元件盒G\F002JAG007ZL17\34.5-VI(T)-2600-QMR</t>
  </si>
  <si>
    <t>【哈电锅炉】热端传热元件盒H\F002JAG008ZL17\34.5-VI(T)-2600-QMR</t>
  </si>
  <si>
    <t>【哈电锅炉】中间层传热元件盒A\F002JAG009ZL17\34.5-VI(T)-2600-QMR</t>
  </si>
  <si>
    <t>【哈电锅炉】中间层传热元件盒B\F002JAG010ZL17\34.5-VI(T)-2600-QMR</t>
  </si>
  <si>
    <t>【哈电锅炉】中间层传热元件盒C\F002JAG011ZL17\34.5-VI(T)-2600-QMR</t>
  </si>
  <si>
    <t>【哈电锅炉】中间层传热元件盒D\F002JAG012ZL17\34.5-VI(T)-2600-QMR</t>
  </si>
  <si>
    <t>【哈电锅炉】中间层传热元件盒E\F002JAG013ZL17\34.5-VI(T)-2600-QMR</t>
  </si>
  <si>
    <t>【哈电锅炉】中间层传热元件盒F\F002JAG014ZL17\34.5-VI(T)-2600-QMR</t>
  </si>
  <si>
    <t>【哈电锅炉】中间层传热元件盒G\F002JAG015ZL17\34.5-VI(T)-2600-QMR</t>
  </si>
  <si>
    <t>【哈电锅炉】中间层传热元件盒H\F002JAG016ZL17\34.5-VI(T)-2600-QMR</t>
  </si>
  <si>
    <t>【哈电锅炉】防磨层传热元件盒A\F002JAG019ZL17\34.5-VI(T)-2600-QMR</t>
  </si>
  <si>
    <t>【哈电锅炉】防磨层传热元件盒B\F002JAG020ZL17\34.5-VI(T)-2600-QMR</t>
  </si>
  <si>
    <t>【哈电锅炉】防磨层传热元件盒C\F002JAG021ZL17\34.5-VI(T)-2600-QMR</t>
  </si>
  <si>
    <t>【哈电锅炉】防磨层传热元件盒D\F002JAG022ZL17\34.5-VI(T)-2600-QMR</t>
  </si>
  <si>
    <t>【哈电锅炉】防磨层传热元件盒E\F002JAG023ZL17\34.5-VI(T)-2600-QMR</t>
  </si>
  <si>
    <t>【哈电锅炉】防磨层传热元件盒F\F002JAG024ZL17\34.5-VI(T)-2600-QMR</t>
  </si>
  <si>
    <t>【哈电锅炉】防磨层传热元件盒G\F002JAG025ZL17\34.5-VI(T)-2600-QMR</t>
  </si>
  <si>
    <t>【哈电锅炉】防磨层传热元件盒H\F002JAG026ZL17\34.5-VI(T)-2600-QMR</t>
  </si>
  <si>
    <t>【哈电锅炉】冷端传热元件盒A\F002JAH001ZL17\34.5-VI(T)-2600-QMR</t>
  </si>
  <si>
    <t>【哈电锅炉】冷端传热元件盒B\F002JAH002ZL17\34.5-VI(T)-2600-QMR</t>
  </si>
  <si>
    <t>【哈电锅炉】冷端传热元件盒C\F002JAH003ZL17\34.5-VI(T)-2600-QMR</t>
  </si>
  <si>
    <t>【哈电锅炉】冷端传热元件盒D\F002JAH004ZL17\34.5-VI(T)-2600-QMR</t>
  </si>
  <si>
    <t>【哈电锅炉】冷端传热元件盒E\F002JAH005ZL17\34.5-VI(T)-2600-QMR</t>
  </si>
  <si>
    <t>【哈电锅炉】冷端传热元件盒F\F002JAH006ZL17\34.5-VI(T)-2600-QMR</t>
  </si>
  <si>
    <t>【哈电锅炉】冷端传热元件盒G\F002JAH007ZL17\34.5-VI(T)-2600-QMR</t>
  </si>
  <si>
    <t>【哈电锅炉】冷端传热元件盒H\F002JAH008ZL17\34.5-VI(T)-2600-QMR</t>
  </si>
  <si>
    <t>【哈电锅炉】轴向密封片No.1\F002JBB003ZL17\34.5-VI(T)-2600-QMR</t>
  </si>
  <si>
    <t>【哈电锅炉】轴向密封片No.2\F002JBB003ZL17\34.5-VI(T)-2600-QMR</t>
  </si>
  <si>
    <t>【哈电锅炉】冷端旁路密封片\F002JBB005ZL17\34.5-VI(T)-2600-QMR</t>
  </si>
  <si>
    <t>【哈电锅炉】热端旁路密封片\F002JBB006ZL17\34.5-VI(T)-2600-QMR</t>
  </si>
  <si>
    <t>【哈电锅炉】热端内侧径向密封片A\F002JAE001ZX36\27.5-VI(B)-2450-QMR</t>
  </si>
  <si>
    <t>【哈电锅炉】热端内侧径向密封片B\F002JAE002ZX36\27.5-VI(B)-2450-QMR</t>
  </si>
  <si>
    <t>【哈电锅炉】热端内侧径向密封片C\F002JAE003ZX36\27.5-VI(B)-2450-QMR</t>
  </si>
  <si>
    <t>【哈电锅炉】中间径向密封片A\F002JAE004ZX36\27.5-VI(B)-2450-QMR</t>
  </si>
  <si>
    <t>【哈电锅炉】中间径向密封片B\F002JAE005ZX36\27.5-VI(B)-2450-QMR</t>
  </si>
  <si>
    <t>【哈电锅炉】中间径向密封片C\F002JAE006ZX36\27.5-VI(B)-2450-QMR</t>
  </si>
  <si>
    <t>【哈电锅炉】外侧径向密封片A\F002JAE007ZX36\27.5-VI(B)-2450-QMR</t>
  </si>
  <si>
    <t>【哈电锅炉】外侧径向密封片B\F002JAE008ZX36\27.5-VI(B)-2450-QMR</t>
  </si>
  <si>
    <t>【哈电锅炉】外侧径向密封片C\F002JAE009ZX36\27.5-VI(B)-2450-QMR</t>
  </si>
  <si>
    <t>【哈电锅炉】冷端内侧径向密封片A\F002JAE010ZX36\27.5-VI(B)-2451-QMR</t>
  </si>
  <si>
    <t>【哈电锅炉】冷端内侧径向密封片B\F002JAE011ZX36\27.5-VI(B)-2452-QMR</t>
  </si>
  <si>
    <t>【哈电锅炉】冷端内侧径向密封片C\F002JAE012ZX36\27.5-VI(B)-2453-QMR</t>
  </si>
  <si>
    <t>【哈电锅炉】热端中心筒密封片\F002JAE016ZX36\27.5-VI(B)-2450-QMR</t>
  </si>
  <si>
    <t>【哈电锅炉】冷端中心筒密封片\F002JAE017ZX36\27.5-VI(B)-2450-QMR</t>
  </si>
  <si>
    <t>【哈电锅炉】热端传热元件盒A\F002JAG001ZX36\27.5-VI(B)-2450-QMR</t>
  </si>
  <si>
    <t>【哈电锅炉】热端传热元件盒B\F002JAG002ZX36\27.5-VI(B)-2450-QMR</t>
  </si>
  <si>
    <t>【哈电锅炉】热端传热元件盒C\F002JAG003ZX36\27.5-VI(B)-2450-QMR</t>
  </si>
  <si>
    <t>【哈电锅炉】热端传热元件盒D\F002JAG004ZX36\27.5-VI(B)-2450-QMR</t>
  </si>
  <si>
    <t>【哈电锅炉】中间层传热元件盒A\F002JAG005ZX36\27.5-VI(B)-2450-QMR</t>
  </si>
  <si>
    <t>【哈电锅炉】中间层传热元件盒B\F002JAG006ZX36\27.5-VI(B)-2450-QMR</t>
  </si>
  <si>
    <t>【哈电锅炉】中间层传热元件盒C\F002JAG007ZX36\27.5-VI(B)-2450-QMR</t>
  </si>
  <si>
    <t>【哈电锅炉】中间层传热元件盒D\F002JAG008ZX36\27.5-VI(B)-2450-QMR</t>
  </si>
  <si>
    <t>【哈电锅炉】冷端传热元件盒A\F002JAH001ZX36\27.5-VI(B)-2450-QMR</t>
  </si>
  <si>
    <t>【哈电锅炉】冷端传热元件盒B\F002JAH002ZX36\27.5-VI(B)-2450-QMR</t>
  </si>
  <si>
    <t>【哈电锅炉】冷端传热元件盒C\F002JAH003ZX36\27.5-VI(B)-2450-QMR</t>
  </si>
  <si>
    <t>【哈电锅炉】冷端传热元件盒D\F002JAH004ZX36\27.5-VI(B)-2450-QMR</t>
  </si>
  <si>
    <t>【哈电锅炉】轴向密封片A\F002JBB001ZX36\27.5-VI(B)-2450-QMR</t>
  </si>
  <si>
    <t>【哈电锅炉】轴向密封片B\F002JBB002ZX36\27.5-VI(B)-2450-QMR</t>
  </si>
  <si>
    <t>【哈电锅炉】冷端旁路密封片\F002JBB005ZX36\27.5-VI(B)-2450-QMR</t>
  </si>
  <si>
    <t>【哈电锅炉】热端旁路密封片\F002JBB006ZX36\27.5-VI(B)-2450-QMR</t>
  </si>
  <si>
    <t>【哈电锅炉】热端传热元件盒A\J04-4001-HS300-2014-A\27.5-VI(B)-2200-QMR</t>
  </si>
  <si>
    <t>【哈电锅炉】热端传热元件盒B\J04-4005-HS300-2014-A\27.5-VI(B)-2201-QMR</t>
  </si>
  <si>
    <t>【哈电锅炉】热端传热元件盒C\J04-4011-HS300-2014-A\27.5-VI(B)-2202-QMR</t>
  </si>
  <si>
    <t>【哈电锅炉】热端传热元件盒D\J04-4016-HS300-2014-A\27.5-VI(B)-2203-QMR</t>
  </si>
  <si>
    <t>【哈电锅炉】中间层传热元件盒A\J04-4001-HS1000-2014-A\27.5-VI(B)-2204-QMR</t>
  </si>
  <si>
    <t>【哈电锅炉】中间层传热元件盒B\J04-4005-HS1000-2014-A\27.5-VI(B)-2205-QMR</t>
  </si>
  <si>
    <t>【哈电锅炉】中间层传热元件盒C\J04-4011-HS1000-2014-A\27.5-VI(B)-2206-QMR</t>
  </si>
  <si>
    <t>【哈电锅炉】中间层传热元件盒D\J04-4016-HS1000-2014-A\27.5-VI(B)-2207-QMR</t>
  </si>
  <si>
    <t>【哈电锅炉】冷端传热元件盒A\J04-4001-CS900-2014-A\27.5-VI(B)-2208-QMR</t>
  </si>
  <si>
    <t>【哈电锅炉】冷端传热元件盒B\J04-4005-CS900-2014-A\27.5-VI(B)-2209-QMR</t>
  </si>
  <si>
    <t>【哈电锅炉】冷端传热元件盒C\J04-4011-CS900-2014-A\27.5-VI(B)-2210-QMR</t>
  </si>
  <si>
    <t>【哈电锅炉】冷端传热元件盒D\J04-4016-CS900-2014-A\27.5-VI(B)-2211-QMR</t>
  </si>
  <si>
    <t>【哈电锅炉】热端内侧径向密封片\F002JAE001ZM90\27.5-VI(B)-2211-QMR</t>
  </si>
  <si>
    <t>【哈电锅炉】中间径向密封片\F002JAE002ZM90\27.5-VI(B)-2211-QMR</t>
  </si>
  <si>
    <t>【哈电锅炉】冷端内侧径向密封片\F002JAE003ZM90\27.5-VI(B)-2211-QMR</t>
  </si>
  <si>
    <t>【哈电锅炉】热端中心筒密封片\J04-7001-2015-A\27.5-VI(B)-2211-QMR</t>
  </si>
  <si>
    <t>【哈电锅炉】冷端中心筒密封片\J04-7004-2015-A\27.5-VI(B)-2211-QMR</t>
  </si>
  <si>
    <t>【哈电锅炉】轴向密封片\F002JBB001ZM90\27.5-VI(B)-2211-QMR</t>
  </si>
  <si>
    <t>【哈电锅炉】轴向密封片\F002JBB002ZM90\27.5-VI(B)-2211-QMR</t>
  </si>
  <si>
    <t>【哈电锅炉】冷端旁路密封片\J04-7011-2015-A\27.5-VI(B)-2211-QMR</t>
  </si>
  <si>
    <t>【哈电锅炉】热端旁路密封片\J04-7008-2015-A\27.5-VI(B)-2211-QMR</t>
  </si>
  <si>
    <t>【哈电锅炉】热端传热元件盒A\F002JAG001Q091\30.5-VI(T)-2450-QMR</t>
  </si>
  <si>
    <t>【哈电锅炉】热端传热元件盒B\F002JAG002Q091\30.5-VI(T)-2451-QMR</t>
  </si>
  <si>
    <t>【哈电锅炉】热端传热元件盒C\F002JAG003Q091\30.5-VI(T)-2452-QMR</t>
  </si>
  <si>
    <t>【哈电锅炉】热端传热元件盒D\F002JAG004Q091\30.5-VI(T)-2453-QMR</t>
  </si>
  <si>
    <t>【哈电锅炉】热端传热元件盒E\F002JAG005Q091\30.5-VI(T)-2454-QMR</t>
  </si>
  <si>
    <t>【哈电锅炉】防磨层传热元件盒A\F002JAG006Q091\30.5-VI(T)-2453-QMR</t>
  </si>
  <si>
    <t>【哈电锅炉】防磨层传热元件盒B\F002JAG007Q091\30.5-VI(T)-2453-QMR</t>
  </si>
  <si>
    <t>【哈电锅炉】防磨层传热元件盒C\F002JAG008Q091\30.5-VI(T)-2453-QMR</t>
  </si>
  <si>
    <t>【哈电锅炉】防磨层传热元件盒D\F002JAG009Q091\30.5-VI(T)-2453-QMR</t>
  </si>
  <si>
    <t>【哈电锅炉】防磨层传热元件盒E\F002JAG010Q091\30.5-VI(T)-2453-QMR</t>
  </si>
  <si>
    <t>【哈电锅炉】冷端传热元件盒A\F002JAH001Q091\30.5-VI(T)-2453-QMR</t>
  </si>
  <si>
    <t>【哈电锅炉】冷端传热元件盒B\F002JAH002Q091\30.5-VI(T)-2453-QMR</t>
  </si>
  <si>
    <t>【哈电锅炉】冷端传热元件盒C\F002JAH003Q091\30.5-VI(T)-2453-QMR</t>
  </si>
  <si>
    <t>【哈电锅炉】冷端传热元件盒D\F002JAH004Q091\30.5-VI(T)-2453-QMR</t>
  </si>
  <si>
    <t>【哈电锅炉】冷端传热元件盒E\F002JAH005Q091\30.5-VI(T)-2453-QMR</t>
  </si>
  <si>
    <t>【哈电锅炉】热端内侧径向密封片\F002JAE001Q091\30.5-VI(T)-2454-QMR</t>
  </si>
  <si>
    <t>【哈电锅炉】中间径向密封片\F002JAE002Q091\30.5-VI(T)-2455-QMR</t>
  </si>
  <si>
    <t>【哈电锅炉】冷端内侧径向密封片\F002JAE004Q091\30.5-VI(T)-2456-QMR</t>
  </si>
  <si>
    <t>【哈电锅炉】热端中心筒密封片\F002JAE010Q091\30.5-VI(T)-2457-QMR</t>
  </si>
  <si>
    <t>【哈电锅炉】冷端中心筒密封片\F002JAE011Q091\30.5-VI(T)-2458-QMR</t>
  </si>
  <si>
    <t>【哈电锅炉】轴向密封片\F002JBB002Q091\30.5-VI(T)-2459-QMR</t>
  </si>
  <si>
    <t>【哈电锅炉】冷端旁路密封片\F002JBB004Q091\30.5-VI(T)-2460-QMR</t>
  </si>
  <si>
    <t>【哈电锅炉】热端旁路密封片\F002JBB005Q091\30.5-VI(T)-2461-QMR</t>
  </si>
  <si>
    <t>【哈电锅炉】联箱\1000MW\27.4Mpa,613.0℃\P92\F001CMX004A011\1000MW</t>
  </si>
  <si>
    <t>【哈电锅炉】联箱\1000MW\27.8Mpa,567.0℃\P91\F001CMN004A011\1000MW</t>
  </si>
  <si>
    <t>【哈电锅炉】后屏过热器集箱出口锻造弯头\Φ559*102mm\91\F001CMN004A011\1000MW</t>
  </si>
  <si>
    <t>【哈电锅炉】高温过热器出口直段\Φ559*104mm\92\F001CMX004A011\1000MW</t>
  </si>
  <si>
    <t>【哈电锅炉】高温过热器出口集箱吊挂及螺母等附件\M62*3/U型\SA-182F304\F001CMX004A011\1000MW</t>
  </si>
  <si>
    <t>【哈电锅炉】后屏过热器出口集箱吊挂及螺母等附件\M62*3/U型\SA-182F22C11\F001CMN004A011\1000MW</t>
  </si>
  <si>
    <t>【哈电锅炉】温度测点元件(需配置相应集热块)\Φ5*2000mm\F001PNR001\1000MW</t>
  </si>
  <si>
    <t>【哈电锅炉】巡测仪\F001PNR001\1000MW</t>
  </si>
  <si>
    <t>【哈电锅炉】流体冷却间隔管\Φ51*9.5\TP347H\F002CJQ001A011\1000MW</t>
  </si>
  <si>
    <t>【哈电锅炉】分隔屏流体冷却夹管\Φ54*10\TP347H，2949mm\F002CJP012A011\1000MW</t>
  </si>
  <si>
    <t>【哈电锅炉】分隔屏流体冷却夹管\Φ54*10\TP347H，3076mm\F002CJP014A011\1000MW</t>
  </si>
  <si>
    <t>【哈电锅炉】高温过热器出口第48屏整屏异种钢及以上弯管\Φ60/Φ54/Φ44.5*13.5/14/8\SA-213T92/SA-213TP310HCbN/SA-213S30432\F002CGB001A012\1000MW</t>
  </si>
  <si>
    <t>【哈电锅炉】屏式过热器出口第30屏整屏异种钢及以上弯管\Φ57/Φ57/Φ51*14/14/9\SA-213T91/SA-213TP310HCbN/SA-213S30432\F002CHD001A012\1000MW</t>
  </si>
  <si>
    <t>【哈电锅炉】内螺纹管四根管管屏\Φ28.6*5.8\15GrMoG\F001BGD001A011\1000MW</t>
  </si>
  <si>
    <t>【哈电锅炉】异种钢弯管\63.5/57/57*9.5/6.5/3.5\SA-213T92/SA-213TP310HCbN/SA-213TP310HCbN\F002DEA001A012\1000MW</t>
  </si>
  <si>
    <t>【哈电锅炉】异种钢弯管\76/60/60*14/7/4\SA-213T92/SA-213TP310HCbN/SA-213TP310HCbN\F002DEA001A012\1000MW</t>
  </si>
  <si>
    <t>【哈电锅炉】高温再热器异种钢管\63.5/57/57*9.5/6.5/3.5\SA-213T92/SA-213TP310HCbN/SA-213TP310HCbN\F002DEA001A012\1000MW</t>
  </si>
  <si>
    <t>【哈电锅炉】后屏过热器异种钢管\63.5/51/63.5*8.5/7/7.5\SA-213T91/SA-213F91/SA-213S30432\F002CGB001A012\1000MW</t>
  </si>
  <si>
    <t>【哈电锅炉】低温再热器受热面管\63.5*3.5\15CrMoG\F002DCD001A012\1000MW</t>
  </si>
  <si>
    <t>【哈电锅炉】低温再热器防磨板及配套管卡\mm*δ3mm\12Cr18Ni9\1000MW</t>
  </si>
  <si>
    <t>【哈电锅炉】低温再热器管夹\δ5mm\12Cr18Ni9\F002DCD001A012\1000MW</t>
  </si>
  <si>
    <t>【哈电锅炉】低温再热器防磨盖板\mm*δ3mm\12Cr18Ni10\1000MW</t>
  </si>
  <si>
    <t>【哈电锅炉】低温再热器U型拉杆\φ16\1Cr18Ni9\F002DCD001A012\1000MW</t>
  </si>
  <si>
    <t>【哈电锅炉】低温再热器U型拉杆(螺栓)\φ16\1Cr18Ni9\F002DCD001A012\1000MW</t>
  </si>
  <si>
    <t>【哈电锅炉】低温再热器U型拉杆\φ12\1Cr18Ni9\F002DCD001A012\1000MW</t>
  </si>
  <si>
    <t>【哈电锅炉】低温再热器防磨板及配套管卡\mm*δ3mm\12Cr18Ni11\1000MW</t>
  </si>
  <si>
    <t>【哈电锅炉】低温再热器不锈钢圆钢\δ12\1Cr18Ni9\F002DCD001A012\1000MW</t>
  </si>
  <si>
    <t>【哈电锅炉】低温再热器不锈钢圆钢\δ10\1Cr18Ni9\F002DCD001A012\1000MW</t>
  </si>
  <si>
    <t>【哈电锅炉】中间隔墙处防磨卡及配套管卡\mm*δ3mm\12Cr18Ni12\1000MW</t>
  </si>
  <si>
    <t>【哈电锅炉】中间隔墙处梳型板\,δ6mm\12Cr18Ni9\F002DCD001A012\1000MW</t>
  </si>
  <si>
    <t>【哈电锅炉】中间隔墙处L型角钢\12Cr18Ni9\F002DCD001A012\1000MW</t>
  </si>
  <si>
    <t>【哈电锅炉】中间隔墙处螺栓\M10*30\1Cr18Ni9\F002DCD001A012\1000MW</t>
  </si>
  <si>
    <t>【哈电锅炉】热端中心桁架扇形板\29.5-VI(T)-2250-QMR\F001JAL002E191</t>
  </si>
  <si>
    <t>【哈电锅炉】热端一次风桁架扇形板\29.5-VI(T)-2250-QMR\F001JAL001E191</t>
  </si>
  <si>
    <t>【哈电锅炉】冷端中心桁架扇形板\29.5-VI(T)-2250-QMR\F001JAL004E191</t>
  </si>
  <si>
    <t>【哈电锅炉】冷端一次风桁架扇形板\29.5-VI(T)-2250-QMR\F001JAL003E191</t>
  </si>
  <si>
    <t>【哈电锅炉】主座架轴向密封板\29.5-VI(T)-2250-QMR\F002JAC004E191</t>
  </si>
  <si>
    <t>【哈电锅炉】径向热端内侧压板\29.5-VI(T)-2250-QMR\F002JAE007E191</t>
  </si>
  <si>
    <t>【哈电锅炉】支撑轴承箱\29.5-VI(T)-2250-QMR\F002JAN001E191</t>
  </si>
  <si>
    <t>【哈电锅炉】导向轴承箱\29.5-VI(T)-2250-QMR\F002JAM026E191</t>
  </si>
  <si>
    <t>【哈电锅炉】径向中间压板\29.5-VI(T)-2250-QMR\F002JAE008E191</t>
  </si>
  <si>
    <t>【哈电锅炉】径向冷端内侧压板\29.5-VI(T)-2250-QMR\F002JAE009E191</t>
  </si>
  <si>
    <t>【哈电锅炉】径向外侧压板\29.5-VI(T)-2250-QMR\F002JAE017E191</t>
  </si>
  <si>
    <t>【哈电锅炉】轴向压板\29.5-VI(T)-2250-QMR\F002JBB001E191</t>
  </si>
  <si>
    <t>【哈电锅炉】旁路密封片压板\29.5-VI(T)-2250-QMR\F002JBB008E191</t>
  </si>
  <si>
    <t>【哈电锅炉】主座架轴向密封板\33.5-VI(T)-2450-QMR\F002JAC005B201</t>
  </si>
  <si>
    <t>【哈电锅炉】热端中心桁架扇形板\33.5-VI(T)-2450-QMR\F001JAL002B201</t>
  </si>
  <si>
    <t>【哈电锅炉】热端一次风桁架扇形板\33.5-VI(T)-2450-QMR\F001JAL001B201</t>
  </si>
  <si>
    <t>【哈电锅炉】冷端中心桁架扇形板\33.5-VI(T)-2450-QMR\F001JAL004B201</t>
  </si>
  <si>
    <t>【哈电锅炉】冷端一次风桁架扇形板\33.5-VI(T)-2450-QMR\F001JAL003B201</t>
  </si>
  <si>
    <t>【哈电锅炉】一次风座架轴向密封板\33.5-VI(T)-2450-QMR\F002JAC027B201</t>
  </si>
  <si>
    <t>【哈电锅炉】径向热端内侧压板热端\33.5-VI(T)-2450-QMR\F002JAE005B201</t>
  </si>
  <si>
    <t>【哈电锅炉】支撑轴承箱\33.5-VI(T)-2450-QMR\F002JAN011B201</t>
  </si>
  <si>
    <t>【哈电锅炉】导向轴承箱\33.5-VI(T)-2450-QMR\F002JAM007B201</t>
  </si>
  <si>
    <t>【哈电锅炉】径向中间压板\33.5-VI(T)-2450-QMR\F002JAE006B201</t>
  </si>
  <si>
    <t>【哈电锅炉】径向冷端内侧压板\33.5-VI(T)-2450-QMR\F002JAE007B201</t>
  </si>
  <si>
    <t>【哈电锅炉】轴向压板A\33.5-VI(T)-2450-QMR\F002JBB002B201</t>
  </si>
  <si>
    <t>【哈电锅炉】轴向压板B\33.5-VI(T)-2450-QMR\F002JBB003B201</t>
  </si>
  <si>
    <t>【哈电锅炉】旁路密封片压板\33.5-VI(T)-2450-QMR\F002JBB007B201</t>
  </si>
  <si>
    <t>【哈电锅炉】主座架轴向密封板\29.5-VI(T)-2200-QMR\F002JAC004Q111</t>
  </si>
  <si>
    <t>【哈电锅炉】热端中心桁架扇形板\29.5-VI(T)-2200-QMR\F001JAL002Q111</t>
  </si>
  <si>
    <t>【哈电锅炉】热端一次风桁架扇形板\29.5-VI(T)-2200-QMR\F001JAL001Q111</t>
  </si>
  <si>
    <t>【哈电锅炉】冷端中心桁架扇形板\29.5-VI(T)-2200-QMR\F001JAL004Q111</t>
  </si>
  <si>
    <t>【哈电锅炉】冷端一次风桁架扇形板\29.5-VI(T)-2200-QMR\F001JAL003Q111</t>
  </si>
  <si>
    <t>【哈电锅炉】一次风座架轴向密封板\29.5-VI(T)-2200-QMR\F002JAC027Q111</t>
  </si>
  <si>
    <t>【哈电锅炉】径向热端内侧压板\29.5-VI(T)-2200-QMR\F002JAE007Q111</t>
  </si>
  <si>
    <t>【哈电锅炉】支撑轴承箱\29.5-VI(T)-2200-QMR\F002JAN011KC01</t>
  </si>
  <si>
    <t>【哈电锅炉】导向轴承箱\29.5-VI(T)-2200-QMR\F002JAM007KC01</t>
  </si>
  <si>
    <t>【哈电锅炉】径向中间压板\29.5-VI(T)-2200-QMR\F002JAE008Q111</t>
  </si>
  <si>
    <t>【哈电锅炉】径向冷端内侧压板\29.5-VI(T)-2200-QMR\F002JAE010Q111</t>
  </si>
  <si>
    <t>【哈电锅炉】径向外侧压板\29.5-VI(T)-2200-QMR\F002JAE009Q111</t>
  </si>
  <si>
    <t>【哈电锅炉】轴向压板\29.5-VI(T)-2200-QMR\F002JBB001Q111</t>
  </si>
  <si>
    <t>【哈电锅炉】旁路密封片压板\29.5-VI(T)-2200-QMR\F002JBB007Q111</t>
  </si>
  <si>
    <t>【哈电锅炉】主座架轴向密封板\29-VI(T)-1950-SMR\F002JAC006E061</t>
  </si>
  <si>
    <t>【哈电锅炉】热端中心桁架扇形板\29-VI(T)-1950-SMR\F001JAL001E061</t>
  </si>
  <si>
    <t>【哈电锅炉】热端一次风桁架扇形板\29-VI(T)-1950-SMR\F001JAL003E061</t>
  </si>
  <si>
    <t>【哈电锅炉】冷端中心桁架扇形板\29-VI(T)-1950-SMR\F001JAL002E061</t>
  </si>
  <si>
    <t>【哈电锅炉】冷端一次风桁架扇形板\29-VI(T)-1950-SMR\F001JAL004E061</t>
  </si>
  <si>
    <t>【哈电锅炉】一次风座架轴向密封板\29-VI(T)-1950-SMR\F002JAC006E061</t>
  </si>
  <si>
    <t>【哈电锅炉】径向热端内侧压板\29-VI(T)-1950-SMR\F002JAE007E061</t>
  </si>
  <si>
    <t>【哈电锅炉】支撑轴承箱\29-VI(T)-1950-SMR\F002JAN011E061</t>
  </si>
  <si>
    <t>【哈电锅炉】导向轴承箱\29-VI(T)-1950-SMR\F002JAM026E061</t>
  </si>
  <si>
    <t>【哈电锅炉】径向中间压板\29-VI(T)-1950-SMR\F002JAE008E061</t>
  </si>
  <si>
    <t>【哈电锅炉】径向冷端内侧压板\29-VI(T)-1950-SMR\F002JAE009E061</t>
  </si>
  <si>
    <t>【哈电锅炉】径向外侧压板\29-VI(T)-1950-SMR\F002JAE021E061</t>
  </si>
  <si>
    <t>【哈电锅炉】轴向压板A\29-VI(T)-1950-SMR\F002JBB001E061</t>
  </si>
  <si>
    <t>【哈电锅炉】旁路密封片压板\29-VI(T)-1950-SMR\F002JBB007E061</t>
  </si>
  <si>
    <t>【哈电锅炉】主座架轴向密封板\29-VI(T)-2400(2700)-QMR\F002JAC008ZL73</t>
  </si>
  <si>
    <t>【哈电锅炉】热端中心桁架扇形板\29-VI(T)-2400(2700)-QMR\F001JAL002ZL73</t>
  </si>
  <si>
    <t>【哈电锅炉】热端一次风桁架扇形板\29-VI(T)-2400(2700)-QMR\F001JAL001ZL73</t>
  </si>
  <si>
    <t>【哈电锅炉】冷端中心桁架扇形板\29-VI(T)-2400(2700)-QMR\F001JAL004ZL73</t>
  </si>
  <si>
    <t>【哈电锅炉】冷端一次风桁架扇形板\29-VI(T)-2400(2700)-QMR\F001JAL003ZL73</t>
  </si>
  <si>
    <t>【哈电锅炉】一次风座架轴向密封板\29-VI(T)-2400(2700)-QMR\F002JAC006ZL73</t>
  </si>
  <si>
    <t>【哈电锅炉】径向热端内侧压板\29-VI(T)-2400(2700)-QMR\F002JAE004ZL73</t>
  </si>
  <si>
    <t>【哈电锅炉】支撑轴承箱\29-VI(T)-2400(2700)-QMR\F002JAN011ZL73</t>
  </si>
  <si>
    <t>【哈电锅炉】导向轴承箱\29-VI(T)-2400(2700)-QMR\F002JAM012ZL73</t>
  </si>
  <si>
    <t>【哈电锅炉】径向中间压板\29-VI(T)-2400(2700)-QMR\F002JAE005ZL73</t>
  </si>
  <si>
    <t>【哈电锅炉】径向冷端内侧压板\29-VI(T)-2400(2700)-QMR\F002JAE006ZL73</t>
  </si>
  <si>
    <t>【哈电锅炉】轴向压板A\29-VI(T)-2400(2700)-QMR\F002JBB001ZL73</t>
  </si>
  <si>
    <t>【哈电锅炉】轴向压板B\29-VI(T)-2400(2700)-QMR\F002JBB002ZL73</t>
  </si>
  <si>
    <t>【哈电锅炉】旁路密封片压板\29-VI(T)-2400(2700)-QMR\F002JBB008ZL73</t>
  </si>
  <si>
    <t>【哈电锅炉】主座架轴向密封板\32-VI(T)-2500-QMR\F002JAC004ZL08</t>
  </si>
  <si>
    <t>【哈电锅炉】热端中心桁架扇形板\32-VI(T)-2500-QMR\F001JAL001ZL08</t>
  </si>
  <si>
    <t>【哈电锅炉】热端一次风桁架扇形板\32-VI(T)-2500-QMR\F001JAL003ZL08</t>
  </si>
  <si>
    <t>【哈电锅炉】冷端中心桁架扇形板\32-VI(T)-2500-QMR\F001JAL002ZL08</t>
  </si>
  <si>
    <t>【哈电锅炉】冷端一次风桁架扇形板\32-VI(T)-2500-QMR\F001JAL004ZL08</t>
  </si>
  <si>
    <t>【哈电锅炉】一次风座架轴向密封板\32-VI(T)-2500-QMR\F002JAC011ZL08</t>
  </si>
  <si>
    <t>【哈电锅炉】径向热端内侧压板\32-VI(T)-2500-QMR\F002JAE004ZL08</t>
  </si>
  <si>
    <t>【哈电锅炉】导向轴承箱\32-VI(T)-2500-QMR\F002JAM026ZL08</t>
  </si>
  <si>
    <t>【哈电锅炉】径向中间压板\32-VI(T)-2500-QMR\F002JAE005ZL08</t>
  </si>
  <si>
    <t>【哈电锅炉】径向冷端内侧压板\32-VI(T)-2500-QMR\F002JAE006ZL08</t>
  </si>
  <si>
    <t>【哈电锅炉】径向外侧压板\32-VI(T)-2500-QMR\F002JAE011ZL08</t>
  </si>
  <si>
    <t>【哈电锅炉】轴向压板A\32-VI(T)-2500-QMR\F002JBB001ZL08</t>
  </si>
  <si>
    <t>【哈电锅炉】轴向压板B\32-VI(T)-2500-QMR\F002JBB001ZL08</t>
  </si>
  <si>
    <t>【哈电锅炉】旁路密封片压板\32-VI(T)-2500-QMR\F002JBB006ZL08</t>
  </si>
  <si>
    <t>【哈电锅炉】主座架轴向密封板\34.5-VI(T)-2600-QMR\F002JAC005ZL17</t>
  </si>
  <si>
    <t>【哈电锅炉】热端中心桁架扇形板\34.5-VI(T)-2600-QMR\F001JAL001ZL17</t>
  </si>
  <si>
    <t>【哈电锅炉】热端一次风桁架扇形板\34.5-VI(T)-2600-QMR\F001JAL003ZL17</t>
  </si>
  <si>
    <t>【哈电锅炉】冷端中心桁架扇形板\34.5-VI(T)-2600-QMR\F001JAL002ZL17</t>
  </si>
  <si>
    <t>【哈电锅炉】冷端一次风桁架扇形板\34.5-VI(T)-2600-QMR\F001JAL004ZL17</t>
  </si>
  <si>
    <t>【哈电锅炉】一次风座架轴向密封板\34.5-VI(T)-2600-QMR\F002JAC006ZL17</t>
  </si>
  <si>
    <t>【哈电锅炉】径向热端内侧压板\34.5-VI(T)-2600-QMR\F002JAE007ZL17</t>
  </si>
  <si>
    <t>【哈电锅炉】支撑轴承箱\34.5-VI(T)-2600-QMR\F002JAN001ZL17</t>
  </si>
  <si>
    <t>【哈电锅炉】导向轴承箱\34.5-VI(T)-2600-QMR\F002JAM008ZL17</t>
  </si>
  <si>
    <t>【哈电锅炉】径向中间压板\34.5-VI(T)-2600-QMR\F002JAE008ZL17</t>
  </si>
  <si>
    <t>【哈电锅炉】径向冷端内侧压板\34.5-VI(T)-2600-QMR\F002JAE009ZL17</t>
  </si>
  <si>
    <t>【哈电锅炉】轴向压板A\34.5-VI(T)-2600-QMR\F002JBB003ZL17</t>
  </si>
  <si>
    <t>【哈电锅炉】轴向压板B\34.5-VI(T)-2600-QMR\F002JBB003ZL17</t>
  </si>
  <si>
    <t>【哈电锅炉】旁路密封片压板\34.5-VI(T)-2600-QMR\F002JBB002ZL17</t>
  </si>
  <si>
    <t>【哈电锅炉】主座架轴向密封板\30-VI(T)-2500-QMR\F002JAC01-02-00Q291</t>
  </si>
  <si>
    <t>【哈电锅炉】热端中心桁架扇形板\30-VI(T)-2500-QMR\F001JAL001Q291</t>
  </si>
  <si>
    <t>【哈电锅炉】热端一次风桁架扇形板\30-VI(T)-2500-QMR\F001JAL002Q291</t>
  </si>
  <si>
    <t>【哈电锅炉】冷端中心桁架扇形板\30-VI(T)-2500-QMR\F001JAL001Q291</t>
  </si>
  <si>
    <t>【哈电锅炉】冷端一次风桁架扇形板\30-VI(T)-2500-QMR\F001JAL002Q291</t>
  </si>
  <si>
    <t>【哈电锅炉】一次风座架轴向密封板\30-VI(T)-2500-QMR\F002JAC02-02-00Q291</t>
  </si>
  <si>
    <t>【哈电锅炉】径向热端内侧压板\30-VI(T)-2500-QMR\F002JAE004Q291</t>
  </si>
  <si>
    <t>【哈电锅炉】支撑轴承箱\30-VI(T)-2500-QMR\F002JAN05-01-00Q291</t>
  </si>
  <si>
    <t>【哈电锅炉】导向轴承箱\30-VI(T)-2500-QMR\F002JAM03-00-00Q291</t>
  </si>
  <si>
    <t>【哈电锅炉】径向中间压板\30-VI(T)-2500-QMR\F002JAE005Q291</t>
  </si>
  <si>
    <t>【哈电锅炉】径向冷端内侧压板\30-VI(T)-2500-QMR\F002JAE007Q291</t>
  </si>
  <si>
    <t>【哈电锅炉】外侧压板\30-VI(T)-2500-QMR\F002JAE006Q291</t>
  </si>
  <si>
    <t>【哈电锅炉】轴向压板A\30-VI(T)-2500-QMR\F002JBB002Q291</t>
  </si>
  <si>
    <t>【哈电锅炉】轴向压板B\30-VI(T)-2500-QMR\F002JBB002Q291</t>
  </si>
  <si>
    <t>【哈电锅炉】旁路密封片压板\30-VI(T)-2500-QMR\F002JBB006Q291</t>
  </si>
  <si>
    <t>【哈电锅炉】主座架轴向密封板\28.5-VI(T)-2300-QMR\F002JAC004ZL33</t>
  </si>
  <si>
    <t>【哈电锅炉】热端中心桁架扇形板\28.5-VI(T)-2300-QMR\F001JAL001ZL33</t>
  </si>
  <si>
    <t>【哈电锅炉】热端一次风桁架扇形板\28.5-VI(T)-2300-QMR\F001JAL003ZL33</t>
  </si>
  <si>
    <t>【哈电锅炉】冷端中心桁架扇形板\28.5-VI(T)-2300-QMR\F001JAL002ZL33</t>
  </si>
  <si>
    <t>【哈电锅炉】冷端一次风桁架扇形板\28.5-VI(T)-2300-QMR\F001JAL004ZL33</t>
  </si>
  <si>
    <t>【哈电锅炉】一次风座架轴向密封板\28.5-VI(T)-2300-QMR\F002JAC006ZL33</t>
  </si>
  <si>
    <t>【哈电锅炉】径向热端内侧压板\28.5-VI(T)-2300-QMR\F002JAE005ZL33</t>
  </si>
  <si>
    <t>【哈电锅炉】支撑轴承箱\28.5-VI(T)-2300-QMR\F002JAN001ZL33</t>
  </si>
  <si>
    <t>【哈电锅炉】导向轴承箱\28.5-VI(T)-2300-QMR\F002JAM012ZL33</t>
  </si>
  <si>
    <t>【哈电锅炉】径向中间压板\28.5-VI(T)-2300-QMR\F002JAE006ZL33</t>
  </si>
  <si>
    <t>【哈电锅炉】径向冷端内侧压板\28.5-VI(T)-2300-QMR\F002JAE007ZL33</t>
  </si>
  <si>
    <t>【哈电锅炉】轴向压板A\28.5-VI(T)-2300-QMR\F002JBB001ZL33</t>
  </si>
  <si>
    <t>【哈电锅炉】轴向压板B\28.5-VI(T)-2300-QMR\F002JBB002ZL33</t>
  </si>
  <si>
    <t>【哈电锅炉】旁路密封片压板\28.5-VI(T)-2300-QMR\F002JBB007ZL33</t>
  </si>
  <si>
    <t>【哈电锅炉】径向热端内侧压板\27.5-VI(B)-2450-QMR\F002JAE013ZX36</t>
  </si>
  <si>
    <t>【哈电锅炉】热端中心桁架扇形板\27.5-VI(B)-2450-QMR\F001JAL001ZX36</t>
  </si>
  <si>
    <t>【哈电锅炉】热端一次风桁架扇形板\27.5-VI(B)-2450-QMR\F001JAL002ZX36</t>
  </si>
  <si>
    <t>【哈电锅炉】冷端中心桁架扇形板\27.5-VI(B)-2450-QMR\F001JAL001ZX36</t>
  </si>
  <si>
    <t>【哈电锅炉】冷端一次风桁架扇形板\27.5-VI(B)-2450-QMR\F001JAL004ZX36</t>
  </si>
  <si>
    <t>【哈电锅炉】径向中间压板\27.5-VI(B)-2450-QMR\F002JAE014ZX36</t>
  </si>
  <si>
    <t>【哈电锅炉】径向冷端内侧压板\27.5-VI(B)-2450-QMR\F002JAE015ZX36</t>
  </si>
  <si>
    <t>【哈电锅炉】轴向压板A\27.5-VI(B)-2450-QMR\F002JBB001ZX36</t>
  </si>
  <si>
    <t>【哈电锅炉】轴向压板B\27.5-VI(B)-2450-QMR\F002JBB002ZX36</t>
  </si>
  <si>
    <t>【哈电锅炉】旁路密封片压板\27.5-VI(B)-2450-QMR\F002JBB007ZX36</t>
  </si>
  <si>
    <t>【哈电锅炉】主座架轴向密封板\32-VI(T)-1980-QMR\F002JAC005ZL91</t>
  </si>
  <si>
    <t>【哈电锅炉】热端中心桁架扇形板\32-VI(T)-1980-QMR\F001JAL001ZL91</t>
  </si>
  <si>
    <t>【哈电锅炉】热端一次风桁架扇形板\32-VI(T)-1980-QMR\F001JAL002ZL91</t>
  </si>
  <si>
    <t>【哈电锅炉】冷端中心桁架扇形板\32-VI(T)-1980-QMR\F001JAL003ZL91</t>
  </si>
  <si>
    <t>【哈电锅炉】冷端一次风桁架扇形板\32-VI(T)-1980-QMR\F001JAL004ZL91</t>
  </si>
  <si>
    <t>【哈电锅炉】一次风座架轴向密封板\32-VI(T)-1980-QMR\F002JAC027ZL91</t>
  </si>
  <si>
    <t>【哈电锅炉】径向热端内侧压板\32-VI(T)-1980-QMR\F002JAE005ZL91</t>
  </si>
  <si>
    <t>【哈电锅炉】径向压板\32-VI(T)-1980-QMR\F002JAE006ZL91</t>
  </si>
  <si>
    <t>【哈电锅炉】径向冷端内侧压板\32-VI(T)-1980-QMR\F002JAE007ZL91</t>
  </si>
  <si>
    <t>【哈电锅炉】径向外侧压板\32-VI(T)-1980-QMR\F002JAE012ZL91</t>
  </si>
  <si>
    <t>【哈电锅炉】轴向压板\32-VI(T)-1980-QMR\F002JBB001ZL91</t>
  </si>
  <si>
    <t>【哈电锅炉】旁路密封片压板\32-VI(T)-1980-QMR\F002JBB006ZL91</t>
  </si>
  <si>
    <t>【哈电锅炉】主座架轴向密封板\27.5-VI(B)-2400-QMR\F002JAC01-02-00ZM79</t>
  </si>
  <si>
    <t>【哈电锅炉】热端中心桁架扇形板\27.5-VI(B)-2400-QMR\F001JAL01-00-00ZM79</t>
  </si>
  <si>
    <t>【哈电锅炉】冷端中心桁架扇形板\27.5-VI(B)-2400-QMR\F001JAL01-00-00ZM79</t>
  </si>
  <si>
    <t>【哈电锅炉】径向热端内侧压板\27.5-VI(B)-2400-QMR\F002JAE004ZM79</t>
  </si>
  <si>
    <t>【哈电锅炉】支撑轴承箱\27.5-VI(B)-2400-QMR\J04-3001-468-2014-A</t>
  </si>
  <si>
    <t>【哈电锅炉】导向轴承箱\27.5-VI(B)-2400-QMR\F002JAM01-00-00ZM79</t>
  </si>
  <si>
    <t>【哈电锅炉】径向压板\27.5-VI(B)-2400-QMR\F002JAE005ZM79</t>
  </si>
  <si>
    <t>【哈电锅炉】径向冷端内侧压板\27.5-VI(B)-2400-QMR\F002JAE006ZM79</t>
  </si>
  <si>
    <t>【哈电锅炉】轴向压板A\27.5-VI(B)-2400-QMR\F002JBB003ZM79</t>
  </si>
  <si>
    <t>【哈电锅炉】轴向压板B\27.5-VI(B)-2400-QMR\F002JBB004ZM79</t>
  </si>
  <si>
    <t>【哈电锅炉】旁路密封片压板\27.5-VI(B)-2400-QMR\F002JBB008ZM79</t>
  </si>
  <si>
    <t>【哈电锅炉】主座架轴向密封板\30.5-VI(T)-2200-QMR\F002JAC004E401</t>
  </si>
  <si>
    <t>【哈电锅炉】热端中心桁架扇形板\30.5-VI(T)-2200-QMR\F001JAL002E401</t>
  </si>
  <si>
    <t>【哈电锅炉】热端一次风桁架扇形板\30.5-VI(T)-2200-QMR\F001JAL001E401</t>
  </si>
  <si>
    <t>【哈电锅炉】冷端中心桁架扇形板\30.5-VI(T)-2200-QMR\F001JAL004E401</t>
  </si>
  <si>
    <t>【哈电锅炉】冷端一次风桁架扇形板\30.5-VI(T)-2200-QMR\F001JAL003E401</t>
  </si>
  <si>
    <t>【哈电锅炉】一次风座架轴向密封板\30.5-VI(T)-2200-QMR\F002JAC026E401</t>
  </si>
  <si>
    <t>【哈电锅炉】径向热端内侧压板\30.5-VI(T)-2200-QMR\F002JAE007E401</t>
  </si>
  <si>
    <t>【哈电锅炉】支撑轴承箱\30.5-VI(T)-2200-QMR\F002JAN001E401</t>
  </si>
  <si>
    <t>【哈电锅炉】导向轴承箱\30.5-VI(T)-2200-QMR\F002JAM026E401</t>
  </si>
  <si>
    <t>【哈电锅炉】径向中间压板\30.5-VI(T)-2200-QMR\F002JAE008E401</t>
  </si>
  <si>
    <t>【哈电锅炉】径向冷端内侧压板\30.5-VI(T)-2200-QMR\F002JAE009E401</t>
  </si>
  <si>
    <t>【哈电锅炉】径向外侧压板\30.5-VI(T)-2200-QMR\F002JAE006E401</t>
  </si>
  <si>
    <t>【哈电锅炉】轴向压板\30.5-VI(T)-2200-QMR\F002JBB001E401</t>
  </si>
  <si>
    <t>【哈电锅炉】旁路密封片压板\30.5-VI(T)-2200-QMR\F002JBB006E401</t>
  </si>
  <si>
    <t>【哈电锅炉】主座架轴向密封板\30.5-VI(T)-2200-QMR\F002JAC004E481</t>
  </si>
  <si>
    <t>【哈电锅炉】热端中心桁架扇形板\30.5-VI(T)-2200-QMR\F001JAL002E481</t>
  </si>
  <si>
    <t>【哈电锅炉】热端一次风桁架扇形板\30.5-VI(T)-2200-QMR\F001JAL001E481</t>
  </si>
  <si>
    <t>【哈电锅炉】冷端中心桁架扇形板\30.5-VI(T)-2200-QMR\F001JAL002E481</t>
  </si>
  <si>
    <t>【哈电锅炉】冷端一次风桁架扇形板\30.5-VI(T)-2200-QMR\F001JAL001E481</t>
  </si>
  <si>
    <t>【哈电锅炉】一次风座架轴向密封板\30.5-VI(T)-2200-QMR\F002JAC026E481</t>
  </si>
  <si>
    <t>【哈电锅炉】轴向压板\30.5-VI(T)-2200-QMR\F002JBB001E481</t>
  </si>
  <si>
    <t>【哈电锅炉】旁路密封片压板\30.5-VI(T)-2200-QMR\F002JBB006E481</t>
  </si>
  <si>
    <t>【哈电锅炉】主座架轴向密封板\30-VI(T)-2300-QMR\F002JAC004Q081</t>
  </si>
  <si>
    <t>【哈电锅炉】热端中心桁架扇形板\30-VI(T)-2300-QMR\F001JAL002Q081</t>
  </si>
  <si>
    <t>【哈电锅炉】热端一次风桁架扇形板\30-VI(T)-2300-QMR\F001JAL001Q081</t>
  </si>
  <si>
    <t>【哈电锅炉】冷端中心桁架扇形板\30-VI(T)-2300-QMR\F001JAL002Q081</t>
  </si>
  <si>
    <t>【哈电锅炉】冷端一次风桁架扇形板\30-VI(T)-2300-QMR\F001JAL001Q081</t>
  </si>
  <si>
    <t>【哈电锅炉】一次风座架轴向密封板\30-VI(T)-2300-QMR\F002JAC026Q081</t>
  </si>
  <si>
    <t>【哈电锅炉】径向热端内侧压板\30-VI(T)-2300-QMR\F002JAE007Q071</t>
  </si>
  <si>
    <t>【哈电锅炉】支撑轴承箱\30-VI(T)-2300-QMR\F002JAN001Q071</t>
  </si>
  <si>
    <t>【哈电锅炉】导向轴承箱\30-VI(T)-2300-QMR\F002JAM012Q081</t>
  </si>
  <si>
    <t>【哈电锅炉】径向中间压板\30-VI(T)-2300-QMR\F002JAE008Q071</t>
  </si>
  <si>
    <t>【哈电锅炉】径向冷端内侧压板\30-VI(T)-2300-QMR\F002JAE009Q071</t>
  </si>
  <si>
    <t>【哈电锅炉】径向外侧压板\30-VI(T)-2300-QMR\F002JAE006Q071</t>
  </si>
  <si>
    <t>【哈电锅炉】轴向压板\30-VI(T)-2300-QMR\F002JBB001Q071</t>
  </si>
  <si>
    <t>【哈电锅炉】旁路密封片压板\30-VI(T)-2300-QMR\F002JBB008Q071</t>
  </si>
  <si>
    <t>【哈电锅炉】主座架轴向密封板\30.5-VI(T)-2450-QMR\F002JAC004Q102</t>
  </si>
  <si>
    <t>【哈电锅炉】热端中心桁架扇形板\30.5-VI(T)-2450-QMR\F001JAL002Q102</t>
  </si>
  <si>
    <t>【哈电锅炉】热端一次风桁架扇形板\30.5-VI(T)-2450-QMR\F001JAL001Q102</t>
  </si>
  <si>
    <t>【哈电锅炉】冷端中心桁架扇形板\30.5-VI(T)-2450-QMR\F001JAL004Q102</t>
  </si>
  <si>
    <t>【哈电锅炉】冷端一次风桁架扇形板\30.5-VI(T)-2450-QMR\F001JAL003Q102</t>
  </si>
  <si>
    <t>【哈电锅炉】一次风座架轴向密封板\30.5-VI(T)-2450-QMR\F002JAC026Q102</t>
  </si>
  <si>
    <t>【哈电锅炉】径向热端内侧压板\30.5-VI(T)-2450-QMR\F002JAE007Q101</t>
  </si>
  <si>
    <t>【哈电锅炉】支撑轴承箱\30.5-VI(T)-2450-QMR\F002JAN001E401</t>
  </si>
  <si>
    <t>【哈电锅炉】导向轴承箱\30.5-VI(T)-2450-QMR\F002JAM026E401</t>
  </si>
  <si>
    <t>【哈电锅炉】径向中间压板\30.5-VI(T)-2450-QMR\F002JAE008Q101</t>
  </si>
  <si>
    <t>【哈电锅炉】冷端内侧压板\30.5-VI(T)-2450-QMR\F002JAE009Q101</t>
  </si>
  <si>
    <t>【哈电锅炉】轴向压板\30.5-VI(T)-2450-QMR\F002JBB001Q101</t>
  </si>
  <si>
    <t>【哈电锅炉】旁路密封片压板\30.5-VI(T)-2450-QMR\F002JBB006Q101</t>
  </si>
  <si>
    <t>【哈电锅炉】径向热端内侧密封片\27.5-VI(T)-1800-QMR\F002JAE001G021</t>
  </si>
  <si>
    <t>【哈电锅炉】热端传热元件盒A\27.5-VI(T)-1800-QMR\F002JAG001G021</t>
  </si>
  <si>
    <t>【哈电锅炉】热端传热元件盒B\27.5-VI(T)-1800-QMR\F002JAG006G021</t>
  </si>
  <si>
    <t>【哈电锅炉】热端传热元件盒C\27.5-VI(T)-1800-QMR\F002JAG010G021</t>
  </si>
  <si>
    <t>【哈电锅炉】热端传热元件盒D\27.5-VI(T)-1800-QMR\F002JAG012G021</t>
  </si>
  <si>
    <t>【哈电锅炉】热端中间层传热元件盒A\27.5-VI(T)-1800-QMR\F002JAG017G021</t>
  </si>
  <si>
    <t>【哈电锅炉】热端中间层传热元件盒B\27.5-VI(T)-1800-QMR\F002JAG020G021</t>
  </si>
  <si>
    <t>【哈电锅炉】热端中间层传热元件盒C\27.5-VI(T)-1800-QMR\F002JAG021G021</t>
  </si>
  <si>
    <t>【哈电锅炉】热端中间层传热元件盒D\27.5-VI(T)-1800-QMR\F002JAG022G021</t>
  </si>
  <si>
    <t>【哈电锅炉】传热元件盒A\27.5-VI(T)-1800-QMR\F002JAH001G021</t>
  </si>
  <si>
    <t>【哈电锅炉】传热元件盒B\27.5-VI(T)-1800-QMR\F002JAH005G021</t>
  </si>
  <si>
    <t>【哈电锅炉】传热元件盒C\27.5-VI(T)-1800-QMR\F002JAH007G021</t>
  </si>
  <si>
    <t>【哈电锅炉】传热元件盒D\27.5-VI(T)-1800-QMR\F002JAH009G021</t>
  </si>
  <si>
    <t>【哈电锅炉】径向中间密封片\27.5-VI(T)-1800-QMR\F002JAE002G021</t>
  </si>
  <si>
    <t>【哈电锅炉】径向外侧密封片\27.5-VI(T)-1800-QMR\F002JAE003G021</t>
  </si>
  <si>
    <t>【哈电锅炉】径向冷端内侧密封片\27.5-VI(T)-1800-QMR\F002JAE004G021</t>
  </si>
  <si>
    <t>【哈电锅炉】径向热端内侧压板\27.5-VI(T)-1800-QMR\F002JAE007G021</t>
  </si>
  <si>
    <t>【哈电锅炉】径向压板\27.5-VI(T)-1800-QMR\F002JAE008G021</t>
  </si>
  <si>
    <t>【哈电锅炉】径向冷端内侧压板\27.5-VI(T)-1800-QMR\F002JAE009G021</t>
  </si>
  <si>
    <t>【哈电锅炉】热端中心筒密封片\27.5-VI(T)-1800-QMR\F002JAE010G021</t>
  </si>
  <si>
    <t>【哈电锅炉】冷端中心筒密封片\27.5-VI(T)-1800-QMR\F002JAE011G021</t>
  </si>
  <si>
    <t>【哈电锅炉】轴向压板\27.5-VI(T)-1800-QMR\F002JBB001G021</t>
  </si>
  <si>
    <t>【哈电锅炉】端部轴向密封片\27.5-VI(T)-1800-QMR\F002JBB002G021</t>
  </si>
  <si>
    <t>【哈电锅炉】轴向密封片\27.5-VI(T)-1800-QMR\F002JBB003G021</t>
  </si>
  <si>
    <t>【哈电锅炉】冷端旁路密封片\27.5-VI(T)-1800-QMR\F002JBB005G021</t>
  </si>
  <si>
    <t>【哈电锅炉】热端旁路密封片\27.5-VI(T)-1800-QMR\F002JBB006G021</t>
  </si>
  <si>
    <t>【哈电锅炉】旁路密封片压板\27.5-VI(T)-1800-QMR\F002JBB007G021</t>
  </si>
  <si>
    <t>【哈电锅炉】冷端旁路密封片\27.5-VI(T)-1800-QMR\F002JBB009G021</t>
  </si>
  <si>
    <t>【哈电锅炉】主座架轴向密封板\27.5-VI(T)-1800-QMR\F002JAC004G021</t>
  </si>
  <si>
    <t>【哈电锅炉】一次风扇形板\27.5-VI(T)-1800-QMR\F001JAL001G021</t>
  </si>
  <si>
    <t>【哈电锅炉】中心扇形板\27.5-VI(T)-1800-QMR\F001JAL002G021</t>
  </si>
  <si>
    <t>【哈电锅炉】一次风轴向密封板\27.5-VI(T)-1800-QMR\F002JAC030G021</t>
  </si>
  <si>
    <t>【哈电锅炉】热端内侧径向密封片\31-VI(T)-1800-QMR\F002JAE001C011</t>
  </si>
  <si>
    <t>【哈电锅炉】支撑轴承箱\27.5-VI(T)-1800-QMR\F002JAN001G021</t>
  </si>
  <si>
    <t>【哈电锅炉】导向轴承箱\27.5-VI(T)-1800-QMR\F002JAM019G021</t>
  </si>
  <si>
    <t>【哈电锅炉】热端传热元件盒A\31-VI(T)-1800-QMR\F002JAG003C011</t>
  </si>
  <si>
    <t>【哈电锅炉】热端传热元件盒B\31-VI(T)-1800-QMR\F002JAG006C011</t>
  </si>
  <si>
    <t>【哈电锅炉】热端传热元件盒C\31-VI(T)-1800-QMR\F002JAG008C011</t>
  </si>
  <si>
    <t>【哈电锅炉】热端传热元件盒D\31-VI(T)-1800-QMR\F002JAG009C011</t>
  </si>
  <si>
    <t>【哈电锅炉】热端传热元件盒E\31-VI(T)-1800-QMR\F002JAG010C011</t>
  </si>
  <si>
    <t>【哈电锅炉】中间层传热元件盒A\31-VI(T)-1800-QMR\F002JAG012C011</t>
  </si>
  <si>
    <t>【哈电锅炉】中间层传热元件盒B\31-VI(T)-1800-QMR\F002JAG017C011</t>
  </si>
  <si>
    <t>【哈电锅炉】中间层传热元件盒C\31-VI(T)-1800-QMR\F002JAG020C011</t>
  </si>
  <si>
    <t>【哈电锅炉】中间层传热元件盒D\31-VI(T)-1800-QMR\F002JAG022C011</t>
  </si>
  <si>
    <t>【哈电锅炉】中间层传热元件盒E\31-VI(T)-1800-QMR\F002JAG001C011</t>
  </si>
  <si>
    <t>【哈电锅炉】冷端传热元件盒A\31-VI(T)-1800-QMR\F002JAH002C011</t>
  </si>
  <si>
    <t>【哈电锅炉】冷端传热元件盒B\31-VI(T)-1800-QMR\F002JAH007C011</t>
  </si>
  <si>
    <t>【哈电锅炉】冷端传热元件盒C\31-VI(T)-1800-QMR\F002JAH011C011</t>
  </si>
  <si>
    <t>【哈电锅炉】冷端传热元件盒D\31-VI(T)-1800-QMR\F002JAH013C011</t>
  </si>
  <si>
    <t>【哈电锅炉】冷端传热元件盒E\31-VI(T)-1800-QMR\F002JAH017C011</t>
  </si>
  <si>
    <t>【哈电锅炉】中间径向密封片\31-VI(T)-1800-QMR\F002JAE002C011</t>
  </si>
  <si>
    <t>【哈电锅炉】外侧径向密封片\31-VI(T)-1800-QMR\F002JAE003C011</t>
  </si>
  <si>
    <t>【哈电锅炉】冷端内侧径向密封片\31-VI(T)-1800-QMR\F002JAE004C011</t>
  </si>
  <si>
    <t>【哈电锅炉】热端内侧压板\31-VI(T)-1800-QMR\F002JAE007C011</t>
  </si>
  <si>
    <t>【哈电锅炉】径向热端压板\31-VI(T)-1800-QMR\F002JAE008C011</t>
  </si>
  <si>
    <t>【哈电锅炉】冷端内侧压板\31-VI(T)-1800-QMR\F002JAE009C011</t>
  </si>
  <si>
    <t>【哈电锅炉】热端中心筒密封片\31-VI(T)-1800-QMR\F002JAE010C011</t>
  </si>
  <si>
    <t>【哈电锅炉】冷端中心筒密封片\31-VI(T)-1800-QMR\F002JAE011C011</t>
  </si>
  <si>
    <t>【哈电锅炉】径向冷端压板\31-VI(T)-1800-QMR\F002JAE015C011</t>
  </si>
  <si>
    <t>【哈电锅炉】轴向压板\31-VI(T)-1800-QMR\F002JBB001C011</t>
  </si>
  <si>
    <t>【哈电锅炉】轴向密封片A\31-VI(T)-1800-QMR\F002JBB002C011</t>
  </si>
  <si>
    <t>【哈电锅炉】轴向密封片B\31-VI(T)-1800-QMR\F002JBB003C011</t>
  </si>
  <si>
    <t>【哈电锅炉】冷端旁路密封片\31-VI(T)-1800-QMR\F002JBB005C011</t>
  </si>
  <si>
    <t>【哈电锅炉】热端旁路密封片\31-VI(T)-1800-QMR\F002JBB006C011</t>
  </si>
  <si>
    <t>【哈电锅炉】冷端旁路密封片\31-VI(T)-1800-QMR\F002JBB007C011</t>
  </si>
  <si>
    <t>【哈电锅炉】旁路密封片压板\31-VI(T)-1800-QMR\F002JBB008C011</t>
  </si>
  <si>
    <t>【哈电锅炉】一次风轴向密封板\31-VI(T)-1800-QMR\F002JAC027C011</t>
  </si>
  <si>
    <t>【哈电锅炉】热端一次风扇形板\31-VI(T)-1800-QMR\F001JAL001C011</t>
  </si>
  <si>
    <t>【哈电锅炉】热端中心扇形板\31-VI(T)-1800-QMR\F001JAL002C011</t>
  </si>
  <si>
    <t>【哈电锅炉】冷端一次风扇形板\31-VI(T)-1800-QMR\F001JAL003C011</t>
  </si>
  <si>
    <t>【哈电锅炉】冷端中心扇形板\31-VI(T)-1800-QMR\F001JAL004C011</t>
  </si>
  <si>
    <t>【哈电锅炉】主座架轴向密封板\31-VI(T)-1800-QMR\F002JAC004C011</t>
  </si>
  <si>
    <t>【哈电锅炉】热端内侧径向密封片\32-VI(T)-2100-QMR\F002JAE001ZL26</t>
  </si>
  <si>
    <t>【哈电锅炉】支撑轴承箱\31-VI(T)-1800-QMR\F002JAN001C011</t>
  </si>
  <si>
    <t>【哈电锅炉】导向轴承箱\31-VI(T)-1800-QMR\F002JAM026C011</t>
  </si>
  <si>
    <t>【哈电锅炉】防磨层传热元件盒A\32-VI(T)-2100-QMR\F002JAG001ZL26</t>
  </si>
  <si>
    <t>【哈电锅炉】防磨层传热元件盒B\32-VI(T)-2100-QMR\F002JAG002ZL26</t>
  </si>
  <si>
    <t>【哈电锅炉】防磨层传热元件盒C\32-VI(T)-2100-QMR\F002JAG003ZL26</t>
  </si>
  <si>
    <t>【哈电锅炉】防磨层传热元件盒D\32-VI(T)-2100-QMR\F002JAG004ZL26</t>
  </si>
  <si>
    <t>【哈电锅炉】防磨层传热元件盒E\32-VI(T)-2100-QMR\F002JAG005ZL26</t>
  </si>
  <si>
    <t>【哈电锅炉】防磨层传热元件盒F\32-VI(T)-2100-QMR\F002JAG006ZL26</t>
  </si>
  <si>
    <t>【哈电锅炉】热端传热元件盒A\32-VI(T)-2100-QMR\F002JAG007ZL26</t>
  </si>
  <si>
    <t>【哈电锅炉】热端传热元件盒B\32-VI(T)-2100-QMR\F002JAG008ZL26</t>
  </si>
  <si>
    <t>【哈电锅炉】热端传热元件盒C\32-VI(T)-2100-QMR\F002JAG009ZL26</t>
  </si>
  <si>
    <t>【哈电锅炉】热端传热元件盒D\32-VI(T)-2100-QMR\F002JAG010ZL26</t>
  </si>
  <si>
    <t>【哈电锅炉】热端传热元件盒E\32-VI(T)-2100-QMR\F002JAG011ZL26</t>
  </si>
  <si>
    <t>【哈电锅炉】热端传热元件盒F\32-VI(T)-2100-QMR\F002JAG012ZL26</t>
  </si>
  <si>
    <t>【哈电锅炉】冷端传热元件盒A\32-VI(T)-2100-QMR\F002JAH001ZL26</t>
  </si>
  <si>
    <t>【哈电锅炉】冷端传热元件盒B\32-VI(T)-2100-QMR\F002JAH002ZL26</t>
  </si>
  <si>
    <t>【哈电锅炉】冷端传热元件盒C\32-VI(T)-2100-QMR\F002JAH003ZL26</t>
  </si>
  <si>
    <t>【哈电锅炉】冷端传热元件盒D\32-VI(T)-2100-QMR\F002JAH004ZL26</t>
  </si>
  <si>
    <t>【哈电锅炉】冷端传热元件盒E\32-VI(T)-2100-QMR\F002JAH005ZL26</t>
  </si>
  <si>
    <t>【哈电锅炉】冷端传热元件盒F\32-VI(T)-2100-QMR\F002JAH006ZL26</t>
  </si>
  <si>
    <t>【哈电锅炉】中间径向密封片\32-VI(T)-2100-QMR\F002JAE002ZL26</t>
  </si>
  <si>
    <t>【哈电锅炉】外侧径向密封片\32-VI(T)-2100-QMR\F002JAE003ZL26</t>
  </si>
  <si>
    <t>【哈电锅炉】冷端内侧径向密封片冷端\32-VI(T)-2100-QMR\F002JAE004ZL26</t>
  </si>
  <si>
    <t>【哈电锅炉】径向热端内侧压板\32-VI(T)-2100-QMR\F002JAE005ZL26</t>
  </si>
  <si>
    <t>【哈电锅炉】径向中间压板\32-VI(T)-2100-QMR\F002JAE006ZL26</t>
  </si>
  <si>
    <t>【哈电锅炉】径向外侧压板\32-VI(T)-2100-QMR\F002JAE007ZL26</t>
  </si>
  <si>
    <t>【哈电锅炉】径向冷端内侧压板\32-VI(T)-2100-QMR\F002JAE008ZL26</t>
  </si>
  <si>
    <t>【哈电锅炉】热端中心筒密封片\32-VI(T)-2100-QMR\F002JAE009ZL26</t>
  </si>
  <si>
    <t>【哈电锅炉】冷端中心筒密封片\32-VI(T)-2100-QMR\F002JAE010ZL26</t>
  </si>
  <si>
    <t>【哈电锅炉】轴向密封片1\32-VI(T)-2100-QMR\F002JBB001ZL26</t>
  </si>
  <si>
    <t>【哈电锅炉】轴向密封片2\32-VI(T)-2100-QMR\F002JBB001ZL26</t>
  </si>
  <si>
    <t>【哈电锅炉】轴向压板1\32-VI(T)-2100-QMR\F002JBB002ZL26</t>
  </si>
  <si>
    <t>【哈电锅炉】轴向压板2\32-VI(T)-2100-QMR\F002JBB002ZL26</t>
  </si>
  <si>
    <t>【哈电锅炉】热端旁路密封片\32-VI(T)-2100-QMR\F002JBB003ZL26</t>
  </si>
  <si>
    <t>【哈电锅炉】冷端旁路密封片\32-VI(T)-2100-QMR\F002JBB004ZL26</t>
  </si>
  <si>
    <t>【哈电锅炉】旁路密封片压板\32-VI(T)-2100-QMR\F002JBB005ZL26</t>
  </si>
  <si>
    <t>【哈电锅炉】主座架轴向密封板\32-VI(T)-2100-QMR\F002JAC004D051</t>
  </si>
  <si>
    <t>【哈电锅炉】热端中心桁架扇形板\32-VI(T)-2100-QMR\F001JAL001ZL26</t>
  </si>
  <si>
    <t>【哈电锅炉】冷端中心桁架扇形板\32-VI(T)-2100-QMR\F001JAL002ZL26</t>
  </si>
  <si>
    <t>【哈电锅炉】热端一次风扇形板\32-VI(T)-2100-QMR\F001JAL003ZL26</t>
  </si>
  <si>
    <t>【哈电锅炉】冷端一次风扇形板\32-VI(T)-2100-QMR\F001JAL004ZL26</t>
  </si>
  <si>
    <t>【哈电锅炉】一次风轴向密封板\32-VI(T)-2100-QMR\F002JAC014D051</t>
  </si>
  <si>
    <t>【哈电锅炉】热端内侧径向密封片\32.5-VI(T)-2500-QMR\F002JAE001ZM59</t>
  </si>
  <si>
    <t>【哈电锅炉】支撑轴承箱\32-VI(T)-2100-QMR\F002JAN014D051</t>
  </si>
  <si>
    <t>【哈电锅炉】导向轴承箱\32-VI(T)-2100-QMR\F002JAM027D051</t>
  </si>
  <si>
    <t>【哈电锅炉】热端传热元件盒A\32.5-VI(T)-2500-QMR\F002JAG001ZM59</t>
  </si>
  <si>
    <t>【哈电锅炉】热端传热元件盒B\32.5-VI(T)-2500-QMR\F002JAG005ZM59</t>
  </si>
  <si>
    <t>【哈电锅炉】热端传热元件盒C\32.5-VI(T)-2500-QMR\F002JAG008ZM59</t>
  </si>
  <si>
    <t>【哈电锅炉】热端传热元件盒D\32.5-VI(T)-2500-QMR\F002JAG010ZM59</t>
  </si>
  <si>
    <t>【哈电锅炉】热端传热元件盒E\32.5-VI(T)-2500-QMR\F002JAG012ZM59</t>
  </si>
  <si>
    <t>【哈电锅炉】热端传热元件盒F\32.5-VI(T)-2500-QMR\F002JAG016ZM59</t>
  </si>
  <si>
    <t>【哈电锅炉】中间层传热元件盒A\32.5-VI(T)-2500-QMR\F002JAG018ZM59</t>
  </si>
  <si>
    <t>【哈电锅炉】中间层传热元件盒B\32.5-VI(T)-2500-QMR\F002JAG021ZM59</t>
  </si>
  <si>
    <t>【哈电锅炉】中间层传热元件盒C\32.5-VI(T)-2500-QMR\F002JAG023ZM59</t>
  </si>
  <si>
    <t>【哈电锅炉】中间层传热元件盒D\32.5-VI(T)-2500-QMR\F002JAG024ZM59</t>
  </si>
  <si>
    <t>【哈电锅炉】中间层传热元件盒E\32.5-VI(T)-2500-QMR\F002JAG025ZM59</t>
  </si>
  <si>
    <t>【哈电锅炉】中间层传热元件盒F\32.5-VI(T)-2500-QMR\F002JAG028ZM59</t>
  </si>
  <si>
    <t>【哈电锅炉】冷端传热元件盒A\32.5-VI(T)-2500-QMR\F002JAH001ZM59</t>
  </si>
  <si>
    <t>【哈电锅炉】冷端传热元件盒B\32.5-VI(T)-2500-QMR\F002JAH005ZM59</t>
  </si>
  <si>
    <t>【哈电锅炉】冷端传热元件盒C\32.5-VI(T)-2500-QMR\F002JAH008ZM59</t>
  </si>
  <si>
    <t>【哈电锅炉】冷端传热元件盒D\32.5-VI(T)-2500-QMR\F002JAH010ZM59</t>
  </si>
  <si>
    <t>【哈电锅炉】冷端传热元件盒E\32.5-VI(T)-2500-QMR\F002JAH012ZM59</t>
  </si>
  <si>
    <t>【哈电锅炉】冷端传热元件盒F\32.5-VI(T)-2500-QMR\F002JAH016ZM59</t>
  </si>
  <si>
    <t>【哈电锅炉】中间径向密封片\32.5-VI(T)-2500-QMR\F002JAE002ZM59</t>
  </si>
  <si>
    <t>【哈电锅炉】冷端内侧径向密封片\32.5-VI(T)-2500-QMR\F002JAE003ZM59</t>
  </si>
  <si>
    <t>【哈电锅炉】径向热端内侧压板\32.5-VI(T)-2500-QMR\F002JAE006ZM59</t>
  </si>
  <si>
    <t>【哈电锅炉】径向中间压板\32.5-VI(T)-2500-QMR\F002JAE007ZM59</t>
  </si>
  <si>
    <t>【哈电锅炉】径向冷端内侧压板\32.5-VI(T)-2500-QMR\F002JAE008ZM59</t>
  </si>
  <si>
    <t>【哈电锅炉】热端中心筒密封片\32.5-VI(T)-2500-QMR\F002JAE009ZM59</t>
  </si>
  <si>
    <t>【哈电锅炉】冷端中心筒密封片\32.5-VI(T)-2500-QMR\F002JAE010ZM59</t>
  </si>
  <si>
    <t>【哈电锅炉】轴向密封片\32.5-VI(T)-2500-QMR\F002JBB001ZM59</t>
  </si>
  <si>
    <t>【哈电锅炉】轴向压板\32.5-VI(T)-2500-QMR\F002JBB002ZM59</t>
  </si>
  <si>
    <t>【哈电锅炉】冷端旁路密封片\32.5-VI(T)-2500-QMR\F002JBB004ZM59</t>
  </si>
  <si>
    <t>【哈电锅炉】热端旁路密封片\32.5-VI(T)-2500-QMR\F002JBB005ZM59</t>
  </si>
  <si>
    <t>【哈电锅炉】旁路密封片压板\32.5-VI(T)-2500-QMR\F002JBB006ZM59</t>
  </si>
  <si>
    <t>【哈电锅炉】主座架轴向密封板\32.5-VI(T)-2500-QMR\F002JAC01-02-00ZM59</t>
  </si>
  <si>
    <t>【哈电锅炉】热端中心扇形板\32.5-VI(T)-2500-QMR\F001JAL001ZM59</t>
  </si>
  <si>
    <t>【哈电锅炉】冷端中心扇形板\32.5-VI(T)-2500-QMR\F001JAL002ZM59</t>
  </si>
  <si>
    <t>【哈电锅炉】热端一次风扇形板\32.5-VI(T)-2500-QMR\F001JAL003D061</t>
  </si>
  <si>
    <t>【哈电锅炉】冷端一次风扇形板\32.5-VI(T)-2500-QMR\F001JAL004ZM59</t>
  </si>
  <si>
    <t>【哈电锅炉】一次风座架轴向密封板\32.5-VI(T)-2500-QMR\F002JAC02-02-00ZM59</t>
  </si>
  <si>
    <t>【哈电锅炉】热端内侧径向密封片\33.5-VI(T)-2300-QMR\F002JAE001C251</t>
  </si>
  <si>
    <t>【哈电锅炉】支撑轴承箱\32.5-VI(T)-2500-QMR\F002JAN05-01-00ZM59</t>
  </si>
  <si>
    <t>【哈电锅炉】导向轴承箱\32.5-VI(T)-2500-QMR\F002JAM01-00-00ZM59</t>
  </si>
  <si>
    <t>【哈电锅炉】热端传热元件盒A\33.5-VI(T)-2300-QMR\F002JAG001C251</t>
  </si>
  <si>
    <t>【哈电锅炉】热端传热元件盒B\33.5-VI(T)-2300-QMR\F002JAG006C251</t>
  </si>
  <si>
    <t>【哈电锅炉】热端传热元件盒C\33.5-VI(T)-2300-QMR\F002JAG009C251</t>
  </si>
  <si>
    <t>【哈电锅炉】热端传热元件盒D\33.5-VI(T)-2300-QMR\F002JAG011C251</t>
  </si>
  <si>
    <t>【哈电锅炉】热端传热元件盒E\33.5-VI(T)-2300-QMR\F002JAG013C251</t>
  </si>
  <si>
    <t>【哈电锅炉】热端传热元件盒F\33.5-VI(T)-2300-QMR\F002JAG017C251</t>
  </si>
  <si>
    <t>【哈电锅炉】热端传热元件盒G\33.5-VI(T)-2300-QMR\F002JAG019C251</t>
  </si>
  <si>
    <t>【哈电锅炉】中间层传热元件盒A\33.5-VI(T)-2300-QMR\F002JAG001C251</t>
  </si>
  <si>
    <t>【哈电锅炉】中间层传热元件盒B\33.5-VI(T)-2300-QMR\F002JAG006C251</t>
  </si>
  <si>
    <t>【哈电锅炉】中间层传热元件盒C\33.5-VI(T)-2300-QMR\F002JAG009C251</t>
  </si>
  <si>
    <t>【哈电锅炉】中间层传热元件盒D\33.5-VI(T)-2300-QMR\F002JAG011C251</t>
  </si>
  <si>
    <t>【哈电锅炉】中间层传热元件盒E\33.5-VI(T)-2300-QMR\F002JAG013C251</t>
  </si>
  <si>
    <t>【哈电锅炉】中间层传热元件盒F\33.5-VI(T)-2300-QMR\F002JAG017C251</t>
  </si>
  <si>
    <t>【哈电锅炉】中间层传热元件盒G\33.5-VI(T)-2300-QMR\F002JAG019C251</t>
  </si>
  <si>
    <t>【哈电锅炉】冷端传热元件盒A\33.5-VI(T)-2300-QMR\F002JAH001C251</t>
  </si>
  <si>
    <t>【哈电锅炉】冷端传热元件盒B\33.5-VI(T)-2300-QMR\F002JAH006C251</t>
  </si>
  <si>
    <t>【哈电锅炉】冷端传热元件盒C\33.5-VI(T)-2300-QMR\F002JAH009C251</t>
  </si>
  <si>
    <t>【哈电锅炉】冷端传热元件盒D\33.5-VI(T)-2300-QMR\F002JAH011C251</t>
  </si>
  <si>
    <t>【哈电锅炉】冷端传热元件盒E\33.5-VI(T)-2300-QMR\F002JAH013C251</t>
  </si>
  <si>
    <t>【哈电锅炉】冷端传热元件盒F\33.5-VI(T)-2300-QMR\F002JAH017C251</t>
  </si>
  <si>
    <t>【哈电锅炉】冷端传热元件盒G\33.5-VI(T)-2300-QMR\F002JAH019C251</t>
  </si>
  <si>
    <t>【哈电锅炉】中间径向密封片\33.5-VI(T)-2300-QMR\F002JAE002C251</t>
  </si>
  <si>
    <t>【哈电锅炉】外侧径向密封片\33.5-VI(T)-2300-QMR\F002JAE003C251</t>
  </si>
  <si>
    <t>【哈电锅炉】冷端内侧径向密封片\33.5-VI(T)-2300-QMR\F002JAE004C251</t>
  </si>
  <si>
    <t>【哈电锅炉】热端径向内侧压板\33.5-VI(T)-2300-QMR\F002JAE007C251</t>
  </si>
  <si>
    <t>【哈电锅炉】径向压板\33.5-VI(T)-2300-QMR\F002JAE008C251</t>
  </si>
  <si>
    <t>【哈电锅炉】径向冷端内侧压板\33.5-VI(T)-2300-QMR\F002JAE009C251</t>
  </si>
  <si>
    <t>【哈电锅炉】热端中心筒密封片\33.5-VI(T)-2300-QMR\F002JAE010C251</t>
  </si>
  <si>
    <t>【哈电锅炉】冷端中心筒密封片\33.5-VI(T)-2300-QMR\F002JAE011C251</t>
  </si>
  <si>
    <t>【哈电锅炉】径向压板\33.5-VI(T)-2300-QMR\F002JAE015C251</t>
  </si>
  <si>
    <t>【哈电锅炉】轴向压板\33.5-VI(T)-2300-QMR\F002JBB001C251</t>
  </si>
  <si>
    <t>【哈电锅炉】轴向密封片1\33.5-VI(T)-2300-QMR\F002JBB002C251</t>
  </si>
  <si>
    <t>【哈电锅炉】轴向密封片2\33.5-VI(T)-2300-QMR\F002JBB003C251</t>
  </si>
  <si>
    <t>【哈电锅炉】冷端旁路密封片\33.5-VI(T)-2300-QMR\F002JBB005C251</t>
  </si>
  <si>
    <t>【哈电锅炉】热端旁路密封片\33.5-VI(T)-2300-QMR\F002JBB006C251</t>
  </si>
  <si>
    <t>【哈电锅炉】旁路密封片压板\33.5-VI(T)-2300-QMR\F002JBB007C251</t>
  </si>
  <si>
    <t>【哈电锅炉】一次风轴向密封板\33.5-VI(T)-2300-QMR\F002JAC006C251</t>
  </si>
  <si>
    <t>【哈电锅炉】热端一次风扇形板\33.5-VI(T)-2300-QMR\F001JAL001C251</t>
  </si>
  <si>
    <t>【哈电锅炉】热端中心扇形板\33.5-VI(T)-2300-QMR\F001JAL002C251</t>
  </si>
  <si>
    <t>【哈电锅炉】冷端一次风扇形板\33.5-VI(T)-2300-QMR\F001JAL003C251</t>
  </si>
  <si>
    <t>【哈电锅炉】冷端中心扇形板\33.5-VI(T)-2300-QMR\F001JAL004C251</t>
  </si>
  <si>
    <t>【哈电锅炉】主座架轴向密封板\33.5-VI(T)-2300-QMR\F002JAC003C251</t>
  </si>
  <si>
    <t>【哈电锅炉】热端内侧径向密封片\33.5-VI(T)-2450-QMR\F002JAE001ZL54</t>
  </si>
  <si>
    <t>【哈电锅炉】支撑轴承箱\33.5-VI(T)-2300-QMR\F002JAN001C251</t>
  </si>
  <si>
    <t>【哈电锅炉】导向轴承箱\33.5-VI(T)-2300-QMR\F002JAM018C251</t>
  </si>
  <si>
    <t>【哈电锅炉】热端传热元件盒A\32-VI(T)-2100-QMR\F002JAG001ZL37</t>
  </si>
  <si>
    <t>【哈电锅炉】热端传热元件盒B\32-VI(T)-2100-QMR\F002JAG002ZL37</t>
  </si>
  <si>
    <t>【哈电锅炉】热端传热元件盒C\32-VI(T)-2100-QMR\F002JAG003ZL37</t>
  </si>
  <si>
    <t>【哈电锅炉】热端传热元件盒D\32-VI(T)-2100-QMR\F002JAG004ZL37</t>
  </si>
  <si>
    <t>【哈电锅炉】中间层传热元件盒A\32-VI(T)-2100-QMR\F002JAG007ZL37</t>
  </si>
  <si>
    <t>【哈电锅炉】中间层传热元件盒B\32-VI(T)-2100-QMR\F002JAG008ZL37</t>
  </si>
  <si>
    <t>【哈电锅炉】中间层传热元件盒C\32-VI(T)-2100-QMR\F002JAG009ZL37</t>
  </si>
  <si>
    <t>【哈电锅炉】中间层传热元件盒D\32-VI(T)-2100-QMR\F002JAG010ZL37</t>
  </si>
  <si>
    <t>【哈电锅炉】冷端传热元件盒A\32-VI(T)-2100-QMR\F002JAH001ZL37</t>
  </si>
  <si>
    <t>【哈电锅炉】冷端传热元件盒B\32-VI(T)-2100-QMR\F002JAH002ZL37</t>
  </si>
  <si>
    <t>【哈电锅炉】冷端传热元件盒C\32-VI(T)-2100-QMR\F002JAH003ZL37</t>
  </si>
  <si>
    <t>【哈电锅炉】冷端传热元件盒D\32-VI(T)-2100-QMR\F002JAH004ZL37</t>
  </si>
  <si>
    <t>【哈电锅炉】热端传热元件盒A\33.5-VI(T)-2450-QMR\F002JAG001ZX57</t>
  </si>
  <si>
    <t>【哈电锅炉】热端传热元件盒B\33.5-VI(T)-2450-QMR\F002JAG005ZX57</t>
  </si>
  <si>
    <t>【哈电锅炉】热端传热元件盒C\33.5-VI(T)-2450-QMR\F002JAG008ZX57</t>
  </si>
  <si>
    <t>【哈电锅炉】热端传热元件盒D\33.5-VI(T)-2450-QMR\F002JAG010ZX57</t>
  </si>
  <si>
    <t>【哈电锅炉】热端传热元件盒E\33.5-VI(T)-2450-QMR\F002JAG012ZX57</t>
  </si>
  <si>
    <t>【哈电锅炉】热端传热元件盒F\33.5-VI(T)-2450-QMR\F002JAG016ZX57</t>
  </si>
  <si>
    <t>【哈电锅炉】热端传热元件盒G\33.5-VI(T)-2450-QMR\F002JAG018ZX57</t>
  </si>
  <si>
    <t>【哈电锅炉】冷端传热元件盒A\33.5-VI(T)-2450-QMR\F002JAH001ZX57</t>
  </si>
  <si>
    <t>【哈电锅炉】冷端传热元件盒B\33.5-VI(T)-2450-QMR\F002JAH005ZX57</t>
  </si>
  <si>
    <t>【哈电锅炉】冷端传热元件盒C\33.5-VI(T)-2450-QMR\F002JAH08ZX57</t>
  </si>
  <si>
    <t>【哈电锅炉】冷端传热元件盒D\33.5-VI(T)-2450-QMR\F002JAH010ZX57</t>
  </si>
  <si>
    <t>【哈电锅炉】冷端传热元件盒E\33.5-VI(T)-2450-QMR\F002JAH012ZX57</t>
  </si>
  <si>
    <t>【哈电锅炉】冷端传热元件盒F\33.5-VI(T)-2450-QMR\F002JAH016ZX57</t>
  </si>
  <si>
    <t>【哈电锅炉】冷端传热元件盒G\33.5-VI(T)-2450-QMR\F002JAH018ZX57</t>
  </si>
  <si>
    <t>【哈电锅炉】中间径向密封片\33.5-VI(T)-2450-QMR\F002JAE002ZL54</t>
  </si>
  <si>
    <t>【哈电锅炉】外侧径向密封片\33.5-VI(T)-2450-QMR\F002JAE003ZL54</t>
  </si>
  <si>
    <t>【哈电锅炉】冷端内侧径向密封片\33.5-VI(T)-2450-QMR\F002JAE004ZL54</t>
  </si>
  <si>
    <t>【哈电锅炉】热端径向内侧压板\33.5-VI(T)-2450-QMR\F002JAE005ZL54</t>
  </si>
  <si>
    <t>【哈电锅炉】径向压板\33.5-VI(T)-2450-QMR\F002JAE006ZL54</t>
  </si>
  <si>
    <t>【哈电锅炉】冷端径向内侧压板\33.5-VI(T)-2450-QMR\F002JAE007ZL54</t>
  </si>
  <si>
    <t>【哈电锅炉】热端中心筒密封片\33.5-VI(T)-2450-QMR\F002JAE008ZL54</t>
  </si>
  <si>
    <t>【哈电锅炉】冷端中心筒密封片\33.5-VI(T)-2450-QMR\F002JAE009ZL54</t>
  </si>
  <si>
    <t>【哈电锅炉】轴向压板\33.5-VI(T)-2450-QMR\F002JBB001ZL54</t>
  </si>
  <si>
    <t>【哈电锅炉】轴向密封片1\33.5-VI(T)-2450-QMR\F002JBB002ZL54</t>
  </si>
  <si>
    <t>【哈电锅炉】轴向密封片2\33.5-VI(T)-2450-QMR\F002JBB003ZL54</t>
  </si>
  <si>
    <t>【哈电锅炉】冷端旁路密封片\33.5-VI(T)-2450-QMR\F002JBB004ZL54</t>
  </si>
  <si>
    <t>【哈电锅炉】热端旁路密封片\33.5-VI(T)-2450-QMR\F002JBB005ZL54</t>
  </si>
  <si>
    <t>【哈电锅炉】旁路密封片压板\33.5-VI(T)-2450-QMR\F002JBB006ZL54</t>
  </si>
  <si>
    <t>【哈电锅炉】热端内侧径向密封片\34-VI(T)-2600(2700)-QMR\F002JAE001C501</t>
  </si>
  <si>
    <t>【哈电锅炉】热端传热元件盒A\34-VI(T)-2600(2700)-QMR\F002JAG001C501</t>
  </si>
  <si>
    <t>【哈电锅炉】热端传热元件盒B\34-VI(T)-2600(2700)-QMR\F002JAG005C501</t>
  </si>
  <si>
    <t>【哈电锅炉】热端传热元件盒C\34-VI(T)-2600(2700)-QMR\F002JAG008C501</t>
  </si>
  <si>
    <t>【哈电锅炉】热端传热元件盒D\34-VI(T)-2600(2700)-QMR\F002JAG010C501</t>
  </si>
  <si>
    <t>【哈电锅炉】热端传热元件盒E\34-VI(T)-2600(2700)-QMR\F002JAG012C501</t>
  </si>
  <si>
    <t>【哈电锅炉】热端传热元件盒F\34-VI(T)-2600(2700)-QMR\F002JAG016C501</t>
  </si>
  <si>
    <t>【哈电锅炉】热端传热元件盒G\34-VI(T)-2600(2700)-QMR\F002JAG018C501</t>
  </si>
  <si>
    <t>【哈电锅炉】中间层传热元件盒A\34-VI(T)-2600(2700)-QMR\F002JAG020C501</t>
  </si>
  <si>
    <t>【哈电锅炉】中间层传热元件盒B\34-VI(T)-2600(2700)-QMR\F002JAG023C501</t>
  </si>
  <si>
    <t>【哈电锅炉】中间层传热元件盒C\34-VI(T)-2600(2700)-QMR\F002JAG025C501</t>
  </si>
  <si>
    <t>【哈电锅炉】中间层传热元件盒D\34-VI(T)-2600(2700)-QMR\F002JAG026C501</t>
  </si>
  <si>
    <t>【哈电锅炉】中间层传热元件盒E\34-VI(T)-2600(2700)-QMR\F002JAG027C501</t>
  </si>
  <si>
    <t>【哈电锅炉】中间层传热元件盒F\34-VI(T)-2600(2700)-QMR\F002JAG030C501</t>
  </si>
  <si>
    <t>【哈电锅炉】中间层传热元件盒G\34-VI(T)-2600(2700)-QMR\F002JAG031C501</t>
  </si>
  <si>
    <t>【哈电锅炉】冷端传热元件盒A\34-VI(T)-2600(2700)-QMR\F002JAH001C501</t>
  </si>
  <si>
    <t>【哈电锅炉】冷端传热元件盒B\34-VI(T)-2600(2700)-QMR\F002JAH002C501</t>
  </si>
  <si>
    <t>【哈电锅炉】冷端传热元件盒C\34-VI(T)-2600(2700)-QMR\F002JAH003C501</t>
  </si>
  <si>
    <t>【哈电锅炉】冷端传热元件盒D\34-VI(T)-2600(2700)-QMR\F002JAH004C501</t>
  </si>
  <si>
    <t>【哈电锅炉】冷端传热元件盒E\34-VI(T)-2600(2700)-QMR\F002JAH005C501</t>
  </si>
  <si>
    <t>【哈电锅炉】冷端传热元件盒F\34-VI(T)-2600(2700)-QMR\F002JAH006C501</t>
  </si>
  <si>
    <t>【哈电锅炉】冷端传热元件盒G\34-VI(T)-2600(2700)-QMR\F002JAH007C501</t>
  </si>
  <si>
    <t>【哈电锅炉】径向密封片\34-VI(T)-2600(2700)-QMR\F002JAE002C501</t>
  </si>
  <si>
    <t>【哈电锅炉】冷端内侧径向密封片\34-VI(T)-2600(2700)-QMR\F002JAE003C501</t>
  </si>
  <si>
    <t>【哈电锅炉】热端径向内侧压板\34-VI(T)-2600(2700)-QMR\F002JAE004C501</t>
  </si>
  <si>
    <t>【哈电锅炉】径向压板\34-VI(T)-2600(2700)-QMR\F002JAE005C501</t>
  </si>
  <si>
    <t>【哈电锅炉】冷端径向内侧压板\34-VI(T)-2600(2700)-QMR\F002JAE006C501</t>
  </si>
  <si>
    <t>【哈电锅炉】热端中心筒密封片\34-VI(T)-2600(2700)-QMR\F002JAE007C501</t>
  </si>
  <si>
    <t>【哈电锅炉】冷端中心筒密封片\34-VI(T)-2600(2700)-QMR\F002JAE008C501</t>
  </si>
  <si>
    <t>【哈电锅炉】轴向密封片A\34-VI(T)-2600(2700)-QMR\F002JBB001C501</t>
  </si>
  <si>
    <t>【哈电锅炉】轴向密封片B\34-VI(T)-2600(2700)-QMR\F002JBB002C501</t>
  </si>
  <si>
    <t>【哈电锅炉】轴向压板A\34-VI(T)-2600(2700)-QMR\F002JBB003C501</t>
  </si>
  <si>
    <t>【哈电锅炉】轴向压板B\34-VI(T)-2600(2700)-QMR\F002JBB004C501</t>
  </si>
  <si>
    <t>【哈电锅炉】一次风轴向密封板\34-VI(T)-2600(2700)-QMR\F002JAC020C501</t>
  </si>
  <si>
    <t>【哈电锅炉】热端一次风扇形板\34-VI(T)-2600(2700)-QMR\F001JAL004C501</t>
  </si>
  <si>
    <t>【哈电锅炉】热端中心扇形板\34-VI(T)-2600(2700)-QMR\F001JAL003C501</t>
  </si>
  <si>
    <t>【哈电锅炉】冷端一次风扇形板\34-VI(T)-2600(2700)-QMR\F001JAL002C501</t>
  </si>
  <si>
    <t>【哈电锅炉】冷端中心扇形板\34-VI(T)-2600(2700)-QMR\F001JAL001C501</t>
  </si>
  <si>
    <t>【哈电锅炉】主座架轴向密封板\34-VI(T)-2600(2700)-QMR\F002JAC004C501</t>
  </si>
  <si>
    <t>【哈电锅炉】主座架轴向密封板\31-VI(T)-1954-QMR\F002JAC004C081</t>
  </si>
  <si>
    <t>【哈电锅炉】支撑轴承箱\34-VI(T)-2600(2700)-QMR\F002JAN011C501</t>
  </si>
  <si>
    <t>【哈电锅炉】导向轴承箱\34-VI(T)-2600(2700)-QMR\F002JAM008C501</t>
  </si>
  <si>
    <t>【哈电锅炉】热端中心桁架扇形板\31-VI(T)-1950-QMR\F001JAL002C081</t>
  </si>
  <si>
    <t>【哈电锅炉】热端一次风桁架扇形板\31-VI(T)-1951-QMR\F001JAL001C081</t>
  </si>
  <si>
    <t>【哈电锅炉】冷端中心桁架扇形板\31-VI(T)-1952-QMR\F001JAL004C081</t>
  </si>
  <si>
    <t>【哈电锅炉】冷端一次风桁架扇形板\31-VI(T)-1953-QMR\F001JAL003C081</t>
  </si>
  <si>
    <t>【哈电锅炉】一次风座架轴向密封板\31-VI(T)-1955-QMR\F002JAC027C081</t>
  </si>
  <si>
    <t>【哈电锅炉】径向热端内侧压板\31-VI(T)-1958-QMR\F002JAE007C081</t>
  </si>
  <si>
    <t>【哈电锅炉】支撑轴承箱\31-VI(T)-1956-QMR\F002JAN001C081</t>
  </si>
  <si>
    <t>【哈电锅炉】导向轴承箱\31-VI(T)-1957-QMR\F002JAM026C081</t>
  </si>
  <si>
    <t>【哈电锅炉】径向中间压板\31-VI(T)-1959-QMR\F002JAE008C081</t>
  </si>
  <si>
    <t>【哈电锅炉】径向冷端内侧压板\31-VI(T)-1960-QMR\F002JAE009C081</t>
  </si>
  <si>
    <t>【哈电锅炉】轴向压板\31-VI(T)-1961-QMR\F002JBB001C081</t>
  </si>
  <si>
    <t>【哈电锅炉】旁路密封片压板\31-VI(T)-1962-QMR\F002JBB008C081</t>
  </si>
  <si>
    <t>【哈电锅炉】主座架轴向密封板\32-VI(T)-2010-QMR\F002JAC01-02-00ZX77</t>
  </si>
  <si>
    <t>【哈电锅炉】热端中心桁架扇形板\32-VI(T)-2010-QMR\F001JAL03-00-00ZX77</t>
  </si>
  <si>
    <t>【哈电锅炉】热端一次风桁架扇形板\32-VI(T)-2010-QMR\F001JAL04-00-00ZX77</t>
  </si>
  <si>
    <t>【哈电锅炉】冷端中心桁架扇形板\32-VI(T)-2010-QMR\F001JAL01-00-00ZX77</t>
  </si>
  <si>
    <t>【哈电锅炉】冷端一次风桁架扇形板\32-VI(T)-2010-QMR\F001JAL02-00-00ZX77</t>
  </si>
  <si>
    <t>【哈电锅炉】一次风座架轴向密封板\32-VI(T)-2010-QMR\F002JAC02-02-00ZX77</t>
  </si>
  <si>
    <t>【哈电锅炉】径向热端内侧压板\32-VI(T)-2010-QMR\F002JAE005ZX77</t>
  </si>
  <si>
    <t>【哈电锅炉】支撑轴承箱\32-VI(T)-2010-QMR\F002JAN001C081</t>
  </si>
  <si>
    <t>【哈电锅炉】导向轴承箱\32-VI(T)-2010-QMR\F002JAM026C081</t>
  </si>
  <si>
    <t>【哈电锅炉】径向压板\32-VI(T)-2010-QMR\F002JAE006ZX77</t>
  </si>
  <si>
    <t>【哈电锅炉】径向冷端内侧压板\32-VI(T)-2010-QMR\F002JAE007ZX77</t>
  </si>
  <si>
    <t>【哈电锅炉】径向外侧压板\32-VI(T)-2010-QMR\F002JAE008ZX77</t>
  </si>
  <si>
    <t>【哈电锅炉】轴向压板A\32-VI(T)-2010-QMR\F002JBB002ZX77</t>
  </si>
  <si>
    <t>【哈电锅炉】轴向压板B\32-VI(T)-2010-QMR\F002JBB002ZX77</t>
  </si>
  <si>
    <t>【哈电锅炉】旁路密封片压板\32-VI(T)-2010-QMR\F002JBB004ZX77</t>
  </si>
  <si>
    <t>【哈电锅炉】主座架轴向密封板\31.5-VI(T)-2033-SMR\F002JAC004C091</t>
  </si>
  <si>
    <t>【哈电锅炉】热端中心桁架扇形板\31.5-VI(T)-2033-SMR\F001JAL002C101</t>
  </si>
  <si>
    <t>【哈电锅炉】热端一次风桁架扇形板\31.5-VI(T)-2033-SMR\F001JAL001C101</t>
  </si>
  <si>
    <t>【哈电锅炉】冷端中心桁架扇形板\31.5-VI(T)-2033-SMR\F001JAL004C101</t>
  </si>
  <si>
    <t>【哈电锅炉】冷端一次风桁架扇形板\31.5-VI(T)-2033-SMR\F001JAL003C101</t>
  </si>
  <si>
    <t>【哈电锅炉】一次风座架轴向密封板\31.5-VI(T)-2033-SMR\F002JAC026C091</t>
  </si>
  <si>
    <t>【哈电锅炉】径向热端内侧压板\31.5-VI(T)-2033-SMR\F002JAE007C101</t>
  </si>
  <si>
    <t>【哈电锅炉】支撑轴承箱\31.5-VI(T)-2033-SMR\F002JAN001C101</t>
  </si>
  <si>
    <t>【哈电锅炉】导向轴承箱\31.5-VI(T)-2033-SMR\F002JAM022C101</t>
  </si>
  <si>
    <t>【哈电锅炉】径向压板\31.5-VI(T)-2033-SMR\F002JAE008C101</t>
  </si>
  <si>
    <t>【哈电锅炉】径向冷端内侧压板\31.5-VI(T)-2033-SMR\F002JAE009C101</t>
  </si>
  <si>
    <t>【哈电锅炉】径向外侧压板\31.5-VI(T)-2033-SMR\F002JAE015C101</t>
  </si>
  <si>
    <t>【哈电锅炉】轴向压板\31.5-VI(T)-2033-SMR\F002JBB001C101</t>
  </si>
  <si>
    <t>【哈电锅炉】旁路密封片压板\31.5-VI(T)-2033-SMR\F002JBB007C101</t>
  </si>
  <si>
    <t>【哈电锅炉】一次风座架轴向密封板\29.5-VI(T)-2250-QMR\F002JAC012E191</t>
  </si>
  <si>
    <t>【哈电锅炉】水冷壁管屏(2根一组*6m,双边不带鳍片)\32.3Mpa,445.0℃\15CrMoG\F001BGD001A011\1000MW</t>
  </si>
  <si>
    <t>【哈电锅炉】水冷壁管屏(3根一组*6m,双边不带鳍片)\32.3Mpa,445.0℃\15CrMoG\F001BGD001A011\1000MW</t>
  </si>
  <si>
    <t>【哈电锅炉】水冷壁管屏(4根一组*6m,双边不带鳍片)\32.3Mpa,445.0℃\15CrMoG\F001BGD001A011\1000MW</t>
  </si>
  <si>
    <t>【哈电锅炉】水冷壁管屏(5根一组*6m,双边不带鳍片)\32.3Mpa,445.0℃\15CrMoG\F001BGD001A011\1000MW</t>
  </si>
  <si>
    <t>【哈电锅炉】炉管\φ42*8.5\15CrMoG\F001CEF001A011\1000MW</t>
  </si>
  <si>
    <t>【哈电锅炉】炉管\φ63.5*8.5\TP310\F001CGB001A012\1000MW</t>
  </si>
  <si>
    <t>【哈电锅炉】炉管\φ44.5*5.5\A-213S0432\F001CHD001A012\1000MW</t>
  </si>
  <si>
    <t>【哈电锅炉】炉管\φ57*8\A-213S30432\F001CHD001A012\1000MW</t>
  </si>
  <si>
    <t>【哈电锅炉】炉管\φ54*7\SA-213TP347H\F002CGD001A011\1000MW</t>
  </si>
  <si>
    <t>【哈电锅炉】后屏过热器异种钢管\φ51/φ63.5/φ63.5*7/8.5/8.5\SA-213T91/SA-213T91/SA-213TP310Hcbn\F001CGB001A012\1000MW</t>
  </si>
  <si>
    <t>【哈电锅炉】高温过热器进口异种钢管\φ44./φ57*8.5/φ57*7/8.5/8.5\SA-213T91/SA-213T91/SA-213TP310Hcbn\F001CHD001A012\1000MW</t>
  </si>
  <si>
    <t>【哈电锅炉】管接头\φ63.5*10\15CrMoG\F002CMA002C111\600MW</t>
  </si>
  <si>
    <t>【哈电锅炉】管接头\φ63.5*10\15CrMoG\F002CMA003C111\600MW</t>
  </si>
  <si>
    <t>【哈电锅炉】管接头\φ63.5*10\15CrMoG\F002CMA004C111\600MW</t>
  </si>
  <si>
    <t>【哈电锅炉】侧水冷壁上集箱管接头\Φ31.8*6.2\15CrMoG\F002BEB004C181\600MW</t>
  </si>
  <si>
    <t>【哈电锅炉】侧水冷壁上集箱管接头\Φ31.8*6.2\15CrMoG\F002BEB005C181\600MW</t>
  </si>
  <si>
    <t>【哈电锅炉】主蒸汽管道连接管\Φ457*45\SA-335P91\5546A.217\300MW</t>
  </si>
  <si>
    <t>【哈电锅炉】热端传热元件盒A\29-VI(T)-1850-QMR\Q215\F002JAG001Q051</t>
  </si>
  <si>
    <t>【哈电锅炉】热端传热元件盒B\29-VI(T)-1850-QMR\Q215\F002JAG002Q051</t>
  </si>
  <si>
    <t>【哈电锅炉】热端传热元件盒C\29-VI(T)-1850-QMR\Q215\F002JAG003Q051</t>
  </si>
  <si>
    <t>【哈电锅炉】热端传热元件盒D\29-VI(T)-1850-QMR\Q215\F002JAG004Q051</t>
  </si>
  <si>
    <t>【哈电锅炉】冷端传热元件盒A\29-VI(T)-1850-QMR\搪瓷钢板\F002JAH001Q051</t>
  </si>
  <si>
    <t>【哈电锅炉】冷端传热元件盒B\29-VI(T)-1850-QMR\搪瓷钢板\F002JAH002Q051</t>
  </si>
  <si>
    <t>【哈电锅炉】冷端传热元件盒C\29-VI(T)-1850-QMR\搪瓷钢板\F002JAH003Q051</t>
  </si>
  <si>
    <t>【哈电锅炉】冷端传热元件盒D\29-VI(T)-1850-QMR\搪瓷钢板\F002JAH004Q051</t>
  </si>
  <si>
    <t>【哈电锅炉】热端内侧径向密封片\29-VI(T)-1850-QMR\CORTEN\F002JAE001Q051</t>
  </si>
  <si>
    <t>【哈电锅炉】中间径向密封片\29-VI(T)-1850-QMR\CORTEN\F002JAE002Q051</t>
  </si>
  <si>
    <t>【哈电锅炉】外侧径向密封片\29-VI(T)-1850-QMR\CORTEN\F002JAE003Q051</t>
  </si>
  <si>
    <t>【哈电锅炉】冷端内侧径向密封片\29-VI(T)-1850-QMR\CORTEN\F002JAE004Q051</t>
  </si>
  <si>
    <t>【哈电锅炉】轴向密封片\29-VI(T)-1850-QMR\CORTEN\F002JBB002Q051</t>
  </si>
  <si>
    <t>【哈电锅炉】冷端旁路密封片\29-VI(T)-1850-QMR\CORTEN\F002JBB004Q051</t>
  </si>
  <si>
    <t>【哈电锅炉】热端旁路密封片\29-VI(T)-1850-QMR\CORTEN\F002JBB005Q051</t>
  </si>
  <si>
    <t>【哈电锅炉】热端传热元件盒A\32-VI(T)-2000-QMR\Q215\F002JAG001ZL14</t>
  </si>
  <si>
    <t>【哈电锅炉】热端传热元件盒B\32-VI(T)-2000-QMR\Q215\F002JAG002ZL14</t>
  </si>
  <si>
    <t>【哈电锅炉】热端传热元件盒C\32-VI(T)-2000-QMR\Q215\F002JAG003ZL14</t>
  </si>
  <si>
    <t>【哈电锅炉】热端传热元件盒D\32-VI(T)-2000-QMR\Q215\F002JAG004ZL14</t>
  </si>
  <si>
    <t>【哈电锅炉】热端传热元件盒E\32-VI(T)-2000-QMR\Q215\F002JAG005ZL14</t>
  </si>
  <si>
    <t>【哈电锅炉】冷端传热元件盒A\32-VI(T)-2000-QMR\脱碳钢板\F002JAH001ZL14</t>
  </si>
  <si>
    <t>【哈电锅炉】冷端传热元件盒B\32-VI(T)-2000-QMR\脱碳钢板\F002JAH002ZL14</t>
  </si>
  <si>
    <t>【哈电锅炉】冷端传热元件盒C\32-VI(T)-2000-QMR\脱碳钢板\F002JAH003ZL14</t>
  </si>
  <si>
    <t>【哈电锅炉】冷端传热元件盒D\32-VI(T)-2000-QMR\脱碳钢板\F002JAH004ZL14</t>
  </si>
  <si>
    <t>【哈电锅炉】冷端传热元件盒E\32-VI(T)-2000-QMR\脱碳钢板\F002JAH005ZL14</t>
  </si>
  <si>
    <t>【哈电锅炉】热端内侧径向密封片\32-VI(T)-2000-QMR\CORTEN\F002JAE001ZL14</t>
  </si>
  <si>
    <t>【哈电锅炉】热端中间径向密封片\32-VI(T)-2000-QMR\CORTEN\F002JAE002ZL14</t>
  </si>
  <si>
    <t>【哈电锅炉】冷端内侧径向密封片\32-VI(T)-2000-QMR\CORTEN\F002JAE003ZL14</t>
  </si>
  <si>
    <t>【哈电锅炉】冷端中间径向密封片\32-VI(T)-2000-QMR\CORTEN\F002JAE004ZL14</t>
  </si>
  <si>
    <t>【哈电锅炉】热端外侧径向密封片\32-VI(T)-2000-QMR\CORTEN\F002JAE005ZL14</t>
  </si>
  <si>
    <t>【哈电锅炉】冷端外侧径向密封片\32-VI(T)-2000-QMR\CORTEN\F002JAE006ZL14</t>
  </si>
  <si>
    <t>【哈电锅炉】轴向密封片\32-VI(T)-2000-QMR\CORTEN\F002JBB002ZL14</t>
  </si>
  <si>
    <t>【哈电锅炉】轴向密封片\32-VI(T)-2000-QMR\CORTEN\F002JBB003ZL14</t>
  </si>
  <si>
    <t>【哈电锅炉】冷端旁路密封片\32-VI(T)-2000-QMR\CORTEN\F002JBB005ZL14</t>
  </si>
  <si>
    <t>【哈电锅炉】热端旁路密封片\32-VI(T)-2000-QMR\CORTEN\F002JBB006ZL14</t>
  </si>
  <si>
    <t>【哈电锅炉】热端内侧径向密封片\32-VI(T)-2000-QMR\CORTEN\F002JAE001ZL15</t>
  </si>
  <si>
    <t>【哈电锅炉】热端中间径向密封片\32-VI(T)-2000-QMR\CORTEN\F002JAE002ZL15</t>
  </si>
  <si>
    <t>【哈电锅炉】冷端内侧径向密封\32-VI(T)-2000-QMR\CORTEN\F002JAE003ZL15</t>
  </si>
  <si>
    <t>【哈电锅炉】冷端中间径向密封片\32-VI(T)-2000-QMR\CORTEN\F002JAE004ZL15</t>
  </si>
  <si>
    <t>【哈电锅炉】热端外侧径向密封片\32-VI(T)-2000-QMR\CORTEN\F002JAE005ZL15</t>
  </si>
  <si>
    <t>【哈电锅炉】冷端外侧径向密封片\32-VI(T)-2000-QMR\CORTEN\F002JAE006ZL15</t>
  </si>
  <si>
    <t>【哈电锅炉】轴向密封片\32-VI(T)-2000-QMR\CORTEN\F002JBB002ZL15</t>
  </si>
  <si>
    <t>【哈电锅炉】轴向密封片\32-VI(T)-2000-QMR\CORTEN\F002JBB003ZL15</t>
  </si>
  <si>
    <t>【哈电锅炉】冷端旁路密封片\32-VI(T)-2000-QMR\CORTEN\F002JBB005ZL15</t>
  </si>
  <si>
    <t>【哈电锅炉】热端旁路密封片\32-VI(T)-2000-QMR\CORTEN\F002JBB006ZL15</t>
  </si>
  <si>
    <t>【哈电锅炉】冷端传热元件盒A\29-VI(T)-2200-QMR\搪瓷钢板\F002JAH001CZ01</t>
  </si>
  <si>
    <t>【哈电锅炉】冷端传热元件盒B\29-VI(T)-2200-QMR\搪瓷钢板\F002JAH002CZ01</t>
  </si>
  <si>
    <t>【哈电锅炉】冷端传热元件盒C\29-VI(T)-2200-QMR\搪瓷钢板\F002JAH003CZ01</t>
  </si>
  <si>
    <t>【哈电锅炉】冷端传热元件盒D\29-VI(T)-2200-QMR\搪瓷钢板\F002JAH004CZ01</t>
  </si>
  <si>
    <t>【哈电锅炉】热端内侧径向密封片\29-VI(T)-2200-QMR\CORTEN\F002JAE001CZ01</t>
  </si>
  <si>
    <t>【哈电锅炉】中间径向密封片\29-VI(T)-2200-QMR\CORTEN\F002JAE002CZ01</t>
  </si>
  <si>
    <t>【哈电锅炉】外侧径向密封片\29-VI(T)-2200-QMR\CORTEN\F002JAE003CZ01</t>
  </si>
  <si>
    <t>【哈电锅炉】热端传热元件盒A\32-VI(T)-2400-QMR\Q215\F002JAG001ZM13</t>
  </si>
  <si>
    <t>【哈电锅炉】热端传热元件盒B\32-VI(T)-2400-QMR\Q215\F002JAG007ZM13</t>
  </si>
  <si>
    <t>【哈电锅炉】热端传热元件盒C\32-VI(T)-2400-QMR\Q215\F002JAG011ZM13</t>
  </si>
  <si>
    <t>【哈电锅炉】热端传热元件盒D\32-VI(T)-2400-QMR\Q215\F002JAG013ZM13</t>
  </si>
  <si>
    <t>【哈电锅炉】热端传热元件盒E\32-VI(T)-2400-QMR\Q215\F002JAG015ZM13</t>
  </si>
  <si>
    <t>【哈电锅炉】热端传热元件盒F\32-VI(T)-2400-QMR\Q215\F002JAG017ZM13</t>
  </si>
  <si>
    <t>【哈电锅炉】热端传热元件盒G\32-VI(T)-2400-QMR\Q215\F002JAG022ZM13</t>
  </si>
  <si>
    <t>【哈电锅炉】中间层传热元件盒A\32-VI(T)-2400-QMR\Q215\F002JAG026ZM13</t>
  </si>
  <si>
    <t>【哈电锅炉】中间层传热元件盒B\32-VI(T)-2400-QMR\Q215\F002JAG031ZM13</t>
  </si>
  <si>
    <t>【哈电锅炉】中间层传热元件盒C\32-VI(T)-2400-QMR\Q215\F002JAG034ZM13</t>
  </si>
  <si>
    <t>【哈电锅炉】中间层传热元件盒D\32-VI(T)-2400-QMR\Q215\F002JAG035ZM13</t>
  </si>
  <si>
    <t>【哈电锅炉】中间层传热元件盒E\32-VI(T)-2400-QMR\Q215\F002JAG036ZM13</t>
  </si>
  <si>
    <t>【哈电锅炉】中间层传热元件盒F\32-VI(T)-2400-QMR\Q215\F002JAG037ZM13</t>
  </si>
  <si>
    <t>【哈电锅炉】中间层传热元件盒G\32-VI(T)-2400-QMR\Q215\F002JAG040ZM13</t>
  </si>
  <si>
    <t>【哈电锅炉】冷端传热元件盒A\32-VI(T)-2400-QMR\进口零碳钢\F002JAH001ZM13</t>
  </si>
  <si>
    <t>【哈电锅炉】冷端传热元件盒B\32-VI(T)-2400-QMR\进口零碳钢\F002JAH007ZM13</t>
  </si>
  <si>
    <t>【哈电锅炉】冷端传热元件盒C\32-VI(T)-2400-QMR\进口零碳钢\F002JAH011ZM13</t>
  </si>
  <si>
    <t>【哈电锅炉】冷端传热元件盒D\32-VI(T)-2400-QMR\进口零碳钢\F002JAH013ZM13</t>
  </si>
  <si>
    <t>【哈电锅炉】冷端传热元件盒E\32-VI(T)-2400-QMR\进口零碳钢\F002JAH015ZM13</t>
  </si>
  <si>
    <t>【哈电锅炉】冷端传热元件盒F\32-VI(T)-2400-QMR\进口零碳钢\F002JAH017ZM13</t>
  </si>
  <si>
    <t>【哈电锅炉】冷端传热元件盒G\32-VI(T)-2400-QMR\进口零碳钢\F002JAH022ZM13</t>
  </si>
  <si>
    <t>【哈电锅炉】热端内侧径向密封片\32-VI(T)-2400-QMR\CORTEN\F002JAE001ZM13</t>
  </si>
  <si>
    <t>【哈电锅炉】热端中间径向密封片\32-VI(T)-2400-QMR\CORTEN\F002JAE002ZM13</t>
  </si>
  <si>
    <t>【哈电锅炉】热端外侧径向密封片\32-VI(T)-2400-QMR\CORTEN\F002JAE003ZM13</t>
  </si>
  <si>
    <t>【哈电锅炉】冷端内侧径向密封片\32-VI(T)-2400-QMR\CORTEN\F002JAE004ZM13</t>
  </si>
  <si>
    <t>【哈电锅炉】冷端中间径向密封片\32-VI(T)-2400-QMR\CORTEN\F002JAE005ZM13</t>
  </si>
  <si>
    <t>【哈电锅炉】冷端外侧径向密封片\32-VI(T)-2400-QMR\CORTEN\F002JAE006ZM13</t>
  </si>
  <si>
    <t>【哈电锅炉】冷端轴向密封片\32-VI(T)-2400-QMR\CORTEN\F002JBB001ZM13</t>
  </si>
  <si>
    <t>【哈电锅炉】热端轴向密封片\32-VI(T)-2400-QMR\CORTEN\F002JBB002ZM13</t>
  </si>
  <si>
    <t>【哈电锅炉】冷端旁路密封片\32-VI(T)-2400-QMR\CORTEN\F002JBB008ZM13</t>
  </si>
  <si>
    <t>【哈电锅炉】热端旁路密封片\32-VI(T)-2400-QMR\CORTEN\F002JBB009ZM13</t>
  </si>
  <si>
    <t>【哈电锅炉】热端传热元件盒A\30.5-VI(T)-2150-QMR\Q215\F002JAG001ZM13</t>
  </si>
  <si>
    <t>【哈电锅炉】热端传热元件盒B\30.5-VI(T)-2150-QMR\Q215\F002JAG005ZM13</t>
  </si>
  <si>
    <t>【哈电锅炉】热端传热元件盒C\30.5-VI(T)-2150-QMR\Q215\F002JAG008ZM13</t>
  </si>
  <si>
    <t>【哈电锅炉】热端传热元件盒D\30.5-VI(T)-2150-QMR\Q215\F002JAG010ZM13</t>
  </si>
  <si>
    <t>【哈电锅炉】热端传热元件盒E\30.5-VI(T)-2150-QMR\Q215\F002JAG012ZM13</t>
  </si>
  <si>
    <t>【哈电锅炉】中间层传热元件盒A\30.5-VI(T)-2150-QMR\Q215\F002JAG014ZM13</t>
  </si>
  <si>
    <t>【哈电锅炉】中间层传热元件盒B\30.5-VI(T)-2150-QMR\Q215\F002JAG017ZM13</t>
  </si>
  <si>
    <t>【哈电锅炉】中间层传热元件盒C\30.5-VI(T)-2150-QMR\Q215\F002JAG019ZM13</t>
  </si>
  <si>
    <t>【哈电锅炉】中间层传热元件盒D\30.5-VI(T)-2150-QMR\Q215\F002JAG020ZM13</t>
  </si>
  <si>
    <t>【哈电锅炉】中间层传热元件盒E\30.5-VI(T)-2150-QMR\Q215\F002JAG021ZM13</t>
  </si>
  <si>
    <t>【哈电锅炉】冷端传热元件盒A\30.5-VI(T)-2150-QMR\进口零碳钢\F002JAH001ZM13</t>
  </si>
  <si>
    <t>【哈电锅炉】冷端传热元件盒B\30.5-VI(T)-2150-QMR\进口零碳钢\F002JAH005ZM13</t>
  </si>
  <si>
    <t>【哈电锅炉】冷端传热元件盒C\30.5-VI(T)-2150-QMR\进口零碳钢\F002JAH008ZM13</t>
  </si>
  <si>
    <t>【哈电锅炉】冷端传热元件盒D\30.5-VI(T)-2150-QMR\进口零碳钢\F002JAH010ZM13</t>
  </si>
  <si>
    <t>【哈电锅炉】冷端传热元件盒E\30.5-VI(T)-2150-QMR\进口零碳钢\F002JAH012ZM13</t>
  </si>
  <si>
    <t>【哈电锅炉】热端内侧径向密封片\30.5-VI(T)-2150-QMR\CORTEN\F002JAE001ZM13</t>
  </si>
  <si>
    <t>【哈电锅炉】中间径向密封片\30.5-VI(T)-2150-QMR\CORTEN\F002JAE002ZM13</t>
  </si>
  <si>
    <t>【哈电锅炉】外侧径向密封片\30.5-VI(T)-2150-QMR\CORTEN\F002JAE003ZM13</t>
  </si>
  <si>
    <t>【哈电锅炉】冷端内侧径向密封片\30.5-VI(T)-2150-QMR\CORTEN\F002JAE004ZM13</t>
  </si>
  <si>
    <t>【哈电锅炉】轴向密封片A\30.5-VI(T)-2150-QMR\CORTEN\F002JBB002ZM13</t>
  </si>
  <si>
    <t>【哈电锅炉】轴向密封片B\30.5-VI(T)-2150-QMR\CORTEN\F002JBB003ZM13</t>
  </si>
  <si>
    <t>【哈电锅炉】冷端旁路密封片\30.5-VI(T)-2150-QMR\CORTEN\F002JBB006ZM13</t>
  </si>
  <si>
    <t>【哈电锅炉】热端旁路密封片\30.5-VI(T)-2150-QMR\CORTEN\F002JBB007ZM13</t>
  </si>
  <si>
    <t>【哈电锅炉】热端内侧径向密封片\30-VI(T)-2690-QMR\CORTEN\F002JAE001Z197</t>
  </si>
  <si>
    <t>【哈电锅炉】中间径向密封片\30-VI(T)-2690-QMR\CORTEN\F002JAE002Z197</t>
  </si>
  <si>
    <t>【哈电锅炉】外侧径向密封片\30-VI(T)-2690-QMR\CORTEN\F002JAE003Z197</t>
  </si>
  <si>
    <t>【哈电锅炉】冷端内侧径向密封片\30-VI(T)-2690-QMR\CORTEN\F002JAE004Z197</t>
  </si>
  <si>
    <t>【哈电锅炉】轴向密封片\30-VI(T)-2690-QMR\CORTEN\F002JBB003Z197</t>
  </si>
  <si>
    <t>【哈电锅炉】轴向密封片\30-VI(T)-2690-QMR\CORTEN\F002JBB004Z197</t>
  </si>
  <si>
    <t>【哈电锅炉】冷端旁路密封片\30-VI(T)-2690-QMR\CORTEN\F002JBB006Z197</t>
  </si>
  <si>
    <t>【哈电锅炉】热端旁路密封片\30-VI(T)-2690-QMR\CORTEN\F002JBB007Z197</t>
  </si>
  <si>
    <t>【哈电锅炉】冷端传热元件盒A\30-VI(T)-2690-QMR\进口脱碳钢板\F002JAH001Z197</t>
  </si>
  <si>
    <t>【哈电锅炉】冷端传热元件盒B\30-VI(T)-2690-QMR\进口脱碳钢板\F002JAH006Z197</t>
  </si>
  <si>
    <t>【哈电锅炉】冷端传热元件盒C\30-VI(T)-2690-QMR\进口脱碳钢板\F002JAH009Z197</t>
  </si>
  <si>
    <t>【哈电锅炉】冷端传热元件盒D\30-VI(T)-2690-QMR\进口脱碳钢板\F002JAH011Z197</t>
  </si>
  <si>
    <t>【哈电锅炉】冷端传热元件盒E\30-VI(T)-2690-QMR\进口脱碳钢板\F002JAH013Z197</t>
  </si>
  <si>
    <t>【哈电锅炉】热端传热元件盒A\30-VI(T)-2690-QMR\Q215\F002JAG001Z197</t>
  </si>
  <si>
    <t>【哈电锅炉】热端传热元件盒B\30-VI(T)-2690-QMR\Q215\F002JAG006Z197</t>
  </si>
  <si>
    <t>【哈电锅炉】热端传热元件盒C\30-VI(T)-2690-QMR\Q215\F002JAG009Z197</t>
  </si>
  <si>
    <t>【哈电锅炉】热端传热元件盒D\30-VI(T)-2690-QMR\Q215\F002JAG011Z197</t>
  </si>
  <si>
    <t>【哈电锅炉】热端传热元件盒E\30-VI(T)-2690-QMR\Q215\F002JAG013Z197</t>
  </si>
  <si>
    <t>【哈电锅炉】延伸层传热元件A\30-VI(T)-2780-QMR\SPCC\F002JAG001BSG06</t>
  </si>
  <si>
    <t>【哈电锅炉】延伸层传热元件B\30-VI(T)-2780-QMR\SPCC\F002JAG002BSG06</t>
  </si>
  <si>
    <t>【哈电锅炉】延伸层传热元件C\30-VI(T)-2780-QMR\SPCC\F002JAG003BSG06</t>
  </si>
  <si>
    <t>【哈电锅炉】延伸层传热元件盒D\30-VI(T)-2780-QMR\SPCC\F002JAG004BSG06</t>
  </si>
  <si>
    <t>【哈电锅炉】延伸层传热元件盒E\30-VI(T)-2780-QMR\SPCC\F002JAG005BSG06</t>
  </si>
  <si>
    <t>【哈电锅炉】延伸层传热元件盒D\30-VI(T)-2780-QMR\SPCC\F002JAG004HSG06</t>
  </si>
  <si>
    <t>【哈电锅炉】延伸层传热元件盒E\30-VI(T)-2780-QMR\SPCC\F002JAG005HSG06</t>
  </si>
  <si>
    <t>【哈电锅炉】冷端传热元件A\30-VI(T)-2780-QMR\进口脱碳钢板\F002JAH001HSG06</t>
  </si>
  <si>
    <t>【哈电锅炉】冷端传热元件B\30-VI(T)-2780-QMR\进口脱碳钢板\F002JAH002HSG06</t>
  </si>
  <si>
    <t>【哈电锅炉】冷端传热元件C\30-VI(T)-2780-QMR\进口脱碳钢板\F002JAH003HSG06</t>
  </si>
  <si>
    <t>【哈电锅炉】冷端传热元件D\30-VI(T)-2780-QMR\进口脱碳钢板\F002JAH004HSG06</t>
  </si>
  <si>
    <t>【哈电锅炉】冷端传热元件E\30-VI(T)-2780-QMR\进口脱碳钢板\F002JAH005HSG06</t>
  </si>
  <si>
    <t>【哈电锅炉】高温再热器异种钢弯管\63.5/63.5/57*9.5/9.5/3.5\SA-213T92/SA-213TP310HCbN/SA-213TP310HCbN\F002DEA001A012\1000MW</t>
  </si>
  <si>
    <t>【哈电锅炉】高温再热器异种钢弯管\76/76/60*14/14/4\SA-213T92/SA-213TP310HCbN/SA-213TP310HCbN\F002DEA001A012\1000MW</t>
  </si>
  <si>
    <t>【哈电锅炉】高温再热器直管段钢管\60*4\SA-213TP310HCbN\F002DEA001A012\1000MW</t>
  </si>
  <si>
    <t>【哈电锅炉】高温再热器直管段钢管\57*3.5\SA-213TP310HCbN\F002DEA001A012\1000MW</t>
  </si>
  <si>
    <t>【哈电锅炉】水冷壁内螺纹散管\Φ28.5*5.8\15CrMoG\F002DCD001A011\1000MW</t>
  </si>
  <si>
    <t>【哈电锅炉】水冷壁进口中间集箱弯管\Φ28*5.8\15CrMoG\F002DCD001A011\1000MW</t>
  </si>
  <si>
    <t>【哈电锅炉】屏过定位管支撑板\SA351CH20\YT15-4971\600MW</t>
  </si>
  <si>
    <t>【哈电锅炉】屏过定位管定位板\SA351CH20\YT15-4972\600MW</t>
  </si>
  <si>
    <t>【哈电锅炉】螺旋水冷壁管屏\Φ38/L=7800mm/17根一屏*7.3\1600.549\600MW</t>
  </si>
  <si>
    <t>【哈电锅炉】螺旋水冷壁成排弯管屏I\Φ38/R=250mm/A=B=640mm/11根一屏*7.3\1600.549\600MW</t>
  </si>
  <si>
    <t>【哈电锅炉】螺旋水冷壁成排弯管屏II\Φ38/R=250mm/A=B=1515mm/11根一屏*7.3\1600.549\600MW</t>
  </si>
  <si>
    <t>【哈电锅炉】螺旋水冷壁成排弯管屏III\Φ38//R=250mm/A=640mm/B=1515mm/11根一屏*7.3\1600.549\600MW</t>
  </si>
  <si>
    <t>【哈电锅炉】螺旋水冷壁弯管\Φ38/R=250mm/A=B=1000mm*7.3\1600.549\600MW</t>
  </si>
  <si>
    <t>【哈电锅炉】吹灰孔螺旋水冷壁弯管\Φ38/A=B=1000mm*7.3\YT15-2185\600MW</t>
  </si>
  <si>
    <t>【哈电锅炉】观察孔螺旋水冷壁弯管\Φ38/A=B=500mm*7.3\YT15-2455\600MW</t>
  </si>
  <si>
    <t>【哈电锅炉】螺旋水冷壁鳍片I\δ=6mm/宽=15mm\1600.549\600MW</t>
  </si>
  <si>
    <t>【哈电锅炉】螺旋水冷壁鳍片II\δ=6mm/宽=20mm\1600.549\600MW</t>
  </si>
  <si>
    <t>【哈电锅炉】螺旋水冷壁槽型钢\h=55mm/b=24mm\1600.549\600MW</t>
  </si>
  <si>
    <t>【哈电锅炉】螺旋水冷壁散管\Φ38*7.3\1600.549\600MW</t>
  </si>
  <si>
    <t>【哈电锅炉】下部水冷壁散管1\Φ38/L=2332*7.3\5629B.051\600MW</t>
  </si>
  <si>
    <t>【哈电锅炉】下部水冷壁散管2\Φ38/L=2370*7.3\5629B.052\600MW</t>
  </si>
  <si>
    <t>【哈电锅炉】下部水冷壁散管3\Φ38/L=2843*7.3\5629B.053\600MW</t>
  </si>
  <si>
    <t>【哈电锅炉】下部水冷壁散管4\Φ38/L=2808*7.3\5629B.054\600MW</t>
  </si>
  <si>
    <t>【哈电锅炉】下部水冷壁散管5\Φ38/L=2774*7.3\5629B.055\600MW</t>
  </si>
  <si>
    <t>【哈电锅炉】下部水冷壁散管6\Φ38/L=3275*7.3\5629B.056\600MW</t>
  </si>
  <si>
    <t>【哈电锅炉】下部水冷壁散管7\Φ38/L=3311*7.3\5629B.057\600MW</t>
  </si>
  <si>
    <t>【哈电锅炉】下部水冷壁散管8\Φ38/L=3346*7.3\5629B.058\600MW</t>
  </si>
  <si>
    <t>【哈电锅炉】下部水冷壁散管9\Φ38/L=4294*7.3\5629B.059\600MW</t>
  </si>
  <si>
    <t>【哈电锅炉】下部水冷壁散管10\Φ38/L=2062*7.3\5629B.060\600MW</t>
  </si>
  <si>
    <t>【哈电锅炉】下部水冷壁散管11\Φ38/L=2769*7.3\5629B.061\600MW</t>
  </si>
  <si>
    <t>【哈电锅炉】下部水冷壁散管12\Φ38/L=2713*7.3\5629B.062\600MW</t>
  </si>
  <si>
    <t>【哈电锅炉】下部水冷壁散管13\Φ38/L=2657*7.3\5629B.063\600MW</t>
  </si>
  <si>
    <t>【哈电锅炉】下部水冷壁散管14\Φ38/L=2600*7.3\5629B.064\600MW</t>
  </si>
  <si>
    <t>【哈电锅炉】下部水冷壁散管15\Φ38/L=2544*7.3\5629B.065\600MW</t>
  </si>
  <si>
    <t>【哈电锅炉】下部水冷壁散管16\Φ38/L=2487*7.3\5629B.066\600MW</t>
  </si>
  <si>
    <t>【哈电锅炉】下部水冷壁散管17\Φ38/L=2431*7.3\5629B.067\600MW</t>
  </si>
  <si>
    <t>【哈电锅炉】下部水冷壁散管18\Φ38/L=2374*7.3\5629B.068\600MW</t>
  </si>
  <si>
    <t>【哈电锅炉】下部水冷壁散管19\Φ38/L=2318*7.3\5629B.069\600MW</t>
  </si>
  <si>
    <t>【哈电锅炉】下部水冷壁散管20\Φ38/L=2261*7.3\5629B.070\600MW</t>
  </si>
  <si>
    <t>【哈电锅炉】下部水冷壁散管21\Φ38/L=2205*7.3\5629B.071\600MW</t>
  </si>
  <si>
    <t>【哈电锅炉】下部水冷壁散管22\Φ38/L=2015*7.3\5629B.072\600MW</t>
  </si>
  <si>
    <t>【哈电锅炉】下部水冷壁散管23\Φ38/L=1989*7.3\5629B.073\600MW</t>
  </si>
  <si>
    <t>【哈电锅炉】下部水冷壁散管24\Φ38/L=1970*7.3\5629B.074\600MW</t>
  </si>
  <si>
    <t>【哈电锅炉】下部水冷壁散管25\Φ38/L=1960*7.3\5629B.075\600MW</t>
  </si>
  <si>
    <t>【哈电锅炉】下部水冷壁散管26\Φ38/L=2109*7.3\5629B.076\600MW</t>
  </si>
  <si>
    <t>【哈电锅炉】下部水冷壁散管27\Φ38/L=2320*7.3\5629B.077\600MW</t>
  </si>
  <si>
    <t>【哈电锅炉】下部水冷壁散管28\Φ38/L=2139*7.3\5629B.078\600MW</t>
  </si>
  <si>
    <t>【哈电锅炉】下部水冷壁散管29\Φ38/L=1958*7.3\5629B.079\600MW</t>
  </si>
  <si>
    <t>【哈电锅炉】下部水冷壁散管30\Φ38/L=2783*7.3\5629B.080\600MW</t>
  </si>
  <si>
    <t>【哈电锅炉】下部水冷壁散管31\Φ38/L=2602*7.3\5629B.081\600MW</t>
  </si>
  <si>
    <t>【哈电锅炉】下部水冷壁散管32\Φ38/L=2379*7.3\5629B.082\600MW</t>
  </si>
  <si>
    <t>【哈电锅炉】下部水冷壁散管33\Φ38/L=1635.5*7.3\5629B.083\600MW</t>
  </si>
  <si>
    <t>【哈电锅炉】下部水冷壁散管34\Φ38./L=1673*7.3\5629B.084\600MW</t>
  </si>
  <si>
    <t>【哈电锅炉】下部水冷壁散管35\Φ38/L=1046*7.3\5629B.085\600MW</t>
  </si>
  <si>
    <t>【哈电锅炉】下部水冷壁散管36\Φ38/L=1243*7.3\5629B.086\600MW</t>
  </si>
  <si>
    <t>【哈电锅炉】下部水冷壁散管37\Φ38/L=1158*7.3\5629B.087\600MW</t>
  </si>
  <si>
    <t>【哈电锅炉】下部水冷壁散管38\Φ38/L=1214.5*7.3\5629B.088\600MW</t>
  </si>
  <si>
    <t>【哈电锅炉】下部水冷壁散管39\Φ38/L=1260/No.1*7.3\5629B.089\600MW</t>
  </si>
  <si>
    <t>【哈电锅炉】下部水冷壁散管40\Φ38/L=1313/No.2*7.3\5629B.089\600MW</t>
  </si>
  <si>
    <t>【哈电锅炉】下部水冷壁散管41\Φ38/L=1368/No.3*7.3\5629B.089\600MW</t>
  </si>
  <si>
    <t>【哈电锅炉】下部水冷壁散管42\Φ38/L=1421/No.4*7.3\5629B.089\600MW</t>
  </si>
  <si>
    <t>【哈电锅炉】下部水冷壁散管43\Φ38/L=1474/No.5*7.3\5629B.089\600MW</t>
  </si>
  <si>
    <t>【哈电锅炉】下部水冷壁散管44\Φ38/L=1529/No.6*7.3\5629B.089\600MW</t>
  </si>
  <si>
    <t>【哈电锅炉】下部水冷壁散管45\Φ38/L=1186/No.1*7.3\5629B.090\600MW</t>
  </si>
  <si>
    <t>【哈电锅炉】下部水冷壁散管46\Φ38/L=1240/No.2*7.3\5629B.090\600MW</t>
  </si>
  <si>
    <t>【哈电锅炉】下部水冷壁散管47\Φ38/L=1293/No.3*7.3\5629B.090\600MW</t>
  </si>
  <si>
    <t>【哈电锅炉】下部水冷壁散管48\Φ38/L=1347/No.4*7.3\5629B.090\600MW</t>
  </si>
  <si>
    <t>【哈电锅炉】下部水冷壁散管49\Φ38/L=1401/No.5*7.3\5629B.090\600MW</t>
  </si>
  <si>
    <t>【哈电锅炉】下部水冷壁散管50\Φ38/L=1454/No.6*7.3\5629B.090\600MW</t>
  </si>
  <si>
    <t>【哈电锅炉】下部水冷壁散管51\Φ38/L=1508/No.7*7.3\5629B.090\600MW</t>
  </si>
  <si>
    <t>【哈电锅炉】下部水冷壁散管52\Φ38/L=1562/No.8*7.3\5629B.090\600MW</t>
  </si>
  <si>
    <t>【哈电锅炉】下部水冷壁散管53\Φ38/L=1615/No.9*7.3\5629B.090\600MW</t>
  </si>
  <si>
    <t>【哈电锅炉】下部水冷壁散管54\Φ38/L=1669/No.10*7.3\5629B.090\600MW</t>
  </si>
  <si>
    <t>【哈电锅炉】下部水冷壁散管55\Φ38/L=1723/No.11*7.3\5629B.090\600MW</t>
  </si>
  <si>
    <t>【哈电锅炉】下部水冷壁散管56\Φ38/L=1776/No.12*7.3\5629B.090\600MW</t>
  </si>
  <si>
    <t>【哈电锅炉】下部水冷壁散管57\Φ38/L=1830/No.13*7.3\5629B.090\600MW</t>
  </si>
  <si>
    <t>【哈电锅炉】下部水冷壁散管58\Φ38/L=1884/No.14*7.3\5629B.090\600MW</t>
  </si>
  <si>
    <t>【哈电锅炉】下部水冷壁散管59\Φ38/L=1644/No.15*7.3\5629B.090\600MW</t>
  </si>
  <si>
    <t>【哈电锅炉】下部水冷壁散管60\Φ38/L=1110/No.16*7.3\5629B.090\600MW</t>
  </si>
  <si>
    <t>【哈电锅炉】下部水冷壁散管61\Φ38/L=1040/No.17*7.3\5629B.090\600MW</t>
  </si>
  <si>
    <t>【哈电锅炉】下部水冷壁散管62\Φ38/L=978*7.3\5629B.091\600MW</t>
  </si>
  <si>
    <t>【哈电锅炉】下部水冷壁散管63\Φ38/L=418/No.1*7.3\5629B.092\600MW</t>
  </si>
  <si>
    <t>【哈电锅炉】下部水冷壁散管64\Φ38/L=483/No.2*7.3\5629B.092\600MW</t>
  </si>
  <si>
    <t>【哈电锅炉】下部水冷壁散管65\Φ383/L=483/No.3*7.3\5629B.092\600MW</t>
  </si>
  <si>
    <t>【哈电锅炉】下部水冷壁散管66\Φ38/L=483/No.4*7.3\5629B.093\600MW</t>
  </si>
  <si>
    <t>【哈电锅炉】下部水冷壁散管67\Φ38/L=483/No.5*7.3\5629B.094\600MW</t>
  </si>
  <si>
    <t>【哈电锅炉】下部水冷壁散管68\Φ38/L=483/No.6*7.3\5629B.095\600MW</t>
  </si>
  <si>
    <t>【哈电锅炉】下部水冷壁散管69\Φ38/L=483/No.7*7.3\5629B.096\600MW</t>
  </si>
  <si>
    <t>【哈电锅炉】下部水冷壁散管70\Φ38/L=483/No.8*7.3\5629B.097\600MW</t>
  </si>
  <si>
    <t>【哈电锅炉】下部水冷壁散管71\Φ38/L=483/No.9*7.3\5629B.098\600MW</t>
  </si>
  <si>
    <t>【哈电锅炉】下部水冷壁散管72\Φ38/L=483/No.10*7.3\5629B.099\600MW</t>
  </si>
  <si>
    <t>【哈电锅炉】下部水冷壁散管73\Φ38/L=483/No.11*7.3\5629B.100\600MW</t>
  </si>
  <si>
    <t>【哈电锅炉】扇形板\31.5-VI(T)-1833-SMR\2019-TY-001</t>
  </si>
  <si>
    <t>【哈电锅炉】扇形板静密封膨胀节\31.5-VI(T)-1833-SMR\Q235\2019-TY-002</t>
  </si>
  <si>
    <t>【哈电锅炉】扇形板调节装置\31.5-VI(T)-1833-SMR\2019-TY-003</t>
  </si>
  <si>
    <t>【哈电锅炉】扇形板热端静密封胀缩节\29.5-VI(T)-2250-QMR\Q235\F002JBA019E191</t>
  </si>
  <si>
    <t>【哈电锅炉】扇形板热端静密封胀缩节\29.5-VI(T)-2250-QMR\Q235\F002JBA008E191</t>
  </si>
  <si>
    <t>【哈电锅炉】扇形板冷端静密封膨胀节\29.5-VI(T)-2250-QMR\CORTEN\F002JBA018E191</t>
  </si>
  <si>
    <t>【哈电锅炉】扇形板冷端静密封膨胀节\29.5-VI(T)-2250-QMR\CORTEN\F002JBA019E191</t>
  </si>
  <si>
    <t>【哈电锅炉】扇形板冷端静密封膨胀节\33.5-VI(T)-2450-QMR\CORTEN\2011-TY-028/NO.1</t>
  </si>
  <si>
    <t>【哈电锅炉】扇形板冷端静密封膨胀节\33.5-VI(T)-2450-QMR\CORTEN\2011-TY-028/NO.2</t>
  </si>
  <si>
    <t>【哈电锅炉】主座架轴向密封膨胀节\33.5-VI(T)-2450-QMR\CORTEN\2011-TY-027/NO.1</t>
  </si>
  <si>
    <t>【哈电锅炉】主座架轴向密封膨胀节\33.5-VI(T)-2450-QMR\CORTEN\2011-TY-027/NO.2</t>
  </si>
  <si>
    <t>【哈电锅炉】一次风座架静密封膨胀节\33.5-VI(T)-2450-QMR\CORTEN\2011-TY-027/NO.1</t>
  </si>
  <si>
    <t>【哈电锅炉】一次风座架静密封膨胀节\33.5-VI(T)-2450-QMR\CORTEN\2011-TY-027/NO.2</t>
  </si>
  <si>
    <t>【哈电锅炉】扇形板热端静密封胀缩节\29.5-VI(T)-2200-QMR\Q235\F002JBA008KC01</t>
  </si>
  <si>
    <t>【哈电锅炉】扇形板热端静密封胀缩节\29.5-VI(T)-2200-QMR\Q235\F002JBA019KC01</t>
  </si>
  <si>
    <t>【哈电锅炉】扇形板冷端静密封膨胀节\29.5-VI(T)-2200-QMR\CORTEN\F002JBA018KC01</t>
  </si>
  <si>
    <t>【哈电锅炉】扇形板冷端静密封膨胀节\29.5-VI(T)-2200-QMR\CORTEN\F002JBA022KC01</t>
  </si>
  <si>
    <t>【哈电锅炉】主座架轴向密封膨胀节\29.5-VI(T)-2200-QMR\CORTEN\F002JAC007Q111/NO.1</t>
  </si>
  <si>
    <t>【哈电锅炉】主座架轴向密封膨胀节\29.5-VI(T)-2200-QMR\CORTEN\F002JAC007Q111/NO.2</t>
  </si>
  <si>
    <t>【哈电锅炉】一次风座架静密封膨胀节\29.5-VI(T)-2200-QMR\CORTEN\F002JAC029Q111/NO.1</t>
  </si>
  <si>
    <t>【哈电锅炉】一次风座架静密封膨胀节\29.5-VI(T)-2200-QMR\CORTEN\F002JAC029Q111/NO.2</t>
  </si>
  <si>
    <t>【哈电锅炉】扇形板热端静密封胀缩节\29-VI(T)-1950-SMR\CORTEN\F002JBA007E061</t>
  </si>
  <si>
    <t>【哈电锅炉】扇形板热端静密封胀缩节\29-VI(T)-1950-SMR\CORTEN\F002JBA008E061</t>
  </si>
  <si>
    <t>【哈电锅炉】扇形板冷端静密封膨胀节\29-VI(T)-1950-SMR\CORTEN\F002JBA015E061</t>
  </si>
  <si>
    <t>【哈电锅炉】扇形板冷端静密封膨胀节\29-VI(T)-1950-SMR\CORTEN\F002JBA016E061</t>
  </si>
  <si>
    <t>【哈电锅炉】主座架轴向密封膨胀节\29-VI(T)-1950-SMR\CORTEN\F002JAC012E061/NO.1</t>
  </si>
  <si>
    <t>【哈电锅炉】主座架轴向密封膨胀节\29-VI(T)-1950-SMR\CORTEN\F002JAC012E061/NO.2</t>
  </si>
  <si>
    <t>【哈电锅炉】一次风座架静密封膨胀节\29-VI(T)-1950-SMR\CORTEN\F002JAC012E061/NO.1</t>
  </si>
  <si>
    <t>【哈电锅炉】一次风座架静密封膨胀节\29-VI(T)-1950-SMR\CORTEN\F002JAC012E061/NO.2</t>
  </si>
  <si>
    <t>【哈电锅炉】扇形板热端静密封胀缩节\29-VI(T)-2400(2700)-QMR\CORTEN\2011-TY-028/NO.1</t>
  </si>
  <si>
    <t>【哈电锅炉】扇形板热端静密封胀缩节\29-VI(T)-2400(2700)-QMR\CORTEN\2011-TY-028/NO.2</t>
  </si>
  <si>
    <t>【哈电锅炉】扇形板冷端静密封膨胀节\29-VI(T)-2400(2700)-QMR\CORTEN\2011-TY-028/NO.1</t>
  </si>
  <si>
    <t>【哈电锅炉】扇形板冷端静密封膨胀节\29-VI(T)-2400(2700)-QMR\CORTEN\2011-TY-028/NO.2</t>
  </si>
  <si>
    <t>【哈电锅炉】主座架轴向密封膨胀节\29-VI(T)-2400(2700)-QMR\CORTEN\2011-TY-027/NO.1</t>
  </si>
  <si>
    <t>【哈电锅炉】主座架轴向密封膨胀节\29-VI(T)-2400(2700)-QMR\CORTEN\2011-TY-027/NO.2</t>
  </si>
  <si>
    <t>【哈电锅炉】一次风座架静密封膨胀节\29-VI(T)-2400(2700)-QMR\CORTEN\2011-TY-027/NO.1</t>
  </si>
  <si>
    <t>【哈电锅炉】一次风座架静密封膨胀节\29-VI(T)-2400(2700)-QMR\CORTEN\2011-TY-027/NO.2</t>
  </si>
  <si>
    <t>【哈电锅炉】扇形板冷端静密封膨胀节\32-VI(T)-2500-QMR\CORTEN\F002JBA017ZL08</t>
  </si>
  <si>
    <t>【哈电锅炉】扇形板冷端静密封膨胀节\32-VI(T)-2500-QMR\CORTEN\F002JBA018ZL08</t>
  </si>
  <si>
    <t>【哈电锅炉】主座架轴向密封膨胀节\32-VI(T)-2500-QMR\CORTEN\F002JAC007ZL08/NO.1</t>
  </si>
  <si>
    <t>【哈电锅炉】主座架轴向密封膨胀节\32-VI(T)-2500-QMR\CORTEN\F002JAC007ZL08/NO.2</t>
  </si>
  <si>
    <t>【哈电锅炉】一次风座架静密封膨胀节\32-VI(T)-2500-QMR\CORTEN\F002JAC012ZL08/NO.1</t>
  </si>
  <si>
    <t>【哈电锅炉】一次风座架静密封膨胀节\32-VI(T)-2500-QMR\CORTEN\F002JAC012ZL08/NO.2</t>
  </si>
  <si>
    <t>【哈电锅炉】主座架轴向密封膨胀节\34.5-VI(T)-2600-QMR\CORTEN\F002JAC008ZL17/NO.1</t>
  </si>
  <si>
    <t>【哈电锅炉】主座架轴向密封膨胀节\34.5-VI(T)-2600-QMR\CORTEN\F002JAC008ZL17/NO.2</t>
  </si>
  <si>
    <t>【哈电锅炉】一次风座架静密封膨胀节\34.5-VI(T)-2600-QMR\CORTEN\F002JAC015ZL17/NO.1</t>
  </si>
  <si>
    <t>【哈电锅炉】一次风座架静密封膨胀节\34.5-VI(T)-2600-QMR\CORTEN\F002JAC015ZL17/NO.2</t>
  </si>
  <si>
    <t>【哈电锅炉】扇形板冷端静膨胀装置组件\30-VI(T)-2500-QMR\CORTEN\F002JAK17-00-00Q291</t>
  </si>
  <si>
    <t>【哈电锅炉】一次风座架静密封膨胀节\30-VI(T)-2500-QMR\CORTEN\2011-TY-027</t>
  </si>
  <si>
    <t>【哈电锅炉】一次风座架静密封膨胀节\30-VI(T)-2500-QMR\CORTEN\2011-TY-027/NO.2</t>
  </si>
  <si>
    <t>【哈电锅炉】扇形板热端静密封胀缩节\28.5-VI(T)-2300-QMR\CORTEN\2011-TY-028/NO.1</t>
  </si>
  <si>
    <t>【哈电锅炉】扇形板热端静密封胀缩节\28.5-VI(T)-2300-QMR\CORTEN\2011-TY-028/NO.2</t>
  </si>
  <si>
    <t>【哈电锅炉】扇形板冷端静密封膨胀节\28.5-VI(T)-2300-QMR\CORTEN\2011-TY-028/NO.1</t>
  </si>
  <si>
    <t>【哈电锅炉】扇形板冷端静密封膨胀节\28.5-VI(T)-2300-QMR\CORTEN\2011-TY-028/NO.2</t>
  </si>
  <si>
    <t>【哈电锅炉】扇形板热端静密封胀缩节\27.5-VI(B)-2450-QMR\CORTEN\2011-TY-028/NO.1</t>
  </si>
  <si>
    <t>【哈电锅炉】扇形板热端静密封胀缩节\27.5-VI(B)-2450-QMR\CORTEN\2011-TY-028/NO.2</t>
  </si>
  <si>
    <t>【哈电锅炉】扇形板冷端静密封膨胀节\27.5-VI(B)-2450-QMR\CORTEN\2011-TY-028/NO.1</t>
  </si>
  <si>
    <t>【哈电锅炉】扇形板冷端静密封膨胀节\27.5-VI(B)-2450-QMR\CORTEN\2011-TY-028/NO.2</t>
  </si>
  <si>
    <t>【哈电锅炉】扇形板热端膨胀节\32-VI(T)-1980-QMR\CORTEN\2011-TY-028/NO.1</t>
  </si>
  <si>
    <t>【哈电锅炉】扇形板热端膨胀节\32-VI(T)-1980-QMR\CORTEN\2011-TY-028/NO.2</t>
  </si>
  <si>
    <t>【哈电锅炉】扇形板冷端膨胀节\32-VI(T)-1980-QMR\CORTEN\2011-TY-028/NO.1</t>
  </si>
  <si>
    <t>【哈电锅炉】扇形板冷端膨胀节\32-VI(T)-1980-QMR\CORTEN\2011-TY-028/NO.2</t>
  </si>
  <si>
    <t>【哈电锅炉】扇形板热端膨胀节\27.5-VI(B)-2400-QMR/B=160/L=3872\CORTEN\2011-TY-028/NO.1</t>
  </si>
  <si>
    <t>【哈电锅炉】扇形板热端膨胀节\27.5-VI(B)-2400-QMR/B=160/L=300\CORTEN\2011-TY-028/NO.2</t>
  </si>
  <si>
    <t>【哈电锅炉】扇形板冷端膨胀节\27.5-VI(B)-2400-QMR/B=60/L=3872\CORTEN\2011-TY-028/NO.1</t>
  </si>
  <si>
    <t>【哈电锅炉】扇形板冷端膨胀节\27.5-VI(B)-2400-QMR\CORTEN\2011-TY-028/NO.2</t>
  </si>
  <si>
    <t>【哈电锅炉】扇形板热端静密封胀缩节\30.5-VI(T)-2200-QMR\Q235\F002JBA019E401</t>
  </si>
  <si>
    <t>【哈电锅炉】扇形板热端静密封胀缩节\30.5-VI(T)-2200-QMR\Q235\F002JBA008E401</t>
  </si>
  <si>
    <t>【哈电锅炉】扇形板冷端静密封膨胀节\30.5-VI(T)-2200-QMR\CORTEN\F002JBA018E401</t>
  </si>
  <si>
    <t>【哈电锅炉】扇形板冷端静密封膨胀节\30.5-VI(T)-2200-QMR\CORTEN\F002JBA019E401</t>
  </si>
  <si>
    <t>【哈电锅炉】扇形板热端胀缩节\30.5-VI(T)-2200-QMR/L=4894\CORTEN\F002JBA001E401</t>
  </si>
  <si>
    <t>【哈电锅炉】扇形板热端胀缩节\30.5-VI(T)-2200-QMR/L=300\CORTEN\F002JBA002E401</t>
  </si>
  <si>
    <t>【哈电锅炉】扇形板冷端膨胀节\30.5-VI(T)-2200-QMR/L=4894\CORTEN\F002JBA016E401</t>
  </si>
  <si>
    <t>【哈电锅炉】扇形板冷端膨胀节\30.5-VI(T)-2200-QMR/L=300\CORTEN\F002JBA017E401</t>
  </si>
  <si>
    <t>【哈电锅炉】扇形板胀缩节\30.5-VI(T)-2200-QMR/L=4894\CORTEN\F002JBA001E481</t>
  </si>
  <si>
    <t>【哈电锅炉】扇形板胀缩节\30.5-VI(T)-2200-QMR/L=300\CORTEN\F002JBA002E481</t>
  </si>
  <si>
    <t>【哈电锅炉】扇形板膨胀节\30.5-VI(T)-2200-QMR/L=4894\CORTEN\F002JBA016E481</t>
  </si>
  <si>
    <t>【哈电锅炉】扇形板膨胀节\30.5-VI(T)-2200-QMR/L=300\CORTEN\F002JBA017E481</t>
  </si>
  <si>
    <t>【哈电锅炉】扇形板胀缩节\30-VI(T)-2300-QMR\CORTEN\F002JBA007Q071</t>
  </si>
  <si>
    <t>【哈电锅炉】扇形板胀缩节\30-VI(T)-2300-QMR\CORTEN\F002JBA008Q071</t>
  </si>
  <si>
    <t>【哈电锅炉】扇形板膨胀节\30-VI(T)-2300-QMR\CORTEN\F002JBA015Q071</t>
  </si>
  <si>
    <t>【哈电锅炉】扇形板膨胀节\30-VI(T)-2300-QMR\CORTEN\F002JBA016Q071</t>
  </si>
  <si>
    <t>【哈电锅炉】扇形板胀缩节\30.5-VI(T)-2450-QMR/L=4894\CORTEN\F002JBA001E481</t>
  </si>
  <si>
    <t>【哈电锅炉】扇形板胀缩节\30.5-VI(T)-2450-QMR/L=300\CORTEN\F002JBA002E481</t>
  </si>
  <si>
    <t>【哈电锅炉】扇形板膨胀节\30.5-VI(T)-2450-QMR/L=4894\CORTEN\F002JBA016E481</t>
  </si>
  <si>
    <t>【哈电锅炉】扇形板膨胀节\30.5-VI(T)-2450-QMR/L=300\CORTEN\F002JBA017E481</t>
  </si>
  <si>
    <t>【哈电锅炉】扇形板胀缩节\31.5-VI(T)-2033-SMR/L=5473\CORTEN\F002JBA001C101</t>
  </si>
  <si>
    <t>【哈电锅炉】扇形板胀缩节\31.5-VI(T)-2033-SMR/L=300\CORTEN\F002JBA002C101</t>
  </si>
  <si>
    <t>【哈电锅炉】扇形板膨胀节\31.5-VI(T)-2033-SMR/L=5473\CORTEN\F002JBA016C101</t>
  </si>
  <si>
    <t>【哈电锅炉】扇形板膨胀节\31.5-VI(T)-2033-SMR/L=300\CORTEN\F002JBA017C101</t>
  </si>
  <si>
    <t>【哈电锅炉】扇形板膨胀节\32-VI(T)-2010-QMR/B=55/L=5879\CRLS\2011-TY-028 NO.1</t>
  </si>
  <si>
    <t>【哈电锅炉】扇形板膨胀节\32-VI(T)-2010-QMR/B=55/L=300\CRLS\2011-TY-028 NO.2</t>
  </si>
  <si>
    <t>【哈电锅炉】省煤器出口集箱(一)管接头1\Φ44.5*7\SA-210C\F022EHD001C321\600MW\L=477</t>
  </si>
  <si>
    <t>【哈电锅炉】省煤器出口集箱(一)管接头2\Φ44.5*7\SA-210C\F022EHD001C321\600MW\L=582</t>
  </si>
  <si>
    <t>【哈电锅炉】省煤器出口集箱(一)管接头3\Φ44.5*7\SA-210C\F022EHD001C321\600MW\L=740</t>
  </si>
  <si>
    <t>【哈电锅炉】省煤器出口集箱(一)管接头4\Φ44.5*7\SA-210C\F022EHD001C321\600MW\L=969</t>
  </si>
  <si>
    <t>【哈电锅炉】省煤器出口集箱(二)管接头1\Φ44.5*7\SA-210C\F022EHD001C321\600MW\L=477</t>
  </si>
  <si>
    <t>【哈电锅炉】省煤器出口集箱(二)管接头2\Φ44.5*7\SA-210C\F022EHD001C321\600MW\L=582</t>
  </si>
  <si>
    <t>【哈电锅炉】省煤器出口集箱(二)管接头3\Φ44.5*7\SA-210C\F022EHD001C321\600MW\L=740</t>
  </si>
  <si>
    <t>【哈电锅炉】省煤器出口集箱(二)管接头4\Φ44.5*7\SA-210C\F022EHD001C321\600MW\L=969</t>
  </si>
  <si>
    <t>【哈电锅炉】省煤器入口集箱(一)管接头1\Φ44.5*7\SA-210C\F022EHE001C321\600MW\L=477</t>
  </si>
  <si>
    <t>【哈电锅炉】省煤器入口集箱(一)管接头2\Φ44.5*7\SA-210C\F022EHE001C321\600MW\L=582</t>
  </si>
  <si>
    <t>【哈电锅炉】省煤器入口集箱(一)管接头3\Φ44.5*7\SA-210C\F022EHE001C321\600MW\L=740</t>
  </si>
  <si>
    <t>【哈电锅炉】省煤器入口集箱(一)管接头4\Φ44.5*7\SA-210C\F022EHE001C321\600MW\L=969</t>
  </si>
  <si>
    <t>【哈电锅炉】省煤器入口集箱(二)管接头1\Φ44.5*7\SA-210C\F022EHE001C321\600MW\L=477</t>
  </si>
  <si>
    <t>【哈电锅炉】省煤器入口集箱(二)管接头2\Φ44.5*7\SA-210C\F022EHE001C321\600MW\L=582</t>
  </si>
  <si>
    <t>【哈电锅炉】省煤器入口集箱(二)管接头3\Φ44.5*7\SA-210C\F022EHD001C392\600MW\L=740</t>
  </si>
  <si>
    <t>【哈电锅炉】省煤器入口集箱(二)管接头4\Φ44.5*7\SA-210C\F022EHE001C321\600MW\L=969</t>
  </si>
  <si>
    <t>【哈电锅炉】水冷壁下部弯管1\Φ42*7\15CrMoG\F022BHD001C271\600MW\L=1201</t>
  </si>
  <si>
    <t>【哈电锅炉】水冷壁下部弯管2\Φ42*7\15CrMoG\F022BHD001C271\600MW\L=1224</t>
  </si>
  <si>
    <t>【哈电锅炉】水冷壁下部弯管3\Φ42*7\15CrMoG\F022BHD001C271\600MW\L=1254</t>
  </si>
  <si>
    <t>【哈电锅炉】SOFA燃烧器喷口管屏1\Φ38*7.3\15CrMoG\F022BJY001C321\600MW\L=4439</t>
  </si>
  <si>
    <t>【哈电锅炉】SOFA燃烧器喷口管屏2\Φ38*7.3\15CrMoG\F022BJY001C321\600MW\L=4419</t>
  </si>
  <si>
    <t>【哈电锅炉】SOFA燃烧器喷口管屏3\Φ38*7.3\15CrMoG\F022BJY001C321\600MW\L=4398</t>
  </si>
  <si>
    <t>【哈电锅炉】SOFA燃烧器喷口管屏4\Φ38*7.3\15CrMoG\F022BJY001C321\600MW\L=4377</t>
  </si>
  <si>
    <t>【哈电锅炉】SOFA燃烧器喷口管屏5\Φ38*7.3\15CrMoG\F022BJY001C321\600MW\L=4357</t>
  </si>
  <si>
    <t>【哈电锅炉】SOFA燃烧器喷口管屏6\Φ38*7.3\15CrMoG\F022BJY001C321\600MW\L=4338</t>
  </si>
  <si>
    <t>【哈电锅炉】SOFA燃烧器喷口管屏7\Φ38*7.3\15CrMoG\F022BJY001C321\600MW\L=4317</t>
  </si>
  <si>
    <t>【哈电锅炉】SOFA燃烧器喷口管屏8\Φ38*7.3\15CrMoG\F022BJY001C321\600MW\L=4295</t>
  </si>
  <si>
    <t>【哈电锅炉】SOFA燃烧器喷口管屏9\Φ38*7.3\15CrMoG\F022BJY001C321\600MW\L=4275</t>
  </si>
  <si>
    <t>【哈电锅炉】SOFA燃烧器喷口管屏10\Φ38*7.3\15CrMoG\F022BJY001C321\600MW\L=4256</t>
  </si>
  <si>
    <t>【哈电锅炉】SOFA燃烧器喷口管屏11\Φ38*7.3\15CrMoG\F022BJY001C321\600MW\L=4236</t>
  </si>
  <si>
    <t>【哈电锅炉】SOFA燃烧器喷口管屏12\Φ38*7.3\15CrMoG\F022BJY001C321\600MW\L=4215</t>
  </si>
  <si>
    <t>【哈电锅炉】SOFA燃烧器喷口管屏13\Φ38*7.3\15CrMoG\F022BJY001C321\600MW\L=4195</t>
  </si>
  <si>
    <t>【哈电锅炉】SOFA燃烧器喷口管屏14\Φ38*7.3\15CrMoG\F022BJY001C321\600MW\L=4176</t>
  </si>
  <si>
    <t>【哈电锅炉】SOFA燃烧器喷口管屏15\Φ38*7.3\15CrMoG\F022BJY001C321\600MW\L=4154</t>
  </si>
  <si>
    <t>【哈电锅炉】SOFA燃烧器喷口管屏16\Φ38*7.3\15CrMoG\F022BJY001C321\600MW\L=4134</t>
  </si>
  <si>
    <t>【哈电锅炉】SOFA燃烧器喷口管屏17\Φ38*7.3\15CrMoG\F022BJY001C321\600MW\L=4114</t>
  </si>
  <si>
    <t>【哈电锅炉】SOFA燃烧器喷口管屏18\Φ38*7.3\15CrMoG\F022BJY001C321\600MW\L=4094</t>
  </si>
  <si>
    <t>【哈电锅炉】SOFA燃烧器喷口管屏19\Φ38*7.3\15CrMoG\F022BJY001C321\600MW\L=4073</t>
  </si>
  <si>
    <t>【哈电锅炉】SOFA燃烧器喷口管屏20\Φ38*7.3\15CrMoG\F022BJY001C321\600MW\L=4054</t>
  </si>
  <si>
    <t>【哈电锅炉】SOFA燃烧器喷口管屏21\Φ38*7.3\15CrMoG\F022BJY001C321\600MW\L=4032</t>
  </si>
  <si>
    <t>【哈电锅炉】SOFA燃烧器喷口管屏22\Φ38*7.3\15CrMoG\F022BJY001C321\600MW\L=4013</t>
  </si>
  <si>
    <t>【哈电锅炉】SOFA燃烧器喷口管屏23\Φ38*7.3\15CrMoG\F022BJY001C321\600MW\L=3992</t>
  </si>
  <si>
    <t>【哈电锅炉】SOFA燃烧器喷口管屏24\Φ38*7.3\15CrMoG\F022BJY001C321\600MW\L=3992</t>
  </si>
  <si>
    <t>【哈电锅炉】SOFA燃烧器喷口管屏25\Φ38*7.3\15CrMoG\F022BJY001C321\600MW\L=4810</t>
  </si>
  <si>
    <t>【哈电锅炉】SOFA燃烧器喷口管屏26\Φ38*7.3\15CrMoG\F022BJY001C321\600MW\L=4894</t>
  </si>
  <si>
    <t>【哈电锅炉】SOFA燃烧器喷口管屏27\Φ38*7.3\15CrMoG\F022BJY001C321\600MW\L=4965</t>
  </si>
  <si>
    <t>【哈电锅炉】SOFA燃烧器喷口管屏28\Φ38*7.3\15CrMoG\F022BJY001C321\600MW\L=5041</t>
  </si>
  <si>
    <t>【哈电锅炉】SOFA燃烧器喷口管屏29\Φ38*7.3\15CrMoG\F022BJY001C321\600MW\L=5109</t>
  </si>
  <si>
    <t>【哈电锅炉】SOFA燃烧器喷口管屏30\Φ38*7.3\15CrMoG\F022BJY001C321\600MW\L=5176</t>
  </si>
  <si>
    <t>【哈电锅炉】SOFA燃烧器喷口管屏31\Φ38*7.3\15CrMoG\F022BJY001C321\600MW\L=5242</t>
  </si>
  <si>
    <t>【哈电锅炉】SOFA燃烧器喷口管屏32\Φ38*7.3\15CrMoG\F022BJY001C321\600MW\L=5312</t>
  </si>
  <si>
    <t>【哈电锅炉】SOFA燃烧器喷口管屏33\Φ38*7.3\15CrMoG\F022BJY001C321\600MW\L=5379</t>
  </si>
  <si>
    <t>【哈电锅炉】SOFA燃烧器喷口管屏34\Φ38*7.3\15CrMoG\F022BJY001C321\600MW\L=5444</t>
  </si>
  <si>
    <t>【哈电锅炉】SOFA燃烧器喷口管屏35\Φ38*7.3\15CrMoG\F022BJY001C321\600MW\L=5511</t>
  </si>
  <si>
    <t>【哈电锅炉】SOFA燃烧器喷口管屏36\Φ38*7.3\15CrMoG\F022BJY001C321\600MW\L=3855</t>
  </si>
  <si>
    <t>【哈电锅炉】SOFA燃烧器喷口管屏37\Φ38*7.3\15CrMoG\F022BJY001C321\600MW\L=3915</t>
  </si>
  <si>
    <t>【哈电锅炉】SOFA燃烧器喷口管屏38\Φ38*7.3\15CrMoG\F022BJY001C321\600MW\L=3980</t>
  </si>
  <si>
    <t>【哈电锅炉】SOFA燃烧器喷口管屏39\Φ38*7.3\15CrMoG\F022BJY001C321\600MW\L=4063</t>
  </si>
  <si>
    <t>【哈电锅炉】SOFA燃烧器喷口管屏40\Φ38*7.3\15CrMoG\F022BJY001C321\600MW\L=4175</t>
  </si>
  <si>
    <t>【哈电锅炉】SOFA燃烧器喷口管屏41\Φ38*7.3\15CrMoG\F022BJY001C321\600MW\L=4292</t>
  </si>
  <si>
    <t>【哈电锅炉】SOFA燃烧器喷口管屏42\Φ38*7.3\15CrMoG\F022BJY001C321\600MW\L=4432</t>
  </si>
  <si>
    <t>【哈电锅炉】SOFA燃烧器喷口管屏43\Φ38*7.3\15CrMoG\F022BJY001C321\600MW\L=4591</t>
  </si>
  <si>
    <t>【哈电锅炉】SOFA燃烧器喷口管屏44\Φ38*7.3\15CrMoG\F022BJY001C321\600MW\L=4719</t>
  </si>
  <si>
    <t>【哈电锅炉】SOFA燃烧器喷口管屏45\Φ38*7.3\15CrMoG\F022BJY001C321\600MW\L=4845</t>
  </si>
  <si>
    <t>【哈电锅炉】SOFA燃烧器喷口管屏46\Φ38*7.3\15CrMoG\F022BJY001C321\600MW\L=4972</t>
  </si>
  <si>
    <t>【哈电锅炉】SOFA燃烧器喷口管屏47\Φ38*7.3\15CrMoG\F022BJY001C321\600MW\L=5098</t>
  </si>
  <si>
    <t>【哈电锅炉】SOFA燃烧器喷口管屏48\Φ38*7.3\15CrMoG\F022BJY001C321\600MW\L=5226</t>
  </si>
  <si>
    <t>【哈电锅炉】SOFA燃烧器喷口管屏49\Φ38*7.3\15CrMoG\F022BJY001C321\600MW\L=6248</t>
  </si>
  <si>
    <t>【哈电锅炉】SOFA燃烧器喷口管屏50\Φ38*7.3\15CrMoG\F022BJY001C321\600MW\L=6246</t>
  </si>
  <si>
    <t>【哈电锅炉】SOFA燃烧器喷口管屏51\Φ38*7.3\15CrMoG\F022BJY001C321\600MW\L=6465</t>
  </si>
  <si>
    <t>【哈电锅炉】SOFA燃烧器喷口管屏52\Φ38*7.3\15CrMoG\F022BJY001C321\600MW\L=6673</t>
  </si>
  <si>
    <t>【哈电锅炉】SOFA燃烧器喷口管屏53\Φ38*7.3\15CrMoG\F022BJY001C321\600MW\L=6889</t>
  </si>
  <si>
    <t>【哈电锅炉】SOFA燃烧器喷口管屏54\Φ38*7.3\15CrMoG\F022BJY001C321\600MW\L=7099</t>
  </si>
  <si>
    <t>【哈电锅炉】SOFA燃烧器喷口管屏55\Φ38*7.3\15CrMoG\F022BJY001C321\600MW\L=6737</t>
  </si>
  <si>
    <t>【哈电锅炉】SOFA燃烧器喷口管屏56\Φ38*7.3\15CrMoG\F022BJY001C321\600MW\L=6947</t>
  </si>
  <si>
    <t>【哈电锅炉】SOFA燃烧器喷口管屏57\Φ38*7.3\15CrMoG\F022BJY001C321\600MW\L=7158</t>
  </si>
  <si>
    <t>【哈电锅炉】SOFA燃烧器喷口管屏58\Φ38*7.3\15CrMoG\F022BJY001C321\600MW\L=7368</t>
  </si>
  <si>
    <t>【哈电锅炉】SOFA燃烧器喷口管屏59\Φ38*7.3\15CrMoG\F022BJY001C321\600MW\L=7578</t>
  </si>
  <si>
    <t>【哈电锅炉】SOFA燃烧器喷口管屏60\Φ38*7.3\15CrMoG\F022BJY001C321\600MW\L=7788</t>
  </si>
  <si>
    <t>【哈电锅炉】SOFA燃烧器喷口管屏61\Φ38*7.3\15CrMoG\F022BJY001C321\600MW\L=7356</t>
  </si>
  <si>
    <t>【哈电锅炉】SOFA燃烧器喷口管屏62\Φ38*7.3\15CrMoG\F022BJY001C321\600MW\L=7146</t>
  </si>
  <si>
    <t>【哈电锅炉】SOFA燃烧器喷口管屏63\Φ38*7.3\15CrMoG\F022BJY001C321\600MW\L=6936</t>
  </si>
  <si>
    <t>【哈电锅炉】SOFA燃烧器喷口管屏64\Φ38*7.3\15CrMoG\F022BJY001C321\600MW\L=6726</t>
  </si>
  <si>
    <t>【哈电锅炉】SOFA燃烧器喷口管屏65\Φ38*7.3\15CrMoG\F022BJY001C321\600MW\L=6514</t>
  </si>
  <si>
    <t>【哈电锅炉】SOFA燃烧器喷口管屏66\Φ38*7.3\15CrMoG\F022BJY001C321\600MW\L=6305</t>
  </si>
  <si>
    <t>【哈电锅炉】SOFA燃烧器喷口管屏67\Φ38*7.3\15CrMoG\F022BJY001C321\600MW\L=5797</t>
  </si>
  <si>
    <t>【哈电锅炉】SOFA燃烧器喷口管屏68\Φ38*7.3\15CrMoG\F022BJY001C321\600MW\L=6683</t>
  </si>
  <si>
    <t>【哈电锅炉】SOFA燃烧器喷口管屏69\Φ38*7.3\15CrMoG\F022BJY001C321\600MW\L=6469</t>
  </si>
  <si>
    <t>【哈电锅炉】SOFA燃烧器喷口管屏70\Φ38*7.3\15CrMoG\F022BJY001C321\600MW\L=6256</t>
  </si>
  <si>
    <t>【哈电锅炉】SOFA燃烧器喷口管屏71\Φ38*7.3\15CrMoG\F022BJY001C321\600MW\L=6050</t>
  </si>
  <si>
    <t>【哈电锅炉】SOFA燃烧器喷口管屏72\Φ38*7.3\15CrMoG\F022BJY001C321\600MW\L=5831</t>
  </si>
  <si>
    <t>【哈电锅炉】SOFA燃烧器喷口管屏73\Φ38*7.3\15CrMoG\F022BJY001C321\600MW\L=5323</t>
  </si>
  <si>
    <t>【哈电锅炉】SOFA燃烧器喷口管屏74\Φ38*7.3\15CrMoG\F022BJY001C321\600MW\L=5271</t>
  </si>
  <si>
    <t>【哈电锅炉】SOFA燃烧器喷口管屏75\Φ38*7.3\15CrMoG\F022BJY001C321\600MW\L=5220</t>
  </si>
  <si>
    <t>【哈电锅炉】SOFA燃烧器喷口管屏76\Φ38*7.3\15CrMoG\F022BJY001C321\600MW\L=5167</t>
  </si>
  <si>
    <t>【哈电锅炉】SOFA燃烧器喷口管屏77\Φ38*7.3\15CrMoG\F022BJY001C321\600MW\L=5116</t>
  </si>
  <si>
    <t>【哈电锅炉】SOFA燃烧器喷口管屏78\Φ38*7.3\15CrMoG\F022BJY001C321\600MW\L=5063</t>
  </si>
  <si>
    <t>【哈电锅炉】SOFA燃烧器喷口管屏79\Φ38*7.3\15CrMoG\F022BJY001C321\600MW\L=5010</t>
  </si>
  <si>
    <t>【哈电锅炉】SOFA燃烧器喷口管屏80\Φ38*7.3\15CrMoG\F022BJY001C321\600MW\L=4947</t>
  </si>
  <si>
    <t>【哈电锅炉】SOFA燃烧器喷口管屏81\Φ38*7.3\15CrMoG\F022BJY001C321\600MW\L=4895</t>
  </si>
  <si>
    <t>【哈电锅炉】SOFA燃烧器喷口管屏82\Φ38*7.3\15CrMoG\F022BJY001C321\600MW\L=4839</t>
  </si>
  <si>
    <t>【哈电锅炉】SOFA燃烧器喷口管屏83\Φ38*7.3\15CrMoG\F022BJY001C321\600MW\L=4854</t>
  </si>
  <si>
    <t>【哈电锅炉】SOFA燃烧器喷口管屏84\Φ38*7.3\15CrMoG\F022BJY001C321\600MW\L=4753</t>
  </si>
  <si>
    <t>【哈电锅炉】SOFA燃烧器喷口管屏85\Φ38*7.3\15CrMoG\F022BJY001C321\600MW\L=4644</t>
  </si>
  <si>
    <t>【哈电锅炉】SOFA燃烧器喷口管屏86\Φ38*7.3\15CrMoG\F022BJY001C321\600MW\L=4545</t>
  </si>
  <si>
    <t>【哈电锅炉】SOFA燃烧器喷口管屏87\Φ38*7.3\15CrMoG\F022BJY001C321\600MW\L=4447</t>
  </si>
  <si>
    <t>【哈电锅炉】SOFA燃烧器喷口管屏88\Φ38*7.3\15CrMoG\F022BJY001C321\600MW\L=4359</t>
  </si>
  <si>
    <t>【哈电锅炉】SOFA燃烧器喷口管屏89\Φ38*7.3\15CrMoG\F022BJY001C321\600MW\L=4275</t>
  </si>
  <si>
    <t>【哈电锅炉】SOFA燃烧器喷口管屏90\Φ38*7.3\15CrMoG\F022BJY001C321\600MW\L=4188</t>
  </si>
  <si>
    <t>【哈电锅炉】SOFA燃烧器喷口管屏91\Φ38*7.3\15CrMoG\F022BJY001C321\600MW\L=4115</t>
  </si>
  <si>
    <t>【哈电锅炉】SOFA燃烧器喷口管屏92\Φ38*7.3\15CrMoG\F022BJY001C321\600MW\L=4035</t>
  </si>
  <si>
    <t>【哈电锅炉】SOFA燃烧器喷口管屏93\Φ38*7.3\15CrMoG\F022BJY001C321\600MW\L=3971</t>
  </si>
  <si>
    <t>【哈电锅炉】SOFA燃烧器喷口管屏94\Φ38*7.3\15CrMoG\F022BJY001C321\600MW\L=3917</t>
  </si>
  <si>
    <t>【哈电锅炉】SOFA燃烧器喷口管屏95\Φ38*7.3\15CrMoG\F022BJY001C321\600MW\L=3864</t>
  </si>
  <si>
    <t>【哈电锅炉】SOFA燃烧器喷口管屏96\Φ38*7.3\15CrMoG\F022BJY001C321\600MW\L=3992</t>
  </si>
  <si>
    <t>【哈电锅炉】SOFA燃烧器喷口管屏97\Φ38*7.3\15CrMoG\F022BJY001C321\600MW\L=3992</t>
  </si>
  <si>
    <t>【哈电锅炉】SOFA燃烧器喷口管屏98\Φ38*7.3\15CrMoG\F022BJY001C321\600MW\L=4012</t>
  </si>
  <si>
    <t>【哈电锅炉】SOFA燃烧器喷口管屏99\Φ38*7.3\15CrMoG\F022BJY001C321\600MW\L=4033</t>
  </si>
  <si>
    <t>【哈电锅炉】SOFA燃烧器喷口管屏100\Φ38*7.3\15CrMoG\F022BJY001C321\600MW\L=4053</t>
  </si>
  <si>
    <t>【哈电锅炉】SOFA燃烧器喷口管屏101\Φ38*7.3\15CrMoG\F022BJY001C321\600MW\L=4074</t>
  </si>
  <si>
    <t>【哈电锅炉】SOFA燃烧器喷口管屏102\Φ38*7.3\15CrMoG\F022BJY001C321\600MW\L=4093</t>
  </si>
  <si>
    <t>【哈电锅炉】SOFA燃烧器喷口管屏103\Φ38*7.3\15CrMoG\F022BJY001C321\600MW\L=4112</t>
  </si>
  <si>
    <t>【哈电锅炉】SOFA燃烧器喷口管屏104\Φ38*7.3\15CrMoG\F022BJY001C321\600MW\L=4133</t>
  </si>
  <si>
    <t>【哈电锅炉】SOFA燃烧器喷口管屏105\Φ38*7.3\15CrMoG\F022BJY001C321\600MW\L=4152</t>
  </si>
  <si>
    <t>【哈电锅炉】SOFA燃烧器喷口管屏106\Φ38*7.3\15CrMoG\F022BJY001C321\600MW\L=4172</t>
  </si>
  <si>
    <t>【哈电锅炉】SOFA燃烧器喷口管屏107\Φ38*7.3\15CrMoG\F022BJY001C321\600MW\L=4192</t>
  </si>
  <si>
    <t>【哈电锅炉】SOFA燃烧器喷口管屏108\Φ38*7.3\15CrMoG\F022BJY001C321\600MW\L=4212</t>
  </si>
  <si>
    <t>【哈电锅炉】SOFA燃烧器喷口管屏109\Φ38*7.3\15CrMoG\F022BJY001C321\600MW\L=4232</t>
  </si>
  <si>
    <t>【哈电锅炉】SOFA燃烧器喷口管屏110\Φ38*7.3\15CrMoG\F022BJY001C321\600MW\L=4252</t>
  </si>
  <si>
    <t>【哈电锅炉】SOFA燃烧器喷口管屏111\Φ38*7.3\15CrMoG\F022BJY001C321\600MW\L=4272</t>
  </si>
  <si>
    <t>【哈电锅炉】SOFA燃烧器喷口管屏112\Φ38*7.3\15CrMoG\F022BJY001C321\600MW\L=4293</t>
  </si>
  <si>
    <t>【哈电锅炉】SOFA燃烧器喷口管屏113\Φ38*7.3\15CrMoG\F022BJY001C321\600MW\L=4313</t>
  </si>
  <si>
    <t>【哈电锅炉】SOFA燃烧器喷口管屏114\Φ38*7.3\15CrMoG\F022BJY001C321\600MW\L=4332</t>
  </si>
  <si>
    <t>【哈电锅炉】SOFA燃烧器喷口管屏115\Φ38*7.3\15CrMoG\F022BJY001C321\600MW\L=4352</t>
  </si>
  <si>
    <t>【哈电锅炉】SOFA燃烧器喷口管屏116\Φ38*7.3\15CrMoG\F022BJY001C321\600MW\L=4373</t>
  </si>
  <si>
    <t>【哈电锅炉】SOFA燃烧器喷口管屏117\Φ38*7.3\15CrMoG\F022BJY001C321\600MW\L=4394</t>
  </si>
  <si>
    <t>【哈电锅炉】SOFA燃烧器喷口管屏118\Φ38*7.3\15CrMoG\F022BJY001C321\600MW\L=4412</t>
  </si>
  <si>
    <t>【哈电锅炉】SOFA燃烧器喷口管屏119\Φ38*7.3\15CrMoG\F022BJY001C321\600MW\L=4434</t>
  </si>
  <si>
    <t>【哈电锅炉】SOFA燃烧器喷口管屏120\Φ38*7.3\15CrMoG\F022BJY001C321\600MW\L=4454</t>
  </si>
  <si>
    <t>【哈电锅炉】煤粉燃烧器喷口管屏1\Φ38*7.3\15CrMoG\F022BHY001C321\600MW\L=3330</t>
  </si>
  <si>
    <t>【哈电锅炉】煤粉燃烧器喷口管屏2\Φ38*7.3\15CrMoG\F022BHY001C321\600MW\L=3346</t>
  </si>
  <si>
    <t>【哈电锅炉】煤粉燃烧器喷口管屏3\Φ38*7.3\15CrMoG\F022BHY001C321\600MW\L=3383</t>
  </si>
  <si>
    <t>【哈电锅炉】煤粉燃烧器喷口管屏4\Φ38*7.3\15CrMoG\F022BHY001C321\600MW\L=3428</t>
  </si>
  <si>
    <t>【哈电锅炉】煤粉燃烧器喷口管屏5\Φ38*7.3\15CrMoG\F022BHY001C321\600MW\L=3483</t>
  </si>
  <si>
    <t>【哈电锅炉】煤粉燃烧器喷口管屏6\Φ38*7.3\15CrMoG\F022BHY001C321\600MW\L=2754</t>
  </si>
  <si>
    <t>【哈电锅炉】煤粉燃烧器喷口管屏7\Φ38*7.3\15CrMoG\F022BHY001C321\600MW\L=2815</t>
  </si>
  <si>
    <t>【哈电锅炉】煤粉燃烧器喷口管屏8\Φ38*7.3\15CrMoG\F022BHY001C321\600MW\L=2905</t>
  </si>
  <si>
    <t>【哈电锅炉】煤粉燃烧器喷口管屏9\Φ38*7.3\15CrMoG\F022BHY001C321\600MW\L=2999</t>
  </si>
  <si>
    <t>【哈电锅炉】煤粉燃烧器喷口管屏10\Φ38*7.3\15CrMoG\F022BHY001C321\600MW\L=3095</t>
  </si>
  <si>
    <t>【哈电锅炉】煤粉燃烧器喷口管屏11\Φ38*7.3\15CrMoG\F022BHY001C321\600MW\L=2567</t>
  </si>
  <si>
    <t>【哈电锅炉】煤粉燃烧器喷口管屏12\Φ38*7.3\15CrMoG\F022BHY001C321\600MW\L=3103</t>
  </si>
  <si>
    <t>【哈电锅炉】煤粉燃烧器喷口管屏13\Φ38*7.3\15CrMoG\F022BHY001C321\600MW\L=3173</t>
  </si>
  <si>
    <t>【哈电锅炉】煤粉燃烧器喷口管屏14\Φ38*7.3\15CrMoG\F022BHY001C321\600MW\L=3253</t>
  </si>
  <si>
    <t>【哈电锅炉】煤粉燃烧器喷口管屏15\Φ38*7.3\15CrMoG\F022BHY001C321\600MW\L=3351</t>
  </si>
  <si>
    <t>【哈电锅炉】煤粉燃烧器喷口管屏16\Φ38*7.3\15CrMoG\F022BHY001C321\600MW\L=3443</t>
  </si>
  <si>
    <t>【哈电锅炉】煤粉燃烧器喷口管屏17\Φ38*7.3\15CrMoG\F022BHY001C321\600MW\L=3550</t>
  </si>
  <si>
    <t>【哈电锅炉】煤粉燃烧器喷口管屏18\Φ38*7.3\15CrMoG\F022BHY001C321\600MW\L=3655</t>
  </si>
  <si>
    <t>【哈电锅炉】煤粉燃烧器喷口管屏19\Φ38*7.3\15CrMoG\F022BHY001C321\600MW\L=3755</t>
  </si>
  <si>
    <t>【哈电锅炉】煤粉燃烧器喷口管屏20\Φ38*7.3\15CrMoG\F022BHY001C321\600MW\L=3898</t>
  </si>
  <si>
    <t>【哈电锅炉】煤粉燃烧器喷口管屏21\Φ38*7.3\15CrMoG\F022BHY001C321\600MW\L=4117</t>
  </si>
  <si>
    <t>【哈电锅炉】煤粉燃烧器喷口管屏22\Φ38*7.3\15CrMoG\F022BHY001C321\600MW\L=4400</t>
  </si>
  <si>
    <t>【哈电锅炉】煤粉燃烧器喷口管屏23\Φ38*7.3\15CrMoG\F022BHY001C321\600MW\L=4754</t>
  </si>
  <si>
    <t>【哈电锅炉】煤粉燃烧器喷口管屏24\Φ38*7.3\15CrMoG\F022BHY001C321\600MW\L=5049</t>
  </si>
  <si>
    <t>【哈电锅炉】煤粉燃烧器喷口管屏25\Φ38*7.3\15CrMoG\F022BHY001C321\600MW\L=5343</t>
  </si>
  <si>
    <t>【哈电锅炉】煤粉燃烧器喷口管屏26\Φ38*7.3\15CrMoG\F022BHY001C321\600MW\L=5193</t>
  </si>
  <si>
    <t>【哈电锅炉】煤粉燃烧器喷口管屏27\Φ38*7.3\15CrMoG\F022BHY001C321\600MW\L=5405</t>
  </si>
  <si>
    <t>【哈电锅炉】煤粉燃烧器喷口管屏28\Φ38*7.3\15CrMoG\F022BHY001C321\600MW\L=5597</t>
  </si>
  <si>
    <t>【哈电锅炉】煤粉燃烧器喷口管屏29\Φ38*7.3\15CrMoG\F022BHY001C321\600MW\L=5788</t>
  </si>
  <si>
    <t>【哈电锅炉】煤粉燃烧器喷口管屏30\Φ38*7.3\15CrMoG\F022BHY001C321\600MW\L=5979</t>
  </si>
  <si>
    <t>【哈电锅炉】煤粉燃烧器喷口管屏31\Φ38*7.3\15CrMoG\F022BHY001C321\600MW\L=6159</t>
  </si>
  <si>
    <t>【哈电锅炉】煤粉燃烧器喷口管屏32\Φ38*7.3\15CrMoG\F022BHY001C321\600MW\L=6339</t>
  </si>
  <si>
    <t>【哈电锅炉】煤粉燃烧器喷口管屏33\Φ38*7.3\15CrMoG\F022BHY001C321\600MW\L=6092</t>
  </si>
  <si>
    <t>【哈电锅炉】煤粉燃烧器喷口管屏34\Φ38*7.3\15CrMoG\F022BHY001C321\600MW\L=5901</t>
  </si>
  <si>
    <t>【哈电锅炉】煤粉燃烧器喷口管屏35\Φ38*7.3\15CrMoG\F022BHY001C321\600MW\L=5714</t>
  </si>
  <si>
    <t>【哈电锅炉】煤粉燃烧器喷口管屏36\Φ38*7.3\15CrMoG\F022BHY001C321\600MW\L=5530</t>
  </si>
  <si>
    <t>【哈电锅炉】煤粉燃烧器喷口管屏37\Φ38*7.3\15CrMoG\F022BHY001C321\600MW\L=5817</t>
  </si>
  <si>
    <t>【哈电锅炉】煤粉燃烧器喷口管屏38\Φ38*7.3\15CrMoG\F022BHY001C321\600MW\L=5613</t>
  </si>
  <si>
    <t>【哈电锅炉】煤粉燃烧器喷口管屏39\Φ38*7.3\15CrMoG\F022BHY001C321\600MW\L=5408</t>
  </si>
  <si>
    <t>【哈电锅炉】煤粉燃烧器喷口管屏40\Φ38*7.3\15CrMoG\F022BHY001C321\600MW\L=5149</t>
  </si>
  <si>
    <t>【哈电锅炉】煤粉燃烧器喷口管屏41\Φ38*7.3\15CrMoG\F022BHY001C321\600MW\L=4980</t>
  </si>
  <si>
    <t>【哈电锅炉】煤粉燃烧器喷口管屏42\Φ38*7.3\15CrMoG\F022BHY001C321\600MW\L=4696</t>
  </si>
  <si>
    <t>【哈电锅炉】煤粉燃烧器喷口管屏43\Φ38*7.3\15CrMoG\F022BHY001C321\600MW\L=4695</t>
  </si>
  <si>
    <t>【哈电锅炉】煤粉燃烧器喷口管屏44\Φ38*7.3\15CrMoG\F022BHY001C321\600MW\L=5119</t>
  </si>
  <si>
    <t>【哈电锅炉】煤粉燃烧器喷口管屏45\Φ38*7.3\15CrMoG\F022BHY001C321\600MW\L=6113</t>
  </si>
  <si>
    <t>【哈电锅炉】煤粉燃烧器喷口管屏46\Φ38*7.3\15CrMoG\F022BHY001C321\600MW\L=5918</t>
  </si>
  <si>
    <t>【哈电锅炉】煤粉燃烧器喷口管屏47\Φ38*7.3\15CrMoG\F022BHY001C321\600MW\L=5728</t>
  </si>
  <si>
    <t>【哈电锅炉】煤粉燃烧器喷口管屏48\Φ38*7.3\15CrMoG\F022BHY001C321\600MW\L=5549</t>
  </si>
  <si>
    <t>【哈电锅炉】煤粉燃烧器喷口管屏49\Φ38*7.3\15CrMoG\F022BHY001C321\600MW\L=5819</t>
  </si>
  <si>
    <t>【哈电锅炉】煤粉燃烧器喷口管屏50\Φ38*7.3\15CrMoG\F022BHY001C321\600MW\L=5621</t>
  </si>
  <si>
    <t>【哈电锅炉】煤粉燃烧器喷口管屏51\Φ38*7.3\15CrMoG\F022BHY001C321\600MW\L=5423</t>
  </si>
  <si>
    <t>【哈电锅炉】煤粉燃烧器喷口管屏52\Φ38*7.3\15CrMoG\F022BHY001C321\600MW\L=5195</t>
  </si>
  <si>
    <t>【哈电锅炉】煤粉燃烧器喷口管屏53\Φ38*7.3\15CrMoG\F022BHY001C321\600MW\L=4961</t>
  </si>
  <si>
    <t>【哈电锅炉】煤粉燃烧器喷口管屏54\Φ38*7.3\15CrMoG\F022BHY001C321\600MW\L=4707</t>
  </si>
  <si>
    <t>【哈电锅炉】煤粉燃烧器喷口管屏55\Φ38*7.3\15CrMoG\F022BHY001C321\600MW\L=4707</t>
  </si>
  <si>
    <t>【哈电锅炉】煤粉燃烧器喷口管屏56\Φ38*7.3\15CrMoG\F022BHY001C321\600MW\L=4941</t>
  </si>
  <si>
    <t>【哈电锅炉】煤粉燃烧器喷口管屏57\Φ38*7.3\15CrMoG\F022BHY001C321\600MW\L=6365</t>
  </si>
  <si>
    <t>【哈电锅炉】煤粉燃烧器喷口管屏58\Φ38*7.3\15CrMoG\F022BHY001C321\600MW\L=6177</t>
  </si>
  <si>
    <t>【哈电锅炉】煤粉燃烧器喷口管屏59\Φ38*7.3\15CrMoG\F022BHY001C321\600MW\L=5990</t>
  </si>
  <si>
    <t>【哈电锅炉】煤粉燃烧器喷口管屏60\Φ38*7.3\15CrMoG\F022BHY001C321\600MW\L=5804</t>
  </si>
  <si>
    <t>【哈电锅炉】煤粉燃烧器喷口管屏61\Φ38*7.3\15CrMoG\F022BHY001C321\600MW\L=5597</t>
  </si>
  <si>
    <t>【哈电锅炉】煤粉燃烧器喷口管屏62\Φ38*7.3\15CrMoG\F022BHY001C321\600MW\L=5461</t>
  </si>
  <si>
    <t>【哈电锅炉】煤粉燃烧器喷口管屏63\Φ38*7.3\15CrMoG\F022BHY001C321\600MW\L=5513</t>
  </si>
  <si>
    <t>【哈电锅炉】煤粉燃烧器喷口管屏64\Φ38*7.3\15CrMoG\F022BHY001C321\600MW\L=5175</t>
  </si>
  <si>
    <t>【哈电锅炉】煤粉燃烧器喷口管屏65\Φ38*7.3\15CrMoG\F022BHY001C321\600MW\L=5223</t>
  </si>
  <si>
    <t>【哈电锅炉】煤粉燃烧器喷口管屏66\Φ38*7.3\15CrMoG\F022BHY001C321\600MW\L=5097</t>
  </si>
  <si>
    <t>【哈电锅炉】煤粉燃烧器喷口管屏67\Φ38*7.3\15CrMoG\F022BHY001C321\600MW\L=4803</t>
  </si>
  <si>
    <t>【哈电锅炉】煤粉燃烧器喷口管屏68\Φ38*7.3\15CrMoG\F022BHY001C321\600MW\L=4508</t>
  </si>
  <si>
    <t>【哈电锅炉】煤粉燃烧器喷口管屏69\Φ38*7.3\15CrMoG\F022BHY001C321\600MW\L=4155</t>
  </si>
  <si>
    <t>【哈电锅炉】煤粉燃烧器喷口管屏70\Φ38*7.3\15CrMoG\F022BHY001C321\600MW\L=3875</t>
  </si>
  <si>
    <t>【哈电锅炉】煤粉燃烧器喷口管屏71\Φ38*7.3\15CrMoG\F022BHY001C321\600MW\L=3639</t>
  </si>
  <si>
    <t>【哈电锅炉】煤粉燃烧器喷口管屏72\Φ38*7.3\15CrMoG\F022BHY001C321\600MW\L=3523</t>
  </si>
  <si>
    <t>【哈电锅炉】煤粉燃烧器喷口管屏73\Φ38*7.3\15CrMoG\F022BHY001C321\600MW\L=3446</t>
  </si>
  <si>
    <t>【哈电锅炉】煤粉燃烧器喷口管屏74\Φ38*7.3\15CrMoG\F022BHY001C321\600MW\L=3380</t>
  </si>
  <si>
    <t>【哈电锅炉】煤粉燃烧器喷口管屏75\Φ38*7.3\15CrMoG\F022BHY001C321\600MW\L=3317</t>
  </si>
  <si>
    <t>【哈电锅炉】煤粉燃烧器喷口管屏76\Φ38*7.3\15CrMoG\F022BHY001C321\600MW\L=3255</t>
  </si>
  <si>
    <t>【哈电锅炉】煤粉燃烧器喷口管屏77\Φ38*7.3\15CrMoG\F022BHY001C321\600MW\L=3190</t>
  </si>
  <si>
    <t>【哈电锅炉】煤粉燃烧器喷口管屏78\Φ38*7.3\15CrMoG\F022BHY001C321\600MW\L=3133</t>
  </si>
  <si>
    <t>【哈电锅炉】煤粉燃烧器喷口管屏79\Φ38*7.3\15CrMoG\F022BHY001C321\600MW\L=3086</t>
  </si>
  <si>
    <t>【哈电锅炉】煤粉燃烧器喷口管屏80\Φ38*7.3\15CrMoG\F022BHY001C321\600MW\L=3481</t>
  </si>
  <si>
    <t>【哈电锅炉】煤粉燃烧器喷口管屏81\Φ38*7.3\15CrMoG\F022BHY001C321\600MW\L=3429</t>
  </si>
  <si>
    <t>【哈电锅炉】煤粉燃烧器喷口管屏82\Φ38*7.3\15CrMoG\F022BHY001C321\600MW\L=3381</t>
  </si>
  <si>
    <t>【哈电锅炉】煤粉燃烧器喷口管屏83\Φ38*7.3\15CrMoG\F022BHY001C321\600MW\L=3346</t>
  </si>
  <si>
    <t>【哈电锅炉】煤粉燃烧器喷口管屏84\Φ38*7.3\15CrMoG\F022BHY001C321\600MW\L=3330</t>
  </si>
  <si>
    <t>【哈电锅炉】煤粉燃烧器喷口管屏85\Φ38*7.3\15CrMoG\F022BHY001C321\600MW\L=3085</t>
  </si>
  <si>
    <t>【哈电锅炉】煤粉燃烧器喷口管屏86\Φ38*7.3\15CrMoG\F022BHY001C321\600MW\L=2986</t>
  </si>
  <si>
    <t>【哈电锅炉】煤粉燃烧器喷口管屏87\Φ38*7.3\15CrMoG\F022BHY001C321\600MW\L=2896</t>
  </si>
  <si>
    <t>【哈电锅炉】煤粉燃烧器喷口管屏88\Φ38*7.3\15CrMoG\F022BHY001C321\600MW\L=2832</t>
  </si>
  <si>
    <t>【哈电锅炉】煤粉燃烧器喷口管屏89\Φ38*7.3\15CrMoG\F022BHY001C321\600MW\L=2736</t>
  </si>
  <si>
    <t>【哈电锅炉】煤粉燃烧器喷口管屏90\Φ38*7.3\15CrMoG\F022BHY001C321\600MW\L=2571</t>
  </si>
  <si>
    <t>【哈电锅炉】煤粉燃烧器喷口管屏91\Φ38*7.3\15CrMoG\F022BHY001C321\600MW\L=2661</t>
  </si>
  <si>
    <t>【哈电锅炉】水冷壁平衡管90°弯管1\Φ38*7.3\15CrMoG\F022BHP001C271\600MW\L=1700</t>
  </si>
  <si>
    <t>【哈电锅炉】水冷壁平衡管135°弯管1\Φ89*16\15CrMoG\F022BHP001C271\600MW\L=2202</t>
  </si>
  <si>
    <t>【哈电锅炉】中部水冷壁散管1\Φ31.8*6.2\15CrMoG\F022BFF001C271\600MW\L=1211</t>
  </si>
  <si>
    <t>【哈电锅炉】中部水冷壁散管2\Φ31.8*6.2\15CrMoG\F022BFF001C271\600MW\L=966</t>
  </si>
  <si>
    <t>【哈电锅炉】中部水冷壁散管3\Φ31.8*6.2\15CrMoG\F022BFF001C271\600MW\L=966</t>
  </si>
  <si>
    <t>【哈电锅炉】中部水冷壁散管4\Φ31.8*6.2\15CrMoG\F022BFF001C271\600MW\L=2320</t>
  </si>
  <si>
    <t>【哈电锅炉】中部水冷壁散管5\Φ38*7.3\15CrMoG\F022BFF001C271\600MW\L=2909</t>
  </si>
  <si>
    <t>【哈电锅炉】中部水冷壁散管6\Φ38*7.3\15CrMoG\F022BFF001C271\600MW\L=2753</t>
  </si>
  <si>
    <t>【哈电锅炉】中部水冷壁散管7\Φ38*7.3\15CrMoG\F022BFF001C271\600MW\L=1711</t>
  </si>
  <si>
    <t>【哈电锅炉】中部水冷壁散管8\Φ38*7.3\15CrMoG\F022BFF001C271\600MW\L=2432</t>
  </si>
  <si>
    <t>【哈电锅炉】中部水冷壁散管9\Φ38*7.3\15CrMoG\F022BFF001C271\600MW\L=2275</t>
  </si>
  <si>
    <t>【哈电锅炉】中部水冷壁散管10\Φ31.8*6.2\15CrMoG\F022BFF001C271\600MW\L=976</t>
  </si>
  <si>
    <t>【哈电锅炉】中部水冷壁散管11\Φ31.8*6.2\15CrMoG\F022BFF001C271\600MW\L=976</t>
  </si>
  <si>
    <t>【哈电锅炉】中部水冷壁散管12\Φ38*7.3\15CrMoG\F022BFF001C271\600MW\L=2296.5</t>
  </si>
  <si>
    <t>【哈电锅炉】中部水冷壁散管13\Φ38*7.3\15CrMoG\F022BFF001C271\600MW\L=2331.5</t>
  </si>
  <si>
    <t>【哈电锅炉】中部水冷壁散管14\Φ38*7.3\15CrMoG\F022BFF001C271\600MW\L=2919.5</t>
  </si>
  <si>
    <t>【哈电锅炉】中部水冷壁散管15\Φ38*7.3\15CrMoG\F022BFF001C271\600MW\L=2884.5</t>
  </si>
  <si>
    <t>【哈电锅炉】中部水冷壁散管16\Φ38*7.3\15CrMoG\F022BFF001C271\600MW\L=2847.5</t>
  </si>
  <si>
    <t>【哈电锅炉】中部水冷壁散管17\Φ38*7.3\15CrMoG\F022BFF001C271\600MW\L=3197.5</t>
  </si>
  <si>
    <t>【哈电锅炉】中部水冷壁散管18\Φ38*7.3\15CrMoG\F022BFF001C271\600MW\L=3233.5</t>
  </si>
  <si>
    <t>【哈电锅炉】中部水冷壁散管19\Φ38*7.3\15CrMoG\F022BFF001C271\600MW\L=3269.5</t>
  </si>
  <si>
    <t>【哈电锅炉】中部水冷壁散管20\Φ38*7.3\15CrMoG\F022BFF001C271\600MW\L=3775.5</t>
  </si>
  <si>
    <t>【哈电锅炉】中部水冷壁散管21\Φ38*7.3\15CrMoG\F022BFF001C271\600MW\L=3858</t>
  </si>
  <si>
    <t>【哈电锅炉】中部水冷壁散管22\Φ38*7.3\15CrMoG\F022BFF001C271\600MW\L=2025.5</t>
  </si>
  <si>
    <t>【哈电锅炉】中部水冷壁散管23\Φ38*7.3\15CrMoG\F022BFF001C271\600MW\L=2750.5</t>
  </si>
  <si>
    <t>【哈电锅炉】中部水冷壁散管24\Φ38*7.3\15CrMoG\F022BFF001C271\600MW\L=2695.5</t>
  </si>
  <si>
    <t>【哈电锅炉】中部水冷壁散管25\Φ38*7.3\15CrMoG\F022BFF001C271\600MW\L=2640.5</t>
  </si>
  <si>
    <t>【哈电锅炉】中部水冷壁散管26\Φ38*7.3\15CrMoG\F022BFF001C271\600MW\L=2586.5</t>
  </si>
  <si>
    <t>【哈电锅炉】中部水冷壁散管27\Φ38*7.3\15CrMoG\F022BFF001C271\600MW\L=2531.5</t>
  </si>
  <si>
    <t>【哈电锅炉】中部水冷壁散管28\Φ38*7.3\15CrMoG\F022BFF001C271\600MW\L=2477.5</t>
  </si>
  <si>
    <t>【哈电锅炉】中部水冷壁散管29\Φ38*7.3\15CrMoG\F022BFF001C271\600MW\L=2422.5</t>
  </si>
  <si>
    <t>【哈电锅炉】中部水冷壁散管30\Φ38*7.3\15CrMoG\F022BFF001C271\600MW\L=2367.5</t>
  </si>
  <si>
    <t>【哈电锅炉】中部水冷壁散管31\Φ38*7.3\15CrMoG\F022BFF001C271\600MW\L=2313.5</t>
  </si>
  <si>
    <t>【哈电锅炉】中部水冷壁散管32\Φ38*7.3\15CrMoG\F022BFF001C271\600MW\L=2258.5</t>
  </si>
  <si>
    <t>【哈电锅炉】中部水冷壁散管33\Φ38*7.3\15CrMoG\F022BFF001C271\600MW\L=2204.5</t>
  </si>
  <si>
    <t>【哈电锅炉】中部水冷壁散管34\Φ38*7.3\15CrMoG\F022BFF001C271\600MW\L=2149.5</t>
  </si>
  <si>
    <t>【哈电锅炉】中部水冷壁散管35\Φ38*7.3\15CrMoG\F022BFF001C271\600MW\L=2393</t>
  </si>
  <si>
    <t>【哈电锅炉】中部水冷壁散管36\Φ38*7.3\15CrMoG\F022BFF001C271\600MW\L=2345</t>
  </si>
  <si>
    <t>【哈电锅炉】中部水冷壁散管37\Φ38*7.3\15CrMoG\F022BFF001C271\600MW\L=2300</t>
  </si>
  <si>
    <t>【哈电锅炉】中部水冷壁散管38\Φ38*7.3\15CrMoG\F022BFF001C271\600MW\L=2240</t>
  </si>
  <si>
    <t>【哈电锅炉】中部水冷壁散管39\Φ38*7.3\15CrMoG\F022BFF001C271\600MW\L=2172.5</t>
  </si>
  <si>
    <t>【哈电锅炉】中部水冷壁散管40\Φ38*7.3\15CrMoG\F022BFF001C271\600MW\L=2073</t>
  </si>
  <si>
    <t>【哈电锅炉】中部水冷壁散管41\Φ38*7.3\15CrMoG\F022BFF001C271\600MW\L=3245</t>
  </si>
  <si>
    <t>【哈电锅炉】中部水冷壁散管42\Φ38*7.3\15CrMoG\F022BFF001C271\600MW\L=3071</t>
  </si>
  <si>
    <t>【哈电锅炉】中部水冷壁散管43\Φ38*7.3\15CrMoG\F022BFF001C271\600MW\L=2897</t>
  </si>
  <si>
    <t>【哈电锅炉】中部水冷壁散管44\Φ38*7.3\15CrMoG\F022BFF001C271\600MW\L=2723</t>
  </si>
  <si>
    <t>【哈电锅炉】中部水冷壁散管45\Φ38*7.3\15CrMoG\F022BFF001C271\600MW\L=2549</t>
  </si>
  <si>
    <t>【哈电锅炉】中部水冷壁散管46\Φ38*7.3\15CrMoG\F022BFF001C271\600MW\L=2336</t>
  </si>
  <si>
    <t>【哈电锅炉】中部水冷壁散管47\Φ38*7.3\15CrMoG\F022BFF001C271\600MW\L=2242</t>
  </si>
  <si>
    <t>【哈电锅炉】中部水冷壁散管48\Φ38*7.3\15CrMoG\F022BFF001C271\600MW\L=1148</t>
  </si>
  <si>
    <t>【哈电锅炉】中部水冷壁散管49\Φ38*7.3\15CrMoG\F022BFF001C271\600MW\L=1221</t>
  </si>
  <si>
    <t>【哈电锅炉】中部水冷壁散管50\Φ38*7.3\15CrMoG\F022BFF001C271\600MW\L=1293</t>
  </si>
  <si>
    <t>【哈电锅炉】中部水冷壁散管51\Φ38*7.3\15CrMoG\F022BFF001C271\600MW\L=1679</t>
  </si>
  <si>
    <t>【哈电锅炉】中部水冷壁散管52\Φ38*7.3\15CrMoG\F022BFF001C271\600MW\L=1969</t>
  </si>
  <si>
    <t>【哈电锅炉】中部水冷壁散管53\Φ38*7.3\15CrMoG\F022BFF001C271\600MW\L=1913</t>
  </si>
  <si>
    <t>【哈电锅炉】中部水冷壁散管54\Φ38*7.3\15CrMoG\F022BFF001C271\600MW\L=1856</t>
  </si>
  <si>
    <t>【哈电锅炉】中部水冷壁散管55\Φ38*7.3\15CrMoG\F022BFF001C271\600MW\L=1800</t>
  </si>
  <si>
    <t>【哈电锅炉】中部水冷壁散管56\Φ38*7.3\15CrMoG\F022BFF001C271\600MW\L=1743</t>
  </si>
  <si>
    <t>【哈电锅炉】中部水冷壁散管57\Φ38*7.3\15CrMoG\F022BFF001C271\600MW\L=1687</t>
  </si>
  <si>
    <t>【哈电锅炉】中部水冷壁散管58\Φ38*7.3\15CrMoG\F022BFF001C271\600MW\L=1630</t>
  </si>
  <si>
    <t>【哈电锅炉】中部水冷壁散管59\Φ38*7.3\15CrMoG\F022BFF001C271\600MW\L=1574</t>
  </si>
  <si>
    <t>【哈电锅炉】中部水冷壁散管60\Φ38*7.3\15CrMoG\F022BFF001C271\600MW\L=1517</t>
  </si>
  <si>
    <t>【哈电锅炉】中部水冷壁散管61\Φ38*7.3\15CrMoG\F022BFF001C271\600MW\L=1461</t>
  </si>
  <si>
    <t>【哈电锅炉】中部水冷壁散管62\Φ38*7.3\15CrMoG\F022BFF001C271\600MW\L=1404</t>
  </si>
  <si>
    <t>【哈电锅炉】中部水冷壁散管63\Φ38*7.3\15CrMoG\F022BFF001C271\600MW\L=1347</t>
  </si>
  <si>
    <t>【哈电锅炉】中部水冷壁散管64\Φ38*7.3\15CrMoG\F022BFF001C271\600MW\L=1291</t>
  </si>
  <si>
    <t>【哈电锅炉】中部水冷壁散管65\Φ38*7.3\15CrMoG\F022BFF001C271\600MW\L=1234</t>
  </si>
  <si>
    <t>【哈电锅炉】中部水冷壁散管66\Φ38*7.3\15CrMoG\F022BFF001C271\600MW\L=1178</t>
  </si>
  <si>
    <t>【哈电锅炉】中部水冷壁散管67\Φ38*7.3\15CrMoG\F022BFF001C271\600MW\L=1518</t>
  </si>
  <si>
    <t>【哈电锅炉】中部水冷壁散管68\Φ38*7.3\15CrMoG\F022BFF001C271\600MW\L=1462</t>
  </si>
  <si>
    <t>【哈电锅炉】中部水冷壁散管69\Φ38*7.3\15CrMoG\F022BFF001C271\600MW\L=1405</t>
  </si>
  <si>
    <t>【哈电锅炉】中部水冷壁散管70\Φ38*7.3\15CrMoG\F022BFF001C271\600MW\L=1349</t>
  </si>
  <si>
    <t>【哈电锅炉】中部水冷壁散管71\Φ38*7.3\15CrMoG\F022BFF001C271\600MW\L=1292</t>
  </si>
  <si>
    <t>【哈电锅炉】中部水冷壁散管72\Φ38*7.3\15CrMoG\F022BFF001C271\600MW\L=1242</t>
  </si>
  <si>
    <t>【哈电锅炉】中部水冷壁散管73\Φ38*7.3\15CrMoG\F022BFF001C271\600MW\L=1181</t>
  </si>
  <si>
    <t>【哈电锅炉】中部水冷壁散管74\Φ38*7.3\15CrMoG\F022BFF001C271\600MW\L=1751</t>
  </si>
  <si>
    <t>【哈电锅炉】中部水冷壁散管75\Φ38*7.3\15CrMoG\F022BFF001C271\600MW\L=1726</t>
  </si>
  <si>
    <t>【哈电锅炉】中部水冷壁散管76\Φ38*7.3\15CrMoG\F022BFF001C271\600MW\L=1695</t>
  </si>
  <si>
    <t>【哈电锅炉】中部水冷壁散管77\Φ38*7.3\15CrMoG\F022BFF001C271\600MW\L=1655</t>
  </si>
  <si>
    <t>【哈电锅炉】中部水冷壁散管78\Φ38*7.3\15CrMoG\F022BFF001C271\600MW\L=396</t>
  </si>
  <si>
    <t>【哈电锅炉】中部水冷壁散管79\Φ38*7.3\15CrMoG\F022BFF001C271\600MW\L=401</t>
  </si>
  <si>
    <t>【哈电锅炉】中部水冷壁散管80\Φ38*7.3\15CrMoG\F022BFF001C271\600MW\L=943</t>
  </si>
  <si>
    <t>【哈电锅炉】中部水冷壁散管81\Φ38*7.3\15CrMoG\F022BFF001C271\600MW\L=1008</t>
  </si>
  <si>
    <t>【哈电锅炉】中部水冷壁散管82\Φ38*7.3\15CrMoG\F022BFF001C271\600MW\L=1009</t>
  </si>
  <si>
    <t>【哈电锅炉】中部水冷壁散管83\Φ38*7.3\15CrMoG\F022BFF001C271\600MW\L=881</t>
  </si>
  <si>
    <t>【哈电锅炉】中部水冷壁散管84\Φ38*7.3\15CrMoG\F022BFF001C271\600MW\L=1022</t>
  </si>
  <si>
    <t>【哈电锅炉】中部水冷壁散管85\Φ38*7.3\15CrMoG\F022BFF001C271\600MW\L=1120</t>
  </si>
  <si>
    <t>【哈电锅炉】右侧水冷壁上集箱(炉后)管接头1\Φ31.8*6.2\15CrMoG\F022BEB001C271\600MW\L=262</t>
  </si>
  <si>
    <t>【哈电锅炉】右水冷壁上集箱(炉后)管接头2\Φ31.8*6.2\15CrMoG\F022BEB001C271\600MW\L=718</t>
  </si>
  <si>
    <t>【哈电锅炉】右水冷壁上集箱(炉后)管接头3\Φ31.8*6.2\15CrMoG\F022BEB001C271\600MW\L=791</t>
  </si>
  <si>
    <t>【哈电锅炉】右水冷壁上集箱(炉前)管接头1\Φ31.8*6.2\15CrMoG\F022BEB001C271\600MW\L=262</t>
  </si>
  <si>
    <t>【哈电锅炉】右水冷壁上集箱(炉前)管接头2\Φ31.8*6.2\15CrMoG\F022BEB001C271\600MW\L=718</t>
  </si>
  <si>
    <t>【哈电锅炉】右水冷壁上集箱(炉前)管接头3\Φ31.8*6.2\15CrMoG\F022BEB001C271\600MW\L=791</t>
  </si>
  <si>
    <t>【哈电锅炉】左水冷壁上集箱(炉后)管接头1\Φ31.8*6.2\15CrMoG\F022BEB001C271\600MW\L=262</t>
  </si>
  <si>
    <t>【哈电锅炉】左水冷壁上集箱(炉后)管接头2\Φ31.8*6.2\15CrMoG\F022BEB001C271\600MW\L=718</t>
  </si>
  <si>
    <t>【哈电锅炉】左水冷壁上集箱(炉后)管接头3\Φ31.8*6.2\15CrMoG\F022BEB001C271\600MW\L=791</t>
  </si>
  <si>
    <t>【哈电锅炉】左水冷壁上集箱(炉前)管接头1\Φ31.8*6.2\15CrMoG\F022BEB001C271\600MW\L=262</t>
  </si>
  <si>
    <t>【哈电锅炉】左水冷壁上集箱(炉前)管接头2\Φ31.8*6.2\15CrMoG\F022BEB001C271\600MW\L=718</t>
  </si>
  <si>
    <t>【哈电锅炉】左水冷壁上集箱(炉前)管接头3\Φ31.8*6.2\15CrMoG\F022BEB001C271\600MW\L=791</t>
  </si>
  <si>
    <t>【哈电锅炉】前部水冷壁上集箱(右)管接头1\Φ38*7.3\15CrMoG\F022BEB001C271\600MW\L=471.5</t>
  </si>
  <si>
    <t>【哈电锅炉】前部水冷壁上集箱(右)管接头2\Φ38*7.3\15CrMoG\F022BEB001C271\600MW\L=621</t>
  </si>
  <si>
    <t>【哈电锅炉】前部水冷壁上集箱(右)管接头3\Φ38*7.3\15CrMoG\F022BEB001C271\600MW\L=608</t>
  </si>
  <si>
    <t>【哈电锅炉】前部水冷壁上集箱(右)管接头4\Φ38*7.3\15CrMoG\F022BEB001C271\600MW\L=467</t>
  </si>
  <si>
    <t>【哈电锅炉】前部水冷壁上集箱(左)管接头1\Φ38*7.3\15CrMoG\F022BEB001C271\600MW\L=471.5</t>
  </si>
  <si>
    <t>【哈电锅炉】前部水冷壁上集箱(左)管接头2\Φ38*7.3\15CrMoG\F022BEB001C271\600MW\L=621</t>
  </si>
  <si>
    <t>【哈电锅炉】前部水冷壁上集箱(左)管接头3\Φ38*7.3\15CrMoG\F022BEB001C271\600MW\L=608</t>
  </si>
  <si>
    <t>【哈电锅炉】前部水冷壁上集箱(左)管接头4\Φ38*7.3\15CrMoG\F022BEB001C271\600MW\L=467</t>
  </si>
  <si>
    <t>【哈电锅炉】水冷壁后墙吊挂管出口集箱(左)管接头1\Φ63.5*14\15CrMoG\F022BEB001C271\600MW\L=101</t>
  </si>
  <si>
    <t>【哈电锅炉】水冷壁后墙吊挂管出口集箱(右)管接头2\Φ63.5*14\15CrMoG\F022BEB001C271\600MW\L=101</t>
  </si>
  <si>
    <t>【哈电锅炉】水冷壁出口集箱(左)管接头1\Φ42*7\15CrMoG\F022BEB001C271\600MW\L=598</t>
  </si>
  <si>
    <t>【哈电锅炉】水冷壁出口集箱(左)管接头2\Φ42*7\15CrMoG\F022BEB001C271\600MW\L=696</t>
  </si>
  <si>
    <t>【哈电锅炉】水冷壁出口集箱(左)管接头3\Φ42*7\15CrMoG\F022BEB001C271\600MW\L=683</t>
  </si>
  <si>
    <t>【哈电锅炉】水冷壁出口集箱(左)管接头4\Φ42*7\15CrMoG\F022BEB001C271\600MW\L=950</t>
  </si>
  <si>
    <t>【哈电锅炉】水冷壁出口集箱(左)管接头5\Φ42*7\15CrMoG\F022BEB001C271\600MW\L=765</t>
  </si>
  <si>
    <t>【哈电锅炉】水冷壁出口集箱(右)管接头1\Φ42*7\15CrMoG\F022BEB001C271\600MW\L=598</t>
  </si>
  <si>
    <t>【哈电锅炉】水冷壁出口集箱(右)管接头2\Φ42*7\15CrMoG\F022BEB001C271\600MW\L=696</t>
  </si>
  <si>
    <t>【哈电锅炉】水冷壁出口集箱(右)管接头3\Φ42*7\15CrMoG\F022BEB001C271\600MW\L=684</t>
  </si>
  <si>
    <t>【哈电锅炉】水冷壁出口集箱(右)管接头4\Φ42*7\15CrMoG\F022BEB001C271\600MW\L=950</t>
  </si>
  <si>
    <t>【哈电锅炉】水冷壁出口集箱(右)管接头5\Φ42*7\15CrMoG\F022BEB001C271\600MW\L=739</t>
  </si>
  <si>
    <t>【哈电锅炉】水冷壁侧墙上集箱(左)管接头1\Φ44.5*7\15CrMoG\F022BEB001C271\600MW\L=711</t>
  </si>
  <si>
    <t>【哈电锅炉】水冷壁侧墙上集箱(左)管接头2\Φ44.5*7\15CrMoG\F022BEB001C271\600MW\L=603</t>
  </si>
  <si>
    <t>【哈电锅炉】水冷壁侧墙上集箱(左)管接头3\Φ44.5*7\15CrMoG\F022BEB001C271\600MW\L=164</t>
  </si>
  <si>
    <t>【哈电锅炉】水冷壁侧墙上集箱(右)管接头1\Φ44.5*7\15CrMoG\F022BEB001C271\600MW\L=711</t>
  </si>
  <si>
    <t>【哈电锅炉】水冷壁侧墙上集箱(右)管接头2\Φ44.5*7\15CrMoG\F022BEB001C271\600MW\L=603</t>
  </si>
  <si>
    <t>【哈电锅炉】水冷壁侧墙上集箱(右)管接头3\Φ44.5*7\15CrMoG\F022BEB001C271\600MW\L=164</t>
  </si>
  <si>
    <t>【哈电锅炉】前部水冷壁螺旋管圈出口集箱(左)管接头1\Φ38*7.3\15CrMoG\F022BED001C271\600MW</t>
  </si>
  <si>
    <t>【哈电锅炉】前部水冷壁螺旋管圈出口集箱(左)管接头2\Φ31.8*6.2\15CrMoG\F022BED001C271\600MW</t>
  </si>
  <si>
    <t>【哈电锅炉】前部水冷壁螺旋管圈出口集箱(左)管接头3\Φ60*11\15CrMoG\F022BED001C271\600MW</t>
  </si>
  <si>
    <t>【哈电锅炉】前部水冷壁螺旋管圈出口集箱(右)管接头1\Φ38*7.3\15CrMoG\F022BED001C271\600MW</t>
  </si>
  <si>
    <t>【哈电锅炉】前部水冷壁螺旋管圈出口集箱(右)管接头2\Φ31.8*6.2\15CrMoG\F022BED001C271\600MW</t>
  </si>
  <si>
    <t>【哈电锅炉】后部水冷壁螺旋管圈出口集箱(左)管接头1\Φ38*7.3\15CrMoG\F022BED001C271\600MW</t>
  </si>
  <si>
    <t>【哈电锅炉】后部水冷壁螺旋管圈出口集箱(左)管接头2\Φ31.8*6.2\15CrMoG\F022BED001C271\600MW</t>
  </si>
  <si>
    <t>【哈电锅炉】后部水冷壁螺旋管圈出口集箱(右)管接头1\Φ38*7.3\15CrMoG\F022BED001C271\600MW</t>
  </si>
  <si>
    <t>【哈电锅炉】后部水冷壁螺旋管圈出口集箱(右)管接头2\Φ31.8*6.2\15CrMoG\F022BED001C271\600MW</t>
  </si>
  <si>
    <t>【哈电锅炉】后部水冷壁螺旋管圈出口集箱(右)管接头3\Φ60*11\15CrMoG\F022BED001C271\600MW</t>
  </si>
  <si>
    <t>【哈电锅炉】水冷壁后部墙再出口集箱(左)管接头1\Φ63.5*14\15CrMoG\F022BED001C271\600MW</t>
  </si>
  <si>
    <t>【哈电锅炉】水冷壁后部墙再出口集箱(左)管接头2\Φ31.8*6.2\15CrMoG\F022BED001C271\600MW</t>
  </si>
  <si>
    <t>【哈电锅炉】水冷壁后部墙再出口集箱(左)管接头3\Φ31.8*6.2\15CrMoG\F022BED001C271\600MW\L=1046</t>
  </si>
  <si>
    <t>【哈电锅炉】水冷壁后部墙再出口集箱(右)管接头1\Φ63.5*14\15CrMoG\F022BED001C271\600MW</t>
  </si>
  <si>
    <t>【哈电锅炉】水冷壁后部墙再出口集箱(右)管接头2\Φ31.8*6.2\15CrMoG\F022BED001C271\600MW</t>
  </si>
  <si>
    <t>【哈电锅炉】水冷壁后部墙再出口集箱(右)管接头3\Φ31.8*6.2\15CrMoG\F022BED001C271\600MW\L=1046</t>
  </si>
  <si>
    <t>【哈电锅炉】水冷壁螺旋管圈出口集箱No.1管接头1\Φ38*7.3\15CrMoG\F022BED001C271\600MW</t>
  </si>
  <si>
    <t>【哈电锅炉】水冷壁螺旋管圈出口集箱No.1管接头2\Φ31.8*6.2\15CrMoG\F022BED001C271\600MW</t>
  </si>
  <si>
    <t>【哈电锅炉】水冷壁螺旋管圈出口集箱No.1管接头3\Φ60*11\15CrMoG\F022BED001C271\600MW</t>
  </si>
  <si>
    <t>【哈电锅炉】水冷壁螺旋管圈出口集箱No.2管接头1\Φ38*7.3\15CrMoG\F022BED001C271\600MW</t>
  </si>
  <si>
    <t>【哈电锅炉】水冷壁螺旋管圈出口集箱No.2管接头2\Φ31.8*6.2\15CrMoG\F022BED001C271\600MW</t>
  </si>
  <si>
    <t>【哈电锅炉】水冷壁下集箱(No.1)管接头\Φ38*7.3\15CrMoG\F022BEC001C271\600MW\L=87</t>
  </si>
  <si>
    <t>【哈电锅炉】水冷壁下集箱(No.2)管接头\Φ38*7.3\15CrMoG\F022BEC001C271\600MW\L=87</t>
  </si>
  <si>
    <t>【哈电锅炉】折焰角入口集箱(右)管接头1\Φ42*7\15CrMoG\F022BEG001C321\600MW\L=220.5</t>
  </si>
  <si>
    <t>【哈电锅炉】折焰角入口集箱(右)管接头2\Φ42*7\15CrMoG\F022BEG001C321\600MW\L=292</t>
  </si>
  <si>
    <t>【哈电锅炉】折焰角入口集箱(右)管接头3\Φ42*7\15CrMoG\F022BEG001C321\600MW\L=1061</t>
  </si>
  <si>
    <t>【哈电锅炉】折焰角入口集箱(右)管接头4\Φ42*7\15CrMoG\F022BEG001C321\600MW\L=1066</t>
  </si>
  <si>
    <t>【哈电锅炉】折焰角入口集箱(右)管接头5\Φ42*7\15CrMoG\F022BEG001C321\600MW\L=1080</t>
  </si>
  <si>
    <t>【哈电锅炉】折焰角入口集箱(右)管接头6\Φ42*7\15CrMoG\F022BEG001C321\600MW\L=1106</t>
  </si>
  <si>
    <t>【哈电锅炉】折焰角入口集箱(右)管接头7\Φ42*7\15CrMoG\F022BEG001C321\600MW\L=107</t>
  </si>
  <si>
    <t>【哈电锅炉】折焰角入口集箱(左)管接头1\Φ42*7\15CrMoG\F022BEG001C321\600MW\L=220.5</t>
  </si>
  <si>
    <t>【哈电锅炉】折焰角入口集箱(左)管接头2\Φ42*7\15CrMoG\F022BEG001C321\600MW\L=292</t>
  </si>
  <si>
    <t>【哈电锅炉】折焰角入口集箱(左)管接头3\Φ42*7\15CrMoG\F022BEG001C321\600MW\L=1061</t>
  </si>
  <si>
    <t>【哈电锅炉】折焰角入口集箱(左)管接头4\Φ42*7\15CrMoG\F022BEG001C321\600MW\L=1066</t>
  </si>
  <si>
    <t>【哈电锅炉】折焰角入口集箱(左)管接头5\Φ42*7\15CrMoG\F022BEG001C321\600MW\L=1080</t>
  </si>
  <si>
    <t>【哈电锅炉】折焰角入口集箱(左)管接头6\Φ42*7\15CrMoG\F022BEG001C321\600MW\L=1106</t>
  </si>
  <si>
    <t>【哈电锅炉】折焰角入口集箱(左)管接头7\Φ42*7\15CrMoG\F022BEG001C321\600MW\L=107</t>
  </si>
  <si>
    <t>【哈电锅炉】水平烟道入口集箱No.1(正反)管接头1\Φ44.5*7\15CrMoG\F022BEG001C321\600MW\L=945</t>
  </si>
  <si>
    <t>【哈电锅炉】水平烟道入口集箱No.1(正反)管接头2\Φ44.5*7\15CrMoG\F022BEG001C321\600MW\L=239.5</t>
  </si>
  <si>
    <t>【哈电锅炉】水平烟道入口集箱No.1(正反)管接头3\Φ44.5*7\15CrMoG\F022BEG001C321\600MW\L=473</t>
  </si>
  <si>
    <t>【哈电锅炉】水平烟道入口集箱No.1(正反)管接头4\Φ44.5*7\15CrMoG\F022BEG001C321\600MW\L=481</t>
  </si>
  <si>
    <t>【哈电锅炉】水平烟道入口集箱No.2(正反)管接头1\Φ44.5*7\15CrMoG\F022BEG001C321\600MW\L=751.5</t>
  </si>
  <si>
    <t>【哈电锅炉】水平烟道入口集箱No.2(正反)管接头2\Φ44.5*7\15CrMoG\F022BEG001C321\600MW\L=239.5</t>
  </si>
  <si>
    <t>【哈电锅炉】水平烟道入口集箱No.3(正反)管接头1\Φ44.5*7\15CrMoG\F022BEG001C321\600MW\L=751.5</t>
  </si>
  <si>
    <t>【哈电锅炉】水平烟道入口集箱No.3(正反)管接头2\Φ44.5*7\15CrMoG\F022BEG001C321\600MW\L=239.5</t>
  </si>
  <si>
    <t>【哈电锅炉】后烟道前墙S弯管1\Φ57*9\15CrMoG\F022CEF001C321\600MW\L=1332</t>
  </si>
  <si>
    <t>【哈电锅炉】后烟道前墙S弯管2\Φ57*9\15CrMoG\F022CEF001C321\600MW\L=1333</t>
  </si>
  <si>
    <t>【哈电锅炉】后烟道中间隔墙S弯管\Φ57*12\15CrMoG\F022CEH001C321\600MW\L=1304</t>
  </si>
  <si>
    <t>【哈电锅炉】炉膛及水平烟道顶棚管弯管\Φ63.5*10\15CrMoG\F022CEH001C321\600MW\L=1590</t>
  </si>
  <si>
    <t>【哈电锅炉】侧包墙管上集箱管接1(左，右)\Φ63.5*10\15CrMoG\F022CMD001C321\600MW\L=735</t>
  </si>
  <si>
    <t>【哈电锅炉】侧包墙管上集箱管接2(左，右)\Φ63.5*10\15CrMoG\F022CMD001C321\600MW\L=576</t>
  </si>
  <si>
    <t>【哈电锅炉】侧包墙管上集箱管接3(左，右)\Φ63.5*10\15CrMoG\F022CMD001C321\600MW\L=84</t>
  </si>
  <si>
    <t>【哈电锅炉】尾部包墙环形下集箱管接头1(前左)\Φ57*10\15CrMoG\F022CME001C321\600MW\L=484.5</t>
  </si>
  <si>
    <t>【哈电锅炉】尾部包墙环形下集箱管接头2(前左)\Φ57*10\15CrMoG\F022CME001C321\600MW\L=494</t>
  </si>
  <si>
    <t>【哈电锅炉】尾部包墙环形下集箱管接头3(前左)\Φ57*10\15CrMoG\F022CME001C321\600MW\L=574</t>
  </si>
  <si>
    <t>【哈电锅炉】尾部包墙环形下集箱管接头4(前左)\Φ57*10\15CrMoG\F022CME001C321\600MW\L=504</t>
  </si>
  <si>
    <t>【哈电锅炉】尾部包墙环形下集箱管接头5(前左)\Φ57*10\15CrMoG\F022CME001C321\600MW\L=540</t>
  </si>
  <si>
    <t>【哈电锅炉】尾部包墙环形下集箱管接头6(前左)\Φ63.5*11\15CrMoG\F022CME001C321\600MW\L=534</t>
  </si>
  <si>
    <t>【哈电锅炉】尾部包墙环形下集箱管接头7(前左)\Φ63.5*11\15CrMoG\F022CME001C321\600MW\L=553</t>
  </si>
  <si>
    <t>【哈电锅炉】尾部包墙环形下集箱管接头8(前左)\Φ63.5*11\15CrMoG\F022CME001C321\600MW\L=488</t>
  </si>
  <si>
    <t>【哈电锅炉】尾部包墙环形下集箱管接头1(前右)\Φ57*10\15CrMoG\F022CME001C321\600MW\L=484.5</t>
  </si>
  <si>
    <t>【哈电锅炉】尾部包墙环形下集箱管接头2(前右)\Φ57*10\15CrMoG\F022CME001C321\600MW\L=494</t>
  </si>
  <si>
    <t>【哈电锅炉】尾部包墙环形下集箱管接头3(前右)\Φ57*10\15CrMoG\F022CME001C321\600MW\L=574</t>
  </si>
  <si>
    <t>【哈电锅炉】尾部包墙环形下集箱管接头4(前右)\Φ57*10\15CrMoG\F022CME001C321\600MW\L=504</t>
  </si>
  <si>
    <t>【哈电锅炉】尾部包墙环形下集箱管接头5(前右)\Φ57*10\15CrMoG\F022CME001C321\600MW\L=540</t>
  </si>
  <si>
    <t>【哈电锅炉】尾部包墙环形下集箱管接头6(前右)\Φ63.5*11\15CrMoG\F022CME001C321\600MW\L=534</t>
  </si>
  <si>
    <t>【哈电锅炉】尾部包墙环形下集箱管接头7(前右)\Φ63.5*11\15CrMoG\F022CME001C321\600MW\L=553</t>
  </si>
  <si>
    <t>【哈电锅炉】尾部包墙环形下集箱管接头8(前右)\Φ63.5*11\15CrMoG\F022CME001C321\600MW\L=488</t>
  </si>
  <si>
    <t>【哈电锅炉】尾部包墙环形下集箱管接头9(前右)\Φ57*10\15CrMoG\F022CME001C321\600MW\L=896</t>
  </si>
  <si>
    <t>【哈电锅炉】尾部包墙环形下集箱管接头1(后左)\Φ44.5*8\15CrMoG\F022CME001C321\600MW\L=482</t>
  </si>
  <si>
    <t>【哈电锅炉】尾部包墙环形下集箱管接头2(后左)\Φ44.5*8\15CrMoG\F022CME001C321\600MW\L=495</t>
  </si>
  <si>
    <t>【哈电锅炉】尾部包墙环形下集箱管接头3(后左)\Φ44.5*8\15CrMoG\F022CME001C321\600MW\L=582</t>
  </si>
  <si>
    <t>【哈电锅炉】尾部包墙环形下集箱管接头4(后左)\Φ44.5*8\15CrMoG\F022CME001C321\600MW\L=497</t>
  </si>
  <si>
    <t>【哈电锅炉】尾部包墙环形下集箱管接头5(后左)\Φ44.5*8\15CrMoG\F022CME001C321\600MW\L=522</t>
  </si>
  <si>
    <t>【哈电锅炉】尾部包墙环形下集箱管接头6(后左)\Φ63.5*11\15CrMoG\F022CME001C321\600MW\L=534</t>
  </si>
  <si>
    <t>【哈电锅炉】尾部包墙环形下集箱管接头7(后左)\Φ63.5*11\15CrMoG\F022CME001C321\600MW\L=553</t>
  </si>
  <si>
    <t>【哈电锅炉】尾部包墙环形下集箱管接头8(后左)\Φ63.5*11\15CrMoG\F022CME001C321\600MW\L=488</t>
  </si>
  <si>
    <t>【哈电锅炉】尾部包墙环形下集箱管接头1(后右)\Φ44.5*8\15CrMoG\F022CME001C321\600MW\L=482</t>
  </si>
  <si>
    <t>【哈电锅炉】尾部包墙环形下集箱管接头2(后右)\Φ44.5*8\15CrMoG\F022CME001C321\600MW\L=495</t>
  </si>
  <si>
    <t>【哈电锅炉】尾部包墙环形下集箱管接头3(后右)\Φ44.5*8\15CrMoG\F022CME001C321\600MW\L=582</t>
  </si>
  <si>
    <t>【哈电锅炉】尾部包墙环形下集箱管接头4(后右)\Φ44.5*8\15CrMoG\F022CME001C321\600MW\L=497</t>
  </si>
  <si>
    <t>【哈电锅炉】尾部包墙环形下集箱管接头5(后右)\Φ44.5*8\15CrMoG\F022CME001C321\600MW\L=522</t>
  </si>
  <si>
    <t>【哈电锅炉】尾部包墙环形下集箱管接头6(后右)\Φ63.5*11\15CrMoG\F022CME001C321\600MW\L=534</t>
  </si>
  <si>
    <t>【哈电锅炉】尾部包墙环形下集箱管接头7(后右)\Φ63.5*11\15CrMoG\F022CME001C321\600MW\L=553</t>
  </si>
  <si>
    <t>【哈电锅炉】尾部包墙环形下集箱管接头8(后右)\Φ63.5*11\15CrMoG\F022CME001C321\600MW\L=488</t>
  </si>
  <si>
    <t>【哈电锅炉】尾部包墙环形下集箱管接头9(后右)\Φ44.5*8\15CrMoG\F022CME001C321\600MW\L=901</t>
  </si>
  <si>
    <t>【哈电锅炉】尾部包墙环形集箱(侧)管接头1\Φ63.5*11\15CrMoG\F022CME001C321\600MW\L=486</t>
  </si>
  <si>
    <t>【哈电锅炉】尾部包墙环形集箱(侧)管接头2\Φ63.5*11\15CrMoG\F022CME001C321\600MW\L=901</t>
  </si>
  <si>
    <t>【哈电锅炉】顶棚入口集箱管接头1(左)\Φ63.5*10\15CrMoG\F002CMA001C321\600MW\L=638.5</t>
  </si>
  <si>
    <t>【哈电锅炉】顶棚入口集箱管接头2(左)\Φ63.5*10\15CrMoG\F002CMA001C321\600MW\L=196</t>
  </si>
  <si>
    <t>【哈电锅炉】顶棚入口集箱管接头1(右)\Φ63.5*10\15CrMoG\F002CMA001C321\600MW\L=638.5</t>
  </si>
  <si>
    <t>【哈电锅炉】顶棚入口集箱管接头2(右)\Φ63.5*10\15CrMoG\F002CMA001C321\600MW\L=196</t>
  </si>
  <si>
    <t>【哈电锅炉】顶棚出口集箱(左)管接头1\Φ44.5*8\15CrMoG\F002CMA001C321\600MW\L=435.5</t>
  </si>
  <si>
    <t>【哈电锅炉】顶棚出口集箱(左)管接头2\Φ44.5*8\15CrMoG\F002CMA001C321\600MW\L=594</t>
  </si>
  <si>
    <t>【哈电锅炉】顶棚出口集箱(左)管接头3\Φ57*10\15CrMoG\F002CMA001C321\600MW\L=673</t>
  </si>
  <si>
    <t>【哈电锅炉】顶棚出口集箱(左)管接头4\Φ57*10\15CrMoG\F002CMA001C321\600MW\L=688</t>
  </si>
  <si>
    <t>【哈电锅炉】顶棚出口集箱(左)管接头5\Φ57*10\15CrMoG\F002CMA001C321\600MW\L=577.5</t>
  </si>
  <si>
    <t>【哈电锅炉】顶棚出口集箱(左)管接头6\Φ57*10\15CrMoG\F002CMA001C321\600MW\L=600</t>
  </si>
  <si>
    <t>【哈电锅炉】顶棚出口集箱(左)管接头7\Φ63.5*11\15CrMoG\F002CMA001C321\600MW\L=629</t>
  </si>
  <si>
    <t>【哈电锅炉】顶棚出口集箱(左)管接头8\Φ63.5*11\15CrMoG\F002CMA001C321\600MW\L=793</t>
  </si>
  <si>
    <t>【哈电锅炉】顶棚出口集箱(左)管接头9\Φ63.5*11\15CrMoG\F002CMA001C321\600MW\L=724</t>
  </si>
  <si>
    <t>【哈电锅炉】顶棚出口集箱(左)管接头10\Φ44.5*8\15CrMoG\F002CMA001C321\600MW\L=575.5</t>
  </si>
  <si>
    <t>【哈电锅炉】顶棚出口集箱(右)管接头1\Φ44.5*8\15CrMoG\F002CMA001C321\600MW\L=435.5</t>
  </si>
  <si>
    <t>【哈电锅炉】顶棚出口集箱(右)管接头2\Φ57*10\15CrMoG\F002CMA001C321\600MW\L=673</t>
  </si>
  <si>
    <t>【哈电锅炉】顶棚出口集箱(右)管接头3\Φ57*10\15CrMoG\F002CMA001C321\600MW\L=577.5</t>
  </si>
  <si>
    <t>【哈电锅炉】顶棚出口集箱(右)管接头4\Φ63.5*11\15CrMoG\F002CMA001C321\600MW\L=629</t>
  </si>
  <si>
    <t>【哈电锅炉】顶棚出口集箱(右)管接头5\Φ63.5*11\15CrMoG\F002CMA001C321\600MW\L=793</t>
  </si>
  <si>
    <t>【哈电锅炉】顶棚出口集箱(右)管接头6\Φ63.5*11\15CrMoG\F002CMA001C321\600MW\L=641</t>
  </si>
  <si>
    <t>【哈电锅炉】顶棚出口集箱(右)管接头7\Φ44.5*8\15CrMoG\F002CMA001C321\600MW\L=575.5</t>
  </si>
  <si>
    <t>【哈电锅炉】中间隔墙上集箱(左)管接头1\Φ57*12\15CrMoG\F022CMZ001C321\600MW\L=571</t>
  </si>
  <si>
    <t>【哈电锅炉】中间隔墙上集箱(左)管接头2\Φ57*12\15CrMoG\F022CMZ001C321\600MW\L=513</t>
  </si>
  <si>
    <t>【哈电锅炉】中间隔墙上集箱(左)管接头3\Φ57*12\15CrMoG\F022CMZ001C321\600MW\L=555</t>
  </si>
  <si>
    <t>【哈电锅炉】中间隔墙上集箱(左)管接头4\Φ51*13.5\15CrMoG\F022CMZ001C321\600MW\L=415</t>
  </si>
  <si>
    <t>【哈电锅炉】中间隔墙上集箱(左)管接头5\Φ51*13.5\15CrMoG\F022CMZ001C321\600MW\L=459</t>
  </si>
  <si>
    <t>【哈电锅炉】中间隔墙上集箱(左)管接头6\Φ51*13.5\15CrMoG\F022CMZ001C321\600MW\L=595</t>
  </si>
  <si>
    <t>【哈电锅炉】中间隔墙上集箱(右)管接头1\Φ57*12\15CrMoG\F022CMZ001C321\600MW\L=571</t>
  </si>
  <si>
    <t>【哈电锅炉】中间隔墙上集箱(右)管接头2\Φ57*12\15CrMoG\F022CMZ001C321\600MW\L=513</t>
  </si>
  <si>
    <t>【哈电锅炉】中间隔墙上集箱(右)管接头3\Φ57*12\15CrMoG\F022CMZ001C321\600MW\L=540</t>
  </si>
  <si>
    <t>【哈电锅炉】中间隔墙上集箱(右)管接头4\Φ51*13.5\15CrMoG\F022CMZ001C321\600MW\L=415</t>
  </si>
  <si>
    <t>【哈电锅炉】中间隔墙上集箱(右)管接头5\Φ51*13.5\15CrMoG\F022CMZ001C321\600MW\L=459</t>
  </si>
  <si>
    <t>【哈电锅炉】中间隔墙上集箱(右)管接头6\Φ51*13.5\15CrMoG\F022CMZ001C321\600MW\L=595</t>
  </si>
  <si>
    <t>【哈电锅炉】中间隔墙下集箱(左)管接头1\Φ51*11\15CrMoG\F022CMZ001C321\600MW\L=412</t>
  </si>
  <si>
    <t>【哈电锅炉】中间隔墙下集箱(左)管接头2\Φ51*11\15CrMoG\F022CMZ001C321\600MW\L=1090</t>
  </si>
  <si>
    <t>【哈电锅炉】中间隔墙下集箱(左)管接头3\Φ51*11\15CrMoG\F022CMZ001C321\600MW\L=1135</t>
  </si>
  <si>
    <t>【哈电锅炉】中间隔墙下集箱(左)管接头4\Φ51*13.5\15CrMoG\F022CMZ001C321\600MW\L=415</t>
  </si>
  <si>
    <t>【哈电锅炉】中间隔墙下集箱(左)管接头5\Φ51*13.5\15CrMoG\F022CMZ001C321\600MW\L=467</t>
  </si>
  <si>
    <t>【哈电锅炉】中间隔墙下集箱(左)管接头6\Φ51*13.5\15CrMoG\F022CMZ001C321\600MW\L=633</t>
  </si>
  <si>
    <t>【哈电锅炉】中间隔墙下集箱(右)管接头1\Φ51*11\15CrMoG\F022CMZ001C321\600MW\L=412</t>
  </si>
  <si>
    <t>【哈电锅炉】中间隔墙下集箱(右)管接头2\Φ51*11\15CrMoG\F022CMZ001C321\600MW\L=1090</t>
  </si>
  <si>
    <t>【哈电锅炉】中间隔墙下集箱(右)管接头3\Φ51*11\15CrMoG\F022CMZ001C321\600MW\L=1135</t>
  </si>
  <si>
    <t>【哈电锅炉】中间隔墙下集箱(右)管接头4\Φ51*13.5\15CrMoG\F022CMZ001C321\600MW\L=415</t>
  </si>
  <si>
    <t>【哈电锅炉】中间隔墙下集箱(右)管接头5\Φ51*13.5\15CrMoG\F022CMZ001C321\600MW\L=467</t>
  </si>
  <si>
    <t>【哈电锅炉】中间隔墙下集箱(右)管接头6\Φ51*13.5\15CrMoG\F022CMZ001C321\600MW\L=633</t>
  </si>
  <si>
    <t>【哈电锅炉】立式低温过热器90°弯头1\Φ51*9.5\12Cr1MoVG\F022CFE001C271\600MW\L=1204</t>
  </si>
  <si>
    <t>【哈电锅炉】屏式过热器底部外数第一圈90°弯头\Φ57*11\SA-213TP347H\F022CGD001C321\600MW\L=1267</t>
  </si>
  <si>
    <t>【哈电锅炉】屏式过热器底部外数第二到第六圈90°弯头\Φ48*8\SA-213TP347H\F022CGD001C321\600MW\L=1236</t>
  </si>
  <si>
    <t>【哈电锅炉】屏式过热器底部外数第七圈、第八圈90°弯头\Φ48*8\SA-213TP347H\F022CGD001C321\600MW\L=1236</t>
  </si>
  <si>
    <t>【哈电锅炉】屏式过热器底部外数第九圈180°弯头\Φ48*8\SA-213TP347H\F022CGD001C321\600MW\L=1247</t>
  </si>
  <si>
    <t>【哈电锅炉】屏式过热器底部外数第十圈180°弯头\Φ48*8\SA-213TP347H\F022CGD001C321\600MW\L=1248</t>
  </si>
  <si>
    <t>【哈电锅炉】分隔屏入口集箱管接头左1(左)\Φ63.5*11.5\12Cr1MoVG\F022CMP001C321\600MW\L=290</t>
  </si>
  <si>
    <t>【哈电锅炉】分隔屏入口集箱管接头左2(左)\Φ51*8\12Cr1MoVG\F022CMP001C321\600MW\L=287</t>
  </si>
  <si>
    <t>【哈电锅炉】分隔屏入口集箱管接头左3(左)\Φ44.5*8\12Cr1MoVG\F022CMP001C321\600MW\L=287</t>
  </si>
  <si>
    <t>【哈电锅炉】分隔屏入口集箱管接头上1(左)\Φ51*8\12Cr1MoVG\F022CMP001C321\600MW\L=340</t>
  </si>
  <si>
    <t>【哈电锅炉】分隔屏入口集箱管接头上2(左)\Φ44.5*8\12Cr1MoVG\F022CMP001C321\600MW\L=341</t>
  </si>
  <si>
    <t>【哈电锅炉】分隔屏入口集箱管接头上2(右)\Φ63.5*11.5\12Cr1MoVG\F022CMP001C321\600MW\L=290</t>
  </si>
  <si>
    <t>【哈电锅炉】分隔屏入口集箱管接头上2(右)\Φ51*8\12Cr1MoVG\F022CMP001C321\600MW\L=287</t>
  </si>
  <si>
    <t>【哈电锅炉】分隔屏入口集箱管接头上2(右)\Φ44.5*8\12Cr1MoVG\F022CMP001C321\600MW\L=287</t>
  </si>
  <si>
    <t>【哈电锅炉】分隔屏入口集箱管接头上2(右)\Φ51*8\12Cr1MoVG\F022CMP001C321\600MW\L=340</t>
  </si>
  <si>
    <t>【哈电锅炉】分隔屏入口集箱管接头上2(右)\Φ44.5*8\12Cr1MoVG\F022CMP001C321\600MW\L=341</t>
  </si>
  <si>
    <t>【哈电锅炉】分隔屏出口集箱管接头1(左)\Φ51*9\SA-213T91\F022CMP001C321\600MW\L=260</t>
  </si>
  <si>
    <t>【哈电锅炉】分隔屏出口集箱管接头2(左)\Φ44.5*9\SA-213T91\F022CMP001C321\600MW\L=261</t>
  </si>
  <si>
    <t>【哈电锅炉】分隔屏出口集箱管接头上1(左)\Φ44.5*9\SA-213T91\F022CMP001C321\600MW\L=305</t>
  </si>
  <si>
    <t>【哈电锅炉】分隔屏出口集箱管接头上2(左)\Φ51*9\SA-213T91\F022CMP001C321\600MW\L=306</t>
  </si>
  <si>
    <t>【哈电锅炉】分隔屏出口集箱管接头2(左)\Φ51*9\SA-213T91\F022CMP001C321\600MW\L=262</t>
  </si>
  <si>
    <t>【哈电锅炉】分隔屏出口集箱管接头1(右)\Φ51*9\SA-213T91\F022CMP001C321\600MW\L=260</t>
  </si>
  <si>
    <t>【哈电锅炉】分隔屏出口集箱管接头2(右)\Φ44.5*9\SA-213T91\F022CMP001C321\600MW\L=261</t>
  </si>
  <si>
    <t>【哈电锅炉】分隔屏出口集箱管接头上1(右)\Φ44.5*9\SA-213T91\F022CMP001C321\600MW\L=305</t>
  </si>
  <si>
    <t>【哈电锅炉】分隔屏出口集箱管接头上2(右)\Φ51*9\SA-213T91\F022CMP001C321\600MW\L=306</t>
  </si>
  <si>
    <t>【哈电锅炉】分隔屏出口集箱管接头上2(右)\Φ51*9\SA-213T91\F022CMP001C321\600MW\L=262</t>
  </si>
  <si>
    <t>【哈电锅炉】水平低过90°弯头\Φ51*9\12Cr1MoVG\F022CFA001C321\600MW\L=1167</t>
  </si>
  <si>
    <t>【哈电锅炉】水平低过内数第一圈180°U型弯头\Φ51*9\12Cr1MoVG\F022CFA001C321\600MW\L=1112</t>
  </si>
  <si>
    <t>【哈电锅炉】水平低过内数第二圈180°U型弯头\Φ51*9\12Cr1MoVG\F022CFA001C321\600MW\L=1335</t>
  </si>
  <si>
    <t>【哈电锅炉】水平低过内数第三圈180°U型弯头\Φ51*9\12Cr1MoVG\F022CFA001C321\600MW\L=1447</t>
  </si>
  <si>
    <t>【哈电锅炉】低温过热器入口集箱(左)管接头1\Φ51*11\15CrMoG\F022CMZ001C321\600MW\L=111.5</t>
  </si>
  <si>
    <t>【哈电锅炉】低温过热器入口集箱(左)管接头2\Φ57*12\15CrMoG\F022CMZ001C321\600MW\L=313</t>
  </si>
  <si>
    <t>【哈电锅炉】低温过热器入口集箱(左)管接头3\Φ57*10\12Cr1MoVG\F022CMZ001C321\600MW\L=366</t>
  </si>
  <si>
    <t>【哈电锅炉】低温过热器入口集箱(左)管接头4\Φ57*10\12Cr1MoVG\F022CMZ001C321\600MW\L=311</t>
  </si>
  <si>
    <t>【哈电锅炉】低温过热器入口集箱(右)管接头1\Φ51*11\15CrMoG\F022CMZ001C321\600MW\L=111.5</t>
  </si>
  <si>
    <t>【哈电锅炉】低温过热器入口集箱(右)管接头2\Φ57*12\15CrMoG\F022CMZ001C321\600MW\L=313</t>
  </si>
  <si>
    <t>【哈电锅炉】低温过热器入口集箱(右)管接头3\Φ57*10\12Cr1MoVG\F022CMZ001C321\600MW\L=366</t>
  </si>
  <si>
    <t>【哈电锅炉】低温过热器入口集箱(右)管接头4\Φ57*10\12Cr1MoVG\F022CMZ001C321\600MW\L=311</t>
  </si>
  <si>
    <t>【哈电锅炉】低温过热器出口集箱(右)管接头1\Φ51*9.5\12Cr1MoVG\F022CMU001C321\600MW\L=911</t>
  </si>
  <si>
    <t>【哈电锅炉】低温过热器出口集箱(右)管接头2\Φ51*9.5\12Cr1MoVG\F022CMU001C321\600MW\L=720</t>
  </si>
  <si>
    <t>【哈电锅炉】低温过热器出口集箱(右)管接头3\Φ51*9.5\12Cr1MoVG\F022CMU001C321\600MW\L=588</t>
  </si>
  <si>
    <t>【哈电锅炉】低温过热器出口集箱(右)管接头4\Φ51*9.5\12Cr1MoVG\F022CMU001C321\600MW\L=519</t>
  </si>
  <si>
    <t>【哈电锅炉】低温过热器出口集箱(右)管接头5\Φ51*9.5\12Cr1MoVG\F022CMU001C321\600MW\L=886</t>
  </si>
  <si>
    <t>【哈电锅炉】低温过热器出口集箱(右)管接头6\Φ51*9.5\12Cr1MoVG\F022CMU001C321\600MW\L=694</t>
  </si>
  <si>
    <t>【哈电锅炉】低温过热器出口集箱(右)管接头7\Φ51*9.5\12Cr1MoVG\F022CMU001C321\600MW\L=563</t>
  </si>
  <si>
    <t>【哈电锅炉】低温过热器出口集箱(右)管接头8\Φ51*9.5\12Cr1MoVG\F022CMU001C321\600MW\L=495</t>
  </si>
  <si>
    <t>【哈电锅炉】低温过热器出口集箱(左)管接头1\Φ51*9.5\12Cr1MoVG\F022CMU001C321\600MW\L=911</t>
  </si>
  <si>
    <t>【哈电锅炉】低温过热器出口集箱(左)管接头2\Φ51*9.5\12Cr1MoVG\F022CMU001C321\600MW\L=720</t>
  </si>
  <si>
    <t>【哈电锅炉】低温过热器出口集箱(左)管接头3\Φ51*9.5\12Cr1MoVG\F022CMU001C321\600MW\L=588</t>
  </si>
  <si>
    <t>【哈电锅炉】低温过热器出口集箱(左)管接头4\Φ51*9.5\12Cr1MoVG\F022CMU001C321\600MW\L=519</t>
  </si>
  <si>
    <t>【哈电锅炉】低温过热器出口集箱(左)管接头5\Φ51*9.5\12Cr1MoVG\F022CMU001C321\600MW\L=886</t>
  </si>
  <si>
    <t>【哈电锅炉】低温过热器出口集箱(左)管接头6\Φ51*9.5\12Cr1MoVG\F022CMU001C321\600MW\L=694</t>
  </si>
  <si>
    <t>【哈电锅炉】低温过热器出口集箱(左)管接头7\Φ51*9.5\12Cr1MoVG\F022CMU001C321\600MW\L=563</t>
  </si>
  <si>
    <t>【哈电锅炉】低温过热器出口集箱(左)管接头8\Φ51*9.5\12Cr1MoVG\F022CMU001C321\600MW\L=495</t>
  </si>
  <si>
    <t>【哈电锅炉】末级过热器底部120°弯头\Φ51*11\SA-213TP347H\F022CHD001C321\600MW\L=1356</t>
  </si>
  <si>
    <t>【哈电锅炉】末级过热器底部120°弯头\Φ63*13\SA-213TP347H\F022CHD001C321\600MW\L=1450</t>
  </si>
  <si>
    <t>【哈电锅炉】末级过热器底部60°弯头\Φ51*11\SA-213TP347H\F022CHD001C321\600MW\L=1178</t>
  </si>
  <si>
    <t>【哈电锅炉】末级过热器底部60°弯头\Φ63*13\SA-213TP347H\F022CHD001C321\600MW\L=1125</t>
  </si>
  <si>
    <t>【哈电锅炉】末级过热器底部180°弯头\Φ51*11\SA-213TP347H\F022CHD001C321\600MW\L=1214</t>
  </si>
  <si>
    <t>【哈电锅炉】末级过热器入口集箱(右)管接头1\Φ70*11\SA-213T91\F022CMT001C321\600MW\L=1321.7</t>
  </si>
  <si>
    <t>【哈电锅炉】末级过热器入口集箱(右)管接头2\Φ51*10\SA-213T91\F022CMT001C321\600MW\L=1140</t>
  </si>
  <si>
    <t>【哈电锅炉】末级过热器入口集箱(右)管接头3\Φ51*10\SA-213T91\F022CMT001C321\600MW\L=933</t>
  </si>
  <si>
    <t>【哈电锅炉】末级过热器入口集箱(右)管接头4\Φ42*11\SA-213T91\F022CMT001C321\600MW\L=827.3</t>
  </si>
  <si>
    <t>【哈电锅炉】末级过热器入口集箱(右)管接头5\Φ51*10\SA-213T91\F022CMT001C321\600MW\L=1155</t>
  </si>
  <si>
    <t>【哈电锅炉】末级过热器入口集箱(右)管接头6\Φ42*11\SA-213T91\F022CMT001C321\600MW\L=969</t>
  </si>
  <si>
    <t>【哈电锅炉】末级过热器入口集箱(右)管接头7\Φ42*11\SA-213T91\F022CMT001C321\600MW\L=877</t>
  </si>
  <si>
    <t>【哈电锅炉】末级过热器入口集箱(右)管接头8\Φ51*10\SA-213T91\F022CMT001C321\600MW\L=1151</t>
  </si>
  <si>
    <t>【哈电锅炉】末级过热器入口集箱(右)管接头9\Φ51*10\SA-213T91\F022CMT001C321\600MW\L=951</t>
  </si>
  <si>
    <t>【哈电锅炉】末级过热器入口集箱(右)管接头10\Φ42*11\SA-213T91\F022CMT001C321\600MW\L=852</t>
  </si>
  <si>
    <t>【哈电锅炉】末级过热器入口集箱(右)管接头11\Φ70*11\SA-213T91\F022CMT001C321\600MW\L=1325</t>
  </si>
  <si>
    <t>【哈电锅炉】末级过热器入口集箱(右)管接头12\Φ51*10\SA-213T91\F022CMT001C321\600MW\L=1144</t>
  </si>
  <si>
    <t>【哈电锅炉】末级过热器入口集箱(右)管接头13\Φ51*10\SA-213T91\F022CMT001C321\600MW\L=936</t>
  </si>
  <si>
    <t>【哈电锅炉】末级过热器入口集箱(右)管接头14\Φ42*11\SA-213T91\F022CMT001C321\600MW\L=833</t>
  </si>
  <si>
    <t>【哈电锅炉】末级过热器入口集箱(右)管接头15\Φ51*10\SA-213T91\F022CMT001C321\600MW\L=1168</t>
  </si>
  <si>
    <t>【哈电锅炉】末级过热器入口集箱(右)管接头16\Φ42*11\SA-213T91\F022CMT001C321\600MW\L=980</t>
  </si>
  <si>
    <t>【哈电锅炉】末级过热器入口集箱(右)管接头17\Φ42*11\SA-213T91\F022CMT001C321\600MW\L=887</t>
  </si>
  <si>
    <t>【哈电锅炉】末级过热器入口集箱(右)管接头18\Φ51*10\SA-213T91\F022CMT001C321\600MW\L=1141</t>
  </si>
  <si>
    <t>【哈电锅炉】末级过热器入口集箱(右)管接头19\Φ51*10\SA-213T91\F022CMT001C321\600MW\L=940</t>
  </si>
  <si>
    <t>【哈电锅炉】末级过热器入口集箱(右)管接头20\Φ42*11\SA-213T91\F022CMT001C321\600MW\L=841</t>
  </si>
  <si>
    <t>【哈电锅炉】末级过热器入口集箱(右)管接头21\Φ42*11\SA-213T91\F022CMT001C321\600MW\L=953</t>
  </si>
  <si>
    <t>【哈电锅炉】末级过热器入口集箱(右)管接头22\Φ42*11\SA-213T91\F022CMT001C321\600MW\L=943</t>
  </si>
  <si>
    <t>【哈电锅炉】末级过热器入口集箱(右)管接头23\Φ42*11\SA-213T91\F022CMT001C321\600MW\L=935</t>
  </si>
  <si>
    <t>【哈电锅炉】末级过热器入口集箱(右)管接头24\Φ42*11\SA-213T91\F022CMT001C321\600MW\L=938</t>
  </si>
  <si>
    <t>【哈电锅炉】末级过热器入口集箱(右)管接头25\Φ42*11\SA-213T91\F022CMT001C321\600MW\L=1160</t>
  </si>
  <si>
    <t>【哈电锅炉】末级过热器入口集箱(右)管接头26\Φ42*11\SA-213T91\F022CMT001C321\600MW\L=1174</t>
  </si>
  <si>
    <t>【哈电锅炉】末级过热器入口集箱(右)管接头27\Φ42*11\SA-213T91\F022CMT001C321\600MW\L=1155</t>
  </si>
  <si>
    <t>【哈电锅炉】末级过热器入口集箱(右)管接头28\Φ42*11\SA-213T91\F022CMT001C321\600MW\L=1146</t>
  </si>
  <si>
    <t>【哈电锅炉】末级过热器入口集箱(右)管接头29\Φ51*9\SA-213T91\F022CMT001C321\600MW\L=110</t>
  </si>
  <si>
    <t>【哈电锅炉】末级过热器入口集箱(左)管接头1\Φ70*11\SA-213T91\F022CMT001C321\600MW\L=1321.7</t>
  </si>
  <si>
    <t>【哈电锅炉】末级过热器入口集箱(左)管接头2\Φ51*10\SA-213T91\F022CMT001C321\600MW\L=1140</t>
  </si>
  <si>
    <t>【哈电锅炉】末级过热器入口集箱(左)管接头3\Φ51*10\SA-213T91\F022CMT001C321\600MW\L=933</t>
  </si>
  <si>
    <t>【哈电锅炉】末级过热器入口集箱(左)管接头4\Φ42*11\SA-213T91\F022CMT001C321\600MW\L=827.3</t>
  </si>
  <si>
    <t>【哈电锅炉】末级过热器入口集箱(左)管接头5\Φ51*10\SA-213T91\F022CMT001C321\600MW\L=1155</t>
  </si>
  <si>
    <t>【哈电锅炉】末级过热器入口集箱(左)管接头6\Φ42*11\SA-213T91\F022CMT001C321\600MW\L=969</t>
  </si>
  <si>
    <t>【哈电锅炉】末级过热器入口集箱(左)管接头7\Φ42*11\SA-213T91\F022CMT001C321\600MW\L=877</t>
  </si>
  <si>
    <t>【哈电锅炉】末级过热器入口集箱(左)管接头8\Φ51*10\SA-213T91\F022CMT001C321\600MW\L=1151</t>
  </si>
  <si>
    <t>【哈电锅炉】末级过热器入口集箱(左)管接头9\Φ51*10\SA-213T91\F022CMT001C321\600MW\L=951</t>
  </si>
  <si>
    <t>【哈电锅炉】末级过热器入口集箱(左)管接头10\Φ42*11\SA-213T91\F022CMT001C321\600MW\L=852</t>
  </si>
  <si>
    <t>【哈电锅炉】末级过热器入口集箱(左)管接头11\Φ70*11\SA-213T91\F022CMT001C321\600MW\L=1325</t>
  </si>
  <si>
    <t>【哈电锅炉】末级过热器入口集箱(左)管接头12\Φ51*10\SA-213T91\F022CMT001C321\600MW\L=1144</t>
  </si>
  <si>
    <t>【哈电锅炉】末级过热器入口集箱(左)管接头13\Φ51*10\SA-213T91\F022CMT001C321\600MW\L=936</t>
  </si>
  <si>
    <t>【哈电锅炉】末级过热器入口集箱(左)管接头14\Φ42*11\SA-213T91\F022CMT001C321\600MW\L=833</t>
  </si>
  <si>
    <t>【哈电锅炉】末级过热器入口集箱(左)管接头15\Φ51*10\SA-213T91\F022CMT001C321\600MW\L=1168</t>
  </si>
  <si>
    <t>【哈电锅炉】末级过热器入口集箱(左)管接头16\Φ42*11\SA-213T91\F022CMT001C321\600MW\L=980</t>
  </si>
  <si>
    <t>【哈电锅炉】末级过热器入口集箱(左)管接头17\Φ42*11\SA-213T91\F022CMT001C321\600MW\L=887</t>
  </si>
  <si>
    <t>【哈电锅炉】末级过热器入口集箱(左)管接头18\Φ51*10\SA-213T91\F022CMT001C321\600MW\L=1141</t>
  </si>
  <si>
    <t>【哈电锅炉】末级过热器入口集箱(左)管接头19\Φ51*10\SA-213T91\F022CMT001C321\600MW\L=940</t>
  </si>
  <si>
    <t>【哈电锅炉】末级过热器入口集箱(左)管接头20\Φ42*11\SA-213T91\F022CMT001C321\600MW\L=841</t>
  </si>
  <si>
    <t>【哈电锅炉】末级过热器入口集箱(左)管接头21\Φ42*11\SA-213T91\F022CMT001C321\600MW\L=953</t>
  </si>
  <si>
    <t>【哈电锅炉】末级过热器入口集箱(左)管接头22\Φ42*11\SA-213T91\F022CMT001C321\600MW\L=943</t>
  </si>
  <si>
    <t>【哈电锅炉】末级过热器入口集箱(左)管接头23\Φ42*11\SA-213T91\F022CMT001C321\600MW\L=935</t>
  </si>
  <si>
    <t>【哈电锅炉】末级过热器入口集箱(左)管接头24\Φ42*11\SA-213T91\F022CMT001C321\600MW\L=938</t>
  </si>
  <si>
    <t>【哈电锅炉】末级过热器入口集箱(左)管接头25\Φ42*11\SA-213T91\F022CMT001C321\600MW\L=1160</t>
  </si>
  <si>
    <t>【哈电锅炉】末级过热器入口集箱(左)管接头26\Φ42*11\SA-213T91\F022CMT001C321\600MW\L=1174</t>
  </si>
  <si>
    <t>【哈电锅炉】末级过热器入口集箱(左)管接头27\Φ42*11\SA-213T91\F022CMT001C321\600MW\L=1155</t>
  </si>
  <si>
    <t>【哈电锅炉】末级过热器入口集箱(左)管接头28\Φ42*11\SA-213T91\F022CMT001C321\600MW\L=1146</t>
  </si>
  <si>
    <t>【哈电锅炉】末级过热器入口集箱(左)管接头29\Φ63.5*11\SA-213T91\F022CMT001C321\600MW\L=120</t>
  </si>
  <si>
    <t>【哈电锅炉】末级过热器入口集箱(左)管接头30\Φ51*9\12Cr1MoV\F022CMT001C321\600MW\L=110</t>
  </si>
  <si>
    <t>【哈电锅炉】末级过热器出口集箱(右)管接头1\Φ70*13\SA-213T91\F022CMT001C321\600MW\L=1206</t>
  </si>
  <si>
    <t>【哈电锅炉】末级过热器出口集箱(右)管接头2\Φ42*11\SA-213T91\F022CMT001C321\600MW\L=1030</t>
  </si>
  <si>
    <t>【哈电锅炉】末级过热器出口集箱(右)管接头3\Φ42*11\SA-213T91\F022CMT001C321\600MW\L=923</t>
  </si>
  <si>
    <t>【哈电锅炉】末级过热器出口集箱(右)管接头4\Φ42*11\SA-213T91\F022CMT001C321\600MW\L=843</t>
  </si>
  <si>
    <t>【哈电锅炉】末级过热器出口集箱(右)管接头5\Φ42*11\SA-213T91\F022CMT001C321\600MW\L=794</t>
  </si>
  <si>
    <t>【哈电锅炉】末级过热器出口集箱(右)管接头6\Φ51*11\SA-213T91\F022CMT001C321\600MW\L=1183</t>
  </si>
  <si>
    <t>【哈电锅炉】末级过热器出口集箱(右)管接头7\Φ51*11\SA-213T91\F022CMT001C321\600MW\L=1030</t>
  </si>
  <si>
    <t>【哈电锅炉】末级过热器出口集箱(右)管接头8\Φ51*11\SA-213T91\F022CMT001C321\600MW\L=933</t>
  </si>
  <si>
    <t>【哈电锅炉】末级过热器出口集箱(右)管接头9\Φ42*11\SA-213T91\F022CMT001C321\600MW\L=864</t>
  </si>
  <si>
    <t>【哈电锅炉】末级过热器出口集箱(右)管接头10\Φ42*11\SA-213T91\F022CMT001C321\600MW\L=821</t>
  </si>
  <si>
    <t>【哈电锅炉】末级过热器出口集箱(右)管接头11\Φ51*11\SA-213T91\F022CMT001C321\600MW\L=1029</t>
  </si>
  <si>
    <t>【哈电锅炉】末级过热器出口集箱(右)管接头12\Φ51*11\SA-213T91\F022CMT001C321\600MW\L=920</t>
  </si>
  <si>
    <t>【哈电锅炉】末级过热器出口集箱(右)管接头13\Φ42*11\SA-213T91\F022CMT001C321\600MW\L=1033</t>
  </si>
  <si>
    <t>【哈电锅炉】末级过热器出口集箱(右)管接头14\Φ42*11\SA-213T91\F022CMT001C321\600MW\L=940</t>
  </si>
  <si>
    <t>【哈电锅炉】末级过热器出口集箱(右)管接头15\Φ70*13\SA-213T91\F022CMT001C321\600MW\L=1213</t>
  </si>
  <si>
    <t>【哈电锅炉】末级过热器出口集箱(右)管接头16\Φ42*11\SA-213T91\F022CMT001C321\600MW\L=1038</t>
  </si>
  <si>
    <t>【哈电锅炉】末级过热器出口集箱(右)管接头17\Φ42*11\SA-213T91\F022CMT001C321\600MW\L=932</t>
  </si>
  <si>
    <t>【哈电锅炉】末级过热器出口集箱(右)管接头18\Φ42*11\SA-213T91\F022CMT001C321\600MW\L=852</t>
  </si>
  <si>
    <t>【哈电锅炉】末级过热器出口集箱(右)管接头19\Φ42*11\SA-213T91\F022CMT001C321\600MW\L=806</t>
  </si>
  <si>
    <t>【哈电锅炉】末级过热器出口集箱(右)管接头20\Φ51*11\SA-213T91\F022CMT001C321\600MW\L=1173</t>
  </si>
  <si>
    <t>【哈电锅炉】末级过热器出口集箱(右)管接头21\Φ51*11\SA-213T91\F022CMT001C321\600MW\L=1017</t>
  </si>
  <si>
    <t>【哈电锅炉】末级过热器出口集箱(右)管接头22\Φ51*11\SA-213T91\F022CMT001C321\600MW\L=916</t>
  </si>
  <si>
    <t>【哈电锅炉】末级过热器出口集箱(右)管接头23\Φ42*11\SA-213T91\F022CMT001C321\600MW\L=842</t>
  </si>
  <si>
    <t>【哈电锅炉】末级过热器出口集箱(右)管接头24\Φ42*11\SA-213T91\F022CMT001C321\600MW\L=798</t>
  </si>
  <si>
    <t>【哈电锅炉】末级过热器出口集箱(右)管接头25\Φ51*11\SA-213T91\F022CMT001C321\600MW\L=1036</t>
  </si>
  <si>
    <t>【哈电锅炉】末级过热器出口集箱(右)管接头26\Φ51*11\SA-213T91\F022CMT001C321\600MW\L=929</t>
  </si>
  <si>
    <t>【哈电锅炉】末级过热器出口集箱(右)管接头27\Φ42*11\SA-213T91\F022CMT001C321\600MW\L=1020</t>
  </si>
  <si>
    <t>【哈电锅炉】末级过热器出口集箱(右)管接头28\Φ42*11\SA-213T91\F022CMT001C321\600MW\L=918</t>
  </si>
  <si>
    <t>【哈电锅炉】末级过热器出口集箱(右)管接头29\Φ63.5*11.5\SA-213T91\F022CMT001C321\600MW\L=112</t>
  </si>
  <si>
    <t>【哈电锅炉】末级过热器出口集箱(左)管接头1\Φ70*13\SA-213T91\F022CMT001C321\600MW\L=1206</t>
  </si>
  <si>
    <t>【哈电锅炉】末级过热器出口集箱(左)管接头2\Φ42*11\SA-213T91\F022CMT001C321\600MW\L=1030</t>
  </si>
  <si>
    <t>【哈电锅炉】末级过热器出口集箱(左)管接头3\Φ42*11\SA-213T91\F022CMT001C321\600MW\L=923</t>
  </si>
  <si>
    <t>【哈电锅炉】末级过热器出口集箱(左)管接头4\Φ42*11\SA-213T91\F022CMT001C321\600MW\L=843</t>
  </si>
  <si>
    <t>【哈电锅炉】末级过热器出口集箱(左)管接头5\Φ42*11\SA-213T91\F022CMT001C321\600MW\L=794</t>
  </si>
  <si>
    <t>【哈电锅炉】末级过热器出口集箱(左)管接头6\Φ51*11\SA-213T91\F022CMT001C321\600MW\L=1183</t>
  </si>
  <si>
    <t>【哈电锅炉】末级过热器出口集箱(左)管接头7\Φ51*11\SA-213T91\F022CMT001C321\600MW\L=1030</t>
  </si>
  <si>
    <t>【哈电锅炉】末级过热器出口集箱(左)管接头8\Φ51*11\SA-213T91\F022CMT001C321\600MW\L=933</t>
  </si>
  <si>
    <t>【哈电锅炉】末级过热器出口集箱(左)管接头9\Φ42*11\SA-213T91\F022CMT001C321\600MW\L=864</t>
  </si>
  <si>
    <t>【哈电锅炉】末级过热器出口集箱(左)管接头10\Φ42*11\SA-213T91\F022CMT001C321\600MW\L=821</t>
  </si>
  <si>
    <t>【哈电锅炉】末级过热器出口集箱(左)管接头11\Φ51*11\SA-213T91\F022CMT001C321\600MW\L=1029</t>
  </si>
  <si>
    <t>【哈电锅炉】末级过热器出口集箱(左)管接头12\Φ51*11\SA-213T91\F022CMT001C321\600MW\L=920</t>
  </si>
  <si>
    <t>【哈电锅炉】末级过热器出口集箱(左)管接头13\Φ42*11\SA-213T91\F022CMT001C321\600MW\L=1033</t>
  </si>
  <si>
    <t>【哈电锅炉】末级过热器出口集箱(左)管接头14\Φ42*11\SA-213T91\F022CMT001C321\600MW\L=940</t>
  </si>
  <si>
    <t>【哈电锅炉】末级过热器出口集箱(左)管接头15\Φ70*13\SA-213T91\F022CMT001C321\600MW\L=1213</t>
  </si>
  <si>
    <t>【哈电锅炉】末级过热器出口集箱(左)管接头16\Φ42*11\SA-213T91\F022CMT001C321\600MW\L=1038</t>
  </si>
  <si>
    <t>【哈电锅炉】末级过热器出口集箱(左)管接头17\Φ42*11\SA-213T91\F022CMT001C321\600MW\L=932</t>
  </si>
  <si>
    <t>【哈电锅炉】末级过热器出口集箱(左)管接头18\Φ42*11\SA-213T91\F022CMT001C321\600MW\L=852</t>
  </si>
  <si>
    <t>【哈电锅炉】末级过热器出口集箱(左)管接头19\Φ42*11\SA-213T91\F022CMT001C321\600MW\L=806</t>
  </si>
  <si>
    <t>【哈电锅炉】末级过热器出口集箱(左)管接头20\Φ51*11\SA-213T91\F022CMT001C321\600MW\L=1173</t>
  </si>
  <si>
    <t>【哈电锅炉】末级过热器出口集箱(左)管接头21\Φ51*11\SA-213T91\F022CMT001C321\600MW\L=1017</t>
  </si>
  <si>
    <t>【哈电锅炉】末级过热器出口集箱(左)管接头22\Φ51*11\SA-213T91\F022CMT001C321\600MW\L=916</t>
  </si>
  <si>
    <t>【哈电锅炉】末级过热器出口集箱(左)管接头23\Φ42*11\SA-213T91\F022CMT001C321\600MW\L=842</t>
  </si>
  <si>
    <t>【哈电锅炉】末级过热器出口集箱(左)管接头24\Φ42*11\SA-213T91\F022CMT001C321\600MW\L=798</t>
  </si>
  <si>
    <t>【哈电锅炉】末级过热器出口集箱(左)管接头25\Φ51*11\SA-213T91\F022CMT001C321\600MW\L=1036</t>
  </si>
  <si>
    <t>【哈电锅炉】末级过热器出口集箱(左)管接头26\Φ51*11\SA-213T91\F022CMT001C321\600MW\L=929</t>
  </si>
  <si>
    <t>【哈电锅炉】末级过热器出口集箱(左)管接头27\Φ42*11\SA-213T91\F022CMT001C321\600MW\L=1020</t>
  </si>
  <si>
    <t>【哈电锅炉】末级过热器出口集箱(左)管接头28\Φ42*11\SA-213T91\F022CMT001C321\600MW\L=918</t>
  </si>
  <si>
    <t>【哈电锅炉】末级过热器出口集箱(左)管接头29\Φ63.5*11.5\SA-213T91\F022CMT001C321\600MW\L=112</t>
  </si>
  <si>
    <t>【哈电锅炉】立式低温再热器90°弯头1\Φ57*4.5\SA-213T23\F022DCE001C271\600MW\L=1269</t>
  </si>
  <si>
    <t>【哈电锅炉】立式低温再热器90°弯头2\Φ57*4.5\SA-213T23\F022DCE001C271\600MW\L=1269</t>
  </si>
  <si>
    <t>【哈电锅炉】上部水平低再90°弯头\Φ57*4.5\15CrMoG\F022DCB001C321\600MW\L=1185</t>
  </si>
  <si>
    <t>【哈电锅炉】上部水平低再90°弯头\Φ57*4.5\12Cr1MoVG\F022DCB001C321\600MW\L=1185</t>
  </si>
  <si>
    <t>【哈电锅炉】上部水平低再内数第一圈180°U型弯头\Φ57*5.5\15CrMoG\F022DCB001C321\600MW\L=1124</t>
  </si>
  <si>
    <t>【哈电锅炉】上部水平低再内数第二圈180°U型弯头\Φ57*5.5\12Cr1MoVG\F022DCB001C321\600MW\L=1372</t>
  </si>
  <si>
    <t>【哈电锅炉】上部水平低再内数第三圈180°U型弯头\Φ57*5.5\15CrMoG\F022DCB001C321\600MW\L=1529</t>
  </si>
  <si>
    <t>【哈电锅炉】上部水平低再内数第四圈180°U型弯头\Φ57*5.5\12Cr1MoVG\F022DCB001C321\600MW\L=1687</t>
  </si>
  <si>
    <t>【哈电锅炉】中部水平低再90°弯头\Φ57*4.5\15CrMoG\F022DCC001C321\600MW\L=1185</t>
  </si>
  <si>
    <t>【哈电锅炉】中部水平低再90°弯头\Φ57*4.5\SA-210C\F022DCC001C321\600MW\L=1185</t>
  </si>
  <si>
    <t>【哈电锅炉】中部水平低再内数第一圈180°U型弯头\Φ57*5.5\15CrMoG\F022DCC001C321\600MW\L=1124</t>
  </si>
  <si>
    <t>【哈电锅炉】中部水平低再内数第二圈180°U型弯头\Φ57*5.5\SA-210C\F022DCC001C321\600MW\L=1372</t>
  </si>
  <si>
    <t>【哈电锅炉】中部水平低再内数第三圈180°U型弯头\Φ57*5.5\15CrMoG\F022DCC001C321\600MW\L=1529</t>
  </si>
  <si>
    <t>【哈电锅炉】中部水平低再内数第四圈180°U型弯头\Φ57*5.5\SA-210C\F022DCC001C321\600MW\L=1687</t>
  </si>
  <si>
    <t>【哈电锅炉】下部水平低再90°弯头\Φ57*4.5\SA-210C\F022DCD001C321\600MW\L=1185</t>
  </si>
  <si>
    <t>【哈电锅炉】下部水平低再内数第一圈180°U型弯头\Φ57*5.5\SA-210C\F022DCD001C321\600MW\L=1124</t>
  </si>
  <si>
    <t>【哈电锅炉】下部水平低再内数第二圈180°U型弯头\Φ57*5.5\SA-210C\F022DCD001C321\600MW\L=1372</t>
  </si>
  <si>
    <t>【哈电锅炉】低温再热器出口集箱管接头1(右)\Φ57*5\12Cr1MoVG\F022DJA001C321\600MW\L=1691</t>
  </si>
  <si>
    <t>【哈电锅炉】低温再热器出口集箱管接头2(右)\Φ57*5\12Cr1MoVG\F022DJA001C321\600MW\L=1433</t>
  </si>
  <si>
    <t>【哈电锅炉】低温再热器出口集箱管接头3(右)\Φ57*5\12Cr1MoVG\F022DJA001C321\600MW\L=1127.5</t>
  </si>
  <si>
    <t>【哈电锅炉】低温再热器出口集箱管接头4(右)\Φ57*5\12Cr1MoVG\F022DJA001C321\600MW\L=900.5</t>
  </si>
  <si>
    <t>【哈电锅炉】低温再热器出口集箱管接头5(右)\Φ57*5\12Cr1MoVG\F022DJA001C321\600MW\L=735</t>
  </si>
  <si>
    <t>【哈电锅炉】低温再热器出口集箱管接头6(右)\Φ57*5\12Cr1MoVG\F022DJA001C321\600MW\L=639.5</t>
  </si>
  <si>
    <t>【哈电锅炉】低温再热器出口集箱管接头1(左)\Φ57*5\12Cr1MoVG\F022DJA001C321\600MW\L=1691</t>
  </si>
  <si>
    <t>【哈电锅炉】低温再热器出口集箱管接头2(左)\Φ57*5\12Cr1MoVG\F022DJA001C321\600MW\L=1433</t>
  </si>
  <si>
    <t>【哈电锅炉】低温再热器出口集箱管接头3(左)\Φ57*5\12Cr1MoVG\F022DJA001C321\600MW\L=1127.5</t>
  </si>
  <si>
    <t>【哈电锅炉】低温再热器出口集箱管接头4(左)\Φ57*5\12Cr1MoVG\F022DJA001C321\600MW\L=900.5</t>
  </si>
  <si>
    <t>【哈电锅炉】低温再热器出口集箱管接头5(左)\Φ57*5\12Cr1MoVG\F022DJA001C321\600MW\L=735</t>
  </si>
  <si>
    <t>【哈电锅炉】低温再热器出口集箱管接头6(左)\Φ57*5\12Cr1MoVG\F022DJA001C321\600MW\L=639.5</t>
  </si>
  <si>
    <t>【哈电锅炉】低温再热器入口集箱管接头1(右)\Φ57*5.6\SA-210C\F022DJA001C321\600MW\L=1112</t>
  </si>
  <si>
    <t>【哈电锅炉】低温再热器入口集箱管接头2(右)\Φ57*5.6\SA-210C\F022DJA001C321\600MW\L=897</t>
  </si>
  <si>
    <t>【哈电锅炉】低温再热器入口集箱管接头3(右)\Φ57*5.6\SA-210C\F022DJA001C321\600MW\L=734</t>
  </si>
  <si>
    <t>【哈电锅炉】低温再热器入口集箱管接头4(右)\Φ57*5.6\SA-210C\F022DJA001C321\600MW\L=387</t>
  </si>
  <si>
    <t>【哈电锅炉】低温再热器入口集箱管接头5(右)\Φ57*5.6\SA-210C\F022DJA001C321\600MW\L=356</t>
  </si>
  <si>
    <t>【哈电锅炉】低温再热器入口集箱管接头1(左)\Φ57*5.6\SA-210C\F022DJA001C321\600MW\L=1112</t>
  </si>
  <si>
    <t>【哈电锅炉】低温再热器入口集箱管接头2(左)\Φ57*5.6\SA-210C\F022DJA001C321\600MW\L=897</t>
  </si>
  <si>
    <t>【哈电锅炉】低温再热器入口集箱管接头3(左)\Φ57*5.6\SA-210C\F022DJA001C321\600MW\L=734</t>
  </si>
  <si>
    <t>【哈电锅炉】低温再热器入口集箱管接头4(左)\Φ57*5.6\SA-210C\F022DJA001C321\600MW\L=387</t>
  </si>
  <si>
    <t>【哈电锅炉】低温再热器入口集箱管接头5(左)\Φ57*5.6\SA-210C\F022DJA001C321\600MW\L=356</t>
  </si>
  <si>
    <t>【哈电锅炉】高温再热器前部管屏70°弯头\Φ63*5\SA-213TP347H\F022DEA001C321\600MW\L=1263</t>
  </si>
  <si>
    <t>【哈电锅炉】高温再热器前部管屏70°弯头\Φ60*4.5\SA-213TP347H\F022DEA001C321\600MW\L=1244</t>
  </si>
  <si>
    <t>【哈电锅炉】高温再热器后部管屏110°弯头\Φ63*5\SA-213TP347H\F022DEA001C321\600MW\L=1413</t>
  </si>
  <si>
    <t>【哈电锅炉】高温再热器后部管屏110°弯头\Φ60*4.5\SA-213TP347H\F022DEA001C321\600MW\L=1384</t>
  </si>
  <si>
    <t>【哈电锅炉】高温再热器上部160°弯头\Φ60*4.5\SA-213T91\F022DEA001C321\600MW\L=1666</t>
  </si>
  <si>
    <t>【哈电锅炉】高温再热器上部160°弯头\Φ60*4.5\SA-213TP347H\F022DEA001C321\600MW\L=1666</t>
  </si>
  <si>
    <t>【哈电锅炉】高温再热器中部168°弯头\Φ60*4.5\SA-213T91\F022DEA001C321\600MW\L=1668</t>
  </si>
  <si>
    <t>【哈电锅炉】高温再热器中部168°弯头\Φ60*4.5\SA-213TP347H\F022DEA001C321\600MW\L=1684</t>
  </si>
  <si>
    <t>【哈电锅炉】高温再热器下部176°弯头\Φ60*4.5\SA-213TP347H\F022DEA001C321\600MW\L=1652</t>
  </si>
  <si>
    <t>【哈电锅炉】高温再热器下部172°弯头\Φ60*4.5\SA-213TP347H\F022DEA001C321\600MW\L=1668</t>
  </si>
  <si>
    <t>【哈电锅炉】高温再热器下部168°弯头\Φ60*4.5\SA-213TP347H\F022DEA001C321\600MW\L=1684</t>
  </si>
  <si>
    <t>【哈电锅炉】高温再热器下部165°弯头\Φ60*4.5\SA-213TP347H\F022DEA001C321\600MW\L=1515</t>
  </si>
  <si>
    <t>【哈电锅炉】高温再热器入口集箱管接头1(右)\Φ70*5\12Cr1MoVG\F022DJP001C321\600MW\L=1066</t>
  </si>
  <si>
    <t>【哈电锅炉】高温再热器入口集箱管接头2(右)\Φ60*5\12Cr1MoVG\F022DJP001C321\600MW\L=1102</t>
  </si>
  <si>
    <t>【哈电锅炉】高温再热器入口集箱管接头3(右)\Φ54*6\12Cr1MoVG\F022DJP001C321\600MW\L=1103</t>
  </si>
  <si>
    <t>【哈电锅炉】高温再热器入口集箱管接头4(右)\Φ60*5\12Cr1MoVG\F022DJP001C321\600MW\L=855</t>
  </si>
  <si>
    <t>【哈电锅炉】高温再热器入口集箱管接头5(右)\Φ54*6\12Cr1MoVG\F022DJP001C321\600MW\L=855</t>
  </si>
  <si>
    <t>【哈电锅炉】高温再热器入口集箱管接头6(右)\Φ54*6\12Cr1MoVG\F022DJP001C321\600MW\L=694</t>
  </si>
  <si>
    <t>【哈电锅炉】高温再热器入口集箱管接头7(右)\Φ70*5\12Cr1MoVG\F022DJP001C321\600MW\L=1066</t>
  </si>
  <si>
    <t>【哈电锅炉】高温再热器入口集箱管接头8(右)\Φ60*5\12Cr1MoVG\F022DJP001C321\600MW\L=1102</t>
  </si>
  <si>
    <t>【哈电锅炉】高温再热器入口集箱管接头9(右)\Φ54*6\12Cr1MoVG\F022DJP001C321\600MW\L=1102</t>
  </si>
  <si>
    <t>【哈电锅炉】高温再热器入口集箱管接头10(右)\Φ54*6\12Cr1MoVG\F022DJP001C321\600MW\L=1102</t>
  </si>
  <si>
    <t>【哈电锅炉】高温再热器入口集箱管接头11(右)\Φ60*5\12Cr1MoVG\F022DJP001C321\600MW\L=854</t>
  </si>
  <si>
    <t>【哈电锅炉】高温再热器入口集箱管接头12(右)\Φ54*6\12Cr1MoVG\F022DJP001C321\600MW\L=855</t>
  </si>
  <si>
    <t>【哈电锅炉】高温再热器入口集箱管接头13(右)\Φ54*6\12Cr1MoVG\F022DJP001C321\600MW\L=694</t>
  </si>
  <si>
    <t>【哈电锅炉】高温再热器入口集箱管接头14(右)\Φ54*6\12Cr1MoVG\F022DJP001C321\600MW\L=694</t>
  </si>
  <si>
    <t>【哈电锅炉】高温再热器入口集箱管接头1(左)\Φ70*5\12Cr1MoVG\F022DJP001C321\600MW\L=1066</t>
  </si>
  <si>
    <t>【哈电锅炉】高温再热器入口集箱管接头2(左)\Φ60*5\12Cr1MoVG\F022DJP001C321\600MW\L=1102</t>
  </si>
  <si>
    <t>【哈电锅炉】高温再热器入口集箱管接头3(左)\Φ54*6\12Cr1MoVG\F022DJP001C321\600MW\L=1103</t>
  </si>
  <si>
    <t>【哈电锅炉】高温再热器入口集箱管接头4(左)\Φ60*5\12Cr1MoVG\F022DJP001C321\600MW\L=855</t>
  </si>
  <si>
    <t>【哈电锅炉】高温再热器入口集箱管接头5(左)\Φ54*6\12Cr1MoVG\F022DJP001C321\600MW\L=855</t>
  </si>
  <si>
    <t>【哈电锅炉】高温再热器入口集箱管接头6(左)\Φ54*6\12Cr1MoVG\F022DJP001C321\600MW\L=694</t>
  </si>
  <si>
    <t>【哈电锅炉】高温再热器入口集箱管接头7(左)\Φ70*5\12Cr1MoVG\F022DJP001C321\600MW\L=1066</t>
  </si>
  <si>
    <t>【哈电锅炉】高温再热器入口集箱管接头8(左)\Φ60*5\12Cr1MoVG\F022DJP001C321\600MW\L=1102</t>
  </si>
  <si>
    <t>【哈电锅炉】高温再热器入口集箱管接头9(左)\Φ54*6\12Cr1MoVG\F022DJP001C321\600MW\L=1102</t>
  </si>
  <si>
    <t>【哈电锅炉】高温再热器入口集箱管接头10(左)\Φ54*6\12Cr1MoVG\F022DJP001C321\600MW\L=1102</t>
  </si>
  <si>
    <t>【哈电锅炉】高温再热器入口集箱管接头11(左)\Φ60*5\12Cr1MoVG\F022DJP001C321\600MW\L=854</t>
  </si>
  <si>
    <t>【哈电锅炉】高温再热器入口集箱管接头12(左)\Φ54*6\12Cr1MoVG\F022DJP001C321\600MW\L=855</t>
  </si>
  <si>
    <t>【哈电锅炉】高温再热器入口集箱管接头13(左)\Φ54*6\12Cr1MoVG\F022DJP001C321\600MW\L=694</t>
  </si>
  <si>
    <t>【哈电锅炉】高温再热器入口集箱管接头14(左)\Φ54*6\12Cr1MoVG\F022DJP001C321\600MW\L=694</t>
  </si>
  <si>
    <t>【哈电锅炉】高温再热器出口集箱管接头1\Φ70*5\SA-213T91\F022DJP001C321\600MW\L=1038</t>
  </si>
  <si>
    <t>【哈电锅炉】高温再热器出口集箱管接头2\Φ60*5\SA-213T91\F022DJP001C321\600MW\L=1085</t>
  </si>
  <si>
    <t>【哈电锅炉】高温再热器出口集箱管接头3\Φ54*6\SA-213T91\F022DJP001C321\600MW\L=1085</t>
  </si>
  <si>
    <t>【哈电锅炉】高温再热器出口集箱管接头4\Φ60*5\SA-213T91\F022DJP001C321\600MW\L=786</t>
  </si>
  <si>
    <t>【哈电锅炉】高温再热器出口集箱管接头5\Φ54*6\SA-213T91\F022DJP001C321\600MW\L=787</t>
  </si>
  <si>
    <t>【哈电锅炉】高温再热器出口集箱管接头6\Φ54*6\SA-213T91\F022DJP001C321\600MW\L=625</t>
  </si>
  <si>
    <t>【哈电锅炉】高温再热器出口集箱管接头7\Φ70*5\SA-213T91\F022DJP001C321\600MW\L=1036</t>
  </si>
  <si>
    <t>【哈电锅炉】高温再热器出口集箱管接头8\Φ60*5\SA-213T91\F022DJP001C321\600MW\L=1081</t>
  </si>
  <si>
    <t>【哈电锅炉】高温再热器出口集箱管接头9\Φ54*6\SA-213T91\F022DJP001C321\600MW\L=1081</t>
  </si>
  <si>
    <t>【哈电锅炉】高温再热器出口集箱管接头10\Φ54*6\SA-213T91\F022DJP001C321\600MW\L=1081</t>
  </si>
  <si>
    <t>【哈电锅炉】高温再热器出口集箱管接头11\Φ60*5\SA-213T91\F022DJP001C321\600MW\L=785</t>
  </si>
  <si>
    <t>【哈电锅炉】高温再热器出口集箱管接头12\Φ54*6\SA-213T91\F022DJP001C321\600MW\L=785</t>
  </si>
  <si>
    <t>【哈电锅炉】高温再热器出口集箱管接头13\Φ54*6\SA-213T91\F022DJP001C321\600MW\L=626</t>
  </si>
  <si>
    <t>【哈电锅炉】高温再热器出口集箱管接头14\Φ54*6\SA-213T91\F022DJP001C321\600MW\L=626</t>
  </si>
  <si>
    <t>【哈电锅炉】省煤器入口集箱管接头1\Φ51*6.5\20G\F022EHE001D061\600MW\L=1043</t>
  </si>
  <si>
    <t>【哈电锅炉】省煤器入口集箱管接头2\Φ51*6.5\20G\F022EHE001D061\600MW\L=839</t>
  </si>
  <si>
    <t>【哈电锅炉】省煤器入口集箱管接头3\Φ51*6.5\20G\F022EHE001D061\600MW\L=688</t>
  </si>
  <si>
    <t>【哈电锅炉】省煤器入口集箱管接头4\Φ51*6.5\20G\F022EHE001D061\600MW\L=636</t>
  </si>
  <si>
    <t>【哈电锅炉】省煤器入口集箱管接头5\Φ51*6.5\20G\F022EHE001D061\600MW\L=1184</t>
  </si>
  <si>
    <t>【哈电锅炉】省煤器入口集箱管接头6\Φ51*6.5\20G\F022EHE001D061\600MW\L=1381</t>
  </si>
  <si>
    <t>【哈电锅炉】省煤器入口集箱管接头7\Φ51*6.5\20G\F022EHE001D061\600MW\L=1639</t>
  </si>
  <si>
    <t>【哈电锅炉】省煤器入口集箱管接头8\Φ51*6.5\20G\F022EHE001D061\600MW\L=1953</t>
  </si>
  <si>
    <t>【哈电锅炉】省煤器出口集箱(No.1)管接头1\Φ51*6.5\20G\F022EHD001D061\600MW\L=855</t>
  </si>
  <si>
    <t>【哈电锅炉】省煤器出口集箱(No.1)管接头2\Φ51*6.5\20G\F022EHD001D061\600MW\L=655</t>
  </si>
  <si>
    <t>【哈电锅炉】省煤器出口集箱(No.1)管接头3\Φ51*6.5\20G\F022EHD001D061\600MW\L=700.5</t>
  </si>
  <si>
    <t>【哈电锅炉】省煤器出口集箱(No.1)管接头4\Φ60*12\20G\F022EHD001D061\600MW\L=132</t>
  </si>
  <si>
    <t>【哈电锅炉】省煤器出口集箱(No.2)管接头1\Φ51*6.5\20G\F022EHD001D061\600MW\L=855</t>
  </si>
  <si>
    <t>【哈电锅炉】省煤器出口集箱(No.2)管接头2\Φ51*6.5\20G\F022EHD001D061\600MW\L=755</t>
  </si>
  <si>
    <t>【哈电锅炉】省煤器出口集箱(No.2)管接头3\Φ51*6.5\20G\F022EHD001D061\600MW\L=800</t>
  </si>
  <si>
    <t>【哈电锅炉】省煤器出口集箱(No.2)管接头4\Φ51*6.5\20G\F022EHD001D061\600MW\L=132</t>
  </si>
  <si>
    <t>【哈电锅炉】省煤器出口集箱(No.3)管接头1\Φ51*6.5\20G\F022EHD001D061\600MW\L=855</t>
  </si>
  <si>
    <t>【哈电锅炉】省煤器出口集箱(No.3)管接头2\Φ51*6.5\20G\F022EHD001D061\600MW\L=755</t>
  </si>
  <si>
    <t>【哈电锅炉】省煤器出口集箱(No.3)管接头3\Φ51*6.5\20G\F022EHD001D061\600MW\L=800</t>
  </si>
  <si>
    <t>【哈电锅炉】省煤器出口集箱(No.3)管接头4\Φ60*12\20G\F022EHD001D061\600MW\L=132</t>
  </si>
  <si>
    <t>【哈电锅炉】省煤器出口集箱(No.4)管接头1\Φ51*6.5\20G\F022EHD001D061\600MW\L=855</t>
  </si>
  <si>
    <t>【哈电锅炉】省煤器出口集箱(No.4)管接头2\Φ51*6.5\20G\F022EHD001D061\600MW\L=655</t>
  </si>
  <si>
    <t>【哈电锅炉】省煤器出口集箱(No.4)管接头3\Φ51*6.5\20G\F022EHD001D061\600MW\L=700.5</t>
  </si>
  <si>
    <t>【哈电锅炉】省煤器出口集箱(No.4)管接头4\Φ60*12\20G\F022EHD001D061\600MW\L=132</t>
  </si>
  <si>
    <t>【哈电锅炉】后烟道吊挂管出口集箱1\Φ60*12\20G\F022CMW001D061\600MW\L=353</t>
  </si>
  <si>
    <t>【哈电锅炉】后烟道吊挂管出口集箱2\Φ60*12\20G\F022CMW001D061\600MW\L=413</t>
  </si>
  <si>
    <t>【哈电锅炉】后烟道吊挂管出口集箱3\Φ60*12\20G\F022CMW001D061\600MW\L=132</t>
  </si>
  <si>
    <t>【哈电锅炉】省煤器蛇形管90°弯管\φ51*6.5\20G\F022EFB001D061\600MW\L=1240</t>
  </si>
  <si>
    <t>【哈电锅炉】省煤器蛇形管内2圈180°弯管\φ51*6.5\20G\F022EFB001D061\600MW\L=1160</t>
  </si>
  <si>
    <t>【哈电锅炉】省煤器蛇形管内1圈180°弯管\φ51*6.5\20G\F022EFB001D061\600MW\L=1481</t>
  </si>
  <si>
    <t>【哈电锅炉】前水冷壁上集箱(中部)管接头1\Φ51*6.5\20G\F022BEB001D061\600MW\L=294</t>
  </si>
  <si>
    <t>【哈电锅炉】前水冷壁上集箱(中部)管接头2\Φ51*6.5\20G\F022BEB001D061\600MW\L=251.5</t>
  </si>
  <si>
    <t>【哈电锅炉】前水冷壁上集箱(中部)管接头3\Φ51*6.5\20G\F022BEB001D061\600MW\L=562</t>
  </si>
  <si>
    <t>【哈电锅炉】前水冷壁上集箱(中部)管接头4\Φ51*6.5\20G\F022BEB001D061\600MW\L=519</t>
  </si>
  <si>
    <t>【哈电锅炉】前水冷壁上集箱(中部)管接头5\Φ51*6.5\20G\F022BEB001D061\600MW\L=522</t>
  </si>
  <si>
    <t>【哈电锅炉】前水冷壁上集箱(中部)管接头6\Φ51*6.5\20G\F022BEB001D061\600MW\L=528</t>
  </si>
  <si>
    <t>【哈电锅炉】前水冷壁上集箱(中部)管接头7正反各半\Φ51*6.5\20G\F022BEB001D061\600MW\L=565</t>
  </si>
  <si>
    <t>【哈电锅炉】前水冷壁上集箱(中部)管接头8正反各半\Φ51*6.5\20G\F022BEB001D061\600MW\L=570.5</t>
  </si>
  <si>
    <t>【哈电锅炉】前水冷壁上集箱(两边)管接头1\Φ51*6.5\20G\F022BEB001D061\600MW\L=243</t>
  </si>
  <si>
    <t>【哈电锅炉】前水冷壁上集箱(两边)管接头2\Φ51*6.5\20G\F022BEB001D061\600MW\L=294</t>
  </si>
  <si>
    <t>【哈电锅炉】前水冷壁上集箱(两边)管接头3\Φ51*6.5\20G\F022BEB001D061\600MW\L=251.5</t>
  </si>
  <si>
    <t>【哈电锅炉】前水冷壁上集箱(两边)管接头4\Φ51*6.5\20G\F022BEB001D061\600MW\L=522</t>
  </si>
  <si>
    <t>【哈电锅炉】前水冷壁上集箱(两边)管接头5\Φ51*6.5\20G\F022BEB001D061\600MW\L=528</t>
  </si>
  <si>
    <t>【哈电锅炉】前水冷壁上集箱(两边)管接头6正反各半\Φ51*6.5\20G\F022BEB001D061\600MW\L=565</t>
  </si>
  <si>
    <t>【哈电锅炉】前水冷壁上集箱(两边)管接头7正反各半\Φ51*6.5\20G\F022BEB001D061\600MW\L=570.5</t>
  </si>
  <si>
    <t>【哈电锅炉】后水冷壁排管上集箱(左)管接头1\Φ66.7*7MWT\SA-210C\F022BEB001D061\600MW\L=911</t>
  </si>
  <si>
    <t>【哈电锅炉】后水冷壁排管上集箱(左)管接头2\Φ66.7*7MWT\SA-210C\F022BEB001D061\600MW\L=674</t>
  </si>
  <si>
    <t>【哈电锅炉】后水冷壁排管上集箱(右)管接头1\Φ66.7*7MWT\SA-210C\F022BEB001D061\600MW\L=911</t>
  </si>
  <si>
    <t>【哈电锅炉】后水冷壁排管上集箱(右)管接头2\Φ66.7*7MWT\SA-210C\F022BEB001D061\600MW\L=674</t>
  </si>
  <si>
    <t>【哈电锅炉】后水冷壁吊挂管出口集箱(左)管接头1\Φ63.5*14\20G\F022BEB001D061\600MW\L=115</t>
  </si>
  <si>
    <t>【哈电锅炉】后水冷壁吊挂管出口集箱(右)管接头1\Φ63.5*14\20G\F022BEB001D061\600MW\L=115</t>
  </si>
  <si>
    <t>【哈电锅炉】侧水冷壁上集箱(前)管接头1\Φ51*6.5\20G\F022BEB001D061\600MW\L=418</t>
  </si>
  <si>
    <t>【哈电锅炉】侧水冷壁上集箱(前)管接头2\Φ51*6.5\20G\F022BEB001D061\600MW\L=478</t>
  </si>
  <si>
    <t>【哈电锅炉】侧水冷壁上集箱(前)管接头3正反各半\Φ51*6.5\20G\F022BEB001D061\600MW\L=1033</t>
  </si>
  <si>
    <t>【哈电锅炉】侧水冷壁上集箱(前)管接头4正反各半\Φ51*6.5\20G\F022BEB001D061\600MW\L=1094</t>
  </si>
  <si>
    <t>【哈电锅炉】侧水冷壁上集箱(中)管接头1\Φ51*6.5\20G\F022BEB001D061\600MW\L=418</t>
  </si>
  <si>
    <t>【哈电锅炉】侧水冷壁上集箱(中)管接头2\Φ51*6.5\20G\F022BEB001D061\600MW\L=478</t>
  </si>
  <si>
    <t>【哈电锅炉】侧水冷壁上集箱(中)管接头3\Φ51*6.5\20G\F022BEB001D061\600MW\L=1033</t>
  </si>
  <si>
    <t>【哈电锅炉】侧水冷壁上集箱(中)管接头4\Φ51*6.5\20G\F022BEB001D061\600MW\L=1094</t>
  </si>
  <si>
    <t>【哈电锅炉】侧水冷壁上集箱(后)管接头1\Φ51*6.5\20G\F022BEB001D061\600MW\L=418</t>
  </si>
  <si>
    <t>【哈电锅炉】侧水冷壁上集箱(后)管接头2\Φ51*6.5\20G\F022BEB001D061\600MW\L=478</t>
  </si>
  <si>
    <t>【哈电锅炉】侧水冷壁上集箱(后)管接头3正反各半\Φ51*6.5\20G\F022BEB001D061\600MW\L=1033</t>
  </si>
  <si>
    <t>【哈电锅炉】侧水冷壁上集箱(后)管接头4正反各半\Φ51*6.5\20G\F022BEB001D061\600MW\L=1094</t>
  </si>
  <si>
    <t>【哈电锅炉】侧水冷壁上集箱(后)管接头5\Φ66.7*7MWT\SA-210C\F022BEB001D061\600MW\L=418.5</t>
  </si>
  <si>
    <t>【哈电锅炉】侧水冷壁上集箱(后)管接头6正反各半\Φ66.7*7MWT\SA-210C\F022BEB001D061\600MW\L=1321</t>
  </si>
  <si>
    <t>【哈电锅炉】侧水冷壁上集箱(后)管接头7\Φ66.7*7MWT\SA-210C\F022BEB001D061\600MW\L=1377</t>
  </si>
  <si>
    <t>【哈电锅炉】侧水冷壁上集箱(后)管接头8\Φ66.7*7MWT\SA-210C\F022BEB001D061\600MW\L=826</t>
  </si>
  <si>
    <t>【哈电锅炉】侧水冷壁上集箱(后)管接头9\Φ66.7*7MWT\SA-210C\F022BEB001D061\600MW\L=834</t>
  </si>
  <si>
    <t>【哈电锅炉】侧水冷壁上集箱(后)管接头10\Φ66.7*7MWT\SA-210C\F022BEB001D061\600MW\L=842</t>
  </si>
  <si>
    <t>【哈电锅炉】侧水冷壁上集箱(后)管接头11\Φ66.7*7MWT\SA-210C\F022BEB001D061\600MW\L=852</t>
  </si>
  <si>
    <t>【哈电锅炉】侧水冷壁上集箱(后)管接头12\Φ66.7*7MWT\SA-210C\F022BEB001D061\600MW\L=802</t>
  </si>
  <si>
    <t>【哈电锅炉】侧水冷壁上集箱(后)管接头13\Φ66.7*7MWT\SA-210C\F022BEB001D061\600MW\L=818</t>
  </si>
  <si>
    <t>【哈电锅炉】前水冷壁下集箱管接头1\Φ51*9.5\20G\F022BEC001D061\600MW\L=272</t>
  </si>
  <si>
    <t>【哈电锅炉】前水冷壁下集箱管接头2\Φ51*9.5\20G\F022BEC001D061\600MW\L=285</t>
  </si>
  <si>
    <t>【哈电锅炉】前水冷壁下集箱管接头3\Φ51*9.5\20G\F022BEC001D061\600MW\L=328</t>
  </si>
  <si>
    <t>【哈电锅炉】前水冷壁下集箱管接头4\Φ51*9.5\20G\F022BEC001D061\600MW\L=163</t>
  </si>
  <si>
    <t>【哈电锅炉】后水冷壁下集箱管接头1\Φ51*9.5\20G\F022BEC001D061\600MW\L=272</t>
  </si>
  <si>
    <t>【哈电锅炉】后水冷壁下集箱管接头2\Φ51*9.5\20G\F022BEC001D061\600MW\L=285</t>
  </si>
  <si>
    <t>【哈电锅炉】后水冷壁下集箱管接头3\Φ51*9.5\20G\F022BEC001D061\600MW\L=328</t>
  </si>
  <si>
    <t>【哈电锅炉】后水冷壁下集箱管接头4\Φ51*9.5\20G\F022BEC001D061\600MW\L=163</t>
  </si>
  <si>
    <t>【哈电锅炉】侧水冷壁下集箱(左、右)管接头1\Φ51*9.5\20G\F022BEC001D061\600MW\L=272</t>
  </si>
  <si>
    <t>【哈电锅炉】侧水冷壁下集箱(左、右)管接头2\Φ51*9.5\20G\F022BEC001D061\600MW\L=285</t>
  </si>
  <si>
    <t>【哈电锅炉】侧水冷壁下集箱(左、右)管接头3\Φ51*9.5\20G\F022BEC001D061\600MW\L=328</t>
  </si>
  <si>
    <t>【哈电锅炉】侧水冷壁下集箱(左、右)管接头4\Φ51*9.5\20G\F022BEC001D061\600MW\L=163</t>
  </si>
  <si>
    <t>【哈电锅炉】水冷壁上部切角散管1\Φ51*5.6MWT\SA-210A1\F022BHQ001D061\600MW\L=1816</t>
  </si>
  <si>
    <t>【哈电锅炉】水冷壁上部切角散管2\Φ51*5.6MWT\SA-210A1\F022BHQ001D061\600MW\L=1800</t>
  </si>
  <si>
    <t>【哈电锅炉】水冷壁上部切角散管3\Φ51*5.6MWT\SA-210A1\F022BHQ001D061\600MW\L=1821</t>
  </si>
  <si>
    <t>【哈电锅炉】水冷壁上部切角散管4\Φ51*5.6MWT\SA-210A1\F022BHQ001D061\600MW\L=1903</t>
  </si>
  <si>
    <t>【哈电锅炉】水冷壁上部切角散管5\Φ51*5.6MWT\SA-210A1\F022BHQ001D061\600MW\L=1659</t>
  </si>
  <si>
    <t>【哈电锅炉】水冷壁上部切角散管6\Φ51*5.6MWT\SA-210A1\F022BHQ001D061\600MW\L=1679</t>
  </si>
  <si>
    <t>【哈电锅炉】水冷壁上部切角散管7\Φ51*5.6MWT\SA-210A1\F022BHQ001D061\600MW\L=1761</t>
  </si>
  <si>
    <t>【哈电锅炉】水冷壁上部切角散管8\Φ51*5.6MWT\SA-210A1\F022BHQ001D061\600MW\L=1517</t>
  </si>
  <si>
    <t>【哈电锅炉】水冷壁上部切角散管9\Φ51*5.6MWT\SA-210A1\F022BHQ001D061\600MW\L=1537</t>
  </si>
  <si>
    <t>【哈电锅炉】水冷壁上部切角散管10\Φ51*5.6MWT\SA-210A1\F022BHQ001D061\600MW\L=1619</t>
  </si>
  <si>
    <t>【哈电锅炉】水冷壁上部切角散管11\Φ51*5.6MWT\SA-210A1\F022BHQ001D061\600MW\L=1375</t>
  </si>
  <si>
    <t>【哈电锅炉】水冷壁上部切角散管12\Φ51*5.6MWT\SA-210A1\F022BHQ001D061\600MW\L=1395</t>
  </si>
  <si>
    <t>【哈电锅炉】水冷壁上部切角散管13\Φ51*5.6MWT\SA-210A1\F022BHQ001D061\600MW\L=1477</t>
  </si>
  <si>
    <t>【哈电锅炉】水冷壁上部切角散管14\Φ51*5.6MWT\SA-210A1\F022BHQ001D061\600MW\L=1218</t>
  </si>
  <si>
    <t>【哈电锅炉】水冷壁上部切角散管15\Φ51*5.6MWT\SA-210A1\F022BHQ001D061\600MW\L=1253</t>
  </si>
  <si>
    <t>【哈电锅炉】水冷壁上部切角散管16\Φ51*5.6MWT\SA-210A1\F022BHQ001D061\600MW\L=1335</t>
  </si>
  <si>
    <t>【哈电锅炉】水冷壁上部切角散管17\Φ51*5.6MWT\SA-210A1\F022BHQ001D061\600MW\L=1100</t>
  </si>
  <si>
    <t>【哈电锅炉】水冷壁上部切角散管18\Φ51*5.6MWT\SA-210A1\F022BHQ001D061\600MW\L=1103</t>
  </si>
  <si>
    <t>【哈电锅炉】水冷壁上部切角散管19\Φ51*5.6MWT\SA-210A1\F022BHQ001D061\600MW\L=1179</t>
  </si>
  <si>
    <t>【哈电锅炉】水冷壁上部切角散管20\Φ51*5.6MWT\SA-210A1\F022BHQ001D061\600MW\L=1032</t>
  </si>
  <si>
    <t>【哈电锅炉】水冷壁上部切角散管21\Φ51*5.6MWT\SA-210A1\F022BHQ001D061\600MW\L=1006</t>
  </si>
  <si>
    <t>【哈电锅炉】水冷壁上部切角散管22\Φ51*5.6MWT\SA-210A1\F022BHQ001D061\600MW\L=1057</t>
  </si>
  <si>
    <t>【哈电锅炉】水冷壁上部切角散管23\Φ51*5.6MWT\SA-210A1\F022BHQ001D061\600MW\L=1036</t>
  </si>
  <si>
    <t>【哈电锅炉】折焰角切角角散管1\Φ63.5*7.112MWT\SA-210A1\F022BHQ001D061\600MW\L=2249</t>
  </si>
  <si>
    <t>【哈电锅炉】折焰角切角角散管2\Φ51*5.6MWT\SA-210A1\F022BHQ001D061\600MW\L=2336</t>
  </si>
  <si>
    <t>【哈电锅炉】折焰角切角角散管3\Φ63.5*7.112MWT\SA-210A1\F022BHQ001D061\600MW\L=2276</t>
  </si>
  <si>
    <t>【哈电锅炉】折焰角切角角散管4\Φ51*5.6MWT\SA-210A1\F022BHQ001D061\600MW\L=2384</t>
  </si>
  <si>
    <t>【哈电锅炉】折焰角切角角散管5\Φ63.5*7.112MWT\SA-210A1\F022BHQ001D061\600MW\L=2303</t>
  </si>
  <si>
    <t>【哈电锅炉】折焰角切角角散管6\Φ63.5*7.112MWT\SA-210A1\F022BHQ001D061\600MW\L=2332</t>
  </si>
  <si>
    <t>【哈电锅炉】折焰角切角角散管7\Φ51*5.6MWT\SA-210A1\F022BHQ001D061\600MW\L=2502</t>
  </si>
  <si>
    <t>【哈电锅炉】折焰角切角角散管8\Φ63.5*7.112MWT\SA-210A1\F022BHQ001D061\600MW\L=2357</t>
  </si>
  <si>
    <t>【哈电锅炉】折焰角切角角散管9\Φ51*5.6MWT\SA-210A1\F022BHQ001D061\600MW\L=2570</t>
  </si>
  <si>
    <t>【哈电锅炉】折焰角切角角散管10\Φ63.5*7.112MWT\SA-210A1\F022BHQ001D061\600MW\L=2382</t>
  </si>
  <si>
    <t>【哈电锅炉】折焰角切角角散管11\Φ51*5.6MWT\SA-210A1\F022BHQ001D061\600MW\L=2639</t>
  </si>
  <si>
    <t>【哈电锅炉】折焰角切角角散管12\Φ63.5*7.112MWT\SA-210A1\F022BHQ001D061\600MW\L=2410</t>
  </si>
  <si>
    <t>【哈电锅炉】折焰角切角角散管13\Φ51*5.6MWT\SA-210A1\F022BHQ001D061\600MW\L=2685</t>
  </si>
  <si>
    <t>【哈电锅炉】折焰角切角角散管14\Φ63.5*7.112MWT\SA-210A1\F022BHQ001D061\600MW\L=2437</t>
  </si>
  <si>
    <t>【哈电锅炉】折焰角切角角散管15\Φ63.5*7.112MWT\SA-210A1\F022BHQ001D061\600MW\L=2647</t>
  </si>
  <si>
    <t>【哈电锅炉】折焰角切角角散管16\Φ51*5.6MWT\SA-210A1\F022BHQ001D061\600MW\L=2780</t>
  </si>
  <si>
    <t>【哈电锅炉】折焰角切角角散管17\Φ63.5*7.112MWT\SA-210A1\F022BHQ001D061\600MW\L=2491</t>
  </si>
  <si>
    <t>【哈电锅炉】折焰角切角角散管18\Φ51*5.6MWT\SA-210A1\F022BHQ001D061\600MW\L=2835</t>
  </si>
  <si>
    <t>【哈电锅炉】折焰角切角角散管19\Φ63.5*7.112MWT\SA-210A1\F022BHQ001D061\600MW\L=2518</t>
  </si>
  <si>
    <t>【哈电锅炉】折焰角切角角散管20\Φ51*5.6MWT\SA-210A1\F022BHQ001D061\600MW\L=2896</t>
  </si>
  <si>
    <t>【哈电锅炉】折焰角切角角散管21\Φ63.5*7.112MWT\SA-210A1\F022BHQ001D061\600MW\L=2544</t>
  </si>
  <si>
    <t>【哈电锅炉】折焰角切角角散管22\Φ51*5.6MWT\SA-210A1\F022BHQ001D061\600MW\L=2957</t>
  </si>
  <si>
    <t>【哈电锅炉】折焰角切角角散管23\Φ63.5*7.112MWT\SA-210A1\F022BHQ001D061\600MW</t>
  </si>
  <si>
    <t>【哈电锅炉】折焰角切角角散管24\Φ51*5.6MWT\SA-210A1\F022BHQ001D061\600MW\L=2306</t>
  </si>
  <si>
    <t>【哈电锅炉】燃烧器喷口管屏NO.1弯管1\内螺纹φ51*5.6MWT\SA-210A1\F022BHE001D061\600MW\L=3951</t>
  </si>
  <si>
    <t>【哈电锅炉】燃烧器喷口管屏NO.1弯管2\内螺纹φ51*5.6MWT\SA-210A1\F022BHE001D061\600MW\L=3817</t>
  </si>
  <si>
    <t>【哈电锅炉】燃烧器喷口管屏NO.1弯管3\内螺纹φ51*5.6MWT\SA-210A1\F022BHE001D061\600MW\L=3666</t>
  </si>
  <si>
    <t>【哈电锅炉】燃烧器喷口管屏NO.1弯管4\内螺纹φ51*5.6MWT\SA-210A1\F022BHE001D061\600MW\L=3531</t>
  </si>
  <si>
    <t>【哈电锅炉】燃烧器喷口管屏NO.1弯管5\内螺纹φ51*5.6MWT\SA-210A1\F022BHE001D061\600MW\L=3415</t>
  </si>
  <si>
    <t>【哈电锅炉】燃烧器喷口管屏NO.1弯管6\内螺纹φ51*5.6MWT\SA-210A1\F022BHE001D061\600MW\L=3323</t>
  </si>
  <si>
    <t>【哈电锅炉】燃烧器喷口管屏NO.1弯管7\内螺纹φ51*5.6MWT\SA-210A1\F022BHE001D061\600MW\L=3260</t>
  </si>
  <si>
    <t>【哈电锅炉】燃烧器喷口管屏NO.1弯管8\内螺纹φ51*5.6MWT\SA-210A1\F022BHE001D061\600MW\L=3951</t>
  </si>
  <si>
    <t>【哈电锅炉】燃烧器喷口管屏NO.1弯管9\内螺纹φ51*5.6MWT\SA-210A1\F022BHE001D061\600MW\L=3820</t>
  </si>
  <si>
    <t>【哈电锅炉】燃烧器喷口管屏NO.1弯管10\内螺纹φ51*5.6MWT\SA-210A1\F022BHE001D061\600MW\L=3674</t>
  </si>
  <si>
    <t>【哈电锅炉】燃烧器喷口管屏NO.1弯管11\内螺纹φ51*5.6MWT\SA-210A1\F022BHE001D061\600MW\L=3543</t>
  </si>
  <si>
    <t>【哈电锅炉】燃烧器喷口管屏NO.1弯管12\内螺纹φ51*5.6MWT\SA-210A1\F022BHE001D061\600MW\L=3428</t>
  </si>
  <si>
    <t>【哈电锅炉】燃烧器喷口管屏NO.1弯管13\内螺纹φ51*5.6MWT\SA-210A1\F022BHE001D061\600MW\L=3327</t>
  </si>
  <si>
    <t>【哈电锅炉】燃烧器喷口管屏NO.1弯管14\内螺纹φ51*5.6MWT\SA-210A1\F022BHE001D061\600MW\L=3252</t>
  </si>
  <si>
    <t>【哈电锅炉】燃烧器喷口管屏NO.2弯管1\内螺纹φ51*5.6MWT\SA-210A1\F022BHE001D061\600MW\L=3950</t>
  </si>
  <si>
    <t>【哈电锅炉】燃烧器喷口管屏NO.2弯管2\内螺纹φ51*5.6MWT\SA-210A1\F022BHE001D061\600MW\L=3816</t>
  </si>
  <si>
    <t>【哈电锅炉】燃烧器喷口管屏NO.2弯管3\内螺纹φ51*5.6MWT\SA-210A1\F022BHE001D061\600MW\L=3664</t>
  </si>
  <si>
    <t>【哈电锅炉】燃烧器喷口管屏NO.2弯管4\内螺纹φ51*5.6MWT\SA-210A1\F022BHE001D061\600MW\L=3529</t>
  </si>
  <si>
    <t>【哈电锅炉】燃烧器喷口管屏NO.2弯管5\内螺纹φ51*5.6MWT\SA-210A1\F022BHE001D061\600MW\L=3413</t>
  </si>
  <si>
    <t>【哈电锅炉】燃烧器喷口管屏NO.2弯管6\内螺纹φ51*5.6MWT\SA-210A1\F022BHE001D061\600MW\L=3323</t>
  </si>
  <si>
    <t>【哈电锅炉】燃烧器喷口管屏NO.2弯管7\内螺纹φ51*5.6MWT\SA-210A1\F022BHE001D061\600MW\L=3264</t>
  </si>
  <si>
    <t>【哈电锅炉】燃烧器喷口管屏NO.2弯管8\内螺纹φ51*5.6MWT\SA-210A1\F022BHE001D061\600MW\L=3952</t>
  </si>
  <si>
    <t>【哈电锅炉】燃烧器喷口管屏NO.2弯管9\内螺纹φ51*5.6MWT\SA-210A1\F022BHE001D061\600MW\L=3821</t>
  </si>
  <si>
    <t>【哈电锅炉】燃烧器喷口管屏NO.2弯管10\内螺纹φ51*5.6MWT\SA-210A1\F022BHE001D061\600MW\L=3678</t>
  </si>
  <si>
    <t>【哈电锅炉】燃烧器喷口管屏NO.2弯管11\内螺纹φ51*5.6MWT\SA-210A1\F022BHE001D061\600MW\L=3546</t>
  </si>
  <si>
    <t>【哈电锅炉】燃烧器喷口管屏NO.2弯管12\内螺纹φ51*5.6MWT\SA-210A1\F022BHE001D061\600MW\L=3430</t>
  </si>
  <si>
    <t>【哈电锅炉】燃烧器喷口管屏NO.2弯管13\内螺纹φ51*5.6MWT\SA-210A1\F022BHE001D061\600MW\L=3330</t>
  </si>
  <si>
    <t>【哈电锅炉】燃烧器喷口管屏NO.2弯管14\内螺纹φ51*5.6MWT\SA-210A1\F022BHE001D061\600MW\L=3252</t>
  </si>
  <si>
    <t>【哈电锅炉】顶棚管入口集箱(右)管接头1\Φ63*8\15CrMoG\F022CMD001D061\600MW\L=485</t>
  </si>
  <si>
    <t>【哈电锅炉】顶棚管入口集箱(右)管接头2\Φ60*9\20G\F022CMD001D061\600MW\L=101</t>
  </si>
  <si>
    <t>【哈电锅炉】顶棚管入口集箱(右)管接头3\Φ63*8\15CrMoG\F022CMD001D061\600MW\L=488</t>
  </si>
  <si>
    <t>【哈电锅炉】顶棚管入口集箱(右)管接头4\Φ63*8\15CrMoG\F022CMD001D061\600MW\L=495</t>
  </si>
  <si>
    <t>【哈电锅炉】顶棚管入口集箱(右)管接头5\Φ63*8\15CrMoG\F022CMD001D061\600MW\L=505</t>
  </si>
  <si>
    <t>【哈电锅炉】顶棚管入口集箱(右)管接头6\Φ63*8\15CrMoG\F022CMD001D061\600MW\L=514.5</t>
  </si>
  <si>
    <t>【哈电锅炉】顶棚管入口集箱(左)管接头1\Φ63*8\15CrMoG\F022CMD001D061\600MW\L=485</t>
  </si>
  <si>
    <t>【哈电锅炉】顶棚管出口集箱管接头1\Φ57*7\15CrMoG\F022CMD001D061\600MW\L=161</t>
  </si>
  <si>
    <t>【哈电锅炉】顶棚管出口集箱管接头2\Φ57*7\20G\F022CMD001D061\600MW\L=130</t>
  </si>
  <si>
    <t>【哈电锅炉】顶棚管出口集箱管接头3\Φ57*7\20G\F022CMD001D061\600MW\L=230</t>
  </si>
  <si>
    <t>【哈电锅炉】前侧包墙管上集箱(左，右)管接头1正反各半\Φ63*8\20G\F022CMD001D061\600MW\L=1596</t>
  </si>
  <si>
    <t>【哈电锅炉】前侧包墙管上集箱(左，右)管接头2\Φ63*8\20G\F022CMD001D061\600MW\L=521</t>
  </si>
  <si>
    <t>【哈电锅炉】前侧包墙管上集箱(左，右)管接头3正反各半\Φ63*8\20G\F022CMD001D061\600MW\L=911</t>
  </si>
  <si>
    <t>【哈电锅炉】后侧包墙管上集箱 (左,右)管接头1\Φ57*7\20G\F022CMD001D061\600MW\L=222</t>
  </si>
  <si>
    <t>【哈电锅炉】后侧包墙管上集箱 (左,右)管接头2\Φ57*7\20G\F022CMD001D061\600MW\L=1493</t>
  </si>
  <si>
    <t>【哈电锅炉】后侧包墙管上集箱 (左,右)管接头3\Φ57*7\20G\F022CMD001D061\600MW\L=567</t>
  </si>
  <si>
    <t>【哈电锅炉】后烟道延伸侧墙下集箱管接头1\No.1Φ63*8\20G\F022CMD001D061\600MW\L=506</t>
  </si>
  <si>
    <t>【哈电锅炉】后烟道延伸侧墙下集箱管接头2\No.2Φ63*8\20G\F022CMD001D061\600MW\L=465</t>
  </si>
  <si>
    <t>【哈电锅炉】后烟道延伸侧墙下集箱管接头3正反各半\No.1Φ63*8\20G\F022CMD001D061\600MW\L=509</t>
  </si>
  <si>
    <t>【哈电锅炉】后烟道延伸侧墙下集箱管接头4正反各半\No.2Φ63*8\20G\F022CMD001D061\600MW\L=507</t>
  </si>
  <si>
    <t>【哈电锅炉】后烟道前墙下集箱管接头1\Φ57*7\20G\F022CME001D061\600MW\L=417</t>
  </si>
  <si>
    <t>【哈电锅炉】后烟道后墙下集箱管接头1\Φ57*7\20G\F022CME001D061\600MW\L=417</t>
  </si>
  <si>
    <t>【哈电锅炉】后烟道侧墙下集箱(左)管接头1\Φ57*7\20G\F022CME001D061\600MW\L=417</t>
  </si>
  <si>
    <t>【哈电锅炉】后烟道侧墙下集箱(左)管接头2\Φ57*7\20G\F022CME001D061\600MW\L=422</t>
  </si>
  <si>
    <t>【哈电锅炉】后烟道侧墙下集箱(左)管接头3\Φ57*7\20G\F022CME001D061\600MW\L=426</t>
  </si>
  <si>
    <t>【哈电锅炉】后烟道侧墙下集箱(左)管接头4\Φ57*7\20G\F022CME001D061\600MW\L=454</t>
  </si>
  <si>
    <t>【哈电锅炉】后烟道侧墙下集箱(左)管接头5\Φ57*7\20G\F022CME001D061\600MW\L=539</t>
  </si>
  <si>
    <t>【哈电锅炉】后烟道侧墙下集箱(左)管接头6\Φ57*7\20G\F022CME001D061\600MW\L=514</t>
  </si>
  <si>
    <t>【哈电锅炉】后烟道侧墙下集箱(左)管接头7\Φ57*7\20G\F022CME001D061\600MW\L=523</t>
  </si>
  <si>
    <t>【哈电锅炉】后烟道侧墙下集箱(右)管接头1\Φ57*7\20G\F022CME001D061\600MW\L=417</t>
  </si>
  <si>
    <t>【哈电锅炉】后烟道侧墙下集箱(右)管接头2\Φ57*7\20G\F022CME001D061\600MW\L=422</t>
  </si>
  <si>
    <t>【哈电锅炉】后烟道侧墙下集箱(右)管接头3\Φ57*7\20G\F022CME001D061\600MW\L=426</t>
  </si>
  <si>
    <t>【哈电锅炉】后烟道侧墙下集箱(右)管接头4\Φ57*7\20G\F022CME001D061\600MW\L=454</t>
  </si>
  <si>
    <t>【哈电锅炉】后烟道侧墙下集箱(右)管接头5\Φ57*7\20G\F022CME001D061\600MW\L=539</t>
  </si>
  <si>
    <t>【哈电锅炉】后烟道侧墙下集箱(右)管接头6\Φ57*7\20G\F022CME001D061\600MW\L=514</t>
  </si>
  <si>
    <t>【哈电锅炉】后烟道侧墙下集箱(右)管接头7\Φ57*7\20G\F022CME001D061\600MW\L=523</t>
  </si>
  <si>
    <t>【哈电锅炉】后屏过热器入口集箱管接头1正反各半\Φ60*12\15CrMoG\F022CMQ001D061\600MW\L=901</t>
  </si>
  <si>
    <t>【哈电锅炉】后屏过热器入口集箱管接头2正反各半\Φ60*12\15CrMoG\F022CMQ001D061\600MW\L=1000</t>
  </si>
  <si>
    <t>【哈电锅炉】后屏过热器入口集箱管接头3正反各半\Φ60*12\15CrMoG\F022CMQ001D061\600MW\L=1256</t>
  </si>
  <si>
    <t>【哈电锅炉】后屏过热器入口集箱管接头4正反各半\Φ60*12\15CrMoG\F022CMQ001D061\600MW\L=1258</t>
  </si>
  <si>
    <t>【哈电锅炉】后屏过热器入口集箱管接头5正反各半\Φ60*12\15CrMoG\F022CMQ001D061\600MW\L=991</t>
  </si>
  <si>
    <t>【哈电锅炉】后屏过热器入口集箱管接头6正反各半\Φ60*12\15CrMoG\F022CMQ001D061\600MW\L=877</t>
  </si>
  <si>
    <t>【哈电锅炉】后屏过热器入口集箱管接头7正反各半\Φ60*12\15CrMoG\F022CMQ001D061\600MW\L=926</t>
  </si>
  <si>
    <t>【哈电锅炉】后屏过热器入口集箱管接头8正反各半\Φ60*12\15CrMoG\F022CMQ001D061\600MW\L=1050</t>
  </si>
  <si>
    <t>【哈电锅炉】后屏过热器入口集箱管接头9正反各半\Φ60*12\15CrMoG\F022CMQ001D061\600MW\L=1264</t>
  </si>
  <si>
    <t>【哈电锅炉】后屏过热器入口集箱管接头10正反各半\Φ60*12\15CrMoG\F022CMQ001D061\600MW\L=1271</t>
  </si>
  <si>
    <t>【哈电锅炉】后屏过热器入口集箱管接头11正反各半\Φ60*12\15CrMoG\F022CMQ001D061\600MW\L=1028</t>
  </si>
  <si>
    <t>【哈电锅炉】后屏过热器入口集箱管接头12正反各半\Φ60*12\15CrMoG\F022CMQ001D061\600MW\L=911</t>
  </si>
  <si>
    <t>【哈电锅炉】后屏过热器入口集箱管接头13\Φ60*12\15CrMoG\F022CMQ001D061\600MW\L=1239</t>
  </si>
  <si>
    <t>【哈电锅炉】后屏过热器入口集箱管接头14\Φ60*12\15CrMoG\F022CMQ001D061\600MW\L=976</t>
  </si>
  <si>
    <t>【哈电锅炉】后屏过热器入口集箱管接头15\Φ60*12\15CrMoG\F022CMQ001D061\600MW\L=839</t>
  </si>
  <si>
    <t>【哈电锅炉】后屏过热器入口集箱管接头16\Φ76*10\12Cr1MoVG\F022CMQ001D061\600MW\L=1596</t>
  </si>
  <si>
    <t>【哈电锅炉】后屏过热器入口集箱管接头17正反各半\Φ60*12\15CrMoG\F022CMQ001D061\600MW\L=1007</t>
  </si>
  <si>
    <t>【哈电锅炉】后屏过热器入口集箱管接头18正反各半\Φ60*12\15CrMoG\F022CMQ001D061\600MW\L=1091</t>
  </si>
  <si>
    <t>【哈电锅炉】后屏过热器入口集箱管接头19正反各半\Φ60*12\15CrMoG\F022CMQ001D061\600MW\L=1332</t>
  </si>
  <si>
    <t>【哈电锅炉】后屏过热器入口集箱管接头20\Φ60*12\15CrMoG\F022CMQ001D061\600MW\L=823</t>
  </si>
  <si>
    <t>【哈电锅炉】后屏过热器入口集箱管接头21\Φ60*12\15CrMoG\F022CMQ001D061\600MW\L=957</t>
  </si>
  <si>
    <t>【哈电锅炉】后屏过热器入口集箱管接头22\Φ60*12\15CrMoG\F022CMQ001D061\600MW\L=1237</t>
  </si>
  <si>
    <t>【哈电锅炉】后屏过热器入口集箱管接头23正反各半\Φ60*12\15CrMoG\F022CMQ001D061\600MW\L=1329</t>
  </si>
  <si>
    <t>【哈电锅炉】后屏过热器入口集箱管接头24正反各半\Φ60*12\15CrMoG\F022CMQ001D061\600MW\L=1080</t>
  </si>
  <si>
    <t>【哈电锅炉】后屏过热器入口集箱管接头25正反各半\Φ60*12\15CrMoG\F022CMQ001D061\600MW\L=985</t>
  </si>
  <si>
    <t>【哈电锅炉】后屏过热器入口集箱管接头26正反各半\Φ76*10\12Cr1MoVG\F022CMQ001D061\600MW\L=2219</t>
  </si>
  <si>
    <t>【哈电锅炉】后屏过热器入口集箱管接头27正反各半\Φ76*10\12Cr1MoVG\F022CMQ001D061\600MW\L=1767</t>
  </si>
  <si>
    <t>【哈电锅炉】后屏过热器入口集箱管接头28正反各半\Φ60*12\15CrMoG\F022CMQ001D061\600MW\L=1281</t>
  </si>
  <si>
    <t>【哈电锅炉】后屏过热器入口集箱管接头29正反各半\Φ60*12\15CrMoG\F022CMQ001D061\600MW\L=1024</t>
  </si>
  <si>
    <t>【哈电锅炉】后屏过热器入口集箱管接头30正反各半\Φ60*12\15CrMoG\F022CMQ001D061\600MW\L=900</t>
  </si>
  <si>
    <t>【哈电锅炉】后屏过热器入口集箱管接头31\Φ42*6\12Cr1MoVG\F022CMQ001D061\600MW\L=87</t>
  </si>
  <si>
    <t>【哈电锅炉】后屏过热器入口集箱管接头32\Φ51*6.5\15CrMoG\F022CMQ001D061\600MW\L=87</t>
  </si>
  <si>
    <t>【哈电锅炉】后屏过热器出口集箱(右、左)管接头1(正反各半)\Φ51*11\12Cr1MoVG\F022CMQ001D061\600MW\L=878</t>
  </si>
  <si>
    <t>【哈电锅炉】后屏过热器出口集箱(右、左)管接头2(正反各半)\Φ51*11\12Cr1MoVG\F022CMQ001D061\600MW\L=979</t>
  </si>
  <si>
    <t>【哈电锅炉】后屏过热器出口集箱(右、左)管接头3(正反各半)\Φ51*11\12Cr1MoVG\F022CMQ001D061\600MW\L=1240</t>
  </si>
  <si>
    <t>【哈电锅炉】后屏过热器出口集箱(右、左)管接头4(正反各半)\Φ51*11\12Cr1MoVG\F022CMQ001D061\600MW\L=1239</t>
  </si>
  <si>
    <t>【哈电锅炉】后屏过热器出口集箱(右、左)管接头5(正反各半)\Φ51*11\12Cr1MoVG\F022CMQ001D061\600MW\L=969</t>
  </si>
  <si>
    <t>【哈电锅炉】后屏过热器出口集箱(右、左)管接头6(正反各半)\Φ51*11\12Cr1MoVG\F022CMQ001D061\600MW\L=855</t>
  </si>
  <si>
    <t>【哈电锅炉】后屏过热器出口集箱(右、左)管接头7(正反各半)\Φ51*11\12Cr1MoVG\F022CMQ001D061\600MW\L=929</t>
  </si>
  <si>
    <t>【哈电锅炉】后屏过热器出口集箱(右、左)管接头8(正反各半)\Φ51*11\12Cr1MoVG\F022CMQ001D061\600MW\L=1055</t>
  </si>
  <si>
    <t>【哈电锅炉】后屏过热器出口集箱(右、左)管接头9(正反各半)\Φ51*11\12Cr1MoVG\F022CMQ001D061\600MW\L=1312</t>
  </si>
  <si>
    <t>【哈电锅炉】后屏过热器出口集箱(右、左)管接头10(正反各半)\Φ51*11\12Cr1MoVG\F022CMQ001D061\600MW\L=1310</t>
  </si>
  <si>
    <t>【哈电锅炉】后屏过热器出口集箱(右、左)管接头11(正反各半)\Φ51*11\12Cr1MoVG\F022CMQ001D061\600MW\L=1045</t>
  </si>
  <si>
    <t>【哈电锅炉】后屏过热器出口集箱(右、左)管接头12(正反各半)\Φ51*11\12Cr1MoVG\F022CMQ001D061\600MW\L=913</t>
  </si>
  <si>
    <t>【哈电锅炉】后屏过热器出口集箱(右、左)管接头13\Φ63*12\12Cr1MoVG\F022CMQ001D061\600MW\L=1236</t>
  </si>
  <si>
    <t>【哈电锅炉】后屏过热器出口集箱(右、左)管接头14\Φ51*11\12Cr1MoVG\F022CMQ001D061\600MW\L=984</t>
  </si>
  <si>
    <t>【哈电锅炉】后屏过热器出口集箱(右、左)管接头15\Φ51*11\12Cr1MoVG\F022CMQ001D061\600MW\L=840</t>
  </si>
  <si>
    <t>【哈电锅炉】后屏过热器出口集箱(右、左)管接头16\Φ76*15\12Cr1MoVG\F022CMQ001D061\600MW\L=1598</t>
  </si>
  <si>
    <t>【哈电锅炉】后屏过热器出口集箱(右、左)管接头17(正反各半)\Φ51*11\12Cr1MoVG\F022CMQ001D061\600MW\L=986</t>
  </si>
  <si>
    <t>【哈电锅炉】后屏过热器出口集箱(右、左)管接头18(正反各半)\Φ51*11\12Cr1MoVG\F022CMQ001D061\600MW\L=1070</t>
  </si>
  <si>
    <t>【哈电锅炉】后屏过热器出口集箱(右、左)管接头19(正反各半)\Φ51*11\12Cr1MoVG\F022CMQ001D061\600MW\L=1316</t>
  </si>
  <si>
    <t>【哈电锅炉】后屏过热器出口集箱(右、左)管接头20\Φ51*11\12Cr1MoVG\F022CMQ001D061\600MW\L=799</t>
  </si>
  <si>
    <t>【哈电锅炉】后屏过热器出口集箱(右、左)管接头21\Φ51*11\12Cr1MoVG\F022CMQ001D061\600MW\L=934</t>
  </si>
  <si>
    <t>【哈电锅炉】后屏过热器出口集箱(右、左)管接头22\Φ63*12\12Cr1MoVG\F022CMQ001D061\600MW\L=1185</t>
  </si>
  <si>
    <t>【哈电锅炉】后屏过热器出口集箱(右、左)管接头23(正反各半)\Φ51*11\12Cr1MoVG\F022CMQ001D061\600MW\L=1312</t>
  </si>
  <si>
    <t>【哈电锅炉】后屏过热器出口集箱(右、左)管接头24(正反各半)\Φ51*11\12Cr1MoVG\F022CMQ001D061\600MW\L=1059</t>
  </si>
  <si>
    <t>【哈电锅炉】后屏过热器出口集箱(右、左)管接头25(正反各半)\Φ51*11\12Cr1MoVG\F022CMQ001D061\600MW\L=964</t>
  </si>
  <si>
    <t>【哈电锅炉】后屏过热器出口集箱(右、左)管接头26(正反各半)\Φ76*15\12Cr1MoVG\F022CMQ001D061\600MW\L=2223</t>
  </si>
  <si>
    <t>【哈电锅炉】后屏过热器出口集箱(右、左)管接头27(正反各半)\Φ76*15\12Cr1MoVG\F022CMQ001D061\600MW\L=1771</t>
  </si>
  <si>
    <t>【哈电锅炉】后屏过热器出口集箱(右、左)管接头28(正反各半)\Φ51*11\12Cr1MoVG\F022CMQ001D061\600MW\L=1292</t>
  </si>
  <si>
    <t>【哈电锅炉】后屏过热器出口集箱(右、左)管接头29(正反各半)\Φ51*11\12Cr1MoVG\F022CMQ001D061\600MW\L=1030</t>
  </si>
  <si>
    <t>【哈电锅炉】后屏过热器出口集箱(右、左)管接头30(正反各半)\Φ51*11\12Cr1MoVG\F022CMQ001D061\600MW\L=901</t>
  </si>
  <si>
    <t>【哈电锅炉】后屏过热器出口集箱(右、左)管接头31(正反各半)\Φ60*12\12Cr1MoVG\F022CMQ001D061\600MW\L=1852</t>
  </si>
  <si>
    <t>【哈电锅炉】后屏过热器出口集箱(右、左)管接头32(正反各半)\Φ63*12\12Cr1MoVG\F022CMQ001D061\600MW\L=1268</t>
  </si>
  <si>
    <t>【哈电锅炉】后屏过热器出口集箱(右、左)管接头33(正反各半)\Φ63*12\12Cr1MoVG\F022CMQ001D061\600MW\L=1198</t>
  </si>
  <si>
    <t>【哈电锅炉】后屏过热器出口集箱(右、左)管接头34(正反各半)\Φ63*12\12Cr1MoVG\F022CMQ001D061\600MW\L=1268</t>
  </si>
  <si>
    <t>【哈电锅炉】后屏过热器出口集箱(右、左)管接头35(正反各半)\Φ63*12\12Cr1MoVG\F022CMQ001D061\600MW\L=1258</t>
  </si>
  <si>
    <t>【哈电锅炉】后屏过热器出口集箱(右、左)管接头36(正反各半)\Φ63*12\12Cr1MoVG\F022CMQ001D061\600MW\L=1187</t>
  </si>
  <si>
    <t>【哈电锅炉】后屏过热器出口集箱(右、左)管接头37(正反各半)\Φ63*12\12Cr1MoVG\F022CMQ001D061\600MW\L=1261</t>
  </si>
  <si>
    <t>【哈电锅炉】后屏过热器出口集箱(右、左)管接头38(正反各半)\Φ63*12\12Cr1MoVG\F022CMQ001D061\600MW\L=1238</t>
  </si>
  <si>
    <t>【哈电锅炉】后屏过热器出口集箱(右、左)管接头39(正反各半)\Φ63*12\12Cr1MoVG\F022CMQ001D061\600MW\L=1028</t>
  </si>
  <si>
    <t>【哈电锅炉】后屏过热器出口集箱(右、左)管接头40(正反各半)\Φ63*12\12Cr1MoVG\F022CMQ001D061\600MW\L=853</t>
  </si>
  <si>
    <t>【哈电锅炉】后屏过热器出口集箱(右、左)管接头41(正反各半)\Φ63*12\12Cr1MoVG\F022CMQ001D061\600MW\L=1037</t>
  </si>
  <si>
    <t>【哈电锅炉】后屏过热器出口集箱(右、左)管接头42\Φ63*12\12Cr1MoVG\F022CMQ001D061\600MW\L=977</t>
  </si>
  <si>
    <t>【哈电锅炉】后屏过热器出口集箱(右、左)管接头43\Φ63*12\12Cr1MoVG\F022CMQ001D061\600MW\L=926</t>
  </si>
  <si>
    <t>【哈电锅炉】后屏过热器出口集箱(右、左)管接头44(正反各半)\Φ51*11\12Cr1MoVG\F022CMQ001D061\600MW\L=1010</t>
  </si>
  <si>
    <t>【哈电锅炉】后屏过热器出口集箱(右、左)管接头45(正反各半)\Φ51*11\12Cr1MoVG\F022CMQ001D061\600MW\L=1282</t>
  </si>
  <si>
    <t>【哈电锅炉】后屏过热器出口集箱(右、左)管接头46\Φ51*11\12Cr1MoVG\F022CMQ001D061\600MW\L=1344</t>
  </si>
  <si>
    <t>【哈电锅炉】后屏过热器出口集箱(右、左)管接头47正反各半\Φ63*12\12Cr1MoVG\F022CMQ001D061\600MW\L=1241</t>
  </si>
  <si>
    <t>【哈电锅炉】后屏过热器出口集箱(右、左)管接头48正反各半\Φ63*12\12Cr1MoVG\F022CMQ001D061\600MW\L=996</t>
  </si>
  <si>
    <t>【哈电锅炉】后屏过热器出口集箱(右、左)管接头49正反各半\Φ51*11\12Cr1MoVG\F022CMQ001D061\600MW\L=1095</t>
  </si>
  <si>
    <t>【哈电锅炉】后屏过热器出口集箱(右、左)管接头50正反各半\Φ63*12\12Cr1MoVG\F022CMQ001D061\600MW\L=1290</t>
  </si>
  <si>
    <t>【哈电锅炉】后屏过热器出口集箱(右、左)管接头51正反各半\Φ51*11\12Cr1MoVG\F022CMQ001D061\600MW\L=873</t>
  </si>
  <si>
    <t>【哈电锅炉】后屏过热器出口集箱(右、左)管接头52正反各半\Φ51*11\12Cr1MoVG\F022CMQ001D061\600MW\L=972</t>
  </si>
  <si>
    <t>【哈电锅炉】末级过热器入口集箱管接头1\Φ57*11\12Cr1MoVG\F022CMT001D061\600MW\L=1096</t>
  </si>
  <si>
    <t>【哈电锅炉】末级过热器入口集箱管接头2\Φ57*11\12Cr1MoVG\F022CMT001D061\600MW\L=925</t>
  </si>
  <si>
    <t>【哈电锅炉】末级过热器入口集箱管接头3\Φ57*11\12Cr1MoVG\F022CMT001D061\600MW\L=806</t>
  </si>
  <si>
    <t>【哈电锅炉】末级过热器入口集箱管接头4正反各半\Φ57*11\12Cr1MoVG\F022CMT001D061\600MW\L=1071</t>
  </si>
  <si>
    <t>【哈电锅炉】末级过热器入口集箱管接头5正反各半\Φ57*11\12Cr1MoVG\F022CMT001D061\600MW\L=899</t>
  </si>
  <si>
    <t>【哈电锅炉】末级过热器入口集箱管接头6正反各半\Φ57*11\12Cr1MoVG\F022CMT001D061\600MW\L=780</t>
  </si>
  <si>
    <t>【哈电锅炉】末级过热器入口集箱管接头7正反各半\Φ57*11\12Cr1MoVG\F022CMT001D061\600MW\L=806</t>
  </si>
  <si>
    <t>【哈电锅炉】末级过热器入口集箱管接头8正反各半\Φ57*11\12Cr1MoVG\F022CMT001D061\600MW\L=1097</t>
  </si>
  <si>
    <t>【哈电锅炉】末级过热器入口集箱管接头9正反各半\Φ57*11\12Cr1MoVG\F022CMT001D061\600MW\L=924</t>
  </si>
  <si>
    <t>【哈电锅炉】末级过热器入口集箱管接头10正反各半\Φ57*11\12Cr1MoVG\F022CMT001D061\600MW\L=805</t>
  </si>
  <si>
    <t>【哈电锅炉】末级过热器入口集箱管接头11正反各半\Φ57*11\12Cr1MoVG\F022CMT001D061\600MW\L=924</t>
  </si>
  <si>
    <t>【哈电锅炉】末级过热器入口集箱管接头12正反各半\Φ57*11\12Cr1MoVG\F022CMT001D061\600MW\L=1098</t>
  </si>
  <si>
    <t>【哈电锅炉】末级过热器入口集箱管接头13正反各半\Φ57*11\12Cr1MoVG\F022CMT001D061\600MW\L=927</t>
  </si>
  <si>
    <t>【哈电锅炉】末级过热器入口集箱管接头14正反各半\Φ57*11\12Cr1MoVG\F022CMT001D061\600MW\L=808</t>
  </si>
  <si>
    <t>【哈电锅炉】末级过热器入口集箱管接头15正反各半\Φ57*11\12Cr1MoVG\F022CMT001D061\600MW\L=1097</t>
  </si>
  <si>
    <t>【哈电锅炉】末级过热器出口集箱(左.右)管接头1正反各半\Φ57*13.5\12Cr1MoVG\F022CMT001D061\600MW\L=1198</t>
  </si>
  <si>
    <t>【哈电锅炉】末级过热器出口集箱(左.右)管接头2正反各半\Φ57*13.5\12Cr1MoVG\F022CMT001D061\600MW\L=1033</t>
  </si>
  <si>
    <t>【哈电锅炉】末级过热器出口集箱(左.右)管接头3正反各半\Φ57*13.5\12Cr1MoVG\F022CMT001D061\600MW\L=922</t>
  </si>
  <si>
    <t>【哈电锅炉】末级过热器出口集箱(左.右)管接头4正反各半\Φ57*13.5\12Cr1MoVG\F022CMT001D061\600MW\L=1173</t>
  </si>
  <si>
    <t>【哈电锅炉】末级过热器出口集箱(左.右)管接头5正反各半\Φ57*13.5\12Cr1MoVG\F022CMT001D061\600MW\L=1005</t>
  </si>
  <si>
    <t>【哈电锅炉】末级过热器出口集箱(左.右)管接头6正反各半\Φ57*13.5\12Cr1MoVG\F022CMT001D061\600MW\L=893</t>
  </si>
  <si>
    <t>【哈电锅炉】末级过热器出口集箱(左.右)管接头7\Φ89*24.5\12Cr1MoV\F022CMT001D061\600MW\L=1152</t>
  </si>
  <si>
    <t>【哈电锅炉】末级过热器出口集箱(左.右)管接头8正反各半\Φ57*13.5\12Cr1MoVG\F022CMT001D061\600MW\L=982</t>
  </si>
  <si>
    <t>【哈电锅炉】末级过热器出口集箱(左.右)管接头9正反各半\Φ57*13.5\12Cr1MoVG\F022CMT001D061\600MW\L=868</t>
  </si>
  <si>
    <t>【哈电锅炉】末级过热器出口集箱(左.右)管接头10正反各半\Φ57*13.5\12Cr1MoVG\F022CMT001D061\600MW\L=1136</t>
  </si>
  <si>
    <t>【哈电锅炉】末级过热器出口集箱(左.右)管接头11正反各半\Φ57*13.5\12Cr1MoVG\F022CMT001D061\600MW\L=966</t>
  </si>
  <si>
    <t>【哈电锅炉】末级过热器出口集箱(左.右)管接头12正反各半\Φ57*13.5\12Cr1MoVG\F022CMT001D061\600MW\L=848</t>
  </si>
  <si>
    <t>【哈电锅炉】末级过热器出口集箱(左.右)管接头13正反各半\Φ57*13.5\12Cr1MoVG\F022CMT001D061\600MW\L=1126</t>
  </si>
  <si>
    <t>【哈电锅炉】末级过热器出口集箱(左.右)管接头14正反各半\Φ57*13.5\12Cr1MoVG\F022CMT001D061\600MW\L=954</t>
  </si>
  <si>
    <t>【哈电锅炉】末级过热器出口集箱(左.右)管接头15正反各半\Φ57*13.5\12Cr1MoVG\F022CMT001D061\600MW\L=834</t>
  </si>
  <si>
    <t>【哈电锅炉】末级过热器出口集箱(左.右)管接头16正反各半\Φ57*13.5\12Cr1MoVG\F022CMT001D061\600MW\L=1227</t>
  </si>
  <si>
    <t>【哈电锅炉】末级过热器出口集箱(左.右)管接头17正反各半\Φ57*13.5\12Cr1MoVG\F022CMT001D061\600MW\L=1063</t>
  </si>
  <si>
    <t>【哈电锅炉】末级过热器出口集箱(左.右)管接头18正反各半\Φ57*13.5\12Cr1MoVG\F022CMT001D061\600MW\L=954</t>
  </si>
  <si>
    <t>【哈电锅炉】末级过热器出口集箱(左.右)管接头19正反各半\Φ57*13.5\12Cr1MoVG\F022CMT001D061\600MW\L=1122</t>
  </si>
  <si>
    <t>【哈电锅炉】末级过热器出口集箱(左.右)管接头20\Φ57*13.5\12Cr1MoVG\F022CMT001D061\600MW\L=950</t>
  </si>
  <si>
    <t>【哈电锅炉】末级过热器出口集箱(左.右)管接头21\Φ57*13.5\12Cr1MoVG\F022CMT001D061\600MW\L=831</t>
  </si>
  <si>
    <t>【哈电锅炉】水平低温过热器入口集箱管接头1\Φ60*8\20G\F022CMU001D061\600MW\L=88.5</t>
  </si>
  <si>
    <t>【哈电锅炉】水平低温过热器入口集箱管接头2\Φ57*7\SA-210C\F022CMU001D061\600MW\L=1715</t>
  </si>
  <si>
    <t>【哈电锅炉】水平低温过热器入口集箱管接头3\Φ57*7\SA-210C\F022CMU001D061\600MW\L=1388</t>
  </si>
  <si>
    <t>【哈电锅炉】水平低温过热器入口集箱管接头4\Φ57*7\SA-210C\F022CMU001D061\600MW\L=1180</t>
  </si>
  <si>
    <t>【哈电锅炉】水平低温过热器入口集箱管接头5正反各半\Φ57*7\SA-210C\F022CMU001D061\600MW\L=2007</t>
  </si>
  <si>
    <t>【哈电锅炉】水平低温过热器入口集箱管接头6正反各半\Φ57*7\SA-210C\F022CMU001D061\600MW\L=1680</t>
  </si>
  <si>
    <t>【哈电锅炉】水平低温过热器入口集箱管接头7正反各半\Φ57*7\SA-210C\F022CMU001D061\600MW\L=1472</t>
  </si>
  <si>
    <t>【哈电锅炉】水平低温过热器入口集箱管接头8正反各半\Φ57*7\SA-210C\F022CMU001D061\600MW\L=2055</t>
  </si>
  <si>
    <t>【哈电锅炉】水平低温过热器入口集箱管接头9正反各半\Φ57*7\SA-210C\F022CMU001D061\600MW\L=1728</t>
  </si>
  <si>
    <t>【哈电锅炉】水平低温过热器入口集箱管接头10正反各半\Φ57*7\SA-210C\F022CMU001D061\600MW\L=1520</t>
  </si>
  <si>
    <t>【哈电锅炉】水平低温过热器入口集箱管接头11正反各半\Φ57*7\SA-210C\F022CMU001D061\600MW\L=2153</t>
  </si>
  <si>
    <t>【哈电锅炉】水平低温过热器入口集箱管接头12正反各半\Φ57*7\SA-210C\F022CMU001D061\600MW\L=1826</t>
  </si>
  <si>
    <t>【哈电锅炉】水平低温过热器入口集箱管接头13正反各半\Φ57*7\SA-210C\F022CMU001D061\600MW\L=1618</t>
  </si>
  <si>
    <t>【哈电锅炉】水平低温过热器入口集箱管接头14\Φ57*7\SA-210C\F022CMU001D061\600MW\L=2005</t>
  </si>
  <si>
    <t>【哈电锅炉】水平低温过热器入口集箱管接头15\Φ57*7\SA-210C\F022CMU001D061\600MW\L=1678</t>
  </si>
  <si>
    <t>【哈电锅炉】水平低温过热器入口集箱管接头16\Φ57*7\SA-210C\F022CMU001D061\600MW\L=1470</t>
  </si>
  <si>
    <t>【哈电锅炉】立式低温过热器出口集箱管接头1\Φ63*9\15CrMoG\F022CMU001D061\600MW\L=749</t>
  </si>
  <si>
    <t>【哈电锅炉】立式低温过热器出口集箱管接头2\Φ63*9\15CrMoG\F022CMU001D061\600MW\L=865</t>
  </si>
  <si>
    <t>【哈电锅炉】立式低温过热器出口集箱管接头3\Φ63*9\15CrMoG\F022CMU001D061\600MW\L=1039</t>
  </si>
  <si>
    <t>【哈电锅炉】立式低温过热器出口集箱管接头4正反各半\Φ63*9\15CrMoG\F022CMU001D061\600MW\L=714</t>
  </si>
  <si>
    <t>【哈电锅炉】立式低温过热器出口集箱管接头5正反各半\Φ63*9\15CrMoG\F022CMU001D061\600MW\L=831</t>
  </si>
  <si>
    <t>【哈电锅炉】立式低温过热器出口集箱管接头6正反各半\Φ63*9\15CrMoG\F022CMU001D061\600MW\L=999</t>
  </si>
  <si>
    <t>【哈电锅炉】立式低温过热器出口集箱管接头7正反各半\Φ63*9\15CrMoG\F022CMU001D061\600MW\L=711</t>
  </si>
  <si>
    <t>【哈电锅炉】立式低温过热器出口集箱管接头8正反各半\Φ63*9\15CrMoG\F022CMU001D061\600MW\L=832</t>
  </si>
  <si>
    <t>【哈电锅炉】立式低温过热器出口集箱管接头9正反各半\Φ63*9\15CrMoG\F022CMU001D061\600MW\L=992</t>
  </si>
  <si>
    <t>【哈电锅炉】立式低温过热器出口集箱管接头10正反各半\Φ63*9\15CrMoG\F022CMU001D061\600MW\L=703</t>
  </si>
  <si>
    <t>【哈电锅炉】立式低温过热器出口集箱管接头11正反各半\Φ63*9\15CrMoG\F022CMU001D061\600MW\L=818</t>
  </si>
  <si>
    <t>【哈电锅炉】立式低温过热器出口集箱管接头12正反各半\Φ63*9\15CrMoG\F022CMU001D061\600MW\L=990</t>
  </si>
  <si>
    <t>【哈电锅炉】立式低温过热器出口集箱管接头13正反各半\Φ63*9\15CrMoG\F022CMU001D061\600MW\L=699</t>
  </si>
  <si>
    <t>【哈电锅炉】立式低温过热器出口集箱管接头14正反各半\Φ63*9\15CrMoG\F022CMU001D061\600MW\L=815</t>
  </si>
  <si>
    <t>【哈电锅炉】立式低温过热器出口集箱管接头15正反各半\Φ63*9\15CrMoG\F022CMU001D061\600MW\L=989</t>
  </si>
  <si>
    <t>【哈电锅炉】立式低温过热器出口集箱管接头16正反各半\Φ63*9\15CrMoG\F022CMU001D061\600MW\L=753</t>
  </si>
  <si>
    <t>【哈电锅炉】立式低温过热器出口集箱管接头17正反各半\Φ63*9\15CrMoG\F022CMU001D061\600MW\L=868</t>
  </si>
  <si>
    <t>【哈电锅炉】立式低温过热器出口集箱管接头18正反各半\Φ63*9\15CrMoG\F022CMU001D061\600MW\L=1040</t>
  </si>
  <si>
    <t>【哈电锅炉】后烟道侧包墙上部S弯管1\Φ57*7\SA-210C\F022CEM001D061\600MW\L=825</t>
  </si>
  <si>
    <t>【哈电锅炉】后烟道侧包墙上部S弯管2\Φ57*7\SA-210C\F022CEM001D061\600MW\L=776</t>
  </si>
  <si>
    <t>【哈电锅炉】后烟道侧包墙上部S弯管3\Φ57*7\SA-210C\F022CEM001D061\600MW\L=736</t>
  </si>
  <si>
    <t>【哈电锅炉】后烟道侧包墙上部S弯管4\Φ57*7\SA-210C\F022CEM001D061\600MW\L=708</t>
  </si>
  <si>
    <t>【哈电锅炉】后屏过热器底部外1圈90°弯管\φ63*11\SA-213TP347H\F022CGB001D061\600MW\L=1338</t>
  </si>
  <si>
    <t>【哈电锅炉】后屏过热器外1圈S型弯管\φ63*8\SA-213T91\F022CGB001D061\600MW\L=1295</t>
  </si>
  <si>
    <t>【哈电锅炉】后屏过热器底部90°弯管1\φ60*9\SA-213T91\F022CGB001D061\600MW\L=1314</t>
  </si>
  <si>
    <t>【哈电锅炉】后屏过热器底部90°弯管2\φ60*9\SA-213TP347H\F022CGB001D061\600MW\L=1314</t>
  </si>
  <si>
    <t>【哈电锅炉】后屏过热器底部180°弯管\φ60*11.5\SA-213TP347H\F022CGB001D061\600MW\L=1198</t>
  </si>
  <si>
    <t>【哈电锅炉】后屏过热器内1圈S型弯管1\φ60*9\SA-213T91\F022CGB001D061\600MW\L=1159</t>
  </si>
  <si>
    <t>【哈电锅炉】末级过热器底部70°弯管1\φ57*10\12Cr1MoVG\F022CHD001D061\600MW\L=1213</t>
  </si>
  <si>
    <t>【哈电锅炉】末级过热器底部110°弯管1\φ57*10\12Cr1MoVG\F022CHD001D061\600MW\L=1334</t>
  </si>
  <si>
    <t>【哈电锅炉】末级过热器底部70°弯管2\φ57*9\SA-213T23\F022CHD001D061\600MW\L=1213</t>
  </si>
  <si>
    <t>【哈电锅炉】末级过热器底部110°弯管2\φ57*9\SA-213T23\F022CHD001D061\600MW\L=1334</t>
  </si>
  <si>
    <t>【哈电锅炉】末级过热器外1圈上部U型弯管\φ57*9\SA-213T23\F022CHD001D061\600MW\L=1458</t>
  </si>
  <si>
    <t>【哈电锅炉】末级过热器外1圈上部S型弯管1\φ57*9\SA-213T23\F022CHD001D061\600MW\L=1523</t>
  </si>
  <si>
    <t>【哈电锅炉】末级过热器外1圈上部S型弯管2\φ57*9\SA-213T23\F022CHD001D061\600MW\L=1516</t>
  </si>
  <si>
    <t>【哈电锅炉】末级过热器外1圈上部S型弯管3\φ57*10\12Cr1MoVG\F022CHD001D061\600MW\L=1516</t>
  </si>
  <si>
    <t>【哈电锅炉】末级过热器外2圈上部U型弯管\φ57*9\SA-213T23\F022CHD001D061\600MW\L=1705</t>
  </si>
  <si>
    <t>【哈电锅炉】末级过热器外2圈上部S型弯管1\φ57*9\SA-213T23\F022CHD001D061\600MW\L=1513</t>
  </si>
  <si>
    <t>【哈电锅炉】末级过热器外2圈上部S型弯管2\φ57*9\SA-213T23\F022CHD001D061\600MW\L=1541</t>
  </si>
  <si>
    <t>【哈电锅炉】末级过热器外2圈上部S型弯管3\φ57*10\12Cr1MoVG\F022CHD001D061\600MW\L=1514</t>
  </si>
  <si>
    <t>【哈电锅炉】末级过热器外3圈上部U型弯管\φ57*9\SA-213T23\F022CHD001D061\600MW\L=1851</t>
  </si>
  <si>
    <t>【哈电锅炉】末级过热器外3圈上部S型弯管1\φ57*9\SA-213T23\F022CHD001D061\600MW\L=1508</t>
  </si>
  <si>
    <t>【哈电锅炉】末级过热器外3圈上部S型弯管2\φ57*9\SA-213T23\F022CHD001D061\600MW\L=1565</t>
  </si>
  <si>
    <t>【哈电锅炉】末级过热器外3圈上部S型弯管3\φ57*10\12Cr1MoVG\F022CHD001D061\600MW\L=1565</t>
  </si>
  <si>
    <t>【哈电锅炉】末级过热器外4圈上部U型弯管\φ57*9\SA-213T23\F022CHD001D061\600MW\L=1996</t>
  </si>
  <si>
    <t>【哈电锅炉】末级过热器外4圈上部S型弯管1\φ57*9\SA-213T23\F022CHD001D061\600MW\L=1648</t>
  </si>
  <si>
    <t>【哈电锅炉】末级过热器外4圈上部S型弯管2\φ57*10\12Cr1MoVG\F022CHD001D061\600MW\L=1648</t>
  </si>
  <si>
    <t>【哈电锅炉】末级过热器外5圈上部S型弯管1\φ57*9\SA-213T23\F022CHD001D061\600MW\L=2274</t>
  </si>
  <si>
    <t>【哈电锅炉】末级过热器外5圈上部S型弯管2\φ57*10\12Cr1MoVG\F022CHD001D061\600MW\L=2274</t>
  </si>
  <si>
    <t>【哈电锅炉】末级过热器外5圈底部U型弯管前\φ57*10\12Cr1MoVG\F022CHD001D061\600MW\L=1450</t>
  </si>
  <si>
    <t>【哈电锅炉】末级过热器外5圈底部U型弯管后\φ57*9\SA-213T23\F022CHD001D061\600MW\L=1450</t>
  </si>
  <si>
    <t>【哈电锅炉】末级过热器外6圈上部S型弯管\φ57*10\12Cr1MoVG\F022CHD001D061\600MW\L=1611</t>
  </si>
  <si>
    <t>【哈电锅炉】末级过热器外6圈上部S型弯管\φ57*9\SA-213T23\F022CHD001D061\600MW\L=1611</t>
  </si>
  <si>
    <t>【哈电锅炉】末级过热器外6圈底部180°弯管\φ57*10\12Cr1MoVG\F022CHD001D061\600MW\L=1179</t>
  </si>
  <si>
    <t>【哈电锅炉】末级过热器外6圈底部180°弯管\φ57*9\SA-213T23\F022CHD001D061\600MW\L=1179</t>
  </si>
  <si>
    <t>【哈电锅炉】流体冷却间隔管90°弯管1\φ42*6\20G\F022CJQ001D061\600MW\L=1251</t>
  </si>
  <si>
    <t>【哈电锅炉】流体冷却间隔管89°51'弯管\φ42*6\20G\F022CJQ001D061\600MW\L=1125</t>
  </si>
  <si>
    <t>【哈电锅炉】流体冷却间隔管87°弯管\φ42*6\20G\F022CJQ001D061\600MW\L=1121</t>
  </si>
  <si>
    <t>【哈电锅炉】流体冷却间隔管85°弯管\φ42*6\20G\F022CJQ001D061\600MW\L=1237</t>
  </si>
  <si>
    <t>【哈电锅炉】流体冷却间隔管110°弯管\φ42*5\20G\F022CJQ001D061\600MW\L=1248</t>
  </si>
  <si>
    <t>【哈电锅炉】流体冷却间隔管90°弯管\φ51*6.5\15CrMoG\F022CJQ001D061\600MW\L=1251</t>
  </si>
  <si>
    <t>【哈电锅炉】流体冷却间隔管S弯管1\φ51*6.5\15CrMoG\F022CJQ001D061\600MW\L=1608</t>
  </si>
  <si>
    <t>【哈电锅炉】流体冷却间隔管S弯管2\φ51*6.5\15CrMoG\F022CJQ001D061\600MW\L=1552</t>
  </si>
  <si>
    <t>【哈电锅炉】流体冷却间隔管90°弯管1\φ51*6.5\15CrMoG\F022CJQ001D061\600MW\L=1251</t>
  </si>
  <si>
    <t>【哈电锅炉】流体冷却间隔管85°弯管\φ51*6.5\15CrMoG\F022CJQ001D061\600MW\L=1237</t>
  </si>
  <si>
    <t>【哈电锅炉】流体冷却间隔管S弯管3\φ51*6.5\15CrMoG\F022CJQ001D061\600MW\L=1488</t>
  </si>
  <si>
    <t>【哈电锅炉】流体冷却夹管三叉管\φ63*9\12Cr1MoVG+ SA-213TP347H\F022CJP001D061\600MW</t>
  </si>
  <si>
    <t>【哈电锅炉】流体冷却夹管90°弯管\φ51*7\SA-213TP347H\F022CJP001D061\600MW\L=2798</t>
  </si>
  <si>
    <t>【哈电锅炉】流体冷却夹管弯管\φ51*7\SA-213TP347H\F022CJP001D061\600MW\L=2428</t>
  </si>
  <si>
    <t>【哈电锅炉】后屏再热器入口集箱管接头1\Φ63*5\15CrMoG\F022DJG001D061\600MW\L=866</t>
  </si>
  <si>
    <t>【哈电锅炉】后屏再热器入口集箱管接头2\Φ63*5\15CrMoG\F022DJG001D061\600MW\L=676</t>
  </si>
  <si>
    <t>【哈电锅炉】后屏再热器入口集箱管接头3\Φ63*5\15CrMoG\F022DJG001D061\600MW\L=544</t>
  </si>
  <si>
    <t>【哈电锅炉】后屏再热器入口集箱管接头4\Φ63*5\15CrMoG\F022DJG001D061\600MW\L=860</t>
  </si>
  <si>
    <t>【哈电锅炉】后屏再热器入口集箱管接头5\Φ63*5\15CrMoG\F022DJG001D061\600MW\L=670</t>
  </si>
  <si>
    <t>【哈电锅炉】后屏再热器入口集箱管接头6\Φ63*5\15CrMoG\F022DJG001D061\600MW\L=538</t>
  </si>
  <si>
    <t>【哈电锅炉】后屏再热器入口集箱管接头7\Φ63*5\15CrMoG\F022DJG001D061\600MW\L=840</t>
  </si>
  <si>
    <t>【哈电锅炉】后屏再热器入口集箱管接头8\Φ63*5\15CrMoG\F022DJG001D061\600MW\L=650</t>
  </si>
  <si>
    <t>【哈电锅炉】后屏再热器入口集箱管接头9\Φ63*5\15CrMoG\F022DJG001D061\600MW\L=518</t>
  </si>
  <si>
    <t>【哈电锅炉】末级再热器出口集箱管接头1正反各半\Φ63*4.5\SA-213T91\F022DJH001D061\600MW\L=1216</t>
  </si>
  <si>
    <t>【哈电锅炉】末级再热器出口集箱管接头2正反各半\Φ63*4.5\SA-213T91\F022DJH001D061\600MW\L=1226</t>
  </si>
  <si>
    <t>【哈电锅炉】末级再热器出口集箱管接头3正反各半\Φ63*4.5\SA-213T91\F022DJH001D061\600MW\L=1013</t>
  </si>
  <si>
    <t>【哈电锅炉】末级再热器出口集箱管接头4正反各半\Φ63*4.5\SA-213T91\F022DJH001D061\600MW\L=1044</t>
  </si>
  <si>
    <t>【哈电锅炉】末级再热器出口集箱管接头5正反各半\Φ63*4.5\SA-213T91\F022DJH001D061\600MW\L=916</t>
  </si>
  <si>
    <t>【哈电锅炉】末级再热器出口集箱管接头6正反各半\Φ63*4.5\SA-213T91\F022DJH001D061\600MW\L=971</t>
  </si>
  <si>
    <t>【哈电锅炉】末级再热器出口集箱管接头7正反各半\Φ63*4.5\SA-213T91\F022DJH001D061\600MW\L=1210</t>
  </si>
  <si>
    <t>【哈电锅炉】末级再热器出口集箱管接头8正反各半\Φ63*4.5\SA-213T91\F022DJH001D061\600MW\L=1217</t>
  </si>
  <si>
    <t>【哈电锅炉】末级再热器出口集箱管接头9正反各半\Φ63*4.5\SA-213T91\F022DJH001D061\600MW\L=1011</t>
  </si>
  <si>
    <t>【哈电锅炉】末级再热器出口集箱管接头10正反各半\Φ63*4.5\SA-213T91\F022DJH001D061\600MW\L=1032</t>
  </si>
  <si>
    <t>【哈电锅炉】末级再热器出口集箱管接头11正反各半\Φ63*4.5\SA-213T91\F022DJH001D061\600MW\L=910</t>
  </si>
  <si>
    <t>【哈电锅炉】末级再热器出口集箱管接头12正反各半\Φ63*4.5\SA-213T91\F022DJH001D061\600MW\L=958</t>
  </si>
  <si>
    <t>【哈电锅炉】末级再热器出口集箱管接头13正反各半\Φ63*4.5\SA-213T91\F022DJH001D061\600MW\L=1210</t>
  </si>
  <si>
    <t>【哈电锅炉】末级再热器出口集箱管接头14正反各半\Φ63*4.5\SA-213T91\F022DJH001D061\600MW\L=1210</t>
  </si>
  <si>
    <t>【哈电锅炉】末级再热器出口集箱管接头15正反各半\Φ63*4.5\SA-213T91\F022DJH001D061\600MW\L=1009</t>
  </si>
  <si>
    <t>【哈电锅炉】末级再热器出口集箱管接头16正反各半\Φ63*4.5\SA-213T91\F022DJH001D061\600MW\L=1023</t>
  </si>
  <si>
    <t>【哈电锅炉】末级再热器出口集箱管接头17正反各半\Φ63*4.5\SA-213T91\F022DJH001D061\600MW\L=909</t>
  </si>
  <si>
    <t>【哈电锅炉】末级再热器出口集箱管接头18正反各半\Φ63*4.5\SA-213T91\F022DJH001D061\600MW\L=947</t>
  </si>
  <si>
    <t>【哈电锅炉】末级再热器出口集箱管接头19正反各半\Φ63*4.5\SA-213T91\F022DJH001D061\600MW\L=1212</t>
  </si>
  <si>
    <t>【哈电锅炉】末级再热器出口集箱管接头20正反各半\Φ63*4.5\SA-213T91\F022DJH001D061\600MW\L=1204</t>
  </si>
  <si>
    <t>【哈电锅炉】末级再热器出口集箱管接头21正反各半\Φ63*4.5\SA-213T91\F022DJH001D061\600MW\L=1013</t>
  </si>
  <si>
    <t>【哈电锅炉】末级再热器出口集箱管接头22正反各半\Φ63*4.5\SA-213T91\F022DJH001D061\600MW\L=1017</t>
  </si>
  <si>
    <t>【哈电锅炉】末级再热器出口集箱管接头23正反各半\Φ63*4.5\SA-213T91\F022DJH001D061\600MW\L=914</t>
  </si>
  <si>
    <t>【哈电锅炉】末级再热器出口集箱管接头24正反各半\Φ63*4.5\SA-213T91\F022DJH001D061\600MW\L=940</t>
  </si>
  <si>
    <t>【哈电锅炉】末级再热器出口集箱管接头25正反各半\Φ63*4.5\SA-213T91\F022DJH001D061\600MW\L=1125</t>
  </si>
  <si>
    <t>【哈电锅炉】末级再热器出口集箱管接头26正反各半\Φ63*4.5\SA-213T91\F022DJH001D061\600MW\L=1117</t>
  </si>
  <si>
    <t>【哈电锅炉】末级再热器出口集箱管接头27正反各半\Φ63*4.5\SA-213T91\F022DJH001D061\600MW\L=926</t>
  </si>
  <si>
    <t>【哈电锅炉】末级再热器出口集箱管接头28正反各半\Φ63*4.5\SA-213T91\F022DJH001D061\600MW\L=930</t>
  </si>
  <si>
    <t>【哈电锅炉】末级再热器出口集箱管接头29正反各半\Φ63*4.5\SA-213T91\F022DJH001D061\600MW\L=827</t>
  </si>
  <si>
    <t>【哈电锅炉】末级再热器出口集箱管接头30正反各半\Φ63*4.5\SA-213T91\F022DJH001D061\600MW\L=853</t>
  </si>
  <si>
    <t>【哈电锅炉】末级再热器出口集箱管接头31正反各半\Φ63*4.5\SA-213T91\F022DJH001D061\600MW\L=1214</t>
  </si>
  <si>
    <t>【哈电锅炉】末级再热器出口集箱管接头32正反各半\Φ63*4.5\SA-213T91\F022DJH001D061\600MW\L=1204</t>
  </si>
  <si>
    <t>【哈电锅炉】末级再热器出口集箱管接头33正反各半\Φ63*4.5\SA-213T91\F022DJH001D061\600MW\L=1015</t>
  </si>
  <si>
    <t>【哈电锅炉】末级再热器出口集箱管接头34正反各半\Φ63*4.5\SA-213T91\F022DJH001D061\600MW\L=1017</t>
  </si>
  <si>
    <t>【哈电锅炉】末级再热器出口集箱管接头35正反各半\Φ63*4.5\SA-213T91\F022DJH001D061\600MW\L=918</t>
  </si>
  <si>
    <t>【哈电锅炉】末级再热器出口集箱管接头36正反各半\Φ63*4.5\SA-213T91\F022DJH001D061\600MW\L=942</t>
  </si>
  <si>
    <t>【哈电锅炉】末级再热器出口集箱管接头37正反各半\Φ63*4.5\SA-213T91\F022DJH001D061\600MW\L=1212</t>
  </si>
  <si>
    <t>【哈电锅炉】末级再热器出口集箱管接头38正反各半\Φ63*4.5\SA-213T91\F022DJH001D061\600MW\L=1202</t>
  </si>
  <si>
    <t>【哈电锅炉】末级再热器出口集箱管接头39正反各半\Φ63*4.5\SA-213T91\F022DJH001D061\600MW\L=1011</t>
  </si>
  <si>
    <t>【哈电锅炉】末级再热器出口集箱管接头40正反各半\Φ63*4.5\SA-213T91\F022DJH001D061\600MW\L=1015</t>
  </si>
  <si>
    <t>【哈电锅炉】末级再热器出口集箱管接头41正反各半\Φ63*4.5\SA-213T91\F022DJH001D061\600MW\L=913</t>
  </si>
  <si>
    <t>【哈电锅炉】末级再热器出口集箱管接头42正反各半\Φ63*4.5\SA-213T91\F022DJH001D061\600MW\L=938</t>
  </si>
  <si>
    <t>【哈电锅炉】末级再热器出口集箱管接头43正反各半\Φ63*4.5\SA-213T91\F022DJH001D061\600MW\L=1160</t>
  </si>
  <si>
    <t>【哈电锅炉】末级再热器出口集箱管接头44正反各半\Φ63*4.5\SA-213T91\F022DJH001D061\600MW\L=1152</t>
  </si>
  <si>
    <t>【哈电锅炉】末级再热器出口集箱管接头45正反各半\Φ63*4.5\SA-213T91\F022DJH001D061\600MW\L=961</t>
  </si>
  <si>
    <t>【哈电锅炉】末级再热器出口集箱管接头46正反各半\Φ63*4.5\SA-213T91\F022DJH001D061\600MW\L=965</t>
  </si>
  <si>
    <t>【哈电锅炉】末级再热器出口集箱管接头47正反各半\Φ63*4.5\SA-213T91\F022DJH001D061\600MW\L=862</t>
  </si>
  <si>
    <t>【哈电锅炉】末级再热器出口集箱管接头48正反各半\Φ63*4.5\SA-213T91\F022DJH001D061\600MW\L=887</t>
  </si>
  <si>
    <t>【哈电锅炉】末级再热器出口集箱管接头49正反各半\Φ63*4.5\SA-213T91\F022DJH001D061\600MW\L=1211</t>
  </si>
  <si>
    <t>【哈电锅炉】末级再热器出口集箱管接头50正反各半\Φ63*4.5\SA-213T91\F022DJH001D061\600MW\L=1012</t>
  </si>
  <si>
    <t>【哈电锅炉】末级再热器出口集箱管接头51正反各半\Φ63*4.5\SA-213T91\F022DJH001D061\600MW\L=912</t>
  </si>
  <si>
    <t>【哈电锅炉】末级再热器出口集箱管接头52正反各半\Φ63*4.5\SA-213T91\F022DJH001D061\600MW\L=1204</t>
  </si>
  <si>
    <t>【哈电锅炉】末级再热器出口集箱管接头53正反各半\Φ63*4.5\SA-213T91\F022DJH001D061\600MW\L=1015</t>
  </si>
  <si>
    <t>【哈电锅炉】末级再热器出口集箱管接头54正反各半\Φ63*4.5\SA-213T91\F022DJH001D061\600MW\L=938</t>
  </si>
  <si>
    <t>【哈电锅炉】壁式辐射再热器前墙入口集箱右(左)管接头1\Φ60*5\20G\F022DJE001D061\600MW\L=228</t>
  </si>
  <si>
    <t>【哈电锅炉】壁式辐射再热器前墙入口集箱右(左)管接头2\Φ60*5\20G\F022DJE001D061\600MW\L=249</t>
  </si>
  <si>
    <t>【哈电锅炉】壁式辐射再热器前墙入口集箱右(左)管接头3\Φ60*5\20G\F022DJE001D061\600MW\L=344</t>
  </si>
  <si>
    <t>【哈电锅炉】壁式辐射再热器前墙入口集箱右(左)管接头4\Φ60*5\20G\F022DJE001D061\600MW\L=315</t>
  </si>
  <si>
    <t>【哈电锅炉】壁式辐射再热器前墙入口集箱右(左)管接头5\Φ60*5\20G\F022DJE001D061\600MW\L=261</t>
  </si>
  <si>
    <t>【哈电锅炉】壁式辐射再热器前墙入口集箱右(左)管接头6\Φ60*5\20G\F022DJE001D061\600MW\L=282</t>
  </si>
  <si>
    <t>【哈电锅炉】壁式辐射再热器前墙入口集箱右(左)管接头7\Φ60*5\20G\F022DJE001D061\600MW\L=313</t>
  </si>
  <si>
    <t>【哈电锅炉】壁式辐射再热器前墙入口集箱右(左)管接头8\Φ60*5\20G\F022DJE001D061\600MW\L=334</t>
  </si>
  <si>
    <t>【哈电锅炉】壁式辐射再热器前墙入口集箱右(左)管接头9\Φ60*5\20G\F022DJE001D061\600MW\L=363</t>
  </si>
  <si>
    <t>【哈电锅炉】壁式辐射再热器前墙入口集箱右(左)管接头10\Φ60*5\20G\F022DJE001D061\600MW\L=384</t>
  </si>
  <si>
    <t>【哈电锅炉】壁式辐射再热器侧墙入口集箱右(左)管接头2\Φ60*5\20G\F022DJE001D061\600MW\L=344</t>
  </si>
  <si>
    <t>【哈电锅炉】壁式辐射再热器侧墙入口集箱右(左)管接头1\Φ60*5\20G\F022DJE001D061\600MW\L=315</t>
  </si>
  <si>
    <t>【哈电锅炉】壁式辐射再热器前墙出口集箱右(左)管接头1\Φ60*5\20G\F022DJF001D061\600MW\L=677</t>
  </si>
  <si>
    <t>【哈电锅炉】壁式辐射再热器前墙出口集箱右(左)管接头2正反各半\Φ60*5\20G\F022DJF001D061\600MW\L=2015</t>
  </si>
  <si>
    <t>【哈电锅炉】壁式辐射再热器前墙出口集箱右(左)管接头3正反各半\Φ60*5\20G\F022DJF001D061\600MW\L=1889</t>
  </si>
  <si>
    <t>【哈电锅炉】壁式辐射再热器前墙出口集箱右(左)管接头4正反各半\Φ60*5\20G\F022DJF001D061\600MW\L=1553</t>
  </si>
  <si>
    <t>【哈电锅炉】壁式辐射再热器前墙出口集箱右(左)管接头5正反各半\Φ60*5\20G\F022DJF001D061\600MW\L=1437</t>
  </si>
  <si>
    <t>【哈电锅炉】壁式辐射再热器前墙出口集箱右(左)管接头6\Φ60*5\20G\F022DJF001D061\600MW\L=879</t>
  </si>
  <si>
    <t>【哈电锅炉】壁式辐射再热器前墙出口集箱右(左)管接头7\Φ60*5\20G\F022DJF001D061\600MW\L=874</t>
  </si>
  <si>
    <t>【哈电锅炉】壁式辐射再热器前墙出口集箱右(左)管接头8正反各半\Φ60*5\20G\F022DJF001D061\600MW\L=965</t>
  </si>
  <si>
    <t>【哈电锅炉】壁式辐射再热器前墙出口集箱右(左)管接头9正反各半\Φ60*5\20G\F022DJF001D061\600MW\L=960</t>
  </si>
  <si>
    <t>【哈电锅炉】壁式辐射再热器前墙出口集箱右(左)管接头10\Φ60*5\20G\F022DJF001D061\600MW\L=870</t>
  </si>
  <si>
    <t>【哈电锅炉】壁式辐射再热器前墙出口集箱右(左)管接头11\Φ60*5\20G\F022DJF001D061\600MW\L=956</t>
  </si>
  <si>
    <t>【哈电锅炉】壁式辐射再热器前墙出口集箱右(左)管接头12\Φ60*5\20G\F022DJF001D061\600MW\L=763</t>
  </si>
  <si>
    <t>【哈电锅炉】壁式辐射再热器侧墙出口集箱右(左)管接头1\Φ60*5\20G\F022DJF001D061\600MW\L=667</t>
  </si>
  <si>
    <t>【哈电锅炉】壁式辐射再热器侧墙出口集箱右(左)管接头2正反各半\Φ60*5\20G\F022DJF001D061\600MW\L=2015</t>
  </si>
  <si>
    <t>【哈电锅炉】壁式辐射再热器侧墙出口集箱右(左)管接头3正反各半\Φ60*5\20G\F022DJF001D061\600MW\L=1899</t>
  </si>
  <si>
    <t>【哈电锅炉】壁式辐射再热器侧墙出口集箱右(左)管接头4正反各半\Φ60*5\20G\F022DJF001D061\600MW\L=1553</t>
  </si>
  <si>
    <t>【哈电锅炉】壁式辐射再热器侧墙出口集箱右(左)管接头5正反各半\Φ60*5\20G\F022DJF001D061\600MW\L=1448</t>
  </si>
  <si>
    <t>【哈电锅炉】壁式辐射再热器侧墙出口集箱右(左)管接头6\Φ60*5\20G\F022DJF001D061\600MW\L=876</t>
  </si>
  <si>
    <t>【哈电锅炉】壁式辐射再热器侧墙出口集箱右(左)管接头7\Φ60*5\20G\F022DJF001D061\600MW\L=871</t>
  </si>
  <si>
    <t>【哈电锅炉】壁式辐射再热器侧墙出口集箱右(左)管接头8\Φ60*5\20G\F022DJF001D061\600MW\L=873</t>
  </si>
  <si>
    <t>【哈电锅炉】壁式辐射再热器侧墙出口集箱右(左)管接头9\Φ60*5\20G\F022DJF001D061\600MW\L=878</t>
  </si>
  <si>
    <t>【哈电锅炉】壁式辐射再热器侧墙出口集箱右(左)管接头10\Φ60*5\20G\F022DJF001D061\600MW\L=884</t>
  </si>
  <si>
    <t>【哈电锅炉】壁式辐射再热器侧墙出口集箱右(左)管接头11\Φ60*5\20G\F022DJF001D061\600MW\L=894</t>
  </si>
  <si>
    <t>【哈电锅炉】壁式辐射再热器侧墙出口集箱右(左)管接头12正\Φ60*5\20G\F022DJF001D061\600MW\L=957</t>
  </si>
  <si>
    <t>【哈电锅炉】壁式辐射再热器侧墙出口集箱右(左)管接头13正\Φ60*5\20G\F022DJF001D061\600MW\L=952</t>
  </si>
  <si>
    <t>【哈电锅炉】壁式辐射再热器侧墙出口集箱右(左)管接头14正\Φ60*5\20G\F022DJF001D061\600MW\L=954</t>
  </si>
  <si>
    <t>【哈电锅炉】壁式辐射再热器侧墙出口集箱右(左)管接头15正\Φ60*5\20G\F022DJF001D061\600MW\L=959</t>
  </si>
  <si>
    <t>【哈电锅炉】壁式辐射再热器侧墙出口集箱右(左)管接头16正\Φ60*5\20G\F022DJF001D061\600MW\L=965</t>
  </si>
  <si>
    <t>【哈电锅炉】壁式辐射再热器侧墙出口集箱右(左)管接头17正\Φ60*5\20G\F022DJF001D061\600MW\L=966</t>
  </si>
  <si>
    <t>【哈电锅炉】壁式辐射再热器侧墙出口集箱右(左)管接头18\Φ60*5\20G\F022DJF001D061\600MW\L=758</t>
  </si>
  <si>
    <t>【哈电锅炉】末级再热器外1圈底部90°弯管\Φ63*4\SA-213TP304H\F022DEA001D061\600MW\L=1338</t>
  </si>
  <si>
    <t>【哈电锅炉】末级再热器外1-4圈上部90°弯管\Φ63*4\SA-213T91\F022DEA001D061\600MW\L=1338</t>
  </si>
  <si>
    <t>【哈电锅炉】末级再热器外1圈上部S弯管\Φ63*4\SA-213T91\F022DEA001D061\600MW\L=1274</t>
  </si>
  <si>
    <t>【哈电锅炉】末级再热器外2/4圈上部S弯管\Φ63*4\SA-213T91\F022DEA001D061\600MW\L=1192</t>
  </si>
  <si>
    <t>【哈电锅炉】末级再热器外3圈上部U型弯管\Φ63*7\SA-213T91\F022DEA001D061\600MW\L=1297</t>
  </si>
  <si>
    <t>【哈电锅炉】末级再热器外4圈上部S弯管\Φ63*4\SA-213T91\F022DEA001D061\600MW\L=1192</t>
  </si>
  <si>
    <t>【哈电锅炉】末级再热器外5圈上部S弯管\Φ63*4\SA-213T91\F022DEA001D061\600MW\L=1300</t>
  </si>
  <si>
    <t>【哈电锅炉】末级再热器外6圈上部S弯管\Φ63*4\SA-213T91\F022DEA001D061\600MW\L=1970</t>
  </si>
  <si>
    <t>【哈电锅炉】末级再热器外7圈上部S弯管\Φ63*4\SA-213T91\F022DEA001D061\600MW\L=1026</t>
  </si>
  <si>
    <t>【哈电锅炉】末级再热器外8圈上部S弯管\Φ63*4\SA-213T91\F022DEA001D061\600MW\L=2081</t>
  </si>
  <si>
    <t>【哈电锅炉】末级再热器外9圈上部S弯管\Φ63*4\SA-213T91\F022DEA001D061\600MW\L=2192</t>
  </si>
  <si>
    <t>【哈电锅炉】末级再热器外10圈上部S弯管\Φ63*4\SA-213T91\F022DEA001D061\600MW\L=2248</t>
  </si>
  <si>
    <t>【哈电锅炉】末级再热器外11圈上部S弯管\Φ63*4\SA-213TP304H\F022DEA001D061\600MW\L=2305</t>
  </si>
  <si>
    <t>【哈电锅炉】末级再热器外12圈上部S弯管\Φ63*4\SA-213TP304H\F022DEA001D061\600MW\L=2360</t>
  </si>
  <si>
    <t>【哈电锅炉】前墙辐射再热器上部S弯管\Φ60*4\15CrMoG\F022DDG001D061\600MW\L=1514</t>
  </si>
  <si>
    <t>【哈电锅炉】前墙辐射再热器上部双S弯管\Φ60*4\15CrMoG\F022DDG001D061\600MW\L=1353</t>
  </si>
  <si>
    <t>【哈电锅炉】前墙辐射再热器下部90°弯管\Φ60*4\15CrMoG\F022DDG001D061\600MW\L=1314</t>
  </si>
  <si>
    <t>【哈电锅炉】前墙辐射再热器下部勺型弯管\Φ60*4\15CrMoG\F022DDG001D061\600MW\L=1736</t>
  </si>
  <si>
    <t>【哈电锅炉】前墙辐射再热器下部S弯管1\Φ60*4\15CrMoG\F022DDG001D061\600MW\L=1228</t>
  </si>
  <si>
    <t>【哈电锅炉】前墙辐射再热器下部S弯管2\Φ60*4\15CrMoG\F022DDG001D061\600MW\L=1240</t>
  </si>
  <si>
    <t>【哈电锅炉】前墙辐射再热器下部穿墙90°弯管\Φ60*4\15CrMoG\F022DDG001D061\600MW\L=1773</t>
  </si>
  <si>
    <t>【哈电锅炉】侧墙辐射再热器上部S弯管1\Φ60*4\15CrMoG\F022DDH001D061\600MW\L=1816</t>
  </si>
  <si>
    <t>【哈电锅炉】侧墙辐射再热器上部S弯管2\Φ60*4\15CrMoG\F022DDH001D061\600MW\L=1732</t>
  </si>
  <si>
    <t>【哈电锅炉】侧墙辐射再热器下部穿墙90°弯管\Φ60*4\15CrMoG\F022DDH001D061\600MW\L=1314</t>
  </si>
  <si>
    <t>【哈电锅炉】侧墙辐射再热器下部勺型弯管\Φ60*4\15CrMoG\F022DDH001D061\600MW\L=736</t>
  </si>
  <si>
    <t>【哈电锅炉】省煤器外数第一圈180°弯头管1\Φ32*4\20\22.1352.025\200MW\L=683</t>
  </si>
  <si>
    <t>【哈电锅炉】省煤器外数第二圈180°弯头管2\Φ32*4\20\22.1352.025\200MW\L=541</t>
  </si>
  <si>
    <t>【哈电锅炉】省煤器90°弯头管\Φ32*4\20\22.1352.025\200MW\L=500</t>
  </si>
  <si>
    <t>【哈电锅炉】省煤器右右(左左)上集箱管接头1\Φ42*5\20\22.1351.022\200MW\L=110</t>
  </si>
  <si>
    <t>【哈电锅炉】省煤器右右(左左)上集箱管接头2\Φ32*4\20\22.1351.022\200MW\L=110</t>
  </si>
  <si>
    <t>【哈电锅炉】省煤器右左(左右)上集箱管接头1\Φ42*5\20\22.1351.022\200MW\L=115</t>
  </si>
  <si>
    <t>【哈电锅炉】省煤器右左(左右)上集箱管接头2\Φ32*4\20\22.1351.022\200MW\L=110</t>
  </si>
  <si>
    <t>【哈电锅炉】省煤器下集箱管接头1\Φ32*4\20\22.1351.022\200MW\L=110</t>
  </si>
  <si>
    <t>【哈电锅炉】省煤器下集箱管接头2\Φ28*4\20\22.1351.022\200MW\L=115</t>
  </si>
  <si>
    <t>【哈电锅炉】悬吊管上集箱管接头1\Φ42*5\20\22.1351.022\200MW\L=115</t>
  </si>
  <si>
    <t>【哈电锅炉】上级省煤器下集箱管接头1\Φ32*4\20\22.1351.022\200MW\L=110</t>
  </si>
  <si>
    <t>【哈电锅炉】下级省煤器上集箱管接头1\Φ32*4\20\22.1351.022\200MW\L=110</t>
  </si>
  <si>
    <t>【哈电锅炉】下级省煤器下集箱管接头1\Φ32*4\20\22.1351.022\200MW\L=110</t>
  </si>
  <si>
    <t>【哈电锅炉】前水冷壁上集箱No.1(正.反) 管接头\Φ60*6\20\22.1324.022\200MW\L=410</t>
  </si>
  <si>
    <t>【哈电锅炉】前水冷壁上集箱No.2(正.反) 管接头\Φ60*6\20\22.1324.022\200MW\L=410</t>
  </si>
  <si>
    <t>【哈电锅炉】前水冷壁上集箱No.3 管接头\Φ60*6\20\22.1324.022\200MW\L=410</t>
  </si>
  <si>
    <t>【哈电锅炉】斜包墙水冷壁上集箱No.1管接头\Φ60*6\20\22.1324.022\200MW\L=410</t>
  </si>
  <si>
    <t>【哈电锅炉】斜包墙水冷壁上集箱No.2管接头\Φ60*6\20\22.1324.022\200MW\L=410</t>
  </si>
  <si>
    <t>【哈电锅炉】斜包墙水冷壁上集箱No.3管接头\Φ60*6\20\22.1324.022\200MW\L=410</t>
  </si>
  <si>
    <t>【哈电锅炉】侧水冷壁上集箱No.1(正.反) 管接头\Φ60*6\20\22.1324.022\200MW\L=410</t>
  </si>
  <si>
    <t>【哈电锅炉】侧水冷壁上集箱No.2(正.反) 管接头\Φ60*6\20\22.1324.022\200MW\L=410</t>
  </si>
  <si>
    <t>【哈电锅炉】侧水冷壁上集箱No.3(正.反) 管接头\Φ60*6\20\22.1324.022\200MW\L=410</t>
  </si>
  <si>
    <t>【哈电锅炉】后水冷壁上集箱(边) 管接头\Φ60*6.5\20\22.1324.022\200MW\L=120</t>
  </si>
  <si>
    <t>【哈电锅炉】后水冷壁上集箱(中) 排管接头\Φ60*6.5\20\22.1324.022\200MW\L=120</t>
  </si>
  <si>
    <t>【哈电锅炉】前后水冷壁下集箱No.1(正.反) 管接头1\Φ60*6\20\22.1324.022\200MW\L=410</t>
  </si>
  <si>
    <t>【哈电锅炉】前后水冷壁下集箱No.1(正.反) 管接头2\Φ42*5\20\22.1324.022\200MW\L=115</t>
  </si>
  <si>
    <t>【哈电锅炉】前后水冷壁下集箱No.2(正.反) 管接头1\Φ60*6\20\22.1324.022\200MW\L=410</t>
  </si>
  <si>
    <t>【哈电锅炉】前后水冷壁下集箱No.2(正.反) 管接头2\Φ42*5\20\22.1324.022\200MW\L=115</t>
  </si>
  <si>
    <t>【哈电锅炉】前后水冷壁下集箱No.3(正.反) 管接头1\Φ60*6\20\22.1324.022\200MW\L=410</t>
  </si>
  <si>
    <t>【哈电锅炉】前后水冷壁下集箱No.3(正.反) 管接头2\Φ42*5\20\22.1324.022\200MW\L=115</t>
  </si>
  <si>
    <t>【哈电锅炉】侧水冷壁下集箱(边) 管接头\Φ60*6\20\22.1324.022\200MW\L=410</t>
  </si>
  <si>
    <t>【哈电锅炉】侧水冷壁下集箱(中) 管接头1\Φ60*6\20\22.1324.022\200MW\L=761</t>
  </si>
  <si>
    <t>【哈电锅炉】侧水冷壁下集箱(中) 管接头2\Φ42*5\20\22.1324.022\200MW\L=115</t>
  </si>
  <si>
    <t>【哈电锅炉】上部侧水冷壁抽烟口弯管1\Φ60*6.5\20\22.1321.025\200MW\L=5322</t>
  </si>
  <si>
    <t>【哈电锅炉】上部侧水冷壁抽烟口弯管2\Φ60*6.5\20\22.1321.025\200MW\L=5306</t>
  </si>
  <si>
    <t>【哈电锅炉】上部侧水冷壁抽烟口弯管3\Φ60*6.5\20\22.1321.025\200MW\L=5289</t>
  </si>
  <si>
    <t>【哈电锅炉】上部侧水冷壁抽烟口弯管4\Φ60*6.5\20\22.1321.025\200MW\L=5270</t>
  </si>
  <si>
    <t>【哈电锅炉】上部侧水冷壁抽烟口弯管5\Φ60*6.5\20\22.1321.025\200MW\L=5255</t>
  </si>
  <si>
    <t>【哈电锅炉】上部侧水冷壁抽烟口弯管6\Φ60*6.5\20\22.1321.025\200MW\L=5236</t>
  </si>
  <si>
    <t>【哈电锅炉】上部侧水冷壁抽烟口弯管7\Φ60*6.5\20\22.1321.025\200MW\L=5219</t>
  </si>
  <si>
    <t>【哈电锅炉】上部侧水冷壁抽烟口弯管8\Φ60*6.5\20\22.1321.025\200MW\L=5202</t>
  </si>
  <si>
    <t>【哈电锅炉】上部前水冷壁抽烟口弯管1\Φ60*6.5\20\22.1321.025\200MW\L=1000</t>
  </si>
  <si>
    <t>【哈电锅炉】上部前水冷壁抽烟口弯管2\Φ60*6.5\20\22.1321.025\200MW\L=1000</t>
  </si>
  <si>
    <t>【哈电锅炉】上部后水冷壁遮掩角125°弯头\Φ60*6.5\20\22.1321.025\200MW\L=1665</t>
  </si>
  <si>
    <t>【哈电锅炉】上部后水冷壁遮掩角75°弯头\Φ60*6.5\20\22.1321.025\200MW\L=1339</t>
  </si>
  <si>
    <t>【哈电锅炉】上部斜坡水冷壁No.18弯头1\Φ60*6.5\20\22.1321.025\200MW\L=5254</t>
  </si>
  <si>
    <t>【哈电锅炉】上部斜坡水冷壁No.18弯头2\Φ60*6.5\20\22.1321.025\200MW\L=5262</t>
  </si>
  <si>
    <t>【哈电锅炉】上部斜坡水冷壁No.18弯头3\Φ60*6.5\20\22.1321.025\200MW\L=5236</t>
  </si>
  <si>
    <t>【哈电锅炉】上部斜坡水冷壁No.18弯头4\Φ60*6.5\20\22.1321.025\200MW\L=5254</t>
  </si>
  <si>
    <t>【哈电锅炉】上部斜坡水冷壁No.19弯头1\Φ60*6.5\20\22.1321.025\200MW\L=5268</t>
  </si>
  <si>
    <t>【哈电锅炉】上部斜坡水冷壁No.19弯头2\Φ60*6.5\20\22.1321.025\200MW\L=5248</t>
  </si>
  <si>
    <t>【哈电锅炉】上部斜坡水冷壁No.19弯头3\Φ60*6.5\20\22.1321.025\200MW\L=5242</t>
  </si>
  <si>
    <t>【哈电锅炉】上部斜坡水冷壁No.19弯头4\Φ60*6.5\20\22.1321.025\200MW\L=5268</t>
  </si>
  <si>
    <t>【哈电锅炉】上部斜坡水冷壁No.19弯头5\Φ60*6.5\20\22.1321.025\200MW\L=5242</t>
  </si>
  <si>
    <t>【哈电锅炉】上部斜坡水冷壁No.20弯头1\Φ60*6.5\20\22.1321.025\200MW\L=5254</t>
  </si>
  <si>
    <t>【哈电锅炉】上部斜坡水冷壁No.20弯头2\Φ60*6.5\20\22.1321.025\200MW\L=5262</t>
  </si>
  <si>
    <t>【哈电锅炉】上部斜坡水冷壁No.20弯头3\Φ60*6.5\20\22.1321.025\200MW\L=5236</t>
  </si>
  <si>
    <t>【哈电锅炉】上部斜坡水冷壁No.20弯头4\Φ60*6.5\20\22.1321.025\200MW\L=5254</t>
  </si>
  <si>
    <t>【哈电锅炉】中部水侧水冷壁组件No.6燃烧器喷口弯管1\Φ60*6.5\20\22.1322.026\200MW\L=10994</t>
  </si>
  <si>
    <t>【哈电锅炉】中部水侧水冷壁组件No.6燃烧器喷口弯管2\Φ60*6.5\20\22.1322.026\200MW\L=10941</t>
  </si>
  <si>
    <t>【哈电锅炉】中部水侧水冷壁组件No.6燃烧器喷口弯管3\Φ60*6.5\20\22.1322.026\200MW\L=10886</t>
  </si>
  <si>
    <t>【哈电锅炉】中部水侧水冷壁组件No.6燃烧器喷口弯管4\Φ60*6.5\20\22.1322.026\200MW\L=10832</t>
  </si>
  <si>
    <t>【哈电锅炉】中部水侧水冷壁组件No.6燃烧器喷口弯管5\Φ60*6.5\20\22.1322.026\200MW\L=10804</t>
  </si>
  <si>
    <t>【哈电锅炉】中部水侧水冷壁组件No.9燃烧器喷口弯管1\Φ60*6.5\20\22.1322.026\200MW\L=10995</t>
  </si>
  <si>
    <t>【哈电锅炉】中部水侧水冷壁组件No.9燃烧器喷口弯管2\Φ60*6.5\20\22.1322.026\200MW\L=10945</t>
  </si>
  <si>
    <t>【哈电锅炉】中部水侧水冷壁组件No.9燃烧器喷口弯管3\Φ60*6.5\20\22.1322.026\200MW\L=10896</t>
  </si>
  <si>
    <t>【哈电锅炉】中部水侧水冷壁组件No.9燃烧器喷口弯管4\Φ60*6.5\20\22.1322.026\200MW\L=10849</t>
  </si>
  <si>
    <t>【哈电锅炉】中部水侧水冷壁组件No.9燃烧器喷口弯管5\Φ60*6.5\20\22.1322.026\200MW\L=10818</t>
  </si>
  <si>
    <t>【哈电锅炉】中部水侧水冷壁组件No.9燃烧器喷口弯管6\Φ60*6.5\20\22.1322.026\200MW\L=10796</t>
  </si>
  <si>
    <t>【哈电锅炉】中部前后水冷壁组件No.1燃烧器喷口弯管1\Φ60*6.5\20\22.1322.026\200MW\L=11814</t>
  </si>
  <si>
    <t>【哈电锅炉】中部前后水冷壁组件No.1燃烧器喷口弯管2\Φ60*6.5\20\22.1322.026\200MW\L=11773</t>
  </si>
  <si>
    <t>【哈电锅炉】中部前后水冷壁组件No.1燃烧器喷口弯管3\Φ60*6.5\20\22.1322.026\200MW\L=11892</t>
  </si>
  <si>
    <t>【哈电锅炉】中部前后水冷壁组件No.1燃烧器喷口弯管4\Φ60*6.5\20\22.1322.026\200MW\L=11853</t>
  </si>
  <si>
    <t>【哈电锅炉】中部前后水冷壁组件No.1燃烧器喷口弯管5\Φ60*6.5\20\22.1322.026\200MW\L=11813</t>
  </si>
  <si>
    <t>【哈电锅炉】中部前后水冷壁组件No.1燃烧器喷口弯管6\Φ60*6.5\20\22.1322.026\200MW\L=11794</t>
  </si>
  <si>
    <t>【哈电锅炉】中部前后水冷壁组件No.1燃烧器喷口弯管7\Φ60*6.5\20\22.1322.026\200MW\L=11612</t>
  </si>
  <si>
    <t>【哈电锅炉】中部前后水冷壁组件No.5燃烧器喷口弯管1\Φ60*6.5\20\22.1322.026\200MW\L=11814</t>
  </si>
  <si>
    <t>【哈电锅炉】中部前后水冷壁组件No.5燃烧器喷口弯管2\Φ60*6.5\20\22.1322.026\200MW\L=11767</t>
  </si>
  <si>
    <t>【哈电锅炉】中部前后水冷壁组件No.5燃烧器喷口弯管3\Φ60*6.5\20\22.1322.026\200MW\L=11719</t>
  </si>
  <si>
    <t>【哈电锅炉】中部前后水冷壁组件No.5燃烧器喷口弯管4\Φ60*6.5\20\22.1322.026\200MW\L=11835</t>
  </si>
  <si>
    <t>【哈电锅炉】中部前后水冷壁组件No.5燃烧器喷口弯管5\Φ60*6.5\20\22.1322.026\200MW\L=11792</t>
  </si>
  <si>
    <t>【哈电锅炉】中部前后水冷壁组件No.5燃烧器喷口弯管6\Φ60*6.5\20\22.1322.026\200MW\L=11768</t>
  </si>
  <si>
    <t>【哈电锅炉】中部前后水冷壁组件No.5燃烧器喷口弯管7\Φ60*6.5\20\22.1322.026\200MW\L=11752</t>
  </si>
  <si>
    <t>【哈电锅炉】下部前(后)水冷壁组件 弯头40°\Φ60*6.5\20\22.1323.022\200MW\L=1213</t>
  </si>
  <si>
    <t>【哈电锅炉】下部前(后)水冷壁组件 弯头85°\Φ60*6.5\20\22.1323.022\200MW\L=1271</t>
  </si>
  <si>
    <t>【哈电锅炉】顶棚管及包墙管弯管1\Φ51*5.5\20\22.1345.030\200MW\L=1447</t>
  </si>
  <si>
    <t>【哈电锅炉】顶棚管及包墙管弯管2\Φ51*5.5\20\22.1345.030\200MW\L=1321</t>
  </si>
  <si>
    <t>【哈电锅炉】顶棚管及包墙管弯管3\Φ51*5.5\20\22.1345.030\200MW\L=991</t>
  </si>
  <si>
    <t>【哈电锅炉】顶棚管及包墙管弯管4\Φ51*5.5\20\22.1345.030\200MW\L=1021</t>
  </si>
  <si>
    <t>【哈电锅炉】顶棚管及包墙管弯管5\Φ51*5.5\20\22.1345.030\200MW\L=1135</t>
  </si>
  <si>
    <t>【哈电锅炉】顶棚管及包墙管弯管5\Φ51*5.5\20\22.1345.030\200MW\L=1076</t>
  </si>
  <si>
    <t>【哈电锅炉】顶棚管及包墙管弯管6\Φ51*5.5\20\22.1345.030\200MW\L=1036</t>
  </si>
  <si>
    <t>【哈电锅炉】顶棚管及包墙管弯管7\Φ51*5.5\20\22.1345.030\200MW\L=2565</t>
  </si>
  <si>
    <t>【哈电锅炉】顶棚管63°弯管\Φ51*5.5\20\22.1345.030\200MW\L=1352</t>
  </si>
  <si>
    <t>【哈电锅炉】顶棚管异形弯管\Φ51*5.5\20\22.1345.030\200MW\L=6879</t>
  </si>
  <si>
    <t>【哈电锅炉】顶棚管入口集箱管接头1\Φ51*5.5\20\22.1341.026\200MW\L=120</t>
  </si>
  <si>
    <t>【哈电锅炉】顶棚管入口集箱管接头2\Φ51*5.5\20\22.1341.026\200MW\L=411</t>
  </si>
  <si>
    <t>【哈电锅炉】顶棚管入口集箱管接头3\Φ42*5\20\22.1341.026\200MW\L=115</t>
  </si>
  <si>
    <t>【哈电锅炉】顶棚管中间集箱管接头1\Φ51*5.5\12Cr1MoV\22.1341.026\200MW\L=120</t>
  </si>
  <si>
    <t>【哈电锅炉】顶棚管中间集箱管接头2\Φ51*5.5\12Cr1MoV\22.1341.026\200MW\L=298</t>
  </si>
  <si>
    <t>【哈电锅炉】前包墙管下集箱管接头1\Φ51*5.5\20\22.1341.026\200MW\L=120</t>
  </si>
  <si>
    <t>【哈电锅炉】前包墙管下集箱管接头2\Φ28*4\20\22.1341.026\200MW\L=80</t>
  </si>
  <si>
    <t>【哈电锅炉】后包墙管下集箱管接头1\Φ51*5.5\20\22.1341.026\200MW\L=120</t>
  </si>
  <si>
    <t>【哈电锅炉】后包墙管下集箱管接头2\Φ28*4\20\22.1341.026\200MW\L=80</t>
  </si>
  <si>
    <t>【哈电锅炉】侧包墙管下集箱管接1\Φ28*4\20\22.1341.026\200MW\L=80</t>
  </si>
  <si>
    <t>【哈电锅炉】侧包墙管下集箱管接2\Φ51*5.5\20\22.1341.026\200MW\L=120</t>
  </si>
  <si>
    <t>【哈电锅炉】侧包墙管上集箱管接头1\Φ51*5.5\20\22.1341.026\200MW\L=411</t>
  </si>
  <si>
    <t>【哈电锅炉】侧包墙管上集箱管接头2\Φ51*5.5\20\22.1341.026\200MW\L=120</t>
  </si>
  <si>
    <t>【哈电锅炉】对流过热器120°弯管\Φ42*5.5\12Cr1MoV\22.1342.033\200MW\L=1168</t>
  </si>
  <si>
    <t>【哈电锅炉】对流过热器90°弯管\Φ42*5.5\12Cr1MoV\22.1342.033\200MW\L=1126</t>
  </si>
  <si>
    <t>【哈电锅炉】对流过热器62°S弯管\Φ42*5.5\12Cr1MoV\22.1342.033\200MW\L=1303</t>
  </si>
  <si>
    <t>【哈电锅炉】对流过热器57°S弯管\Φ42*5.5\12Cr1MoV\22.1342.033\200MW\L=1281</t>
  </si>
  <si>
    <t>【哈电锅炉】对流过热器50°S弯管\Φ42*5.5\12Cr1MoV\22.1342.033\200MW\L=1260</t>
  </si>
  <si>
    <t>【哈电锅炉】对流过热器42°S弯管\Φ42*5.5\12Cr1MoV\22.1342.033\200MW\L=1243</t>
  </si>
  <si>
    <t>【哈电锅炉】对流过热器33°S弯管\Φ42*5.5\12Cr1MoV\22.1342.033\200MW\L=1228</t>
  </si>
  <si>
    <t>【哈电锅炉】对流过热器24°S弯管\Φ42*5.5\12Cr1MoV\22.1342.033\200MW\L=1215</t>
  </si>
  <si>
    <t>【哈电锅炉】对流过热器15°S弯管\Φ42*5.5\12Cr1MoV\22.1342.033\200MW\L=1207</t>
  </si>
  <si>
    <t>【哈电锅炉】对流过热器7°S弯管\Φ42*5.5\12Cr1MoV\22.1342.033\200MW\L=1203</t>
  </si>
  <si>
    <t>【哈电锅炉】对流过热器内数第一圈180°弯管1\Φ42*5.5\12Cr1MoV\22.1342.033\200MW\L=1251</t>
  </si>
  <si>
    <t>【哈电锅炉】对流过热器内数第二圈180°弯管2\Φ42*5.5\12Cr1MoV\22.1342.033\200MW\L=1440</t>
  </si>
  <si>
    <t>【哈电锅炉】对流过热器内数第三圈180°弯管3\Φ42*5.5\12Cr1MoV\22.1342.033\200MW\L=1628</t>
  </si>
  <si>
    <t>【哈电锅炉】对流过热器内数第四圈180°弯管4\Φ42*5.5\12Cr1MoV\22.1342.033\200MW\L=1612</t>
  </si>
  <si>
    <t>【哈电锅炉】对流过热器60°弯管1\Φ42*5.5\12Cr1MoV\22.1342.033\200MW\L=1084</t>
  </si>
  <si>
    <t>【哈电锅炉】对流过热器60°弯管2\Φ42*5.5\12Cr1MoV\22.1342.033\200MW\L=1042</t>
  </si>
  <si>
    <t>【哈电锅炉】对流过热器入口集箱管接头\Φ42*5.5\12Cr1MoV\22.1341.026\200MW\L=115</t>
  </si>
  <si>
    <t>【哈电锅炉】对流过热器出口集箱管接头\Φ42*5.5\12Cr1MoV\22.1341.026\200MW\L=115</t>
  </si>
  <si>
    <t>【哈电锅炉】集汽联箱管接头1\Φ28*4\12Cr1MoV\22.1341.026\200MW\L=78.5</t>
  </si>
  <si>
    <t>【哈电锅炉】集汽联箱管接头2\Φ16*3\12Cr1MoV\22.1341.026\200MW\L=78</t>
  </si>
  <si>
    <t>【哈电锅炉】前屏过热器外数第一根U型夹屏管\Φ38*4.5\12Cr2MoWVB\22.1347.025\200MW\L=3386</t>
  </si>
  <si>
    <t>【哈电锅炉】前屏过热器外数第二根U型夹屏管\Φ38*4.5\12Cr2MoWVB\22.1347.025\200MW\L=3286</t>
  </si>
  <si>
    <t>【哈电锅炉】前屏过热器底部90°弯头\Φ38*4.5\12Cr2MoWVB\22.1347.025\200MW\L=1118</t>
  </si>
  <si>
    <t>【哈电锅炉】前屏过热器内数第一圈180°U型弯头\Φ38*4.5\12Cr1MoV\22.1347.025\200MW\L=1236</t>
  </si>
  <si>
    <t>【哈电锅炉】前屏过热器内数第二圈180°U型弯头\Φ38*4.5\12Cr1MoV\22.1347.025\200MW\L=1328</t>
  </si>
  <si>
    <t>【哈电锅炉】前屏过热器底部90°弯头\Φ38*4.5\12Cr1MoV\22.1347.025\200MW\L=1118</t>
  </si>
  <si>
    <t>【哈电锅炉】后屏过热器外数第一根U型夹屏管\Φ42*5\12Cr2MoWVB\22.1347.025\200MW\L=4488</t>
  </si>
  <si>
    <t>【哈电锅炉】后屏过热器外数第二根U型夹屏管\Φ42*5\12Cr2MoWVB\22.1347.025\200MW\L=4388</t>
  </si>
  <si>
    <t>【哈电锅炉】后屏过热器底部90°弯头\Φ42*5\12Cr2MoWVB\22.1347.025\200MW\L=1118</t>
  </si>
  <si>
    <t>【哈电锅炉】后屏过热器内数第一圈180°U型弯头\Φ42*5\12Cr1MoV\22.1347.025\200MW\L=1251</t>
  </si>
  <si>
    <t>【哈电锅炉】后屏过热器内数第二圈180°U型弯头\Φ42*5\12Cr1MoV\22.1347.025\200MW\L=1352</t>
  </si>
  <si>
    <t>【哈电锅炉】后屏过热器底部90°弯头\Φ42*5\12Cr1MoV\22.1347.025\200MW\L=1118</t>
  </si>
  <si>
    <t>【哈电锅炉】再热器冷段90°弯管\Φ42*3.5\20\22.1348.034\200MW</t>
  </si>
  <si>
    <t>【哈电锅炉】再热器热段入口内数第一圈180°U型弯头\Φ42*3.5\12Cr2MoWVB\22.1348.030\200MW\L=1251</t>
  </si>
  <si>
    <t>【哈电锅炉】再热器热段入口20°弯头\Φ42*3.5\12Cr1MoV\22.1348.030\200MW\L=1028</t>
  </si>
  <si>
    <t>【哈电锅炉】再热器热段入口10°弯头\Φ42*3.5\12Cr1MoV\22.1348.030\200MW\L=1014</t>
  </si>
  <si>
    <t>【哈电锅炉】再热器热段入口90°弯头\Φ42*3.5\12Cr1MoV\22.1348.030\200MW\L=1126</t>
  </si>
  <si>
    <t>【哈电锅炉】再热器热段出口内数第一圈180°U型弯头\Φ42*3.5\12Cr1MoV\22.1348.030\200MW\L=1251</t>
  </si>
  <si>
    <t>【哈电锅炉】再热器热段出口20°弯头\Φ42*3.5\12Cr2MoWVB\22.1348.030\200MW\L=1028</t>
  </si>
  <si>
    <t>【哈电锅炉】再热器热段出口90°弯头\Φ42*3.5\12Cr2MoWVB\22.1348.030\200MW\L=1126</t>
  </si>
  <si>
    <t>【哈电锅炉】上部前水冷壁吹灰孔典型弯管1\Φ60*6.5\20\22.1321.025\200MW\L=1515</t>
  </si>
  <si>
    <t>【哈电锅炉】上部前水冷壁吹灰孔典型弯管2\Φ60*6.5\20\22.1321.025\200MW\L=1664</t>
  </si>
  <si>
    <t>【哈电锅炉】上部前水冷壁看火孔典型弯管1\Φ60*6.5\20\22.1321.025\200MW\L=1515</t>
  </si>
  <si>
    <t>【哈电锅炉】上部前水冷壁看火孔典型弯管2\Φ60*6.5\20\22.1321.025\200MW\L=1664</t>
  </si>
  <si>
    <t>【哈电锅炉】上部前水冷壁炉膛火焰检测典型弯管1\Φ60*6.5\20\22.1321.025\200MW\L=1515</t>
  </si>
  <si>
    <t>【哈电锅炉】上部前水冷壁炉膛火焰检测典型弯管2\Φ60*6.5\20\22.1321.025\200MW\L=1664</t>
  </si>
  <si>
    <t>【哈电锅炉】上部侧水冷壁吹灰孔典型弯管1\Φ60*6.5\20\22.1321.025\200MW\L=1515</t>
  </si>
  <si>
    <t>【哈电锅炉】上部侧水冷壁吹灰孔典型弯管2\Φ60*6.5\20\22.1321.025\200MW\L=1664</t>
  </si>
  <si>
    <t>【哈电锅炉】上部侧水冷壁看火孔典型弯管1\Φ60*6.5\20\22.1321.025\200MW\L=1515</t>
  </si>
  <si>
    <t>【哈电锅炉】上部侧水冷壁看火孔典型弯管2\Φ60*6.5\20\22.1321.025\200MW\L=1664</t>
  </si>
  <si>
    <t>【哈电锅炉】上部侧水冷壁烟气负压检测典型弯管1\Φ60*6.5\20\22.1321.025\200MW\L=1515</t>
  </si>
  <si>
    <t>【哈电锅炉】上部侧水冷壁烟气负压检测典型弯管2\Φ60*6.5\20\22.1321.025\200MW\L=1664</t>
  </si>
  <si>
    <t>【哈电锅炉】上部后水冷壁吹灰孔典型弯管1\Φ60*6.5\20\22.1321.025\200MW\L=1515</t>
  </si>
  <si>
    <t>【哈电锅炉】上部后水冷壁吹灰孔典型弯管2\Φ60*6.5\20\22.1321.025\200MW\L=1664</t>
  </si>
  <si>
    <t>【哈电锅炉】中部前后水冷壁看火孔典型弯管1\Φ60*6.5\20\22.1322.026\200MW\L=1515</t>
  </si>
  <si>
    <t>【哈电锅炉】中部前后水冷壁看火孔典型弯管2\Φ60*6.5\20\22.1322.026\200MW\L=1664</t>
  </si>
  <si>
    <t>【哈电锅炉】中部侧水冷壁看火孔典型弯管1\Φ60*6.5\20\22.1322.026\200MW\L=1515</t>
  </si>
  <si>
    <t>【哈电锅炉】中部侧水冷壁看火孔典型弯管2\Φ60*6.5\20\22.1322.026\200MW\L=1664</t>
  </si>
  <si>
    <t>【哈电锅炉】下部水冷壁打焦孔典型弯管1\Φ60*6.5\20\22.1323.022\200MW\L=1816</t>
  </si>
  <si>
    <t>【哈电锅炉】下部水冷壁打焦孔典型弯管2\Φ60*6.5\20\22.1323.022\200MW\L=1882</t>
  </si>
  <si>
    <t>【哈电锅炉】下部水冷壁人孔典型弯管1\Φ60*6.5\20\22.1323.022\200MW\L=2336</t>
  </si>
  <si>
    <t>【哈电锅炉】下部水冷壁人孔典型弯管2\Φ60*6.5\20\22.1323.022\200MW\L=2246</t>
  </si>
  <si>
    <t>【哈电锅炉】下部水冷壁人孔典型弯管3\Φ60*6.5\20\22.1323.022\200MW\L=2160</t>
  </si>
  <si>
    <t>【哈电锅炉】下部水冷壁人孔典型弯管4\Φ60*6.5\20\22.1323.022\200MW\L=2074</t>
  </si>
  <si>
    <t>【哈电锅炉】包墙典型弯管1\Φ51*5.5\20\22.1345.030\200MW\L=2010</t>
  </si>
  <si>
    <t>【哈电锅炉】包墙典型弯管2\Φ51*5.5\20\22.1345.030\200MW\L=1324</t>
  </si>
  <si>
    <t>【哈电锅炉】包墙典型弯管3\Φ51*5.5\20\22.1345.030\200MW\L=1624</t>
  </si>
  <si>
    <t>【哈电锅炉】侧水冷壁上集箱No.2(正.反) 手孔端盖\R=137*\20\HG1041-2011\200MW</t>
  </si>
  <si>
    <t>【哈电锅炉】侧水冷壁上集箱No.4(正.反) 手孔端盖\R=137*\20\HG1041-2011\200MW</t>
  </si>
  <si>
    <t>【哈电锅炉】后水冷壁上集箱(边)手孔端盖\R=137*\20\HG1041-2011\200MW</t>
  </si>
  <si>
    <t>【哈电锅炉】前后侧水冷壁下集箱 手孔端盖\R=137*\20\HG1041-2011\200MW</t>
  </si>
  <si>
    <t>【哈电锅炉】侧部水冷壁下集箱 手孔端盖\R=137*\20\HG1041-2011\200MW</t>
  </si>
  <si>
    <t>【哈电锅炉】一级减温器 (上,下) 手孔端盖\R=189*\12Cr1MoV\HG1041-2011\200MW</t>
  </si>
  <si>
    <t>【哈电锅炉】二级减温器(上,下) 手孔端盖\R=189*\12Cr1MoV\HG1041-2011\200MW</t>
  </si>
  <si>
    <t>【哈电锅炉】前屏过热器异种钢管接头\Φ38*4.5\Φ38\22.1347.025\200MW</t>
  </si>
  <si>
    <t>【哈电锅炉】后屏过热器异种钢管接头\Φ42*5\Φ42\22.1347.025\200MW</t>
  </si>
  <si>
    <t>【哈电锅炉】省煤器120°弯头管1\Φ32*4\20G\22.1352.095\135MW\L=1048</t>
  </si>
  <si>
    <t>【哈电锅炉】省煤器150°弯头管2\Φ32*4\20G\22.1352.095\135MW\L=1024</t>
  </si>
  <si>
    <t>【哈电锅炉】省煤器60°弯头管3\Φ32*4\20G\22.1352.095\135MW\L=1094</t>
  </si>
  <si>
    <t>【哈电锅炉】省煤器30°弯头管4\Φ32*4\20G\22.1352.095\135MW\L=1117</t>
  </si>
  <si>
    <t>【哈电锅炉】省煤器90°弯头管5\Φ32*4\20G\22.1352.095\135MW\L=1071</t>
  </si>
  <si>
    <t>【哈电锅炉】省煤器180°大R弯头管6\Φ32*4\20G\22.1352.095\135MW\L=1283</t>
  </si>
  <si>
    <t>【哈电锅炉】省煤器180°小R弯头管7\Φ32*4\20G\22.1352.095\135MW\L=1141</t>
  </si>
  <si>
    <t>【哈电锅炉】省煤器入口处集箱管接头1\Φ32*4\20G\22.1351.082\135MW\L=1059</t>
  </si>
  <si>
    <t>【哈电锅炉】省煤器入口处集箱管接头2\Φ32*4\20G\22.1351.082\135MW\L=916</t>
  </si>
  <si>
    <t>【哈电锅炉】省煤器入口处集箱管接头3\Φ32*4\20G\22.1351.082\135MW\L=758</t>
  </si>
  <si>
    <t>【哈电锅炉】省煤器入口处集箱管接头4\Φ32*4\20G\22.1351.082\135MW\L=683</t>
  </si>
  <si>
    <t>【哈电锅炉】省煤器入口处集箱管接头5\Φ28*4\20\22.1351.082\135MW</t>
  </si>
  <si>
    <t>【哈电锅炉】省煤器出口处集箱管接头1\Φ32*4\20G\22.1351.082\135MW\L=87</t>
  </si>
  <si>
    <t>【哈电锅炉】省煤器出口处集箱管接头2\Φ60*12\20G\22.1351.082\135MW\L=355</t>
  </si>
  <si>
    <t>【哈电锅炉】省煤器出口处集箱管接头3\Φ28*0\20\22.1351.082\135MW</t>
  </si>
  <si>
    <t>【哈电锅炉】吊挂管出口处集箱管接头\Φ60*12\20G\22.1351.082\135MW\L=355</t>
  </si>
  <si>
    <t>【哈电锅炉】前部水冷壁上集箱(两侧)管接头1\Φ60*7\20G\22.1324.076\135MW\L=364</t>
  </si>
  <si>
    <t>【哈电锅炉】前部水冷壁上集箱(两侧)管接头2\Φ60*7\20G\22.1324.076\135MW\L=289.5</t>
  </si>
  <si>
    <t>【哈电锅炉】前部水冷壁上集箱(中间)管接头1\Φ60*7\20G\22.1324.076\135MW\L=289.5</t>
  </si>
  <si>
    <t>【哈电锅炉】前部水冷壁上集箱(中间)管接头2\Φ60*7\20G\22.1324.076\135MW\L=364</t>
  </si>
  <si>
    <t>【哈电锅炉】侧部水冷壁上集箱(前部)管接头1\Φ60*7\20G\22.1324.076\135MW\L=573.5</t>
  </si>
  <si>
    <t>【哈电锅炉】侧部水冷壁上集箱(前部)管接头2\Φ60*7\20G\22.1324.076\135MW\L=650</t>
  </si>
  <si>
    <t>【哈电锅炉】侧部水冷壁上集箱(前部)管接头3\Φ60*7\20G\22.1324.076\135MW\L=1329</t>
  </si>
  <si>
    <t>【哈电锅炉】侧部水冷壁上集箱(前部)管接头4\Φ60*7\20G\22.1324.076\135MW\L=1363</t>
  </si>
  <si>
    <t>【哈电锅炉】侧部水冷壁上集箱(中间)管接头1\Φ60*7\20G\22.1324.076\135MW\L=573.5</t>
  </si>
  <si>
    <t>【哈电锅炉】侧部水冷壁上集箱(中间)管接头2\Φ60*7\20G\22.1324.076\135MW\L=650</t>
  </si>
  <si>
    <t>【哈电锅炉】侧部水冷壁上集箱(中间)管接头3\Φ60*7\20G\22.1324.076\135MW\L=1329</t>
  </si>
  <si>
    <t>【哈电锅炉】侧部水冷壁上集箱(后部)管接头1\Φ60*7\20G\22.1324.076\135MW\L=573.5</t>
  </si>
  <si>
    <t>【哈电锅炉】侧部水冷壁上集箱(后部)管接头2\Φ60*7\20G\22.1324.076\135MW\L=1319</t>
  </si>
  <si>
    <t>【哈电锅炉】后部水冷壁上集箱(右侧)管接头1\Φ60*7\20G\22.1324.076\135MW\L=573.5</t>
  </si>
  <si>
    <t>【哈电锅炉】后部水冷壁上集箱(右侧)管接头2\Φ60*7\20G\22.1324.076\135MW\L=667</t>
  </si>
  <si>
    <t>【哈电锅炉】后部水冷壁上集箱(左侧)管接头1\Φ60*7\20G\22.1324.076\135MW\L=573.5</t>
  </si>
  <si>
    <t>【哈电锅炉】后部水冷壁上集箱(左侧)管接头2\Φ60*7\20G\22.1324.076\135MW\L=667</t>
  </si>
  <si>
    <t>【哈电锅炉】前后部水冷壁下集箱(两侧)管接头1\Φ60*7\20G\22.1324.076\135MW\L=607</t>
  </si>
  <si>
    <t>【哈电锅炉】前后部水冷壁下集箱(两侧)管接头2\Φ60*7\20G\22.1324.076\135MW\L=602</t>
  </si>
  <si>
    <t>【哈电锅炉】前后部水冷壁下集箱(两侧)管接头3\Φ60*7\20G\22.1324.076\135MW\L=727</t>
  </si>
  <si>
    <t>【哈电锅炉】前后部水冷壁下集箱(两侧)管接头4\Φ28*0\20\22.1324.076\135MW</t>
  </si>
  <si>
    <t>【哈电锅炉】前后部水冷壁下集箱(两侧)管接头5\Φ60*7\20G\22.1324.076\135MW\L=90.5</t>
  </si>
  <si>
    <t>【哈电锅炉】前后部水冷壁下集箱(两侧)管接头6\Φ60*7\20G\22.1324.076\135MW\L=702</t>
  </si>
  <si>
    <t>【哈电锅炉】前后部水冷壁下集箱(中间)管接头1\Φ60*7\20G\22.1324.076\135MW\L=607</t>
  </si>
  <si>
    <t>【哈电锅炉】前后部水冷壁下集箱(中间)管接头2\Φ60*7\20G\22.1324.076\135MW\L=602</t>
  </si>
  <si>
    <t>【哈电锅炉】前后部水冷壁下集箱(中间)管接头3\Φ60*7\20G\22.1324.076\135MW\L=727</t>
  </si>
  <si>
    <t>【哈电锅炉】前后部水冷壁下集箱(中间)管接头4\Φ28*0\20\22.1324.076\135MW</t>
  </si>
  <si>
    <t>【哈电锅炉】侧部水冷壁下集箱(前部)管接头1\Φ60*7\20G\22.1324.076\135MW\L=632</t>
  </si>
  <si>
    <t>【哈电锅炉】侧部水冷壁下集箱(前部)管接头2\Φ60*7\20G\22.1324.076\135MW\L=704</t>
  </si>
  <si>
    <t>【哈电锅炉】侧部水冷壁下集箱(前部)管接头3\Φ28*0\20\22.1324.076\135MW</t>
  </si>
  <si>
    <t>【哈电锅炉】侧部水冷壁下集箱(中间)管接头1\Φ60*7\20G\22.1324.076\135MW\L=632</t>
  </si>
  <si>
    <t>【哈电锅炉】侧部水冷壁下集箱(中间)管接头2\Φ60*7\20G\22.1324.076\135MW\L=704</t>
  </si>
  <si>
    <t>【哈电锅炉】侧部水冷壁下集箱(中间)管接头3\Φ28*0\20\22.1324.076\135MW</t>
  </si>
  <si>
    <t>【哈电锅炉】侧部水冷壁下集箱(后部)管接头1\Φ60*7\20G\22.1324.076\135MW\L=632</t>
  </si>
  <si>
    <t>【哈电锅炉】侧部水冷壁下集箱(后部)管接头2\Φ60*7\20G\22.1324.076\135MW\L=704</t>
  </si>
  <si>
    <t>【哈电锅炉】侧部水冷壁下集箱(后部)管接头3\Φ28*0\20\22.1324.076\135MW</t>
  </si>
  <si>
    <t>【哈电锅炉】燃烧器喷口管屏No.1弯管1\Φ60*7\20G\22.1322.120\135MW\L=1218</t>
  </si>
  <si>
    <t>【哈电锅炉】燃烧器喷口管屏No.1弯管2\Φ60*7\20G\22.1322.120\135MW\L=1270</t>
  </si>
  <si>
    <t>【哈电锅炉】燃烧器喷口管屏No.1弯管3\Φ60*7\20G\22.1322.120\135MW\L=1353</t>
  </si>
  <si>
    <t>【哈电锅炉】燃烧器喷口管屏No.1弯管4\Φ60*7\20G\22.1322.120\135MW\L=1460</t>
  </si>
  <si>
    <t>【哈电锅炉】燃烧器喷口管屏No.1弯管5\Φ60*7\20G\22.1322.120\135MW\L=1460</t>
  </si>
  <si>
    <t>【哈电锅炉】燃烧器喷口管屏No.1弯管6\Φ60*7\20G\22.1322.120\135MW\L=1353</t>
  </si>
  <si>
    <t>【哈电锅炉】燃烧器喷口管屏No.1弯管7\Φ60*7\20G\22.1322.120\135MW\L=1275</t>
  </si>
  <si>
    <t>【哈电锅炉】燃烧器喷口管屏No.1弯管8\Φ60*7\20G\22.1322.120\135MW\L=1220</t>
  </si>
  <si>
    <t>【哈电锅炉】燃烧器喷口管屏No.2弯管1\Φ60*7\20G\22.1322.120\135MW\L=1203</t>
  </si>
  <si>
    <t>【哈电锅炉】燃烧器喷口管屏No.2弯管2\Φ60*7\20G\22.1322.120\135MW\L=1214</t>
  </si>
  <si>
    <t>【哈电锅炉】燃烧器喷口管屏No.2弯管3\Φ60*7\20G\22.1322.120\135MW\L=1266</t>
  </si>
  <si>
    <t>【哈电锅炉】燃烧器喷口管屏No.2弯管4\Φ60*7\20G\22.1322.120\135MW\L=1346</t>
  </si>
  <si>
    <t>【哈电锅炉】燃烧器喷口管屏No.2弯管5\Φ60*7\20G\22.1322.120\135MW\L=1460</t>
  </si>
  <si>
    <t>【哈电锅炉】燃烧器喷口管屏No.2弯管6\Φ60*7\20G\22.1322.120\135MW\L=1463</t>
  </si>
  <si>
    <t>【哈电锅炉】燃烧器喷口管屏No.2弯管7\Φ60*7\20G\22.1322.120\135MW\L=1358</t>
  </si>
  <si>
    <t>【哈电锅炉】燃烧器喷口管屏No.2弯管8\Φ60*7\20G\22.1322.120\135MW\L=1282</t>
  </si>
  <si>
    <t>【哈电锅炉】燃烧器喷口管屏No.2弯管9\Φ60*7\20G\22.1322.120\135MW\L=1228</t>
  </si>
  <si>
    <t>【哈电锅炉】燃烧器喷口管屏No.2弯管10\Φ60*7\20G\22.1322.120\135MW\L=1206</t>
  </si>
  <si>
    <t>【哈电锅炉】上部水冷壁角部散管1\Φ60*7\20G\22.1321.114\135MW\L=1276</t>
  </si>
  <si>
    <t>【哈电锅炉】上部水冷壁角部散管2\Φ60*7\20G\22.1321.114\135MW\L=1372</t>
  </si>
  <si>
    <t>【哈电锅炉】上部水冷壁角部散管3\Φ60*7\20G\22.1321.114\135MW\L=1271</t>
  </si>
  <si>
    <t>【哈电锅炉】上部水冷壁角部散管4\Φ60*7\20G\22.1321.114\135MW\L=1229</t>
  </si>
  <si>
    <t>【哈电锅炉】上部水冷壁角部散管5\Φ60*7\20G\22.1321.114\135MW\L=1507</t>
  </si>
  <si>
    <t>【哈电锅炉】上部水冷壁角部散管6\Φ60*7\20G\22.1321.114\135MW\L=1371</t>
  </si>
  <si>
    <t>【哈电锅炉】上部水冷壁角部散管7\Φ60*7\20G\22.1321.114\135MW\L=1281</t>
  </si>
  <si>
    <t>【哈电锅炉】上部水冷壁角部散管8\Φ60*7\20G\22.1321.114\135MW\L=1674</t>
  </si>
  <si>
    <t>【哈电锅炉】上部水冷壁角部散管9\Φ60*7\20G\22.1321.114\135MW\L=1505</t>
  </si>
  <si>
    <t>【哈电锅炉】上部水冷壁角部散管10\Φ60*7\20G\22.1321.114\135MW\L=1369</t>
  </si>
  <si>
    <t>【哈电锅炉】上部水冷壁角部散管11\Φ60*7\20G\22.1321.114\135MW\L=1832</t>
  </si>
  <si>
    <t>【哈电锅炉】上部水冷壁角部散管12\Φ60*7\20G\22.1321.114\135MW\L=1674</t>
  </si>
  <si>
    <t>【哈电锅炉】上部水冷壁角部散管13\Φ60*7\20G\22.1321.114\135MW\L=1511</t>
  </si>
  <si>
    <t>【哈电锅炉】上部水冷壁角部散管14\Φ60*7\20G\22.1321.114\135MW\L=1991</t>
  </si>
  <si>
    <t>【哈电锅炉】上部水冷壁角部散管15\Φ60*7\20G\22.1321.114\135MW\L=1831</t>
  </si>
  <si>
    <t>【哈电锅炉】上部水冷壁角部散管16\Φ60*7\20G\22.1321.114\135MW\L=1676</t>
  </si>
  <si>
    <t>【哈电锅炉】上部前水冷壁管屏弯管1\Φ60*7\20G\22.1321.114\135MW\L=2019</t>
  </si>
  <si>
    <t>【哈电锅炉】上部前水冷壁管屏弯管2\Φ60*7\20G\22.1321.114\135MW\L=1315</t>
  </si>
  <si>
    <t>【哈电锅炉】上部前水冷壁管屏弯管3\Φ60*7\20G\22.1321.114\135MW\L=1124</t>
  </si>
  <si>
    <t>【哈电锅炉】上部前水冷壁管屏弯管4\Φ60*7\20G\22.1321.114\135MW\L=1321</t>
  </si>
  <si>
    <t>【哈电锅炉】上部前水冷壁管屏弯管5\Φ60*7\20G\22.1321.114\135MW\L=1329</t>
  </si>
  <si>
    <t>【哈电锅炉】上部前水冷壁管屏弯管6\Φ60*7\20G\22.1321.114\135MW\L=1321</t>
  </si>
  <si>
    <t>【哈电锅炉】上部前水冷壁管屏弯管7\Φ60*7\20G\22.1321.114\135MW\L=1329</t>
  </si>
  <si>
    <t>【哈电锅炉】上部前水冷壁管屏弯管8\Φ60*7\20G\22.1321.114\135MW\L=1231</t>
  </si>
  <si>
    <t>【哈电锅炉】上部前水冷壁管屏弯管9\Φ60*7\20G\22.1321.114\135MW\L=1239</t>
  </si>
  <si>
    <t>【哈电锅炉】上部侧水冷壁管屏弯管1\Φ60*7\20G\22.1321.114\135MW\L=2019</t>
  </si>
  <si>
    <t>【哈电锅炉】上部侧水冷壁管屏弯管2\Φ60*7\20G\22.1321.114\135MW\L=2426</t>
  </si>
  <si>
    <t>【哈电锅炉】上部后水冷壁排管弯管1\Φ76*9\20G\22.1321.114\135MW\L=1660</t>
  </si>
  <si>
    <t>【哈电锅炉】上部后水冷壁排管弯管2\Φ76*9\20G\22.1321.114\135MW\L=1278</t>
  </si>
  <si>
    <t>【哈电锅炉】上部后水冷壁排管弯管3\Φ76*9\20G\22.1321.114\135MW\L=1856</t>
  </si>
  <si>
    <t>【哈电锅炉】上部后水冷壁排管弯管4\Φ76*9\20G\22.1321.114\135MW\L=2202</t>
  </si>
  <si>
    <t>【哈电锅炉】上部后水冷壁及底包墙弯管1\Φ60*7\20G\22.1321.114\135MW\L=2446</t>
  </si>
  <si>
    <t>【哈电锅炉】上部后水冷壁及底包墙弯管2\Φ60*7\20G\22.1321.114\135MW\L=2011</t>
  </si>
  <si>
    <t>【哈电锅炉】上部后水冷壁及底包墙弯管3\Φ60*7\20G\22.1321.114\135MW\L=2637</t>
  </si>
  <si>
    <t>【哈电锅炉】上部后水冷壁及底包墙弯管4\Φ60*7\20G\22.1321.114\135MW\L=2423</t>
  </si>
  <si>
    <t>【哈电锅炉】上部后水冷壁及底包墙弯管5\Φ60*7\20G\22.1321.114\135MW\L=2542</t>
  </si>
  <si>
    <t>【哈电锅炉】上部后水冷壁及底包墙弯管6\Φ60*7\20G\22.1321.114\135MW\L=2061</t>
  </si>
  <si>
    <t>【哈电锅炉】上部后水冷壁及底包墙弯管7\Φ60*7\20G\22.1321.114\135MW\L=1731</t>
  </si>
  <si>
    <t>【哈电锅炉】上部后水冷壁及底包墙弯管8\Φ60*7\20G\22.1321.114\135MW\L=1441</t>
  </si>
  <si>
    <t>【哈电锅炉】上部后水冷壁及底包墙弯管9\Φ60*7\20G\22.1321.114\135MW\L=1184</t>
  </si>
  <si>
    <t>【哈电锅炉】上部后水冷壁及底包墙弯管10\Φ60*7\20G\22.1321.114\135MW\L=1091</t>
  </si>
  <si>
    <t>【哈电锅炉】上部后水冷壁及底包墙弯管11\Φ60*7\20G\22.1321.114\135MW\L=1150</t>
  </si>
  <si>
    <t>【哈电锅炉】上部后水冷壁及底包墙弯管12\Φ60*7\20G\22.1321.114\135MW\L=1056</t>
  </si>
  <si>
    <t>【哈电锅炉】上部后水冷壁及底包墙弯管13\Φ60*7\20G\22.1321.114\135MW\L=1128</t>
  </si>
  <si>
    <t>【哈电锅炉】上部后水冷壁及底包墙弯管14\Φ60*7\20G\22.1321.114\135MW\L=1190</t>
  </si>
  <si>
    <t>【哈电锅炉】上部后水冷壁及底包墙弯管15\Φ60*7\20G\22.1321.114\135MW\L=1236</t>
  </si>
  <si>
    <t>【哈电锅炉】上部后水冷壁及底包墙弯管16\Φ60*7\20G\22.1321.114\135MW\L=1098</t>
  </si>
  <si>
    <t>【哈电锅炉】上部后水冷壁及底包墙弯管17\Φ60*7\20G\22.1321.114\135MW\L=1172</t>
  </si>
  <si>
    <t>【哈电锅炉】上部后水冷壁及底包墙弯管18\Φ60*7\20G\22.1321.114\135MW\L=1222</t>
  </si>
  <si>
    <t>【哈电锅炉】上部后水冷壁及底包墙弯管19\Φ60*7\20G\22.1321.114\135MW\L=1264</t>
  </si>
  <si>
    <t>【哈电锅炉】上部后水冷壁及底包墙弯管20\Φ60*7\20G\22.1321.114\135MW\L=1206</t>
  </si>
  <si>
    <t>【哈电锅炉】上部后水冷壁及底包墙弯管21\Φ60*7\20G\22.1321.114\135MW\L=1250</t>
  </si>
  <si>
    <t>【哈电锅炉】上部后水冷壁及底包墙弯管22\Φ60*7\20G\22.1321.114\135MW\L=1290</t>
  </si>
  <si>
    <t>【哈电锅炉】上部后水冷壁及底包墙弯管23\Φ60*7\20G\22.1321.114\135MW\L=1276</t>
  </si>
  <si>
    <t>【哈电锅炉】上部后水冷壁及底包墙弯管24\Φ60*7\20G\22.1321.114\135MW\L=1180</t>
  </si>
  <si>
    <t>【哈电锅炉】上部后水冷壁及底包墙弯管25\Φ60*7\20G\22.1321.114\135MW\L=1090</t>
  </si>
  <si>
    <t>【哈电锅炉】上部后水冷壁角部散管1\Φ60*7\20G\22.1321.114\135MW\L=1274</t>
  </si>
  <si>
    <t>【哈电锅炉】上部后水冷壁角部散管2\Φ60*7\20G\22.1321.114\135MW\L=1355</t>
  </si>
  <si>
    <t>【哈电锅炉】上部后水冷壁角部散管3\Φ60*7\20G\22.1321.114\135MW\L=1392</t>
  </si>
  <si>
    <t>【哈电锅炉】上部后水冷壁角部散管4\Φ60*7\20G\22.1321.114\135MW\L=1395</t>
  </si>
  <si>
    <t>【哈电锅炉】上部后水冷壁角部散管5\Φ60*7\20G\22.1321.114\135MW\L=1435</t>
  </si>
  <si>
    <t>【哈电锅炉】上部后水冷壁角部散管6\Φ60*7\20G\22.1321.114\135MW\L=2122</t>
  </si>
  <si>
    <t>【哈电锅炉】上部后水冷壁角部散管7\Φ60*7\20G\22.1321.114\135MW\L=1357</t>
  </si>
  <si>
    <t>【哈电锅炉】上部后水冷壁角部散管8\Φ60*7\20G\22.1321.114\135MW\L=2319</t>
  </si>
  <si>
    <t>【哈电锅炉】上部后水冷壁角部散管9\Φ60*7\20G\22.1321.114\135MW\L=1365</t>
  </si>
  <si>
    <t>【哈电锅炉】上部后水冷壁角部散管10\Φ60*7\20G\22.1321.114\135MW\L=1421</t>
  </si>
  <si>
    <t>【哈电锅炉】上部后水冷壁角部散管11\Φ60*7\20G\22.1321.114\135MW\L=2563</t>
  </si>
  <si>
    <t>【哈电锅炉】上部后水冷壁角部散管12\Φ60*7\20G\22.1321.114\135MW\L=1329</t>
  </si>
  <si>
    <t>【哈电锅炉】上部后水冷壁角部散管13\Φ60*7\20G\22.1321.114\135MW\L=2674</t>
  </si>
  <si>
    <t>【哈电锅炉】上部后水冷壁角部散管14\Φ60*7\20G\22.1321.114\135MW\L=1387</t>
  </si>
  <si>
    <t>【哈电锅炉】上部后水冷壁角部散管15\Φ60*7\20G\22.1321.114\135MW\L=1405</t>
  </si>
  <si>
    <t>【哈电锅炉】上部后水冷壁角部散管16\Φ60*7\20G\22.1321.114\135MW\L=3052</t>
  </si>
  <si>
    <t>【哈电锅炉】上部后水冷壁角部散管17\Φ60*7\20G\22.1321.114\135MW\L=1122</t>
  </si>
  <si>
    <t>【哈电锅炉】下部前后水冷壁角部管屏弯管1\Φ60*7\20G\22.1323.145\135MW\L=1355</t>
  </si>
  <si>
    <t>【哈电锅炉】下部前后水冷壁角部管屏弯管2\Φ60*7\20G\22.1323.145\135MW\L=1395</t>
  </si>
  <si>
    <t>【哈电锅炉】下部前后水冷壁角部管屏弯管3\Φ60*7\20G\22.1323.145\135MW\L=1435</t>
  </si>
  <si>
    <t>【哈电锅炉】下部前后水冷壁角部管屏弯管4\Φ60*7\20G\22.1323.145\135MW\L=1359</t>
  </si>
  <si>
    <t>【哈电锅炉】下部前后水冷壁角部管屏弯管5\Φ60*7\20G\22.1323.145\135MW\L=1365</t>
  </si>
  <si>
    <t>【哈电锅炉】下部前后水冷壁角部管屏弯管6\Φ60*7\20G\22.1323.145\135MW\L=1401</t>
  </si>
  <si>
    <t>【哈电锅炉】下部前后水冷壁角部管屏弯管7\Φ60*7\20G\22.1323.145\135MW\L=1329</t>
  </si>
  <si>
    <t>【哈电锅炉】下部前后水冷壁角部管屏弯管8\Φ60*7\20G\22.1323.145\135MW\L=1387</t>
  </si>
  <si>
    <t>【哈电锅炉】下部前后水冷壁角部管屏弯管9\Φ60*7\20G\22.1323.145\135MW\L=1404</t>
  </si>
  <si>
    <t>【哈电锅炉】下部前后水冷壁角部管屏弯管10\Φ60*7\20G\22.1323.145\135MW\L=1122</t>
  </si>
  <si>
    <t>【哈电锅炉】下部前后水冷壁角部管屏弯管11\Φ60*7\20G\22.1323.145\135MW\L=1234</t>
  </si>
  <si>
    <t>【哈电锅炉】下部前后水冷壁管屏弯管\Φ60*7\20G\22.1323.145\135MW\L=1436</t>
  </si>
  <si>
    <t>【哈电锅炉】下部前后水冷壁角部散管130°弯管\Φ60*7\20G\22.1323.145\135MW\L=1175</t>
  </si>
  <si>
    <t>【哈电锅炉】下部前后水冷壁角部散管100°弯管\Φ60*7\20G\22.1323.145\135MW\L=1279</t>
  </si>
  <si>
    <t>【哈电锅炉】下部前后水冷壁角部散管上部弯管1\Φ60*7\20G\22.1323.145\135MW\L=1120</t>
  </si>
  <si>
    <t>【哈电锅炉】下部前后水冷壁角部散管上部弯管2\Φ60*7\20G\22.1323.145\135MW\L=1264</t>
  </si>
  <si>
    <t>【哈电锅炉】下部前后水冷壁角部散管上部弯管3\Φ60*7\20G\22.1323.145\135MW\L=1292</t>
  </si>
  <si>
    <t>【哈电锅炉】下部前后水冷壁角部散管上部弯管4\Φ60*7\20G\22.1323.145\135MW\L=1382</t>
  </si>
  <si>
    <t>【哈电锅炉】下部前后水冷壁角部散管上部弯管5\Φ60*7\20G\22.1323.145\135MW\L=1402</t>
  </si>
  <si>
    <t>【哈电锅炉】下部前后水冷壁角部散管上部弯管6\Φ60*7\20G\22.1323.145\135MW\L=1478</t>
  </si>
  <si>
    <t>【哈电锅炉】下部前后水冷壁角部散管上部弯管7\Φ60*7\20G\22.1323.145\135MW\L=1496</t>
  </si>
  <si>
    <t>【哈电锅炉】顶棚入口集箱管接头1\Φ51*5.5\15CrMoG\22.1341.098\135MW\L=394</t>
  </si>
  <si>
    <t>【哈电锅炉】顶棚入口集箱管接头2\Φ28*0\20\22.1341.098\135MW</t>
  </si>
  <si>
    <t>【哈电锅炉】顶棚出口集箱管接头\Φ51*6\15CrMoG\22.1341.098\135MW\L=87</t>
  </si>
  <si>
    <t>【哈电锅炉】后烟道前墙上集箱管接头1\Φ42*6\20G\22.1341.098\135MW\L=324</t>
  </si>
  <si>
    <t>【哈电锅炉】后烟道前墙上集箱管接头2\Φ42*6\20G\22.1341.098\135MW\L=110</t>
  </si>
  <si>
    <t>【哈电锅炉】后烟道前墙上集箱管接头3\Φ42*6\20G\22.1341.098\135MW\L=1115</t>
  </si>
  <si>
    <t>【哈电锅炉】后烟道侧墙上集箱(正反)管接头\Φ44.5*5.5\20G\22.1341.098\135MW\L=453</t>
  </si>
  <si>
    <t>【哈电锅炉】水平烟道侧包墙上集箱(正反)管接头1\Φ42*6\20G\22.1341.098\135MW\L=454</t>
  </si>
  <si>
    <t>【哈电锅炉】水平烟道侧包墙上集箱(正反)管接头2\Φ42*6\20G\22.1341.098\135MW\L=1480</t>
  </si>
  <si>
    <t>【哈电锅炉】水平烟道侧包墙上集箱(正反)管接头3\Φ42*6\20G\22.1341.098\135MW\L=1283</t>
  </si>
  <si>
    <t>【哈电锅炉】后烟道后墙下集箱管接头1\Φ28*0\20\22.1341.098\135MW</t>
  </si>
  <si>
    <t>【哈电锅炉】后烟道后墙下集箱管接头2\Φ42*6\20G\22.1341.098\135MW\L=323</t>
  </si>
  <si>
    <t>【哈电锅炉】后烟道后墙下集箱管接头3\Φ42*6\20G\22.1341.098\135MW\L=328</t>
  </si>
  <si>
    <t>【哈电锅炉】后烟道后墙下集箱管接头4\Φ44.5*5.5\20G\22.1341.098\135MW\L=323</t>
  </si>
  <si>
    <t>【哈电锅炉】后烟道后墙下集箱管接头5\Φ44.5*5.5\20G\22.1341.098\135MW\L=330</t>
  </si>
  <si>
    <t>【哈电锅炉】后烟道前墙下集箱管接头1\Φ28*0\20\22.1341.098\135MW</t>
  </si>
  <si>
    <t>【哈电锅炉】后烟道前墙下集箱管接头2\Φ42*6\20G\22.1341.098\135MW\L=323</t>
  </si>
  <si>
    <t>【哈电锅炉】后烟道前墙下集箱管接头3\Φ42*6\20G\22.1341.098\135MW\L=328</t>
  </si>
  <si>
    <t>【哈电锅炉】后烟道前墙下集箱管接头4\Φ44.5*5.5\20G\22.1341.098\135MW\L=323</t>
  </si>
  <si>
    <t>【哈电锅炉】后烟道前墙下集箱管接头5\Φ44.5*5.5\20G\22.1341.098\135MW\L=330</t>
  </si>
  <si>
    <t>【哈电锅炉】后烟道侧墙下集箱(正反)管接头\Φ44.5*5.5\20G\22.1341.098\135MW\L=323</t>
  </si>
  <si>
    <t>【哈电锅炉】水平烟道侧包墙下集箱管接头1\Φ42*6\20G\22.1341.098\135MW\L=528</t>
  </si>
  <si>
    <t>【哈电锅炉】水平烟道侧包墙下集箱管接头2\Φ42*6\20G\22.1341.098\135MW\L=530</t>
  </si>
  <si>
    <t>【哈电锅炉】水平烟道侧包墙下集箱管接头3\Φ42*6\20G\22.1341.098\135MW\L=556</t>
  </si>
  <si>
    <t>【哈电锅炉】水平烟道侧包墙下集箱管接头4\Φ42*6\20G\22.1341.098\135MW\L=577</t>
  </si>
  <si>
    <t>【哈电锅炉】立式低温过热器上弯管1\Φ42*5\12Cr1MoVG\22.1342.145\135MW\L=1068</t>
  </si>
  <si>
    <t>【哈电锅炉】立式低温过热器上弯管2\Φ42*5\12Gr1MoVG\22.1342.145\135MW\L=1055</t>
  </si>
  <si>
    <t>【哈电锅炉】立式低温过热器90°弯管1\Φ42*5\12Cr1MoVG\22.1342.145\135MW\L=1126</t>
  </si>
  <si>
    <t>【哈电锅炉】水平低温过热器90°弯管1\Φ42*5\12Cr1MoVG\22.1342.145\135MW\L=1210</t>
  </si>
  <si>
    <t>【哈电锅炉】水平低温过热器90°弯管2\Φ42*5\20G\22.1342.145\135MW\L=1210</t>
  </si>
  <si>
    <t>【哈电锅炉】水平低温过热器180°大R弯管1\Φ42*5\12Cr1MoVG\22.1342.145\135MW\L=1419</t>
  </si>
  <si>
    <t>【哈电锅炉】水平低温过热器180°小R弯管2\Φ42*5\12Cr1MoVG\22.1342.145\135MW\L=1140</t>
  </si>
  <si>
    <t>【哈电锅炉】水平低温过热器180°大R弯管1\Φ42*5\20G\22.1342.145\135MW\L=1419</t>
  </si>
  <si>
    <t>【哈电锅炉】水平低温过热器180°小R弯管2\Φ42*5\20G\22.1342.145\135MW\L=1140</t>
  </si>
  <si>
    <t>【哈电锅炉】水平低温过热器120°弯管1\Φ51*7\20G\22.1342.145\135MW\L=1136</t>
  </si>
  <si>
    <t>【哈电锅炉】水平低温过热器148°弯管2\Φ51*7\20G\22.1342.145\135MW\L=1073</t>
  </si>
  <si>
    <t>【哈电锅炉】末级过热器180°弯管1\Φ42*6\12Cr1MoVG\22.1342.142\135MW\L=1140</t>
  </si>
  <si>
    <t>【哈电锅炉】末级过热器90°弯管2\Φ42*6\12Cr1MoVG\22.1342.142\135MW\L=1099</t>
  </si>
  <si>
    <t>【哈电锅炉】末级过热器45°弯管3\Φ42*6\12Cr1MoVG\22.1342.142\135MW\L=1049.5</t>
  </si>
  <si>
    <t>【哈电锅炉】末级过热器180°弯管4\Φ42*5\SA-213T91\22.1342.142\135MW\L=1140</t>
  </si>
  <si>
    <t>【哈电锅炉】末级过热器90°弯管5\Φ42*5\SA-213T91\22.1342.142\135MW\L=1099</t>
  </si>
  <si>
    <t>【哈电锅炉】末级过热器45°弯管6\Φ42*5\SA-213T91\22.1342.142\135MW\L=1049.5</t>
  </si>
  <si>
    <t>【哈电锅炉】水平低温过热器入口集箱管接头1\Φ42*6\20G\22.1341.096\135MW\L=4975</t>
  </si>
  <si>
    <t>【哈电锅炉】水平低温过热器入口集箱管接头2\Φ51*7\20G\22.1341.096\135MW\L=410.5</t>
  </si>
  <si>
    <t>【哈电锅炉】水平低温过热器入口集箱管接头3\Φ42*6\20G\22.1341.096\135MW\L=500</t>
  </si>
  <si>
    <t>【哈电锅炉】水平低温过热器入口集箱管接头4\Φ42*6\20G\22.1341.096\135MW\L=505</t>
  </si>
  <si>
    <t>【哈电锅炉】水平低温过热器入口集箱管接头5\Φ42*6\20G\22.1341.096\135MW\L=515</t>
  </si>
  <si>
    <t>【哈电锅炉】水平低温过热器入口集箱管接头6\Φ42*6\20G\22.1341.096\135MW\L=526</t>
  </si>
  <si>
    <t>【哈电锅炉】立式低温过热器出口集箱管接头1\Φ42*6\15CrMoG\22.1341.096\135MW\L=605</t>
  </si>
  <si>
    <t>【哈电锅炉】立式低温过热器出口集箱管接头2\Φ42*6\15CrMoG\22.1341.096\135MW\L=468</t>
  </si>
  <si>
    <t>【哈电锅炉】末级过热器入口集箱管接头1\Φ42*6\12Cr1MoVG\22.1341.096\135MW\L=735</t>
  </si>
  <si>
    <t>【哈电锅炉】末级过热器入口集箱管接头2\Φ42*6\12Cr1MoVG\22.1341.096\135MW\L=719</t>
  </si>
  <si>
    <t>【哈电锅炉】末级过热器入口集箱管接头3\Φ42*6\12Cr1MoVG\22.1341.096\135MW\L=614</t>
  </si>
  <si>
    <t>【哈电锅炉】末级过热器入口集箱管接头4\Φ42*6\12Cr1MoVG\22.1341.096\135MW\L=599</t>
  </si>
  <si>
    <t>【哈电锅炉】末级过热器出口集箱管接头1\Φ42*6\12Cr1MoVG\22.1341.096\135MW\L=709</t>
  </si>
  <si>
    <t>【哈电锅炉】末级过热器出口集箱管接头2\Φ42*6\12Cr1MoVG\22.1341.096\135MW\L=588</t>
  </si>
  <si>
    <t>【哈电锅炉】分隔屏入口集箱管接头1\Φ42*5\15CrMoG\22.1341. 095\135MW\L=419</t>
  </si>
  <si>
    <t>【哈电锅炉】分隔屏入口集箱管接头2\Φ51*6\15CrMoG\22.1341. 095\135MW\L=702.5</t>
  </si>
  <si>
    <t>【哈电锅炉】分隔屏入口集箱管接头3\Φ42*5\15CrMoG\22.1341. 095\135MW\L=374.5</t>
  </si>
  <si>
    <t>【哈电锅炉】分隔屏入口集箱管接头4\Φ42*5\15CrMoG\22.1341. 095\135MW\L=900</t>
  </si>
  <si>
    <t>【哈电锅炉】分隔屏入口集箱管接头5\Φ42*5\15CrMoG\22.1341. 095\135MW\L=1025.5</t>
  </si>
  <si>
    <t>【哈电锅炉】分隔屏入口集箱管接头6\Φ42*5\15CrMoG\22.1341. 095\135MW\L=714</t>
  </si>
  <si>
    <t>【哈电锅炉】分隔屏入口集箱管接头7\Φ42*5\15CrMoG\22.1341. 095\135MW\L=865.5</t>
  </si>
  <si>
    <t>【哈电锅炉】分隔屏入口集箱管接头8\Φ42*5\15CrMoG\22.1341. 095\135MW\L=463</t>
  </si>
  <si>
    <t>【哈电锅炉】分隔屏出口集箱管接头1\Φ42*5\12Cr1MoVG\22.1341. 095\135MW\L=374.5</t>
  </si>
  <si>
    <t>【哈电锅炉】分隔屏出口集箱管接头2\Φ42*5\12Cr1MoVG\22.1341. 095\135MW\L=419</t>
  </si>
  <si>
    <t>【哈电锅炉】分隔屏出口集箱管接头3\Φ42*5\12Cr1MoVG\22.1341. 095\135MW\L=1025.5</t>
  </si>
  <si>
    <t>【哈电锅炉】分隔屏出口集箱管接头4\Φ42*5\12Cr1MoVG\22.1341. 095\135MW\L=900</t>
  </si>
  <si>
    <t>【哈电锅炉】分隔屏出口集箱管接头5\Φ42*5\12Cr1MoVG\22.1341. 095\135MW\L=463</t>
  </si>
  <si>
    <t>【哈电锅炉】分隔屏出口集箱管接头6\Φ42*5\12Cr1MoVG\22.1341. 095\135MW\L=874</t>
  </si>
  <si>
    <t>【哈电锅炉】分隔屏出口集箱管接头7\Φ42*5\12Cr1MoVG\22.1341. 095\135MW\L=1031</t>
  </si>
  <si>
    <t>【哈电锅炉】后屏过热器入口集箱管接头1\Φ42*5.5\12Cr1MoVG\22.1341. 095\135MW\L=1120</t>
  </si>
  <si>
    <t>【哈电锅炉】后屏过热器入口集箱管接头2\Φ42*5.5\12Cr1MoVG\22.1341. 095\135MW\L=1147</t>
  </si>
  <si>
    <t>【哈电锅炉】后屏过热器入口集箱管接头3\Φ42*5.5\12Cr1MoVG\22.1341. 095\135MW\L=1153</t>
  </si>
  <si>
    <t>【哈电锅炉】后屏过热器入口集箱管接头4\Φ42*5.5\12Cr1MoVG\22.1341. 095\135MW\L=1016</t>
  </si>
  <si>
    <t>【哈电锅炉】后屏过热器入口集箱管接头5\Φ42*5.5\12Cr1MoVG\22.1341. 095\135MW\L=1063</t>
  </si>
  <si>
    <t>【哈电锅炉】后屏过热器入口集箱管接头6\Φ42*5.5\12Cr1MoVG\22.1341. 095\135MW\L=1074</t>
  </si>
  <si>
    <t>【哈电锅炉】后屏过热器入口集箱管接头7\Φ51*6\12Cr1MoVG\22.1341. 095\135MW\L=1119</t>
  </si>
  <si>
    <t>【哈电锅炉】后屏过热器入口集箱管接头8\Φ42*5\12Cr1MoVG\22.1341. 095\135MW\L=1148</t>
  </si>
  <si>
    <t>【哈电锅炉】后屏过热器出口集箱管接头1\Φ42*7\12Cr1MoVG\22.1341. 095\135MW\L=1471</t>
  </si>
  <si>
    <t>【哈电锅炉】后屏过热器出口集箱管接头2\Φ42*7\12Cr1MoVG\22.1341. 095\135MW\L=1367</t>
  </si>
  <si>
    <t>【哈电锅炉】后屏过热器出口集箱管接头3\Φ42*7\12Cr1MoVG\22.1341. 095\135MW\L=1564</t>
  </si>
  <si>
    <t>【哈电锅炉】后屏过热器出口集箱管接头4\Φ42*7\12Cr1MoVG\22.1341. 095\135MW\L=1459</t>
  </si>
  <si>
    <t>【哈电锅炉】后屏过热器出口集箱管接头5\Φ42*7\12Cr1MoVG\22.1341. 095\135MW\L=1456</t>
  </si>
  <si>
    <t>【哈电锅炉】后屏过热器出口集箱管接头6\Φ42*7\12Cr1MoVG\22.1341. 095\135MW\L=1352</t>
  </si>
  <si>
    <t>【哈电锅炉】后屏过热器出口集箱管接头7\Φ42*7\12Cr1MoVG\22.1341. 095\135MW\L=1511</t>
  </si>
  <si>
    <t>【哈电锅炉】后屏过热器出口集箱管接头8\Φ42*7\12Cr1MoVG\22.1341. 095\135MW\L=1407</t>
  </si>
  <si>
    <t>【哈电锅炉】后屏过热器出口集箱管接头9\Φ42*7\12Cr1MoVG\22.1341. 095\135MW\L=1692</t>
  </si>
  <si>
    <t>【哈电锅炉】后屏过热器出口集箱管接头10\Φ42*6\12Cr1MoVG\22.1341. 095\135MW\L=1587</t>
  </si>
  <si>
    <t>【哈电锅炉】后屏过热器出口集箱管接头11\Φ42*7\12Cr1MoVG\22.1341. 095\135MW\L=1607</t>
  </si>
  <si>
    <t>【哈电锅炉】后屏过热器出口集箱管接头12\Φ51*7\12Cr1MoVG\22.1341. 095\135MW\L=1461</t>
  </si>
  <si>
    <t>【哈电锅炉】后屏过热器出口集箱管接头13\Φ42*7\12Cr1MoVG\22.1341. 095\135MW\L=1750</t>
  </si>
  <si>
    <t>【哈电锅炉】后屏过热器出口集箱管接头14\Φ51*7\12Cr1MoVG\22.1341. 095\135MW\L=1560</t>
  </si>
  <si>
    <t>【哈电锅炉】后屏过热器出口集箱管接头15\Φ51*7\12Cr1MoVG\22.1341. 095\135MW\L=1518</t>
  </si>
  <si>
    <t>【哈电锅炉】后屏过热器出口集箱管接头16\Φ42*7\12Cr1MoVG\22.1341. 095\135MW\L=1456</t>
  </si>
  <si>
    <t>【哈电锅炉】后屏过热器出口集箱管接头17\Φ42*7\12Cr1MoVG\22.1341. 095\135MW\L=1352</t>
  </si>
  <si>
    <t>【哈电锅炉】后屏过热器出口集箱管接头18\Φ42*7\12Cr1MoVG\22.1341. 095\135MW\L=1549</t>
  </si>
  <si>
    <t>【哈电锅炉】后屏过热器出口集箱管接头19\Φ42*7\12Cr1MoVG\22.1341. 095\135MW\L=1444</t>
  </si>
  <si>
    <t>【哈电锅炉】后屏过热器出口集箱管接头20\Φ42*7\12Cr1MoVG\22.1341. 095\135MW\L=1441</t>
  </si>
  <si>
    <t>【哈电锅炉】后屏过热器出口集箱管接头21\Φ42*7\12Cr1MoVG\22.1341. 095\135MW\L=1337</t>
  </si>
  <si>
    <t>【哈电锅炉】后屏过热器出口集箱管接头22\Φ42*7\12Cr1MoVG\22.1341. 095\135MW\L=1496</t>
  </si>
  <si>
    <t>【哈电锅炉】后屏过热器出口集箱管接头23\Φ42*7\12Cr1MoVG\22.1341. 095\135MW\L=1392</t>
  </si>
  <si>
    <t>【哈电锅炉】后屏过热器出口集箱管接头24\Φ42*7\12Cr1MoVG\22.1341. 095\135MW\L=1677</t>
  </si>
  <si>
    <t>【哈电锅炉】后屏过热器出口集箱管接头25\Φ42*6\12Cr1MoVG\22.1341. 095\135MW\L=1572</t>
  </si>
  <si>
    <t>【哈电锅炉】后屏过热器出口集箱管接头26\Φ42*7\12Cr1MoVG\22.1341. 095\135MW\L=1592</t>
  </si>
  <si>
    <t>【哈电锅炉】后屏过热器出口集箱管接头27\Φ51*7\12Cr1MoVG\22.1341. 095\135MW\L=1446</t>
  </si>
  <si>
    <t>【哈电锅炉】后屏过热器U型夹屏弯管\Φ42*6\SA-213T91\22.1347.071\135MW\L=2931</t>
  </si>
  <si>
    <t>【哈电锅炉】后屏过热器底部90°弯头1\Φ42*4.5\SA-213T91\22.1347.071\135MW\L=1126</t>
  </si>
  <si>
    <t>【哈电锅炉】后屏过热器底部90°弯头2\Φ42*5\SA-213T91\22.1347.071\135MW\L=1126</t>
  </si>
  <si>
    <t>【哈电锅炉】后屏过热器底部90°弯头3\Φ51*5.5\SA-213T91\22.1347.071\135MW\L=1157</t>
  </si>
  <si>
    <t>【哈电锅炉】后屏过热器底部180°大R弯头1\Φ42*4.5\SA-213T91\22.1347.071\135MW\L=1355</t>
  </si>
  <si>
    <t>【哈电锅炉】后屏过热器底部180°小R弯头2\Φ42*4.5\SA-213T91\22.1347.071\135MW\L=1252</t>
  </si>
  <si>
    <t>【哈电锅炉】流体冷却夹管90°弯头1\Φ42*5\SA-213TP304H\22.1347.074\135MW\L=1126</t>
  </si>
  <si>
    <t>【哈电锅炉】流体冷却夹管50°弯头2\Φ51*7\SA-213TP304H\22.1372.252\135MW\L=1140</t>
  </si>
  <si>
    <t>【哈电锅炉】流体冷却间隔管弯头3\Φ42*6\12Cr1MoVG\22.1372.254\135MW\L=1119</t>
  </si>
  <si>
    <t>【哈电锅炉】分隔屏U型夹屏弯管\Φ42*6\SA-213T91\22.1347.070\135MW\L=2931</t>
  </si>
  <si>
    <t>【哈电锅炉】分隔屏底部90°弯头1\Φ42*4.5\SA-213T91\22.1347.070\135MW\L=1126</t>
  </si>
  <si>
    <t>【哈电锅炉】分隔屏底部90°弯头2\Φ42*4.5\SA-213TP304H\22.1347.070\135MW\L=1126</t>
  </si>
  <si>
    <t>【哈电锅炉】分隔屏底部180°大R弯头1\Φ42*4.5\SA-213T91\22.1347.070\135MW\L=1355</t>
  </si>
  <si>
    <t>【哈电锅炉】分隔屏底部180°小R弯头2\Φ42*4.5\SA-213T91\22.1347.070\135MW\L=1252</t>
  </si>
  <si>
    <t>【哈电锅炉】辐射再热器前墙入口集箱管接头1\Φ50*4\20G\22.1349.105\135MW\L=667</t>
  </si>
  <si>
    <t>【哈电锅炉】辐射再热器前墙入口集箱管接头2\Φ50*4\20G\22.1349.105\135MW\L=716</t>
  </si>
  <si>
    <t>【哈电锅炉】辐射再热器前墙入口集箱管接头3\Φ50*4\20G\22.1349.105\135MW\L=873</t>
  </si>
  <si>
    <t>【哈电锅炉】辐射再热器侧墙入口集箱管接头1\Φ50*4\20G\22.1349.105\135MW\L=667</t>
  </si>
  <si>
    <t>【哈电锅炉】辐射再热器侧墙入口集箱管接头2\Φ50*4\20G\22.1349.105\135MW\L=716</t>
  </si>
  <si>
    <t>【哈电锅炉】辐射再热器侧墙入口集箱管接头3\Φ50*4\20G\22.1349.105\135MW\L=873</t>
  </si>
  <si>
    <t>【哈电锅炉】辐射再热器前墙出口集箱管接头1\Φ50*4\20G\22.1349.105\135MW\L=538</t>
  </si>
  <si>
    <t>【哈电锅炉】辐射再热器前墙出口集箱管接头2\Φ50*4\20G\22.1349.105\135MW\L=649</t>
  </si>
  <si>
    <t>【哈电锅炉】辐射再热器前墙出口集箱管接头3\Φ50*4\20G\22.1349.105\135MW\L=598</t>
  </si>
  <si>
    <t>【哈电锅炉】辐射再热器侧墙出口集箱管接头1\Φ50*4\20G\22.1349.105\135MW\L=538</t>
  </si>
  <si>
    <t>【哈电锅炉】辐射再热器侧墙出口集箱管接头3\Φ50*4\20G\22.1349.105\135MW\L=598</t>
  </si>
  <si>
    <t>【哈电锅炉】后屏再热器入口集箱管接头1\Φ51*4\20G\22.1349.105\135MW\L=1622</t>
  </si>
  <si>
    <t>【哈电锅炉】后屏再热器入口集箱管接头2\Φ42*5\20G\22.1349.105\135MW\L=1659</t>
  </si>
  <si>
    <t>【哈电锅炉】后屏再热器入口集箱管接头3\Φ57*5\20G\22.1349.105\135MW\L=1553</t>
  </si>
  <si>
    <t>【哈电锅炉】后屏再热器入口集箱管接头4\Φ42*5\20G\22.1349.105\135MW\L=1540</t>
  </si>
  <si>
    <t>【哈电锅炉】后屏再热器入口集箱管接头5\Φ51*4\20G\22.1349.105\135MW\L=1577</t>
  </si>
  <si>
    <t>【哈电锅炉】后屏再热器入口集箱管接头6\Φ42*5\20G\22.1349.105\135MW\L=1476</t>
  </si>
  <si>
    <t>【哈电锅炉】后屏再热器入口集箱管接头7\Φ51*4\20G\22.1349.105\135MW\L=1510</t>
  </si>
  <si>
    <t>【哈电锅炉】后屏再热器入口集箱管接头8\Φ51*4\20G\22.1349.105\135MW\L=1561</t>
  </si>
  <si>
    <t>【哈电锅炉】后屏再热器入口集箱管接头9\Φ51*4\20G\22.1349.105\135MW\L=1344</t>
  </si>
  <si>
    <t>【哈电锅炉】后屏再热器入口集箱管接头10\Φ51*4\20G\22.1349.105\135MW\L=1404</t>
  </si>
  <si>
    <t>【哈电锅炉】后屏再热器入口集箱管接头11\Φ51*4\20G\22.1349.105\135MW\L=1478</t>
  </si>
  <si>
    <t>【哈电锅炉】后屏再热器出口集箱管接头1\Φ57*5\12Cr1MoVG\22.1349.105\135MW\L=1450</t>
  </si>
  <si>
    <t>【哈电锅炉】后屏再热器出口集箱管接头2\Φ51*4\12Cr1MoVG\22.1349.105\135MW\L=1388</t>
  </si>
  <si>
    <t>【哈电锅炉】后屏再热器出口集箱管接头3\Φ51*4\12Cr1MoVG\22.1349.105\135MW\L=1640</t>
  </si>
  <si>
    <t>【哈电锅炉】后屏再热器出口集箱管接头4\Φ51*4\12Cr1MoVG\22.1349.105\135MW\L=1570</t>
  </si>
  <si>
    <t>【哈电锅炉】后屏再热器出口集箱管接头5\Φ42*5\12Cr1MoVG\22.1349.105\135MW\L=1514</t>
  </si>
  <si>
    <t>【哈电锅炉】后屏再热器出口集箱管接头6\Φ42*5\12Cr1MoVG\22.1349.105\135MW\L=1577</t>
  </si>
  <si>
    <t>【哈电锅炉】后屏再热器出口集箱管接头7\Φ42*5\12Cr1MoVG\22.1349.105\135MW\L=1651</t>
  </si>
  <si>
    <t>【哈电锅炉】后屏再热器出口集箱管接头8\Φ42*5\12Cr1MoVG\22.1349.105\135MW\L=1392</t>
  </si>
  <si>
    <t>【哈电锅炉】后屏再热器出口集箱管接头9\Φ42*5\12Cr1MoVG\22.1349.105\135MW\L=1455</t>
  </si>
  <si>
    <t>【哈电锅炉】后屏再热器出口集箱管接头10\Φ51*4\12Cr1MoVG\22.1349.105\135MW\L=1518</t>
  </si>
  <si>
    <t>【哈电锅炉】末级再热器入口集箱管接头1\Φ51*4\12Cr1MoVG\22.1349.105\135MW\L=853</t>
  </si>
  <si>
    <t>【哈电锅炉】末级再热器入口集箱管接头2\Φ51*4\12Cr1MoVG\22.1349.105\135MW\L=743</t>
  </si>
  <si>
    <t>【哈电锅炉】末级再热器入口集箱管接头3\Φ51*4\12Cr1MoVG\22.1349.105\135MW\L=672</t>
  </si>
  <si>
    <t>【哈电锅炉】末级再热器入口集箱管接头4\Φ42*5\12Cr1MoVG\22.1349.105\135MW\L=1145</t>
  </si>
  <si>
    <t>【哈电锅炉】末级再热器入口集箱管接头5\Φ42*5\12Cr1MoVG\22.1349.105\135MW\L=918</t>
  </si>
  <si>
    <t>【哈电锅炉】末级再热器入口集箱管接头6\Φ42*5\12Cr1MoVG\22.1349.105\135MW\L=773</t>
  </si>
  <si>
    <t>【哈电锅炉】末级再热器入口集箱管接头7\Φ42*5\12Cr1MoVG\22.1349.105\135MW\L=762</t>
  </si>
  <si>
    <t>【哈电锅炉】末级再热器出口集箱管接头1\Φ42*5\12Cr1MoVG\22.1349.105\135MW\L=774</t>
  </si>
  <si>
    <t>【哈电锅炉】末级再热器出口集箱管接头2\Φ42*5\12Cr1MoVG\22.1349.105\135MW\L=665</t>
  </si>
  <si>
    <t>【哈电锅炉】末级再热器出口集箱管接头3\Φ42*5\12Cr1MoVG\22.1349.105\135MW\L=592</t>
  </si>
  <si>
    <t>【哈电锅炉】末级再热器出口集箱管接头4\Φ51*5\12Cr1MoVG\22.1349.105\135MW\L=1140</t>
  </si>
  <si>
    <t>【哈电锅炉】末级再热器出口集箱管接头5\Φ42*5\12Cr1MoVG\22.1349.105\135MW\L=918</t>
  </si>
  <si>
    <t>【哈电锅炉】末级再热器出口集箱管接头6\Φ42*5\12Cr1MoVG\22.1349.105\135MW\L=773</t>
  </si>
  <si>
    <t>【哈电锅炉】末级再热器出口集箱管接头7\Φ42*5\12Cr1MoVG\22.1349.105\135MW\L=762</t>
  </si>
  <si>
    <t>【哈电锅炉】后屏再热器127°弯头1\Φ51*4\12Cr1MoVG\22.1348.127\135MW\L=1288</t>
  </si>
  <si>
    <t>【哈电锅炉】后屏再热器53°弯头2\Φ51*4\12Cr1MoVG\22.1348.127\135MW\L=1120</t>
  </si>
  <si>
    <t>【哈电锅炉】后屏再热器180°大R弯头1\Φ51*4\12Cr1MoVG\22.1348.127\135MW\L=1481</t>
  </si>
  <si>
    <t>【哈电锅炉】后屏再热器180°小R弯头2\Φ51*4\12Cr1MoVG\22.1348.127\135MW\L=1285</t>
  </si>
  <si>
    <t>【哈电锅炉】末级再热器127°弯头\Φ51*4\SA-213T91\22.1348.129\135MW\L=1339</t>
  </si>
  <si>
    <t>【哈电锅炉】末级再热器53°弯头\Φ51*4\SA-213T91\22.1348.129\135MW\L=1142</t>
  </si>
  <si>
    <t>【哈电锅炉】末级再热器180°大R弯头\Φ51*4\SA-213T91\22.1348.129\135MW\L=1481</t>
  </si>
  <si>
    <t>【哈电锅炉】末级再热器180°小R弯头\Φ51*4\SA-213T91\22.1348.129\135MW\L=1160</t>
  </si>
  <si>
    <t>【哈电锅炉】末级再热器上部75°弯头\Φ51*4\12Cr1MoVG\22.1348.129\135MW\L=1200</t>
  </si>
  <si>
    <t>【哈电锅炉】墙式再热器90°弯头\Φ51*4\15CrMoG\22.1348.128\135MW\L=1236</t>
  </si>
  <si>
    <t>【哈电锅炉】典型弯管\Φ60*7\20G\T15-347\135MW\L= A=B=475</t>
  </si>
  <si>
    <t>【哈电锅炉】典型弯管\Φ60*7\20G\T15-406\135MW</t>
  </si>
  <si>
    <t>【哈电锅炉】典型弯管\Φ60*7\20G\T15-415\135MW\L= A=B=500</t>
  </si>
  <si>
    <t>【哈电锅炉】典型弯管\Φ60*7\20G\T15-598\135MW\L= A=B=500</t>
  </si>
  <si>
    <t>【哈电锅炉】典型弯管\Φ60*7\20G\T15-586\135MW\L= A=B=500</t>
  </si>
  <si>
    <t>【哈电锅炉】典型弯管\Φ60*7\20G\T15-362\135MW\L= A=B=623</t>
  </si>
  <si>
    <t>【哈电锅炉】典型弯管\Φ60*7\20G\T15-349\135MW\L= A=B=750</t>
  </si>
  <si>
    <t>【哈电锅炉】典型弯管\Φ60*7\20G\T15-594\135MW\L= A=B=315</t>
  </si>
  <si>
    <t>【哈电锅炉】典型弯管\Φ60*7\20G\T15-603\135MW\L= A=B=523</t>
  </si>
  <si>
    <t>【哈电锅炉】典型弯管\Φ60*7\20G\T15-605\135MW\L= A=B=533</t>
  </si>
  <si>
    <t>【哈电锅炉】典型弯管\Φ60*7\20G\T15-590\135MW\L= A=B=325</t>
  </si>
  <si>
    <t>【哈电锅炉】后屏再热器异种钢管\Φ51*4\Φ51\22.1348.127\135MW</t>
  </si>
  <si>
    <t>【哈电锅炉】末级再热器异种钢管1\Φ51*4\Φ51\22.1348.129\135MW</t>
  </si>
  <si>
    <t>【哈电锅炉】末级再热器异种钢管2\Φ51*4\Φ51\22.1348.129\135MW</t>
  </si>
  <si>
    <t>【哈电锅炉】末级再热器异种钢管3\Φ51*4\Φ51\22.1348.129\135MW</t>
  </si>
  <si>
    <t>【哈电锅炉】低温过热器异种钢管1\Φ42*5\Φ42\22.1342.145\135MW</t>
  </si>
  <si>
    <t>【哈电锅炉】低温过热器异种钢管2\Φ42*5\Φ51\22.1342.145\135MW</t>
  </si>
  <si>
    <t>【哈电锅炉】分隔屏异种钢管1\Φ42*5\Φ42\22.1347.070\135MW</t>
  </si>
  <si>
    <t>【哈电锅炉】分隔屏异种钢管2\Φ42*5\Φ42\22.1347.070\135MW</t>
  </si>
  <si>
    <t>【哈电锅炉】后屏过热热器异种钢管1\Φ42*6\Φ42\22.1347.071\135MW</t>
  </si>
  <si>
    <t>【哈电锅炉】后屏过热热器异种钢管2\Φ42*4.5\Φ42\22.1347.071\135MW</t>
  </si>
  <si>
    <t>【哈电锅炉】后屏过热热器异种钢管3\Φ42*4.5\Φ42\22.1347.071\135MW</t>
  </si>
  <si>
    <t>【哈电锅炉】末级过热器异种钢管\Φ42*5\Φ42\22.1342.142\135MW</t>
  </si>
  <si>
    <t>【哈电锅炉】省煤器120°弯头管\Φ32*4\20G\22.1352.095\135MW\L=1048</t>
  </si>
  <si>
    <t>【哈电锅炉】省煤器150°弯头管\Φ32*4\20G\22.1352.095\135MW\L=1024</t>
  </si>
  <si>
    <t>【哈电锅炉】省煤器60°弯头管\Φ32*4\20G\22.1352.095\135MW\L=1094</t>
  </si>
  <si>
    <t>【哈电锅炉】省煤器30°弯头管\Φ32*4\20G\22.1352.095\135MW\L=1117</t>
  </si>
  <si>
    <t>【哈电锅炉】省煤器90°弯头管\Φ32*4\20G\22.1352.095\135MW\L=1071</t>
  </si>
  <si>
    <t>【哈电锅炉】省煤器180°大R弯头管\Φ32*4\20G\22.1352.095\135MW\L=1283</t>
  </si>
  <si>
    <t>【哈电锅炉】省煤器180°小R弯头管\Φ32*4\20G\22.1352.095\135MW\L=1141</t>
  </si>
  <si>
    <t>【哈电锅炉】省煤器入口集箱管接头1\Φ32*4\20G\22.1351.082\135MW\L=1059</t>
  </si>
  <si>
    <t>【哈电锅炉】省煤器入口集箱管接头2\Φ32*4\20G\22.1351.082\135MW\L=916</t>
  </si>
  <si>
    <t>【哈电锅炉】省煤器入口集箱管接头3\Φ32*4\20G\22.1351.082\135MW\L=758</t>
  </si>
  <si>
    <t>【哈电锅炉】省煤器入口集箱管接头4\Φ32*4\20G\22.1351.082\135MW\L=683</t>
  </si>
  <si>
    <t>【哈电锅炉】省煤器入口集箱管接头5\Φ28*0\20\22.1351.082\135MW</t>
  </si>
  <si>
    <t>【哈电锅炉】省煤器出口集箱管接头1\Φ32*4\20G\22.1351.082\135MW\L=87</t>
  </si>
  <si>
    <t>【哈电锅炉】省煤器出口集箱管接头2\Φ60*12\20G\22.1351.082\135MW\L=355</t>
  </si>
  <si>
    <t>【哈电锅炉】省煤器出口集箱管接头3\Φ28*0\20\22.1351.082\135MW</t>
  </si>
  <si>
    <t>【哈电锅炉】吊挂管出口集箱管接头\Φ60*12\20G\22.1351.082\135MW\L=355</t>
  </si>
  <si>
    <t>【哈电锅炉】前水冷壁上集箱(两侧)管接头1\Φ60*7\20G\22.1324.076\135MW\L=364</t>
  </si>
  <si>
    <t>【哈电锅炉】前水冷壁上集箱(两侧)管接头2\Φ60*7\20G\22.1324.076\135MW\L=289.5</t>
  </si>
  <si>
    <t>【哈电锅炉】前水冷壁上集箱(中间)管接头1\Φ60*7\20G\22.1324.076\135MW\L=289.5</t>
  </si>
  <si>
    <t>【哈电锅炉】前水冷壁上集箱(中间)管接头2\Φ60*7\20G\22.1324.076\135MW\L=364</t>
  </si>
  <si>
    <t>【哈电锅炉】侧水冷壁上集箱(前部)管接头1\Φ60*7\20G\22.1324.076\135MW\L=573.5</t>
  </si>
  <si>
    <t>【哈电锅炉】侧水冷壁上集箱(前部)管接头2\Φ60*7\20G\22.1324.076\135MW\L=650</t>
  </si>
  <si>
    <t>【哈电锅炉】侧水冷壁上集箱(前部)管接头3\Φ60*7\20G\22.1324.076\135MW\L=1329</t>
  </si>
  <si>
    <t>【哈电锅炉】侧水冷壁上集箱(前部)管接头4\Φ60*7\20G\22.1324.076\135MW\L=1363</t>
  </si>
  <si>
    <t>【哈电锅炉】侧水冷壁上集箱(中间)管接头1\Φ60*7\20G\22.1324.076\135MW\L=573.5</t>
  </si>
  <si>
    <t>【哈电锅炉】侧水冷壁上集箱(中间)管接头2\Φ60*7\20G\22.1324.076\135MW\L=650</t>
  </si>
  <si>
    <t>【哈电锅炉】侧水冷壁上集箱(中间)管接头3\Φ60*7\20G\22.1324.076\135MW\L=1329</t>
  </si>
  <si>
    <t>【哈电锅炉】侧水冷壁上集箱(后部)管接头1\Φ60*7\20G\22.1324.076\135MW\L=573.5</t>
  </si>
  <si>
    <t>【哈电锅炉】侧水冷壁上集箱(后部)管接头2\Φ60*7\20G\22.1324.076\135MW\L=1319</t>
  </si>
  <si>
    <t>【哈电锅炉】后水冷壁上集箱(右侧)管接头1\Φ60*7\20G\22.1324.076\135MW\L=573.5</t>
  </si>
  <si>
    <t>【哈电锅炉】后水冷壁上集箱(右侧)管接头2\Φ60*7\20G\22.1324.076\135MW\L=667</t>
  </si>
  <si>
    <t>【哈电锅炉】后水冷壁上集箱(左侧)管接头1\Φ60*7\20G\22.1324.076\135MW\L=573.5</t>
  </si>
  <si>
    <t>【哈电锅炉】后水冷壁上集箱(左侧)管接头2\Φ60*7\20G\22.1324.076\135MW\L=667</t>
  </si>
  <si>
    <t>【哈电锅炉】前后水冷壁下集箱(两侧)管接头1\Φ60*7\20G\22.1324.076\135MW\L=607</t>
  </si>
  <si>
    <t>【哈电锅炉】前后水冷壁下集箱(两侧)管接头2\Φ60*7\20G\22.1324.076\135MW\L=602</t>
  </si>
  <si>
    <t>【哈电锅炉】前后水冷壁下集箱(两侧)管接头3\Φ60*7\20G\22.1324.076\135MW\L=727</t>
  </si>
  <si>
    <t>【哈电锅炉】前后水冷壁下集箱(两侧)管接头4\Φ28*0\20\22.1324.076\135MW</t>
  </si>
  <si>
    <t>【哈电锅炉】前后水冷壁下集箱(两侧)管接头5\Φ60*7\20G\22.1324.076\135MW\L=90.5</t>
  </si>
  <si>
    <t>【哈电锅炉】前后水冷壁下集箱(两侧)管接头6\Φ60*7\20G\22.1324.076\135MW\L=702</t>
  </si>
  <si>
    <t>【哈电锅炉】前后水冷壁下集箱(中间)管接头1\Φ60*7\20G\22.1324.076\135MW\L=607</t>
  </si>
  <si>
    <t>【哈电锅炉】前后水冷壁下集箱(中间)管接头2\Φ60*7\20G\22.1324.076\135MW\L=602</t>
  </si>
  <si>
    <t>【哈电锅炉】前后水冷壁下集箱(中间)管接头3\Φ60*7\20G\22.1324.076\135MW\L=727</t>
  </si>
  <si>
    <t>【哈电锅炉】前后水冷壁下集箱(中间)管接头4\Φ28*0\20\22.1324.076\135MW</t>
  </si>
  <si>
    <t>【哈电锅炉】侧水冷壁下集箱(前部)管接头1\Φ60*7\20G\22.1324.076\135MW\L=632</t>
  </si>
  <si>
    <t>【哈电锅炉】侧水冷壁下集箱(前部)管接头2\Φ60*7\20G\22.1324.076\135MW\L=704</t>
  </si>
  <si>
    <t>【哈电锅炉】侧水冷壁下集箱(前部)管接头3\Φ28*0\20\22.1324.076\135MW</t>
  </si>
  <si>
    <t>【哈电锅炉】侧水冷壁下集箱(中间)管接头1\Φ60*7\20G\22.1324.076\135MW\L=632</t>
  </si>
  <si>
    <t>【哈电锅炉】侧水冷壁下集箱(中间)管接头2\Φ60*7\20G\22.1324.076\135MW\L=704</t>
  </si>
  <si>
    <t>【哈电锅炉】侧水冷壁下集箱(中间)管接头3\Φ28*0\20\22.1324.076\135MW</t>
  </si>
  <si>
    <t>【哈电锅炉】侧水冷壁下集箱(后部)管接头1\Φ60*7\20G\22.1324.076\135MW\L=632</t>
  </si>
  <si>
    <t>【哈电锅炉】侧水冷壁下集箱(后部)管接头2\Φ60*7\20G\22.1324.076\135MW\L=704</t>
  </si>
  <si>
    <t>【哈电锅炉】侧水冷壁下集箱(后部)管接头3\Φ28*0\20\22.1324.076\135MW</t>
  </si>
  <si>
    <t>【哈电锅炉】燃烧器喷口管屏No.1弯管1\Φ60*7\20G\22.1322.131\135MW\L=1454</t>
  </si>
  <si>
    <t>【哈电锅炉】燃烧器喷口管屏No.1弯管2\Φ60*7\20G\22.1322.131\135MW\L=1506</t>
  </si>
  <si>
    <t>【哈电锅炉】燃烧器喷口管屏No.1弯管3\Φ60*7\20G\22.1322.131\135MW\L=1589</t>
  </si>
  <si>
    <t>【哈电锅炉】燃烧器喷口管屏No.1弯管4\Φ60*7\20G\22.1322.131\135MW\L=1696</t>
  </si>
  <si>
    <t>【哈电锅炉】燃烧器喷口管屏No.1弯管5\Φ60*7\20G\22.1322.131\135MW\L=1696</t>
  </si>
  <si>
    <t>【哈电锅炉】燃烧器喷口管屏No.1弯管6\Φ60*7\20G\22.1322.131\135MW\L=1589</t>
  </si>
  <si>
    <t>【哈电锅炉】燃烧器喷口管屏No.1弯管7\Φ60*7\20G\22.1322.131\135MW\L=1511</t>
  </si>
  <si>
    <t>【哈电锅炉】燃烧器喷口管屏No.1弯管8\Φ60*7\20G\22.1322.131\135MW\L=1456</t>
  </si>
  <si>
    <t>【哈电锅炉】燃烧器喷口管屏No.2弯管1\Φ60*7\20G\22.1322.131\135MW\L=1439</t>
  </si>
  <si>
    <t>【哈电锅炉】燃烧器喷口管屏No.2弯管2\Φ60*7\20G\22.1322.131\135MW\L=1450</t>
  </si>
  <si>
    <t>【哈电锅炉】燃烧器喷口管屏No.2弯管3\Φ60*7\20G\22.1322.131\135MW\L=1502</t>
  </si>
  <si>
    <t>【哈电锅炉】燃烧器喷口管屏No.2弯管4\Φ60*7\20G\22.1322.131\135MW\L=1582</t>
  </si>
  <si>
    <t>【哈电锅炉】燃烧器喷口管屏No.2弯管5\Φ60*7\20G\22.1322.131\135MW\L=1696</t>
  </si>
  <si>
    <t>【哈电锅炉】燃烧器喷口管屏No.2弯管6\Φ60*7\20G\22.1322.131\135MW\L=1699</t>
  </si>
  <si>
    <t>【哈电锅炉】燃烧器喷口管屏No.2弯管7\Φ60*7\20G\22.1322.131\135MW\L=1594</t>
  </si>
  <si>
    <t>【哈电锅炉】燃烧器喷口管屏No.2弯管8\Φ60*7\20G\22.1322.131\135MW\L=1518</t>
  </si>
  <si>
    <t>【哈电锅炉】燃烧器喷口管屏No.2弯管9\Φ60*7\20G\22.1322.131\135MW\L=1464</t>
  </si>
  <si>
    <t>【哈电锅炉】燃烧器喷口管屏No.2弯管10\Φ60*7\20G\22.1322.131\135MW\L=1442</t>
  </si>
  <si>
    <t>【哈电锅炉】上部水冷壁角部散管1\Φ60*7\20G\22.1321.117\135MW\L=1225</t>
  </si>
  <si>
    <t>【哈电锅炉】上部水冷壁角部散管2\Φ60*7\20G\22.1321.117\135MW\L=1276</t>
  </si>
  <si>
    <t>【哈电锅炉】上部水冷壁角部散管3\Φ60*7\20G\22.1321.117\135MW\L=1372</t>
  </si>
  <si>
    <t>【哈电锅炉】上部水冷壁角部散管4\Φ60*7\20G\22.1321.117\135MW\L=1271</t>
  </si>
  <si>
    <t>【哈电锅炉】上部水冷壁角部散管5\Φ60*7\20G\22.1321.117\135MW\L=1229</t>
  </si>
  <si>
    <t>【哈电锅炉】上部水冷壁角部散管6\Φ60*7\20G\22.1321.117\135MW\L=1507</t>
  </si>
  <si>
    <t>【哈电锅炉】上部水冷壁角部散管7\Φ60*7\20G\22.1321.117\135MW\L=1371</t>
  </si>
  <si>
    <t>【哈电锅炉】上部水冷壁角部散管8\Φ60*7\20G\22.1321.117\135MW\L=1281</t>
  </si>
  <si>
    <t>【哈电锅炉】上部水冷壁角部散管9\Φ60*7\20G\22.1321.117\135MW\L=1674</t>
  </si>
  <si>
    <t>【哈电锅炉】上部水冷壁角部散管10\Φ60*7\20G\22.1321.117\135MW\L=1505</t>
  </si>
  <si>
    <t>【哈电锅炉】上部水冷壁角部散管11\Φ60*7\20G\22.1321.117\135MW\L=1369</t>
  </si>
  <si>
    <t>【哈电锅炉】上部水冷壁角部散管12\Φ60*7\20G\22.1321.117\135MW\L=1832</t>
  </si>
  <si>
    <t>【哈电锅炉】上部水冷壁角部散管13\Φ60*7\20G\22.1321.117\135MW\L=1674</t>
  </si>
  <si>
    <t>【哈电锅炉】上部水冷壁角部散管14\Φ60*7\20G\22.1321.117\135MW\L=1511</t>
  </si>
  <si>
    <t>【哈电锅炉】上部水冷壁角部散管15\Φ60*7\20G\22.1321.117\135MW\L=1991</t>
  </si>
  <si>
    <t>【哈电锅炉】上部水冷壁角部散管16\Φ60*7\20G\22.1321.117\135MW\L=1831</t>
  </si>
  <si>
    <t>【哈电锅炉】上部水冷壁角部散管17\Φ60*7\20G\22.1321.117\135MW\L=1676</t>
  </si>
  <si>
    <t>【哈电锅炉】上部水冷壁角部散管18\Φ60*7\20G\22.1321.117\135MW\L=940</t>
  </si>
  <si>
    <t>【哈电锅炉】上部前水冷壁管屏弯管1\Φ60*7\20G\22.1321.117\135MW\L=2022</t>
  </si>
  <si>
    <t>【哈电锅炉】上部前水冷壁管屏弯管2\Φ60*7\20G\22.1321.117\135MW\L=1318</t>
  </si>
  <si>
    <t>【哈电锅炉】上部前水冷壁管屏弯管3\Φ60*7\20G\22.1321.117\135MW\L=1127</t>
  </si>
  <si>
    <t>【哈电锅炉】上部前水冷壁管屏弯管4\Φ60*7\20G\22.1321.117\135MW\L=1324</t>
  </si>
  <si>
    <t>【哈电锅炉】上部前水冷壁管屏弯管5\Φ60*7\20G\22.1321.117\135MW\L=1332</t>
  </si>
  <si>
    <t>【哈电锅炉】上部前水冷壁管屏弯管6\Φ60*7\20G\22.1321.117\135MW\L=1324</t>
  </si>
  <si>
    <t>【哈电锅炉】上部前水冷壁管屏弯管7\Φ60*7\20G\22.1321.117\135MW\L=1332</t>
  </si>
  <si>
    <t>【哈电锅炉】上部前水冷壁管屏弯管8\Φ60*7\20G\22.1321.117\135MW\L=1234</t>
  </si>
  <si>
    <t>【哈电锅炉】上部前水冷壁管屏弯管9\Φ60*7\20G\22.1321.117\135MW\L=1242</t>
  </si>
  <si>
    <t>【哈电锅炉】上部侧水冷壁管屏弯管1\Φ60*7\20G\22.1321.117\135MW\L=2022</t>
  </si>
  <si>
    <t>【哈电锅炉】上部侧水冷壁管屏弯管2\Φ60*7\20G\22.1321.117\135MW\L=2429</t>
  </si>
  <si>
    <t>【哈电锅炉】上部后水冷壁排管弯管1\Φ76*9\20G\22.1321.117\135MW\L=1663</t>
  </si>
  <si>
    <t>【哈电锅炉】上部后水冷壁排管弯管2\Φ76*9\20G\22.1321.117\135MW\L=1281</t>
  </si>
  <si>
    <t>【哈电锅炉】上部后水冷壁排管弯管3\Φ76*9\20G\22.1321.117\135MW\L=1859</t>
  </si>
  <si>
    <t>【哈电锅炉】上部后水冷壁排管弯管4\Φ76*9\20G\22.1321.117\135MW\L=2205</t>
  </si>
  <si>
    <t>【哈电锅炉】上部后水冷壁及底包墙弯管1\Φ60*7\20G\22.1321.117\135MW\L=2449</t>
  </si>
  <si>
    <t>【哈电锅炉】上部后水冷壁及底包墙弯管2\Φ60*7\20G\22.1321.117\135MW\L=2014</t>
  </si>
  <si>
    <t>【哈电锅炉】上部后水冷壁及底包墙弯管3\Φ60*7\20G\22.1321.117\135MW\L=2640</t>
  </si>
  <si>
    <t>【哈电锅炉】上部后水冷壁及底包墙弯管4\Φ60*7\20G\22.1321.117\135MW\L=2426</t>
  </si>
  <si>
    <t>【哈电锅炉】上部后水冷壁及底包墙弯管5\Φ60*7\20G\22.1321.117\135MW\L=2545</t>
  </si>
  <si>
    <t>【哈电锅炉】上部后水冷壁及底包墙弯管6\Φ60*7\20G\22.1321.117\135MW\L=2064</t>
  </si>
  <si>
    <t>【哈电锅炉】上部后水冷壁及底包墙弯管7\Φ60*7\20G\22.1321.117\135MW\L=1734</t>
  </si>
  <si>
    <t>【哈电锅炉】上部后水冷壁及底包墙弯管8\Φ60*7\20G\22.1321.117\135MW\L=1444</t>
  </si>
  <si>
    <t>【哈电锅炉】上部后水冷壁及底包墙弯管9\Φ60*7\20G\22.1321.117\135MW\L=1187</t>
  </si>
  <si>
    <t>【哈电锅炉】上部后水冷壁及底包墙弯管10\Φ60*7\20G\22.1321.117\135MW\L=1094</t>
  </si>
  <si>
    <t>【哈电锅炉】上部后水冷壁及底包墙弯管11\Φ60*7\20G\22.1321.117\135MW\L=1153</t>
  </si>
  <si>
    <t>【哈电锅炉】上部后水冷壁及底包墙弯管12\Φ60*7\20G\22.1321.117\135MW\L=1059</t>
  </si>
  <si>
    <t>【哈电锅炉】上部后水冷壁及底包墙弯管13\Φ60*7\20G\22.1321.117\135MW\L=1131</t>
  </si>
  <si>
    <t>【哈电锅炉】上部后水冷壁及底包墙弯管14\Φ60*7\20G\22.1321.117\135MW\L=1193</t>
  </si>
  <si>
    <t>【哈电锅炉】上部后水冷壁及底包墙弯管15\Φ60*7\20G\22.1321.117\135MW\L=1239</t>
  </si>
  <si>
    <t>【哈电锅炉】上部后水冷壁及底包墙弯管16\Φ60*7\20G\22.1321.117\135MW\L=1101</t>
  </si>
  <si>
    <t>【哈电锅炉】上部后水冷壁及底包墙弯管17\Φ60*7\20G\22.1321.117\135MW\L=1175</t>
  </si>
  <si>
    <t>【哈电锅炉】上部后水冷壁及底包墙弯管18\Φ60*7\20G\22.1321.117\135MW\L=1225</t>
  </si>
  <si>
    <t>【哈电锅炉】上部后水冷壁及底包墙弯管19\Φ60*7\20G\22.1321.117\135MW\L=1267</t>
  </si>
  <si>
    <t>【哈电锅炉】上部后水冷壁及底包墙弯管20\Φ60*7\20G\22.1321.117\135MW\L=1209</t>
  </si>
  <si>
    <t>【哈电锅炉】上部后水冷壁及底包墙弯管21\Φ60*7\20G\22.1321.117\135MW\L=1253</t>
  </si>
  <si>
    <t>【哈电锅炉】上部后水冷壁及底包墙弯管22\Φ60*7\20G\22.1321.117\135MW\L=1293</t>
  </si>
  <si>
    <t>【哈电锅炉】上部后水冷壁及底包墙弯管23\Φ60*7\20G\22.1321.117\135MW\L=1279</t>
  </si>
  <si>
    <t>【哈电锅炉】上部后水冷壁及底包墙弯管24\Φ60*7\20G\22.1321.117\135MW\L=1183</t>
  </si>
  <si>
    <t>【哈电锅炉】上部后水冷壁及底包墙弯管25\Φ60*7\20G\22.1321.117\135MW\L=1093</t>
  </si>
  <si>
    <t>【哈电锅炉】上部后水冷壁角部散管1\Φ60*7\20G\22.1321.117\135MW\L=1277</t>
  </si>
  <si>
    <t>【哈电锅炉】上部后水冷壁角部散管2\Φ60*7\20G\22.1321.117\135MW\L=1358</t>
  </si>
  <si>
    <t>【哈电锅炉】上部后水冷壁角部散管3\Φ60*7\20G\22.1321.117\135MW\L=1395</t>
  </si>
  <si>
    <t>【哈电锅炉】上部后水冷壁角部散管4\Φ60*7\20G\22.1321.117\135MW\L=1398</t>
  </si>
  <si>
    <t>【哈电锅炉】上部后水冷壁角部散管5\Φ60*7\20G\22.1321.117\135MW\L=1438</t>
  </si>
  <si>
    <t>【哈电锅炉】上部后水冷壁角部散管6\Φ60*7\20G\22.1321.117\135MW\L=2125</t>
  </si>
  <si>
    <t>【哈电锅炉】上部后水冷壁角部散管7\Φ60*7\20G\22.1321.117\135MW\L=1360</t>
  </si>
  <si>
    <t>【哈电锅炉】上部后水冷壁角部散管8\Φ60*7\20G\22.1321.117\135MW\L=2322</t>
  </si>
  <si>
    <t>【哈电锅炉】上部后水冷壁角部散管9\Φ60*7\20G\22.1321.117\135MW\L=1368</t>
  </si>
  <si>
    <t>【哈电锅炉】上部后水冷壁角部散管10\Φ60*7\20G\22.1321.117\135MW\L=1424</t>
  </si>
  <si>
    <t>【哈电锅炉】上部后水冷壁角部散管11\Φ60*7\20G\22.1321.117\135MW\L=2566</t>
  </si>
  <si>
    <t>【哈电锅炉】上部后水冷壁角部散管12\Φ60*7\20G\22.1321.117\135MW\L=1332</t>
  </si>
  <si>
    <t>【哈电锅炉】上部后水冷壁角部散管13\Φ60*7\20G\22.1321.117\135MW\L=2677</t>
  </si>
  <si>
    <t>【哈电锅炉】上部后水冷壁角部散管14\Φ60*7\20G\22.1321.117\135MW\L=1390</t>
  </si>
  <si>
    <t>【哈电锅炉】上部后水冷壁角部散管15\Φ60*7\20G\22.1321.117\135MW\L=1408</t>
  </si>
  <si>
    <t>【哈电锅炉】上部后水冷壁角部散管16\Φ60*7\20G\22.1321.117\135MW\L=3055</t>
  </si>
  <si>
    <t>【哈电锅炉】上部后水冷壁角部散管17\Φ60*7\20G\22.1321.117\135MW\L=1125</t>
  </si>
  <si>
    <t>【哈电锅炉】下部前后水冷壁角部管屏弯管1\Φ60*7\20G\22.1323.157\135MW\L=1358</t>
  </si>
  <si>
    <t>【哈电锅炉】下部前后水冷壁角部管屏弯管2\Φ60*7\20G\22.1323.157\135MW\L=1398</t>
  </si>
  <si>
    <t>【哈电锅炉】下部前后水冷壁角部管屏弯管3\Φ60*7\20G\22.1323.157\135MW\L=1438</t>
  </si>
  <si>
    <t>【哈电锅炉】下部前后水冷壁角部管屏弯管4\Φ60*7\20G\22.1323.157\135MW\L=1362</t>
  </si>
  <si>
    <t>【哈电锅炉】下部前后水冷壁角部管屏弯管5\Φ60*7\20G\22.1323.157\135MW\L=1368</t>
  </si>
  <si>
    <t>【哈电锅炉】下部前后水冷壁角部管屏弯管6\Φ60*7\20G\22.1323.157\135MW\L=1404</t>
  </si>
  <si>
    <t>【哈电锅炉】下部前后水冷壁角部管屏弯管7\Φ60*7\20G\22.1323.157\135MW\L=1332</t>
  </si>
  <si>
    <t>【哈电锅炉】下部前后水冷壁角部管屏弯管8\Φ60*7\20G\22.1323.157\135MW\L=1390</t>
  </si>
  <si>
    <t>【哈电锅炉】下部前后水冷壁角部管屏弯管9\Φ60*7\20G\22.1323.157\135MW\L=1407</t>
  </si>
  <si>
    <t>【哈电锅炉】下部前后水冷壁角部管屏弯管10\Φ60*7\20G\22.1323.157\135MW\L=1125</t>
  </si>
  <si>
    <t>【哈电锅炉】下部前后水冷壁角部管屏弯管11\Φ60*7\20G\22.1323.157\135MW\L=1237</t>
  </si>
  <si>
    <t>【哈电锅炉】下部前后水冷壁管屏弯管\Φ60*7\20G\22.1323.157\135MW\L=1439</t>
  </si>
  <si>
    <t>【哈电锅炉】下部前后水冷壁角部散管130°弯管\Φ60*7\20G\22.1323.157\135MW\L=1178</t>
  </si>
  <si>
    <t>【哈电锅炉】下部前后水冷壁角部散管100°弯管\Φ60*7\20G\22.1323.157\135MW\L=1282</t>
  </si>
  <si>
    <t>【哈电锅炉】下部前后水冷壁角部散管上部弯管1\Φ60*7\20G\22.1323.157\135MW\L=1123</t>
  </si>
  <si>
    <t>【哈电锅炉】下部前后水冷壁角部散管上部弯管2\Φ60*7\20G\22.1323.157\135MW\L=1267</t>
  </si>
  <si>
    <t>【哈电锅炉】下部前后水冷壁角部散管上部弯管3\Φ60*7\20G\22.1323.157\135MW\L=1295</t>
  </si>
  <si>
    <t>【哈电锅炉】下部前后水冷壁角部散管上部弯管4\Φ60*7\20G\22.1323.157\135MW\L=1385</t>
  </si>
  <si>
    <t>【哈电锅炉】下部前后水冷壁角部散管上部弯管5\Φ60*7\20G\22.1323.157\135MW\L=1405</t>
  </si>
  <si>
    <t>【哈电锅炉】下部前后水冷壁角部散管上部弯管6\Φ60*7\20G\22.1323.157\135MW\L=1481</t>
  </si>
  <si>
    <t>【哈电锅炉】下部前后水冷壁角部散管上部弯管7\Φ60*7\20G\22.1323.157\135MW\L=1499</t>
  </si>
  <si>
    <t>【哈电锅炉】顶棚入口集箱管接头1\Φ51*5.5\15CrMoG\22.1341.105\135MW\L=394</t>
  </si>
  <si>
    <t>【哈电锅炉】顶棚入口集箱管接头2\Φ28*0\20\22.1341.105\135MW</t>
  </si>
  <si>
    <t>【哈电锅炉】顶棚出口集箱管接头\Φ51*6\15CrMoG\22.1341.105\135MW\L=87</t>
  </si>
  <si>
    <t>【哈电锅炉】后烟道前墙上集箱管接头1\Φ42*6\20G\22.1341.105\135MW\L=324</t>
  </si>
  <si>
    <t>【哈电锅炉】后烟道前墙上集箱管接头2\Φ42*6\20G\22.1341.105\135MW\L=110</t>
  </si>
  <si>
    <t>【哈电锅炉】后烟道前墙上集箱管接头3\Φ42*6\20G\22.1341.105\135MW\L=1115</t>
  </si>
  <si>
    <t>【哈电锅炉】后烟道侧墙上集箱(正反)管接头\Φ44.5*5.5\20G\22.1341.105\135MW\L=453</t>
  </si>
  <si>
    <t>【哈电锅炉】水平烟道侧包墙上集箱(正反)管接头1\Φ42*6\20G\22.1341.105\135MW\L=454</t>
  </si>
  <si>
    <t>【哈电锅炉】水平烟道侧包墙上集箱(正反)管接头2\Φ42*6\20G\22.1341.105\135MW\L=1480</t>
  </si>
  <si>
    <t>【哈电锅炉】水平烟道侧包墙上集箱(正反)管接头3\Φ42*6\20G\22.1341.105\135MW\L=1283</t>
  </si>
  <si>
    <t>【哈电锅炉】后烟道后墙下集箱管接头1\Φ28*0\20\22.1341.105\135MW</t>
  </si>
  <si>
    <t>【哈电锅炉】后烟道后墙下集箱管接头2\Φ42*6\20G\22.1341.105\135MW\L=323</t>
  </si>
  <si>
    <t>【哈电锅炉】后烟道后墙下集箱管接头3\Φ42*6\20G\22.1341.105\135MW\L=328</t>
  </si>
  <si>
    <t>【哈电锅炉】后烟道后墙下集箱管接头4\Φ44.5*5.5\20G\22.1341.105\135MW\L=323</t>
  </si>
  <si>
    <t>【哈电锅炉】后烟道后墙下集箱管接头5\Φ44.5*5.5\20G\22.1341.105\135MW\L=330</t>
  </si>
  <si>
    <t>【哈电锅炉】后烟道前墙下集箱管接头1\Φ28*4\20G\22.1341.105\135MW</t>
  </si>
  <si>
    <t>【哈电锅炉】后烟道前墙下集箱管接头2\Φ42*6\20G\22.1341.105\135MW\L=323</t>
  </si>
  <si>
    <t>【哈电锅炉】后烟道前墙下集箱管接头3\Φ42*6\20G\22.1341.105\135MW\L=328</t>
  </si>
  <si>
    <t>【哈电锅炉】后烟道前墙下集箱管接头4\Φ44.5*5.5\20G\22.1341.105\135MW\L=323</t>
  </si>
  <si>
    <t>【哈电锅炉】后烟道前墙下集箱管接头5\Φ44.5*5.5\20G\22.1341.105\135MW\L=330</t>
  </si>
  <si>
    <t>【哈电锅炉】后烟道侧墙下集箱(正反)管接头\Φ44.5*5.5\20G\22.1341.105\135MW\L=323</t>
  </si>
  <si>
    <t>【哈电锅炉】水平烟道侧包墙下集箱管接头1\Φ42*6\20G\22.1341.105\135MW\L=528</t>
  </si>
  <si>
    <t>【哈电锅炉】水平烟道侧包墙下集箱管接头2\Φ42*6\20G\22.1341.105\135MW\L=530</t>
  </si>
  <si>
    <t>【哈电锅炉】水平烟道侧包墙下集箱管接头3\Φ42*6\20G\22.1341.105\135MW\L=556</t>
  </si>
  <si>
    <t>【哈电锅炉】水平烟道侧包墙下集箱管接头4\Φ42*6\20G\22.1341.105\135MW\L=577</t>
  </si>
  <si>
    <t>【哈电锅炉】立式低温过热器上部弯管1\Φ42*5\12Cr1MoVG\22.1342.145\135MW\L=1068</t>
  </si>
  <si>
    <t>【哈电锅炉】立式低温过热器上部弯管2\Φ42*5\12Gr1MoVG\22.1342.145\135MW\L=1055</t>
  </si>
  <si>
    <t>【哈电锅炉】立式低温过热器90°弯管\Φ42*5\12Cr1MoVG\22.1342.145\135MW\L=1126</t>
  </si>
  <si>
    <t>【哈电锅炉】水平低温过热器90°弯管\Φ42*5\12Cr1MoVG\22.1342.145\135MW\L=1210</t>
  </si>
  <si>
    <t>【哈电锅炉】水平低温过热器90°弯管\Φ42*5\20G\22.1342.145\135MW\L=1210</t>
  </si>
  <si>
    <t>【哈电锅炉】水平低温过热器180°大R弯管\Φ42*5\12Cr1MoVG\22.1342.145\135MW\L=1419</t>
  </si>
  <si>
    <t>【哈电锅炉】水平低温过热器180°小R弯管\Φ42*5\12Cr1MoVG\22.1342.145\135MW\L=1140</t>
  </si>
  <si>
    <t>【哈电锅炉】水平低温过热器180°大R弯管\Φ42*5\20G\22.1342.145\135MW\L=1419</t>
  </si>
  <si>
    <t>【哈电锅炉】水平低温过热器180°小R弯管\Φ42*5\20G\22.1342.145\135MW\L=1140</t>
  </si>
  <si>
    <t>【哈电锅炉】水平低温过热器120°弯管\Φ51*7\20G\22.1342.145\135MW\L=1136</t>
  </si>
  <si>
    <t>【哈电锅炉】水平低温过热器148°弯管\Φ51*7\20G\22.1342.145\135MW\L=1073</t>
  </si>
  <si>
    <t>【哈电锅炉】末级过热器180°弯管\Φ42*6\12Cr1MoVG\22.1342.142\135MW\L=1140</t>
  </si>
  <si>
    <t>【哈电锅炉】末级过热器90°弯管\Φ42*6\12Cr1MoVG\22.1342.142\135MW\L=1099</t>
  </si>
  <si>
    <t>【哈电锅炉】末级过热器45°弯管\Φ42*6\12Cr1MoVG\22.1342.142\135MW\L=1049.5</t>
  </si>
  <si>
    <t>【哈电锅炉】末级过热器180°弯管\Φ42*5\SA-213T91\22.1342.142\135MW\L=1140</t>
  </si>
  <si>
    <t>【哈电锅炉】末级过热器90°弯管\Φ42*5\SA-213T91\22.1342.142\135MW\L=1099</t>
  </si>
  <si>
    <t>【哈电锅炉】末级过热器45°弯管\Φ42*5\SA-213T91\22.1342.142\135MW\L=1049.5</t>
  </si>
  <si>
    <t>【哈电锅炉】水平低温过热器入口集箱管接头1\Φ42*6\20G\22.1341.107\135MW\L=4975</t>
  </si>
  <si>
    <t>【哈电锅炉】水平低温过热器入口集箱管接头2\Φ51*7\20G\22.1341.107\135MW\L=410.5</t>
  </si>
  <si>
    <t>【哈电锅炉】水平低温过热器入口集箱管接头3\Φ42*6\20G\22.1341.107\135MW\L=500</t>
  </si>
  <si>
    <t>【哈电锅炉】水平低温过热器入口集箱管接头4\Φ42*6\20G\22.1341.107\135MW\L=505</t>
  </si>
  <si>
    <t>【哈电锅炉】水平低温过热器入口集箱管接头5\Φ42*6\20G\22.1341.107\135MW\L=515</t>
  </si>
  <si>
    <t>【哈电锅炉】水平低温过热器入口集箱管接头6\Φ42*6\20G\22.1341.107\135MW\L=526</t>
  </si>
  <si>
    <t>【哈电锅炉】立式低温过热器出口集箱管接头1\Φ42*6\15CrMoG\22.1341.107\135MW\L=605</t>
  </si>
  <si>
    <t>【哈电锅炉】立式低温过热器出口集箱管接头2\Φ42*6\15CrMoG\22.1341.107\135MW\L=468</t>
  </si>
  <si>
    <t>【哈电锅炉】末级过热器入口集箱管接头1\Φ42*6\12Cr1MoVG\22.1341.107\135MW\L=735</t>
  </si>
  <si>
    <t>【哈电锅炉】末级过热器入口集箱管接头2\Φ42*6\12Cr1MoVG\22.1341.107\135MW\L=719</t>
  </si>
  <si>
    <t>【哈电锅炉】末级过热器入口集箱管接头3\Φ42*6\12Cr1MoVG\22.1341.107\135MW\L=614</t>
  </si>
  <si>
    <t>【哈电锅炉】末级过热器入口集箱管接头4\Φ42*6\12Cr1MoVG\22.1341.107\135MW\L=599</t>
  </si>
  <si>
    <t>【哈电锅炉】末级过热器出口集箱管接头1\Φ42*6\12Cr1MoVG\22.1341.107\135MW\L=709</t>
  </si>
  <si>
    <t>【哈电锅炉】末级过热器出口集箱管接头2\Φ42*6\12Cr1MoVG\22.1341.107\135MW\L=588</t>
  </si>
  <si>
    <t>【哈电锅炉】分隔屏入口集箱管接头1\Φ42*5\15CrMoG\22.1341. 106\135MW\L=419</t>
  </si>
  <si>
    <t>【哈电锅炉】分隔屏入口集箱管接头2\Φ51*6\15CrMoG\22.1341. 106\135MW\L=702.5</t>
  </si>
  <si>
    <t>【哈电锅炉】分隔屏入口集箱管接头3\Φ42*5\15CrMoG\22.1341. 106\135MW\L=374.5</t>
  </si>
  <si>
    <t>【哈电锅炉】分隔屏入口集箱管接头4\Φ42*5\15CrMoG\22.1341. 106\135MW\L=900</t>
  </si>
  <si>
    <t>【哈电锅炉】分隔屏入口集箱管接头5\Φ42*5\15CrMoG\22.1341. 106\135MW\L=1025.5</t>
  </si>
  <si>
    <t>【哈电锅炉】分隔屏入口集箱管接头6\Φ42*5\15CrMoG\22.1341. 106\135MW\L=714</t>
  </si>
  <si>
    <t>【哈电锅炉】分隔屏入口集箱管接头7\Φ42*5\15CrMoG\22.1341. 106\135MW\L=865.5</t>
  </si>
  <si>
    <t>【哈电锅炉】分隔屏入口集箱管接头8\Φ42*5\15CrMoG\22.1341. 106\135MW\L=463</t>
  </si>
  <si>
    <t>【哈电锅炉】分隔屏出口集箱管接头1\Φ42*5\12Cr1MoVG\22.1341. 106\135MW\L=374.5</t>
  </si>
  <si>
    <t>【哈电锅炉】分隔屏出口集箱管接头2\Φ42*5\12Cr1MoVG\22.1341. 106\135MW\L=419</t>
  </si>
  <si>
    <t>【哈电锅炉】分隔屏出口集箱管接头3\Φ42*5\12Cr1MoVG\22.1341. 106\135MW\L=1025.5</t>
  </si>
  <si>
    <t>【哈电锅炉】分隔屏出口集箱管接头4\Φ42*5\12Cr1MoVG\22.1341. 106\135MW\L=900</t>
  </si>
  <si>
    <t>【哈电锅炉】分隔屏出口集箱管接头5\Φ42*5\12Cr1MoVG\22.1341. 106\135MW\L=463</t>
  </si>
  <si>
    <t>【哈电锅炉】分隔屏出口集箱管接头6\Φ42*5\12Cr1MoVG\22.1341. 106\135MW\L=874</t>
  </si>
  <si>
    <t>【哈电锅炉】分隔屏出口集箱管接头7\Φ42*5\12Cr1MoVG\22.1341. 106\135MW\L=1031</t>
  </si>
  <si>
    <t>【哈电锅炉】后屏过热器入口集箱管接头1\Φ42*5.5\12Cr1MoVG\22.1341. 106\135MW\L=1120</t>
  </si>
  <si>
    <t>【哈电锅炉】后屏过热器入口集箱管接头2\Φ42*5.5\12Cr1MoVG\22.1341. 106\135MW\L=1147</t>
  </si>
  <si>
    <t>【哈电锅炉】后屏过热器入口集箱管接头3\Φ42*5.5\12Cr1MoVG\22.1341. 106\135MW\L=1153</t>
  </si>
  <si>
    <t>【哈电锅炉】后屏过热器入口集箱管接头4\Φ42*5.5\12Cr1MoVG\22.1341. 106\135MW\L=1016</t>
  </si>
  <si>
    <t>【哈电锅炉】后屏过热器入口集箱管接头5\Φ42*5.5\12Cr1MoVG\22.1341. 106\135MW\L=1063</t>
  </si>
  <si>
    <t>【哈电锅炉】后屏过热器入口集箱管接头6\Φ42*5.5\12Cr1MoVG\22.1341. 106\135MW\L=1074</t>
  </si>
  <si>
    <t>【哈电锅炉】后屏过热器入口集箱管接头7\Φ51*6\12Cr1MoVG\22.1341. 106\135MW\L=1119</t>
  </si>
  <si>
    <t>【哈电锅炉】后屏过热器入口集箱管接头8\Φ42*5\12Cr1MoVG\22.1341. 106\135MW\L=1148</t>
  </si>
  <si>
    <t>【哈电锅炉】后屏过热器出口集箱管接头1\Φ42*7\12Cr1MoVG\22.1341. 106\135MW\L=1471</t>
  </si>
  <si>
    <t>【哈电锅炉】后屏过热器出口集箱管接头2\Φ42*7\12Cr1MoVG\22.1341. 106\135MW\L=1367</t>
  </si>
  <si>
    <t>【哈电锅炉】后屏过热器出口集箱管接头3\Φ42*7\12Cr1MoVG\22.1341. 106\135MW\L=1564</t>
  </si>
  <si>
    <t>【哈电锅炉】后屏过热器出口集箱管接头4\Φ42*7\12Cr1MoVG\22.1341. 106\135MW\L=1459</t>
  </si>
  <si>
    <t>【哈电锅炉】后屏过热器出口集箱管接头5\Φ42*7\12Cr1MoVG\22.1341. 106\135MW\L=1456</t>
  </si>
  <si>
    <t>【哈电锅炉】后屏过热器出口集箱管接头6\Φ42*7\12Cr1MoVG\22.1341. 106\135MW\L=1352</t>
  </si>
  <si>
    <t>【哈电锅炉】后屏过热器出口集箱管接头7\Φ42*7\12Cr1MoVG\22.1341. 106\135MW\L=1511</t>
  </si>
  <si>
    <t>【哈电锅炉】后屏过热器出口集箱管接头8\Φ42*7\12Cr1MoVG\22.1341. 106\135MW\L=1407</t>
  </si>
  <si>
    <t>【哈电锅炉】后屏过热器出口集箱管接头9\Φ42*7\12Cr1MoVG\22.1341. 106\135MW\L=1692</t>
  </si>
  <si>
    <t>【哈电锅炉】后屏过热器出口集箱管接头10\Φ42*6\12Cr1MoVG\22.1341. 106\135MW\L=1587</t>
  </si>
  <si>
    <t>【哈电锅炉】后屏过热器出口集箱管接头11\Φ42*7\12Cr1MoVG\22.1341. 106\135MW\L=1607</t>
  </si>
  <si>
    <t>【哈电锅炉】后屏过热器出口集箱管接头12\Φ51*7\12Cr1MoVG\22.1341. 106\135MW\L=1461</t>
  </si>
  <si>
    <t>【哈电锅炉】后屏过热器出口集箱管接头13\Φ42*7\12Cr1MoVG\22.1341. 106\135MW\L=1750</t>
  </si>
  <si>
    <t>【哈电锅炉】后屏过热器出口集箱管接头14\Φ51*7\12Cr1MoVG\22.1341. 106\135MW\L=1560</t>
  </si>
  <si>
    <t>【哈电锅炉】后屏过热器出口集箱管接头15\Φ51*7\12Cr1MoVG\22.1341. 106\135MW\L=1518</t>
  </si>
  <si>
    <t>【哈电锅炉】后屏过热器出口集箱管接头16\Φ42*7\12Cr1MoVG\22.1341. 106\135MW\L=1456</t>
  </si>
  <si>
    <t>【哈电锅炉】后屏过热器出口集箱管接头17\Φ42*7\12Cr1MoVG\22.1341. 106\135MW\L=1352</t>
  </si>
  <si>
    <t>【哈电锅炉】后屏过热器出口集箱管接头18\Φ42*7\12Cr1MoVG\22.1341. 106\135MW\L=1549</t>
  </si>
  <si>
    <t>【哈电锅炉】后屏过热器出口集箱管接头19\Φ42*7\12Cr1MoVG\22.1341. 106\135MW\L=1444</t>
  </si>
  <si>
    <t>【哈电锅炉】后屏过热器出口集箱管接头20\Φ42*7\12Cr1MoVG\22.1341. 106\135MW\L=1441</t>
  </si>
  <si>
    <t>【哈电锅炉】后屏过热器出口集箱管接头21\Φ42*7\12Cr1MoVG\22.1341. 106\135MW\L=1337</t>
  </si>
  <si>
    <t>【哈电锅炉】后屏过热器出口集箱管接头22\Φ42*7\12Cr1MoVG\22.1341. 106\135MW\L=1496</t>
  </si>
  <si>
    <t>【哈电锅炉】后屏过热器出口集箱管接头23\Φ42*7\12Cr1MoVG\22.1341. 106\135MW\L=1392</t>
  </si>
  <si>
    <t>【哈电锅炉】后屏过热器出口集箱管接头24\Φ42*7\12Cr1MoVG\22.1341. 106\135MW\L=1677</t>
  </si>
  <si>
    <t>【哈电锅炉】后屏过热器出口集箱管接头25\Φ42*6\12Cr1MoVG\22.1341. 106\135MW\L=1572</t>
  </si>
  <si>
    <t>【哈电锅炉】后屏过热器出口集箱管接头26\Φ42*7\12Cr1MoVG\22.1341. 106\135MW\L=1592</t>
  </si>
  <si>
    <t>【哈电锅炉】后屏过热器出口集箱管接头27\Φ51*7\12Cr1MoVG\22.1341. 106\135MW\L=1446</t>
  </si>
  <si>
    <t>【哈电锅炉】后屏过热器U型夹屏管\Φ42*6\SA-213T91\22.1347.071\135MW\L=2931</t>
  </si>
  <si>
    <t>【哈电锅炉】后屏过热器底部90°弯头\Φ42*4.5\SA-213T91\22.1347.071\135MW\L=1126</t>
  </si>
  <si>
    <t>【哈电锅炉】后屏过热器底部90°弯头\Φ42*5\SA-213T91\22.1347.071\135MW\L=1126</t>
  </si>
  <si>
    <t>【哈电锅炉】后屏过热器底部90°弯头\Φ51*5.5\SA-213T91\22.1347.071\135MW\L=1157</t>
  </si>
  <si>
    <t>【哈电锅炉】后屏过热器底部180°大R弯头\Φ42*4.5\SA-213T91\22.1347.071\135MW\L=1355</t>
  </si>
  <si>
    <t>【哈电锅炉】后屏过热器底部180°小R弯头\Φ42*4.5\SA-213T91\22.1347.071\135MW\L=1252</t>
  </si>
  <si>
    <t>【哈电锅炉】流体冷却夹管90°弯头\Φ42*5\SA-213TP304H\22.1347.074\135MW\L=1126</t>
  </si>
  <si>
    <t>【哈电锅炉】流体冷却夹管50°弯头\Φ51*7\SA-213TP304H\22.1372.252\135MW\L=1140</t>
  </si>
  <si>
    <t>【哈电锅炉】流体冷却间隔管弯头\Φ42*6\12Cr1MoVG\22.1372.254\135MW\L=1119</t>
  </si>
  <si>
    <t>【哈电锅炉】分隔屏U型夹屏管\Φ42*6\SA-213T91\22.1347.070\135MW\L=2931</t>
  </si>
  <si>
    <t>【哈电锅炉】分隔屏底部90°弯头\Φ42*4.5\SA-213T91\22.1347.070\135MW\L=1126</t>
  </si>
  <si>
    <t>【哈电锅炉】分隔屏底部90°弯头\Φ42*4.5\SA-213TP304H\22.1347.070\135MW\L=1126</t>
  </si>
  <si>
    <t>【哈电锅炉】分隔屏底部180°大R弯头\Φ42*4.5\SA-213T91\22.1347.070\135MW\L=1355</t>
  </si>
  <si>
    <t>【哈电锅炉】分隔屏底部180°小R弯头\Φ42*4.5\SA-213T91\22.1347.070\135MW\L=1252</t>
  </si>
  <si>
    <t>【哈电锅炉】辐射再热器前墙入口集箱管接头1\Φ50*4\20G\22.1349.116\135MW\L=667</t>
  </si>
  <si>
    <t>【哈电锅炉】辐射再热器前墙入口集箱管接头2\Φ50*4\20G\22.1349.116\135MW\L=716</t>
  </si>
  <si>
    <t>【哈电锅炉】辐射再热器前墙入口集箱管接头3\Φ50*4\20G\22.1349.116\135MW\L=873</t>
  </si>
  <si>
    <t>【哈电锅炉】辐射再热器侧墙入口集箱管接头1\Φ50*4\20G\22.1349.116\135MW\L=667</t>
  </si>
  <si>
    <t>【哈电锅炉】辐射再热器侧墙入口集箱管接头2\Φ50*4\20G\22.1349.116\135MW\L=716</t>
  </si>
  <si>
    <t>【哈电锅炉】辐射再热器侧墙入口集箱管接头3\Φ50*4\20G\22.1349.116\135MW\L=873</t>
  </si>
  <si>
    <t>【哈电锅炉】辐射再热器前墙出口集箱管接头1\Φ50*4\20G\22.1349.116\135MW\L=538</t>
  </si>
  <si>
    <t>【哈电锅炉】辐射再热器前墙出口集箱管接头2\Φ50*4\20G\22.1349.116\135MW\L=649</t>
  </si>
  <si>
    <t>【哈电锅炉】辐射再热器前墙出口集箱管接头3\Φ50*4\20G\22.1349.116\135MW\L=598</t>
  </si>
  <si>
    <t>【哈电锅炉】辐射再热器侧墙出口集箱管接头1\Φ50*4\20G\22.1349.116\135MW\L=538</t>
  </si>
  <si>
    <t>【哈电锅炉】辐射再热器侧墙出口集箱管接头3\Φ50*4\20G\22.1349.116\135MW\L=598</t>
  </si>
  <si>
    <t>【哈电锅炉】后屏再热器入口集箱管接头1\Φ51*4\20G\22.1349.116\135MW\L=1622</t>
  </si>
  <si>
    <t>【哈电锅炉】后屏再热器入口集箱管接头2\Φ42*5\20G\22.1349.116\135MW\L=1659</t>
  </si>
  <si>
    <t>【哈电锅炉】后屏再热器入口集箱管接头3\Φ57*5\20G\22.1349.116\135MW\L=1553</t>
  </si>
  <si>
    <t>【哈电锅炉】后屏再热器入口集箱管接头4\Φ42*5\20G\22.1349.116\135MW\L=1540</t>
  </si>
  <si>
    <t>【哈电锅炉】后屏再热器入口集箱管接头5\Φ51*4\20G\22.1349.116\135MW\L=1577</t>
  </si>
  <si>
    <t>【哈电锅炉】后屏再热器入口集箱管接头6\Φ42*5\20G\22.1349.116\135MW\L=1476</t>
  </si>
  <si>
    <t>【哈电锅炉】后屏再热器入口集箱管接头7\Φ51*4\20G\22.1349.116\135MW\L=1510</t>
  </si>
  <si>
    <t>【哈电锅炉】后屏再热器入口集箱管接头8\Φ51*4\20G\22.1349.116\135MW\L=1561</t>
  </si>
  <si>
    <t>【哈电锅炉】后屏再热器入口集箱管接头9\Φ51*4\20G\22.1349.116\135MW\L=1344</t>
  </si>
  <si>
    <t>【哈电锅炉】后屏再热器入口集箱管接头10\Φ51*4\20G\22.1349.116\135MW\L=1404</t>
  </si>
  <si>
    <t>【哈电锅炉】后屏再热器入口集箱管接头11\Φ51*4\20G\22.1349.116\135MW\L=1478</t>
  </si>
  <si>
    <t>【哈电锅炉】后屏再热器出口集箱管接头1\Φ57*5\12Cr1MoVG\22.1349.116\135MW\L=1450</t>
  </si>
  <si>
    <t>【哈电锅炉】后屏再热器出口集箱管接头2\Φ51*4\12Cr1MoVG\22.1349.116\135MW\L=1388</t>
  </si>
  <si>
    <t>【哈电锅炉】后屏再热器出口集箱管接头3\Φ51*4\12Cr1MoVG\22.1349.116\135MW\L=1640</t>
  </si>
  <si>
    <t>【哈电锅炉】后屏再热器出口集箱管接头4\Φ51*4\12Cr1MoVG\22.1349.116\135MW\L=1570</t>
  </si>
  <si>
    <t>【哈电锅炉】后屏再热器出口集箱管接头5\Φ42*5\12Cr1MoVG\22.1349.116\135MW\L=1514</t>
  </si>
  <si>
    <t>【哈电锅炉】后屏再热器出口集箱管接头6\Φ42*5\12Cr1MoVG\22.1349.116\135MW\L=1577</t>
  </si>
  <si>
    <t>【哈电锅炉】后屏再热器出口集箱管接头7\Φ42*5\12Cr1MoVG\22.1349.116\135MW\L=1651</t>
  </si>
  <si>
    <t>【哈电锅炉】后屏再热器出口集箱管接头8\Φ42*5\12Cr1MoVG\22.1349.116\135MW\L=1392</t>
  </si>
  <si>
    <t>【哈电锅炉】后屏再热器出口集箱管接头9\Φ42*5\12Cr1MoVG\22.1349.116\135MW\L=1455</t>
  </si>
  <si>
    <t>【哈电锅炉】后屏再热器出口集箱管接头10\Φ51*4\12Cr1MoVG\22.1349.116\135MW\L=1518</t>
  </si>
  <si>
    <t>【哈电锅炉】末级再热器入口集箱管接头1\Φ51*4\12Cr1MoVG\22.1349.116\135MW\L=853</t>
  </si>
  <si>
    <t>【哈电锅炉】末级再热器入口集箱管接头2\Φ51*4\12Cr1MoVG\22.1349.116\135MW\L=743</t>
  </si>
  <si>
    <t>【哈电锅炉】末级再热器入口集箱管接头3\Φ51*4\12Cr1MoVG\22.1349.116\135MW\L=672</t>
  </si>
  <si>
    <t>【哈电锅炉】末级再热器入口集箱管接头4\Φ42*5\12Cr1MoVG\22.1349.116\135MW\L=1145</t>
  </si>
  <si>
    <t>【哈电锅炉】末级再热器入口集箱管接头5\Φ42*5\12Cr1MoVG\22.1349.116\135MW\L=918</t>
  </si>
  <si>
    <t>【哈电锅炉】末级再热器入口集箱管接头6\Φ42*5\12Cr1MoVG\22.1349.116\135MW\L=773</t>
  </si>
  <si>
    <t>【哈电锅炉】末级再热器入口集箱管接头7\Φ42*5\12Cr1MoVG\22.1349.116\135MW\L=762</t>
  </si>
  <si>
    <t>【哈电锅炉】末级再热器出口集箱管接头1\Φ42*5\12Cr1MoVG\22.1349.116\135MW\L=774</t>
  </si>
  <si>
    <t>【哈电锅炉】末级再热器出口集箱管接头2\Φ42*5\12Cr1MoVG\22.1349.116\135MW\L=665</t>
  </si>
  <si>
    <t>【哈电锅炉】末级再热器出口集箱管接头3\Φ42*5\12Cr1MoVG\22.1349.116\135MW\L=592</t>
  </si>
  <si>
    <t>【哈电锅炉】末级再热器出口集箱管接头4\Φ51*5\12Cr1MoVG\22.1349.116\135MW\L=1140</t>
  </si>
  <si>
    <t>【哈电锅炉】末级再热器出口集箱管接头5\Φ42*5\12Cr1MoVG\22.1349.116\135MW\L=918</t>
  </si>
  <si>
    <t>【哈电锅炉】末级再热器出口集箱管接头6\Φ42*5\12Cr1MoVG\22.1349.116\135MW\L=773</t>
  </si>
  <si>
    <t>【哈电锅炉】末级再热器出口集箱管接头7\Φ42*5\12Cr1MoVG\22.1349.116\135MW\L=762</t>
  </si>
  <si>
    <t>【哈电锅炉】后屏再热器127°弯头\Φ51*4\12Cr1MoVG\22.1348.127\135MW\L=1288</t>
  </si>
  <si>
    <t>【哈电锅炉】后屏再热器53°弯头\Φ51*4\12Cr1MoVG\22.1348.127\135MW\L=1120</t>
  </si>
  <si>
    <t>【哈电锅炉】后屏再热器180°大R弯头\Φ51*4\12Cr1MoVG\22.1348.127\135MW\L=1481</t>
  </si>
  <si>
    <t>【哈电锅炉】后屏再热器180°小R弯头\Φ51*4\12Cr1MoVG\22.1348.127\135MW\L=1285</t>
  </si>
  <si>
    <t>【哈电锅炉】末级再热器90°弯头\Φ51*4\SA-213T91\22.1348.133\135MW\L=1240</t>
  </si>
  <si>
    <t>【哈电锅炉】末级再热器180°大R弯头\Φ51*4\SA-213T91\22.1348.133\135MW\L=1481</t>
  </si>
  <si>
    <t>【哈电锅炉】末级再热器180°小R弯头\Φ51*4\SA-213T91\22.1348.133\135MW\L=1160</t>
  </si>
  <si>
    <t>【哈电锅炉】末级再热器上部75°弯头\Φ51*4\12Cr1MoVG\22.1348.133\135MW\L=1200</t>
  </si>
  <si>
    <t>【哈电锅炉】墙式再热器90°弯头\Φ51*4\15CrMoG\22.1348.134\135MW\L=1236</t>
  </si>
  <si>
    <t>【哈电锅炉】典型弯管1\Φ60*7\20G\T15-347\135MW\L= A=B=475</t>
  </si>
  <si>
    <t>【哈电锅炉】典型弯管2\Φ60*7\20G\T15-406\135MW</t>
  </si>
  <si>
    <t>【哈电锅炉】典型弯管3\Φ60*7\20G\T15-415\135MW\L= A=B=500</t>
  </si>
  <si>
    <t>【哈电锅炉】典型弯管4\Φ60*7\20G\T15-598\135MW\L= A=B=500</t>
  </si>
  <si>
    <t>【哈电锅炉】典型弯管5\Φ60*7\20G\T15-586\135MW\L= A=B=500</t>
  </si>
  <si>
    <t>【哈电锅炉】典型弯管6\Φ60*7\20G\T15-362\135MW\L= A=B=623</t>
  </si>
  <si>
    <t>【哈电锅炉】典型弯管7\Φ60*7\20G\T15-349\135MW\L= A=B=750</t>
  </si>
  <si>
    <t>【哈电锅炉】典型弯管8\Φ60*7\20G\T15-594\135MW\L= A=B=315</t>
  </si>
  <si>
    <t>【哈电锅炉】典型弯管9\Φ60*7\20G\T15-603\135MW\L= A=B=523</t>
  </si>
  <si>
    <t>【哈电锅炉】典型弯管10\Φ60*7\20G\T15-605\135MW\L= A=B=533</t>
  </si>
  <si>
    <t>【哈电锅炉】典型弯管11\Φ60*7\20G\T15-590\135MW\L= A=B=325</t>
  </si>
  <si>
    <t>【哈电锅炉】后屏再热器异种钢管接头\Φ51*4\Φ51\22.1348.127\135MW</t>
  </si>
  <si>
    <t>【哈电锅炉】末级再热器异种钢管接头1\Φ51*4\Φ51\22.1348.129\135MW</t>
  </si>
  <si>
    <t>【哈电锅炉】末级再热器异种钢管接头2\Φ51*4\Φ51\22.1348.129\135MW</t>
  </si>
  <si>
    <t>【哈电锅炉】末级再热器异种钢管接头3\Φ51*4\Φ51\22.1348.129\135MW</t>
  </si>
  <si>
    <t>【哈电锅炉】低温过热器异种钢管接头1\Φ42*5\Φ42\22.1342.145\135MW</t>
  </si>
  <si>
    <t>【哈电锅炉】低温过热器异种钢管接头2\Φ42*5\Φ51\22.1342.145\135MW</t>
  </si>
  <si>
    <t>【哈电锅炉】分隔屏异种钢管接头1\Φ42*5\Φ42\22.1347.070\135MW</t>
  </si>
  <si>
    <t>【哈电锅炉】分隔屏异种钢管接头2\Φ42*5\Φ42\22.1347.070\135MW</t>
  </si>
  <si>
    <t>【哈电锅炉】后屏过热热器异种钢管接头1\Φ42*6\Φ42\22.1347.071\135MW</t>
  </si>
  <si>
    <t>【哈电锅炉】后屏过热热器异种钢管接头2\Φ42*4.5\Φ42\22.1347.071\135MW</t>
  </si>
  <si>
    <t>【哈电锅炉】后屏过热热器异种钢管接头3\Φ42*4.5\Φ42\22.1347.071\135MW</t>
  </si>
  <si>
    <t>【哈电锅炉】末级过热器异种钢管接头\Φ42*5\Φ42\22.1342.142\135MW</t>
  </si>
  <si>
    <t>【哈电锅炉】省煤器出口集箱(一)管接头1\Φ44.5*7\SA-210C\F022EHD001C251\600MW\L=405</t>
  </si>
  <si>
    <t>【哈电锅炉】省煤器出口集箱(一)管接头2\Φ44.5*7\SA-210C\F022EHD001C251\600MW\L=464</t>
  </si>
  <si>
    <t>【哈电锅炉】省煤器出口集箱(一)管接头3\Φ44.5*7\SA-210C\F022EHD001C251\600MW\L=562</t>
  </si>
  <si>
    <t>【哈电锅炉】省煤器出口集箱(一)管接头4\Φ44.5*7\SA-210C\F022EHD001C251\600MW\L=710</t>
  </si>
  <si>
    <t>【哈电锅炉】省煤器出口集箱(一)管接头5\Φ44.5*7\SA-210C\F022EHD001C251\600MW\L=928</t>
  </si>
  <si>
    <t>【哈电锅炉】省煤器出口集箱(二)管接头1\Φ44.5*7\SA-210C\F022EHD001C251\600MW\L=405</t>
  </si>
  <si>
    <t>【哈电锅炉】省煤器出口集箱(二)管接头2\Φ44.5*7\SA-210C\F022EHD001C251\600MW\L=464</t>
  </si>
  <si>
    <t>【哈电锅炉】省煤器出口集箱(二)管接头3\Φ44.5*7\SA-210C\F022EHD001C251\600MW\L=562</t>
  </si>
  <si>
    <t>【哈电锅炉】省煤器出口集箱(二)管接头4\Φ44.5*7\SA-210C\F022EHD001C251\600MW\L=710</t>
  </si>
  <si>
    <t>【哈电锅炉】省煤器出口集箱(二)管接头5\Φ44.5*7\SA-210C\F022EHD001C251\600MW\L=928</t>
  </si>
  <si>
    <t>【哈电锅炉】省煤器入口集箱(一)管接头1\Φ44.5*7\SA-210C\F022EHE001C251\600MW\L=405</t>
  </si>
  <si>
    <t>【哈电锅炉】省煤器入口集箱(一)管接头2\Φ44.5*7\SA-210C\F022EHE001C251\600MW\L=464</t>
  </si>
  <si>
    <t>【哈电锅炉】省煤器入口集箱(一)管接头3\Φ44.5*7\SA-210C\F022EHE001C251\600MW\L=562</t>
  </si>
  <si>
    <t>【哈电锅炉】省煤器入口集箱(一)管接头4\Φ44.5*7\SA-210C\F022EHE001C251\600MW\L=710</t>
  </si>
  <si>
    <t>【哈电锅炉】省煤器入口集箱(一)管接头5\Φ44.5*7\SA-210C\F022EHD001C251\600MW\L=928</t>
  </si>
  <si>
    <t>【哈电锅炉】省煤器入口集箱(二)管接头1\Φ44.5*7\SA-210C\F022EHE001C251\600MW\L=405</t>
  </si>
  <si>
    <t>【哈电锅炉】省煤器入口集箱(二)管接头2\Φ44.5*7\SA-210C\F022EHE001C251\600MW\L=464</t>
  </si>
  <si>
    <t>【哈电锅炉】省煤器入口集箱(二)管接头3\Φ44.5*7\SA-210C\F022EHD001C392\600MW\L=562</t>
  </si>
  <si>
    <t>【哈电锅炉】省煤器入口集箱(二)管接头4\Φ44.5*7\SA-210C\F022EHE001C251\600MW\L=710</t>
  </si>
  <si>
    <t>【哈电锅炉】省煤器入口集箱(二)管接头5\Φ44.5*7\SA-210C\F022EHE001C251\600MW\L=928</t>
  </si>
  <si>
    <t>【哈电锅炉】水冷壁排管下部弯管1\Φ42*7\15CrMoG\F022BHD001C271\600MW\L=1201</t>
  </si>
  <si>
    <t>【哈电锅炉】水冷壁排管下部弯管2\Φ42*7\15CrMoG\F022BHD001C271\600MW\L=1224</t>
  </si>
  <si>
    <t>【哈电锅炉】水冷壁排管下部弯管3\Φ42*7\15CrMoG\F022BHD001C271\600MW\L=1254</t>
  </si>
  <si>
    <t>【哈电锅炉】SOFA燃烧器喷口管屏1\Φ38*7.3\15CrMoG\F022BJY001C251\600MW\L=4439</t>
  </si>
  <si>
    <t>【哈电锅炉】SOFA燃烧器喷口管屏2\Φ38*7.3\15CrMoG\F022BJY001C251\600MW\L=4419</t>
  </si>
  <si>
    <t>【哈电锅炉】SOFA燃烧器喷口管屏3\Φ38*7.3\15CrMoG\F022BJY001C251\600MW\L=4398</t>
  </si>
  <si>
    <t>【哈电锅炉】SOFA燃烧器喷口管屏4\Φ38*7.3\15CrMoG\F022BJY001C251\600MW\L=4377</t>
  </si>
  <si>
    <t>【哈电锅炉】SOFA燃烧器喷口管屏5\Φ38*7.3\15CrMoG\F022BJY001C251\600MW\L=4357</t>
  </si>
  <si>
    <t>【哈电锅炉】SOFA燃烧器喷口管屏6\Φ38*7.3\15CrMoG\F022BJY001C251\600MW\L=4338</t>
  </si>
  <si>
    <t>【哈电锅炉】SOFA燃烧器喷口管屏7\Φ38*7.3\15CrMoG\F022BJY001C251\600MW\L=4317</t>
  </si>
  <si>
    <t>【哈电锅炉】SOFA燃烧器喷口管屏8\Φ38*7.3\15CrMoG\F022BJY001C251\600MW\L=4295</t>
  </si>
  <si>
    <t>【哈电锅炉】SOFA燃烧器喷口管屏9\Φ38*7.3\15CrMoG\F022BJY001C251\600MW\L=4275</t>
  </si>
  <si>
    <t>【哈电锅炉】SOFA燃烧器喷口管屏10\Φ38*7.3\15CrMoG\F022BJY001C251\600MW\L=4256</t>
  </si>
  <si>
    <t>【哈电锅炉】SOFA燃烧器喷口管屏11\Φ38*7.3\15CrMoG\F022BJY001C251\600MW\L=4236</t>
  </si>
  <si>
    <t>【哈电锅炉】SOFA燃烧器喷口管屏12\Φ38*7.3\15CrMoG\F022BJY001C251\600MW\L=4215</t>
  </si>
  <si>
    <t>【哈电锅炉】SOFA燃烧器喷口管屏13\Φ38*7.3\15CrMoG\F022BJY001C251\600MW\L=4195</t>
  </si>
  <si>
    <t>【哈电锅炉】SOFA燃烧器喷口管屏14\Φ38*7.3\15CrMoG\F022BJY001C251\600MW\L=4176</t>
  </si>
  <si>
    <t>【哈电锅炉】SOFA燃烧器喷口管屏15\Φ38*7.3\15CrMoG\F022BJY001C251\600MW\L=4154</t>
  </si>
  <si>
    <t>【哈电锅炉】SOFA燃烧器喷口管屏16\Φ38*7.3\15CrMoG\F022BJY001C251\600MW\L=4134</t>
  </si>
  <si>
    <t>【哈电锅炉】SOFA燃烧器喷口管屏17\Φ38*7.3\15CrMoG\F022BJY001C251\600MW\L=4114</t>
  </si>
  <si>
    <t>【哈电锅炉】SOFA燃烧器喷口管屏18\Φ38*7.3\15CrMoG\F022BJY001C251\600MW\L=4094</t>
  </si>
  <si>
    <t>【哈电锅炉】SOFA燃烧器喷口管屏19\Φ38*7.3\15CrMoG\F022BJY001C251\600MW\L=4073</t>
  </si>
  <si>
    <t>【哈电锅炉】SOFA燃烧器喷口管屏20\Φ38*7.3\15CrMoG\F022BJY001C251\600MW\L=4054</t>
  </si>
  <si>
    <t>【哈电锅炉】SOFA燃烧器喷口管屏21\Φ38*7.3\15CrMoG\F022BJY001C251\600MW\L=4032</t>
  </si>
  <si>
    <t>【哈电锅炉】SOFA燃烧器喷口管屏22\Φ38*7.3\15CrMoG\F022BJY001C251\600MW\L=4013</t>
  </si>
  <si>
    <t>【哈电锅炉】SOFA燃烧器喷口管屏23\Φ38*7.3\15CrMoG\F022BJY001C251\600MW\L=3992</t>
  </si>
  <si>
    <t>【哈电锅炉】SOFA燃烧器喷口管屏24\Φ38*7.3\15CrMoG\F022BJY001C251\600MW\L=3992</t>
  </si>
  <si>
    <t>【哈电锅炉】SOFA燃烧器喷口管屏25\Φ38*7.3\15CrMoG\F022BJY001C251\600MW\L=4810</t>
  </si>
  <si>
    <t>【哈电锅炉】SOFA燃烧器喷口管屏26\Φ38*7.3\15CrMoG\F022BJY001C251\600MW\L=4894</t>
  </si>
  <si>
    <t>【哈电锅炉】SOFA燃烧器喷口管屏27\Φ38*7.3\15CrMoG\F022BJY001C251\600MW\L=4965</t>
  </si>
  <si>
    <t>【哈电锅炉】SOFA燃烧器喷口管屏28\Φ38*7.3\15CrMoG\F022BJY001C251\600MW\L=5041</t>
  </si>
  <si>
    <t>【哈电锅炉】SOFA燃烧器喷口管屏29\Φ38*7.3\15CrMoG\F022BJY001C251\600MW\L=5109</t>
  </si>
  <si>
    <t>【哈电锅炉】SOFA燃烧器喷口管屏30\Φ38*7.3\15CrMoG\F022BJY001C251\600MW\L=5176</t>
  </si>
  <si>
    <t>【哈电锅炉】SOFA燃烧器喷口管屏31\Φ38*7.3\15CrMoG\F022BJY001C251\600MW\L=5242</t>
  </si>
  <si>
    <t>【哈电锅炉】SOFA燃烧器喷口管屏32\Φ38*7.3\15CrMoG\F022BJY001C251\600MW\L=5312</t>
  </si>
  <si>
    <t>【哈电锅炉】SOFA燃烧器喷口管屏33\Φ38*7.3\15CrMoG\F022BJY001C251\600MW\L=5379</t>
  </si>
  <si>
    <t>【哈电锅炉】SOFA燃烧器喷口管屏34\Φ38*7.3\15CrMoG\F022BJY001C251\600MW\L=5444</t>
  </si>
  <si>
    <t>【哈电锅炉】SOFA燃烧器喷口管屏35\Φ38*7.3\15CrMoG\F022BJY001C251\600MW\L=5511</t>
  </si>
  <si>
    <t>【哈电锅炉】SOFA燃烧器喷口管屏36\Φ38*7.3\15CrMoG\F022BJY001C251\600MW\L=3855</t>
  </si>
  <si>
    <t>【哈电锅炉】SOFA燃烧器喷口管屏37\Φ38*7.3\15CrMoG\F022BJY001C251\600MW\L=3915</t>
  </si>
  <si>
    <t>【哈电锅炉】SOFA燃烧器喷口管屏38\Φ38*7.3\15CrMoG\F022BJY001C251\600MW\L=3980</t>
  </si>
  <si>
    <t>【哈电锅炉】SOFA燃烧器喷口管屏39\Φ38*7.3\15CrMoG\F022BJY001C251\600MW\L=4063</t>
  </si>
  <si>
    <t>【哈电锅炉】SOFA燃烧器喷口管屏40\Φ38*7.3\15CrMoG\F022BJY001C251\600MW\L=4175</t>
  </si>
  <si>
    <t>【哈电锅炉】SOFA燃烧器喷口管屏41\Φ38*7.3\15CrMoG\F022BJY001C251\600MW\L=4292</t>
  </si>
  <si>
    <t>【哈电锅炉】SOFA燃烧器喷口管屏42\Φ38*7.3\15CrMoG\F022BJY001C251\600MW\L=4432</t>
  </si>
  <si>
    <t>【哈电锅炉】SOFA燃烧器喷口管屏43\Φ38*7.3\15CrMoG\F022BJY001C251\600MW\L=4591</t>
  </si>
  <si>
    <t>【哈电锅炉】SOFA燃烧器喷口管屏44\Φ38*7.3\15CrMoG\F022BJY001C251\600MW\L=4719</t>
  </si>
  <si>
    <t>【哈电锅炉】SOFA燃烧器喷口管屏45\Φ38*7.3\15CrMoG\F022BJY001C251\600MW\L=4845</t>
  </si>
  <si>
    <t>【哈电锅炉】SOFA燃烧器喷口管屏46\Φ38*7.3\15CrMoG\F022BJY001C251\600MW\L=4972</t>
  </si>
  <si>
    <t>【哈电锅炉】SOFA燃烧器喷口管屏47\Φ38*7.3\15CrMoG\F022BJY001C251\600MW\L=5098</t>
  </si>
  <si>
    <t>【哈电锅炉】SOFA燃烧器喷口管屏48\Φ38*7.3\15CrMoG\F022BJY001C251\600MW\L=5226</t>
  </si>
  <si>
    <t>【哈电锅炉】SOFA燃烧器喷口管屏49\Φ38*7.3\15CrMoG\F022BJY001C251\600MW\L=6248</t>
  </si>
  <si>
    <t>【哈电锅炉】SOFA燃烧器喷口管屏50\Φ38*7.3\15CrMoG\F022BJY001C251\600MW\L=6246</t>
  </si>
  <si>
    <t>【哈电锅炉】SOFA燃烧器喷口管屏51\Φ38*7.3\15CrMoG\F022BJY001C251\600MW\L=6465</t>
  </si>
  <si>
    <t>【哈电锅炉】SOFA燃烧器喷口管屏52\Φ38*7.3\15CrMoG\F022BJY001C251\600MW\L=6673</t>
  </si>
  <si>
    <t>【哈电锅炉】SOFA燃烧器喷口管屏53\Φ38*7.3\15CrMoG\F022BJY001C251\600MW\L=6889</t>
  </si>
  <si>
    <t>【哈电锅炉】SOFA燃烧器喷口管屏54\Φ38*7.3\15CrMoG\F022BJY001C251\600MW\L=7099</t>
  </si>
  <si>
    <t>【哈电锅炉】SOFA燃烧器喷口管屏55\Φ38*7.3\15CrMoG\F022BJY001C251\600MW\L=6737</t>
  </si>
  <si>
    <t>【哈电锅炉】SOFA燃烧器喷口管屏56\Φ38*7.3\15CrMoG\F022BJY001C251\600MW\L=6947</t>
  </si>
  <si>
    <t>【哈电锅炉】SOFA燃烧器喷口管屏57\Φ38*7.3\15CrMoG\F022BJY001C251\600MW\L=7158</t>
  </si>
  <si>
    <t>【哈电锅炉】SOFA燃烧器喷口管屏58\Φ38*7.3\15CrMoG\F022BJY001C251\600MW\L=7368</t>
  </si>
  <si>
    <t>【哈电锅炉】SOFA燃烧器喷口管屏59\Φ38*7.3\15CrMoG\F022BJY001C251\600MW\L=7578</t>
  </si>
  <si>
    <t>【哈电锅炉】SOFA燃烧器喷口管屏60\Φ38*7.3\15CrMoG\F022BJY001C251\600MW\L=7788</t>
  </si>
  <si>
    <t>【哈电锅炉】SOFA燃烧器喷口管屏61\Φ38*7.3\15CrMoG\F022BJY001C251\600MW\L=7356</t>
  </si>
  <si>
    <t>【哈电锅炉】SOFA燃烧器喷口管屏62\Φ38*7.3\15CrMoG\F022BJY001C251\600MW\L=7146</t>
  </si>
  <si>
    <t>【哈电锅炉】SOFA燃烧器喷口管屏63\Φ38*7.3\15CrMoG\F022BJY001C251\600MW\L=6936</t>
  </si>
  <si>
    <t>【哈电锅炉】SOFA燃烧器喷口管屏64\Φ38*7.3\15CrMoG\F022BJY001C251\600MW\L=6726</t>
  </si>
  <si>
    <t>【哈电锅炉】SOFA燃烧器喷口管屏65\Φ38*7.3\15CrMoG\F022BJY001C251\600MW\L=6514</t>
  </si>
  <si>
    <t>【哈电锅炉】SOFA燃烧器喷口管屏66\Φ38*7.3\15CrMoG\F022BJY001C251\600MW\L=6305</t>
  </si>
  <si>
    <t>【哈电锅炉】SOFA燃烧器喷口管屏67\Φ38*7.3\15CrMoG\F022BJY001C251\600MW\L=5797</t>
  </si>
  <si>
    <t>【哈电锅炉】SOFA燃烧器喷口管屏68\Φ38*7.3\15CrMoG\F022BJY001C251\600MW\L=6683</t>
  </si>
  <si>
    <t>【哈电锅炉】SOFA燃烧器喷口管屏69\Φ38*7.3\15CrMoG\F022BJY001C251\600MW\L=6469</t>
  </si>
  <si>
    <t>【哈电锅炉】SOFA燃烧器喷口管屏70\Φ38*7.3\15CrMoG\F022BJY001C251\600MW\L=6256</t>
  </si>
  <si>
    <t>【哈电锅炉】SOFA燃烧器喷口管屏71\Φ38*7.3\15CrMoG\F022BJY001C251\600MW\L=6050</t>
  </si>
  <si>
    <t>【哈电锅炉】SOFA燃烧器喷口管屏72\Φ38*7.3\15CrMoG\F022BJY001C251\600MW\L=5831</t>
  </si>
  <si>
    <t>【哈电锅炉】SOFA燃烧器喷口管屏73\Φ38*7.3\15CrMoG\F022BJY001C251\600MW\L=5323</t>
  </si>
  <si>
    <t>【哈电锅炉】SOFA燃烧器喷口管屏74\Φ38*7.3\15CrMoG\F022BJY001C251\600MW\L=5271</t>
  </si>
  <si>
    <t>【哈电锅炉】SOFA燃烧器喷口管屏75\Φ38*7.3\15CrMoG\F022BJY001C251\600MW\L=5220</t>
  </si>
  <si>
    <t>【哈电锅炉】SOFA燃烧器喷口管屏76\Φ38*7.3\15CrMoG\F022BJY001C251\600MW\L=5167</t>
  </si>
  <si>
    <t>【哈电锅炉】SOFA燃烧器喷口管屏77\Φ38*7.3\15CrMoG\F022BJY001C251\600MW\L=5116</t>
  </si>
  <si>
    <t>【哈电锅炉】SOFA燃烧器喷口管屏78\Φ38*7.3\15CrMoG\F022BJY001C251\600MW\L=5063</t>
  </si>
  <si>
    <t>【哈电锅炉】SOFA燃烧器喷口管屏79\Φ38*7.3\15CrMoG\F022BJY001C251\600MW\L=5010</t>
  </si>
  <si>
    <t>【哈电锅炉】SOFA燃烧器喷口管屏80\Φ38*7.3\15CrMoG\F022BJY001C251\600MW\L=4947</t>
  </si>
  <si>
    <t>【哈电锅炉】SOFA燃烧器喷口管屏81\Φ38*7.3\15CrMoG\F022BJY001C251\600MW\L=4895</t>
  </si>
  <si>
    <t>【哈电锅炉】SOFA燃烧器喷口管屏82\Φ38*7.3\15CrMoG\F022BJY001C251\600MW\L=4839</t>
  </si>
  <si>
    <t>【哈电锅炉】SOFA燃烧器喷口管屏83\Φ38*7.3\15CrMoG\F022BJY001C251\600MW\L=4854</t>
  </si>
  <si>
    <t>【哈电锅炉】SOFA燃烧器喷口管屏84\Φ38*7.3\15CrMoG\F022BJY001C251\600MW\L=4753</t>
  </si>
  <si>
    <t>【哈电锅炉】SOFA燃烧器喷口管屏85\Φ38*7.3\15CrMoG\F022BJY001C251\600MW\L=4644</t>
  </si>
  <si>
    <t>【哈电锅炉】SOFA燃烧器喷口管屏86\Φ38*7.3\15CrMoG\F022BJY001C251\600MW\L=4545</t>
  </si>
  <si>
    <t>【哈电锅炉】SOFA燃烧器喷口管屏87\Φ38*7.3\15CrMoG\F022BJY001C251\600MW\L=4447</t>
  </si>
  <si>
    <t>【哈电锅炉】SOFA燃烧器喷口管屏88\Φ38*7.3\15CrMoG\F022BJY001C251\600MW\L=4359</t>
  </si>
  <si>
    <t>【哈电锅炉】SOFA燃烧器喷口管屏89\Φ38*7.3\15CrMoG\F022BJY001C251\600MW\L=4275</t>
  </si>
  <si>
    <t>【哈电锅炉】SOFA燃烧器喷口管屏90\Φ38*7.3\15CrMoG\F022BJY001C251\600MW\L=4188</t>
  </si>
  <si>
    <t>【哈电锅炉】SOFA燃烧器喷口管屏91\Φ38*7.3\15CrMoG\F022BJY001C251\600MW\L=4115</t>
  </si>
  <si>
    <t>【哈电锅炉】SOFA燃烧器喷口管屏92\Φ38*7.3\15CrMoG\F022BJY001C251\600MW\L=4035</t>
  </si>
  <si>
    <t>【哈电锅炉】SOFA燃烧器喷口管屏93\Φ38*7.3\15CrMoG\F022BJY001C251\600MW\L=3971</t>
  </si>
  <si>
    <t>【哈电锅炉】SOFA燃烧器喷口管屏94\Φ38*7.3\15CrMoG\F022BJY001C251\600MW\L=3917</t>
  </si>
  <si>
    <t>【哈电锅炉】SOFA燃烧器喷口管屏95\Φ38*7.3\15CrMoG\F022BJY001C251\600MW\L=3864</t>
  </si>
  <si>
    <t>【哈电锅炉】SOFA燃烧器喷口管屏96\Φ38*7.3\15CrMoG\F022BJY001C251\600MW\L=3992</t>
  </si>
  <si>
    <t>【哈电锅炉】SOFA燃烧器喷口管屏97\Φ38*7.3\15CrMoG\F022BJY001C251\600MW\L=3992</t>
  </si>
  <si>
    <t>【哈电锅炉】SOFA燃烧器喷口管屏98\Φ38*7.3\15CrMoG\F022BJY001C251\600MW\L=4012</t>
  </si>
  <si>
    <t>【哈电锅炉】SOFA燃烧器喷口管屏99\Φ38*7.3\15CrMoG\F022BJY001C251\600MW\L=4033</t>
  </si>
  <si>
    <t>【哈电锅炉】SOFA燃烧器喷口管屏100\Φ38*7.3\15CrMoG\F022BJY001C251\600MW\L=4053</t>
  </si>
  <si>
    <t>【哈电锅炉】SOFA燃烧器喷口管屏101\Φ38*7.3\15CrMoG\F022BJY001C251\600MW\L=4074</t>
  </si>
  <si>
    <t>【哈电锅炉】SOFA燃烧器喷口管屏102\Φ38*7.3\15CrMoG\F022BJY001C251\600MW\L=4093</t>
  </si>
  <si>
    <t>【哈电锅炉】SOFA燃烧器喷口管屏103\Φ38*7.3\15CrMoG\F022BJY001C251\600MW\L=4112</t>
  </si>
  <si>
    <t>【哈电锅炉】SOFA燃烧器喷口管屏104\Φ38*7.3\15CrMoG\F022BJY001C251\600MW\L=4133</t>
  </si>
  <si>
    <t>【哈电锅炉】SOFA燃烧器喷口管屏105\Φ38*7.3\15CrMoG\F022BJY001C251\600MW\L=4152</t>
  </si>
  <si>
    <t>【哈电锅炉】SOFA燃烧器喷口管屏106\Φ38*7.3\15CrMoG\F022BJY001C251\600MW\L=4172</t>
  </si>
  <si>
    <t>【哈电锅炉】SOFA燃烧器喷口管屏107\Φ38*7.3\15CrMoG\F022BJY001C251\600MW\L=4192</t>
  </si>
  <si>
    <t>【哈电锅炉】SOFA燃烧器喷口管屏108\Φ38*7.3\15CrMoG\F022BJY001C251\600MW\L=4212</t>
  </si>
  <si>
    <t>【哈电锅炉】SOFA燃烧器喷口管屏109\Φ38*7.3\15CrMoG\F022BJY001C251\600MW\L=4232</t>
  </si>
  <si>
    <t>【哈电锅炉】SOFA燃烧器喷口管屏110\Φ38*7.3\15CrMoG\F022BJY001C251\600MW\L=4252</t>
  </si>
  <si>
    <t>【哈电锅炉】SOFA燃烧器喷口管屏111\Φ38*7.3\15CrMoG\F022BJY001C251\600MW\L=4272</t>
  </si>
  <si>
    <t>【哈电锅炉】SOFA燃烧器喷口管屏112\Φ38*7.3\15CrMoG\F022BJY001C251\600MW\L=4293</t>
  </si>
  <si>
    <t>【哈电锅炉】SOFA燃烧器喷口管屏113\Φ38*7.3\15CrMoG\F022BJY001C251\600MW\L=4313</t>
  </si>
  <si>
    <t>【哈电锅炉】SOFA燃烧器喷口管屏114\Φ38*7.3\15CrMoG\F022BJY001C251\600MW\L=4332</t>
  </si>
  <si>
    <t>【哈电锅炉】SOFA燃烧器喷口管屏115\Φ38*7.3\15CrMoG\F022BJY001C251\600MW\L=4352</t>
  </si>
  <si>
    <t>【哈电锅炉】SOFA燃烧器喷口管屏116\Φ38*7.3\15CrMoG\F022BJY001C251\600MW\L=4373</t>
  </si>
  <si>
    <t>【哈电锅炉】SOFA燃烧器喷口管屏117\Φ38*7.3\15CrMoG\F022BJY001C251\600MW\L=4394</t>
  </si>
  <si>
    <t>【哈电锅炉】SOFA燃烧器喷口管屏118\Φ38*7.3\15CrMoG\F022BJY001C251\600MW\L=4412</t>
  </si>
  <si>
    <t>【哈电锅炉】SOFA燃烧器喷口管屏119\Φ38*7.3\15CrMoG\F022BJY001C251\600MW\L=4434</t>
  </si>
  <si>
    <t>【哈电锅炉】SOFA燃烧器喷口管屏120\Φ38*7.3\15CrMoG\F022BJY001C251\600MW\L=4454</t>
  </si>
  <si>
    <t>【哈电锅炉】煤粉燃烧器喷口弯管1\Φ38*7.3\15CrMoG\F022BHY001C251\600MW\L=3330</t>
  </si>
  <si>
    <t>【哈电锅炉】煤粉燃烧器喷口弯管2\Φ38*7.3\15CrMoG\F022BHY001C251\600MW\L=3346</t>
  </si>
  <si>
    <t>【哈电锅炉】煤粉燃烧器喷口弯管3\Φ38*7.3\15CrMoG\F022BHY001C251\600MW\L=3383</t>
  </si>
  <si>
    <t>【哈电锅炉】煤粉燃烧器喷口弯管4\Φ38*7.3\15CrMoG\F022BHY001C251\600MW\L=3428</t>
  </si>
  <si>
    <t>【哈电锅炉】煤粉燃烧器喷口弯管5\Φ38*7.3\15CrMoG\F022BHY001C251\600MW\L=3483</t>
  </si>
  <si>
    <t>【哈电锅炉】煤粉燃烧器喷口弯管6\Φ38*7.3\15CrMoG\F022BHY001C251\600MW\L=2754</t>
  </si>
  <si>
    <t>【哈电锅炉】煤粉燃烧器喷口弯管7\Φ38*7.3\15CrMoG\F022BHY001C251\600MW\L=2815</t>
  </si>
  <si>
    <t>【哈电锅炉】煤粉燃烧器喷口弯管8\Φ38*7.3\15CrMoG\F022BHY001C251\600MW\L=2905</t>
  </si>
  <si>
    <t>【哈电锅炉】煤粉燃烧器喷口弯管9\Φ38*7.3\15CrMoG\F022BHY001C251\600MW\L=2999</t>
  </si>
  <si>
    <t>【哈电锅炉】煤粉燃烧器喷口弯管10\Φ38*7.3\15CrMoG\F022BHY001C251\600MW\L=3095</t>
  </si>
  <si>
    <t>【哈电锅炉】煤粉燃烧器喷口弯管11\Φ38*7.3\15CrMoG\F022BHY001C251\600MW\L=2567</t>
  </si>
  <si>
    <t>【哈电锅炉】煤粉燃烧器喷口弯管12\Φ38*7.3\15CrMoG\F022BHY001C251\600MW\L=3103</t>
  </si>
  <si>
    <t>【哈电锅炉】煤粉燃烧器喷口弯管13\Φ38*7.3\15CrMoG\F022BHY001C251\600MW\L=3173</t>
  </si>
  <si>
    <t>【哈电锅炉】煤粉燃烧器喷口弯管14\Φ38*7.3\15CrMoG\F022BHY001C251\600MW\L=3253</t>
  </si>
  <si>
    <t>【哈电锅炉】煤粉燃烧器喷口弯管15\Φ38*7.3\15CrMoG\F022BHY001C251\600MW\L=3351</t>
  </si>
  <si>
    <t>【哈电锅炉】煤粉燃烧器喷口弯管16\Φ38*7.3\15CrMoG\F022BHY001C251\600MW\L=3443</t>
  </si>
  <si>
    <t>【哈电锅炉】煤粉燃烧器喷口弯管17\Φ38*7.3\15CrMoG\F022BHY001C251\600MW\L=3550</t>
  </si>
  <si>
    <t>【哈电锅炉】煤粉燃烧器喷口弯管18\Φ38*7.3\15CrMoG\F022BHY001C251\600MW\L=3655</t>
  </si>
  <si>
    <t>【哈电锅炉】煤粉燃烧器喷口弯管19\Φ38*7.3\15CrMoG\F022BHY001C251\600MW\L=3755</t>
  </si>
  <si>
    <t>【哈电锅炉】煤粉燃烧器喷口弯管20\Φ38*7.3\15CrMoG\F022BHY001C251\600MW\L=3898</t>
  </si>
  <si>
    <t>【哈电锅炉】煤粉燃烧器喷口弯管21\Φ38*7.3\15CrMoG\F022BHY001C251\600MW\L=4117</t>
  </si>
  <si>
    <t>【哈电锅炉】煤粉燃烧器喷口弯管22\Φ38*7.3\15CrMoG\F022BHY001C251\600MW\L=4400</t>
  </si>
  <si>
    <t>【哈电锅炉】煤粉燃烧器喷口弯管23\Φ38*7.3\15CrMoG\F022BHY001C251\600MW\L=4754</t>
  </si>
  <si>
    <t>【哈电锅炉】煤粉燃烧器喷口弯管24\Φ38*7.3\15CrMoG\F022BHY001C251\600MW\L=5049</t>
  </si>
  <si>
    <t>【哈电锅炉】煤粉燃烧器喷口弯管25\Φ38*7.3\15CrMoG\F022BHY001C251\600MW\L=5343</t>
  </si>
  <si>
    <t>【哈电锅炉】煤粉燃烧器喷口弯管26\Φ38*7.3\15CrMoG\F022BHY001C251\600MW\L=5193</t>
  </si>
  <si>
    <t>【哈电锅炉】煤粉燃烧器喷口弯管27\Φ38*7.3\15CrMoG\F022BHY001C251\600MW\L=5405</t>
  </si>
  <si>
    <t>【哈电锅炉】煤粉燃烧器喷口弯管28\Φ38*7.3\15CrMoG\F022BHY001C251\600MW\L=5597</t>
  </si>
  <si>
    <t>【哈电锅炉】煤粉燃烧器喷口弯管29\Φ38*7.3\15CrMoG\F022BHY001C251\600MW\L=5788</t>
  </si>
  <si>
    <t>【哈电锅炉】煤粉燃烧器喷口弯管30\Φ38*7.3\15CrMoG\F022BHY001C251\600MW\L=5979</t>
  </si>
  <si>
    <t>【哈电锅炉】煤粉燃烧器喷口弯管31\Φ38*7.3\15CrMoG\F022BHY001C251\600MW\L=6159</t>
  </si>
  <si>
    <t>【哈电锅炉】煤粉燃烧器喷口弯管32\Φ38*7.3\15CrMoG\F022BHY001C251\600MW\L=6339</t>
  </si>
  <si>
    <t>【哈电锅炉】煤粉燃烧器喷口弯管33\Φ38*7.3\15CrMoG\F022BHY001C251\600MW\L=6092</t>
  </si>
  <si>
    <t>【哈电锅炉】煤粉燃烧器喷口弯管34\Φ38*7.3\15CrMoG\F022BHY001C251\600MW\L=5901</t>
  </si>
  <si>
    <t>【哈电锅炉】煤粉燃烧器喷口弯管35\Φ38*7.3\15CrMoG\F022BHY001C251\600MW\L=5714</t>
  </si>
  <si>
    <t>【哈电锅炉】煤粉燃烧器喷口弯管36\Φ38*7.3\15CrMoG\F022BHY001C251\600MW\L=5530</t>
  </si>
  <si>
    <t>【哈电锅炉】煤粉燃烧器喷口弯管37\Φ38*7.3\15CrMoG\F022BHY001C251\600MW\L=5817</t>
  </si>
  <si>
    <t>【哈电锅炉】煤粉燃烧器喷口弯管38\Φ38*7.3\15CrMoG\F022BHY001C251\600MW\L=5613</t>
  </si>
  <si>
    <t>【哈电锅炉】煤粉燃烧器喷口弯管39\Φ38*7.3\15CrMoG\F022BHY001C251\600MW\L=5408</t>
  </si>
  <si>
    <t>【哈电锅炉】煤粉燃烧器喷口弯管40\Φ38*7.3\15CrMoG\F022BHY001C251\600MW\L=5149</t>
  </si>
  <si>
    <t>【哈电锅炉】煤粉燃烧器喷口弯管41\Φ38*7.3\15CrMoG\F022BHY001C251\600MW\L=4980</t>
  </si>
  <si>
    <t>【哈电锅炉】煤粉燃烧器喷口弯管42\Φ38*7.3\15CrMoG\F022BHY001C251\600MW\L=4696</t>
  </si>
  <si>
    <t>【哈电锅炉】煤粉燃烧器喷口弯管43\Φ38*7.3\15CrMoG\F022BHY001C251\600MW\L=4695</t>
  </si>
  <si>
    <t>【哈电锅炉】煤粉燃烧器喷口弯管44\Φ38*7.3\15CrMoG\F022BHY001C251\600MW\L=5119</t>
  </si>
  <si>
    <t>【哈电锅炉】煤粉燃烧器喷口弯管45\Φ38*7.3\15CrMoG\F022BHY001C251\600MW\L=6113</t>
  </si>
  <si>
    <t>【哈电锅炉】煤粉燃烧器喷口弯管46\Φ38*7.3\15CrMoG\F022BHY001C251\600MW\L=5918</t>
  </si>
  <si>
    <t>【哈电锅炉】煤粉燃烧器喷口弯管47\Φ38*7.3\15CrMoG\F022BHY001C251\600MW\L=5728</t>
  </si>
  <si>
    <t>【哈电锅炉】煤粉燃烧器喷口弯管48\Φ38*7.3\15CrMoG\F022BHY001C251\600MW\L=5549</t>
  </si>
  <si>
    <t>【哈电锅炉】煤粉燃烧器喷口弯管49\Φ38*7.3\15CrMoG\F022BHY001C251\600MW\L=5819</t>
  </si>
  <si>
    <t>【哈电锅炉】煤粉燃烧器喷口弯管50\Φ38*7.3\15CrMoG\F022BHY001C251\600MW\L=5621</t>
  </si>
  <si>
    <t>【哈电锅炉】煤粉燃烧器喷口弯管51\Φ38*7.3\15CrMoG\F022BHY001C251\600MW\L=5423</t>
  </si>
  <si>
    <t>【哈电锅炉】煤粉燃烧器喷口弯管52\Φ38*7.3\15CrMoG\F022BHY001C251\600MW\L=5195</t>
  </si>
  <si>
    <t>【哈电锅炉】煤粉燃烧器喷口弯管53\Φ38*7.3\15CrMoG\F022BHY001C251\600MW\L=4961</t>
  </si>
  <si>
    <t>【哈电锅炉】煤粉燃烧器喷口弯管54\Φ38*7.3\15CrMoG\F022BHY001C251\600MW\L=4707</t>
  </si>
  <si>
    <t>【哈电锅炉】煤粉燃烧器喷口弯管55\Φ38*7.3\15CrMoG\F022BHY001C251\600MW\L=4707</t>
  </si>
  <si>
    <t>【哈电锅炉】煤粉燃烧器喷口弯管56\Φ38*7.3\15CrMoG\F022BHY001C251\600MW\L=4941</t>
  </si>
  <si>
    <t>【哈电锅炉】煤粉燃烧器喷口弯管57\Φ38*7.3\15CrMoG\F022BHY001C251\600MW\L=6365</t>
  </si>
  <si>
    <t>【哈电锅炉】煤粉燃烧器喷口弯管58\Φ38*7.3\15CrMoG\F022BHY001C251\600MW\L=6177</t>
  </si>
  <si>
    <t>【哈电锅炉】煤粉燃烧器喷口弯管59\Φ38*7.3\15CrMoG\F022BHY001C251\600MW\L=5990</t>
  </si>
  <si>
    <t>【哈电锅炉】煤粉燃烧器喷口弯管60\Φ38*7.3\15CrMoG\F022BHY001C251\600MW\L=5804</t>
  </si>
  <si>
    <t>【哈电锅炉】煤粉燃烧器喷口弯管61\Φ38*7.3\15CrMoG\F022BHY001C251\600MW\L=5597</t>
  </si>
  <si>
    <t>【哈电锅炉】煤粉燃烧器喷口弯管62\Φ38*7.3\15CrMoG\F022BHY001C251\600MW\L=5461</t>
  </si>
  <si>
    <t>【哈电锅炉】煤粉燃烧器喷口弯管63\Φ38*7.3\15CrMoG\F022BHY001C251\600MW\L=5513</t>
  </si>
  <si>
    <t>【哈电锅炉】煤粉燃烧器喷口弯管64\Φ38*7.3\15CrMoG\F022BHY001C251\600MW\L=5175</t>
  </si>
  <si>
    <t>【哈电锅炉】煤粉燃烧器喷口弯管65\Φ38*7.3\15CrMoG\F022BHY001C251\600MW\L=5223</t>
  </si>
  <si>
    <t>【哈电锅炉】煤粉燃烧器喷口弯管66\Φ38*7.3\15CrMoG\F022BHY001C251\600MW\L=5097</t>
  </si>
  <si>
    <t>【哈电锅炉】煤粉燃烧器喷口弯管67\Φ38*7.3\15CrMoG\F022BHY001C251\600MW\L=4803</t>
  </si>
  <si>
    <t>【哈电锅炉】煤粉燃烧器喷口弯管68\Φ38*7.3\15CrMoG\F022BHY001C251\600MW\L=4508</t>
  </si>
  <si>
    <t>【哈电锅炉】煤粉燃烧器喷口弯管69\Φ38*7.3\15CrMoG\F022BHY001C251\600MW\L=4155</t>
  </si>
  <si>
    <t>【哈电锅炉】煤粉燃烧器喷口弯管70\Φ38*7.3\15CrMoG\F022BHY001C251\600MW\L=3875</t>
  </si>
  <si>
    <t>【哈电锅炉】煤粉燃烧器喷口弯管71\Φ38*7.3\15CrMoG\F022BHY001C251\600MW\L=3639</t>
  </si>
  <si>
    <t>【哈电锅炉】煤粉燃烧器喷口弯管72\Φ38*7.3\15CrMoG\F022BHY001C251\600MW\L=3523</t>
  </si>
  <si>
    <t>【哈电锅炉】煤粉燃烧器喷口弯管73\Φ38*7.3\15CrMoG\F022BHY001C251\600MW\L=3446</t>
  </si>
  <si>
    <t>【哈电锅炉】煤粉燃烧器喷口弯管74\Φ38*7.3\15CrMoG\F022BHY001C251\600MW\L=3380</t>
  </si>
  <si>
    <t>【哈电锅炉】煤粉燃烧器喷口弯管75\Φ38*7.3\15CrMoG\F022BHY001C251\600MW\L=3317</t>
  </si>
  <si>
    <t>【哈电锅炉】煤粉燃烧器喷口弯管76\Φ38*7.3\15CrMoG\F022BHY001C251\600MW\L=3255</t>
  </si>
  <si>
    <t>【哈电锅炉】煤粉燃烧器喷口弯管77\Φ38*7.3\15CrMoG\F022BHY001C251\600MW\L=3190</t>
  </si>
  <si>
    <t>【哈电锅炉】煤粉燃烧器喷口弯管78\Φ38*7.3\15CrMoG\F022BHY001C251\600MW\L=3133</t>
  </si>
  <si>
    <t>【哈电锅炉】煤粉燃烧器喷口弯管79\Φ38*7.3\15CrMoG\F022BHY001C251\600MW\L=3086</t>
  </si>
  <si>
    <t>【哈电锅炉】煤粉燃烧器喷口弯管80\Φ38*7.3\15CrMoG\F022BHY001C251\600MW\L=3481</t>
  </si>
  <si>
    <t>【哈电锅炉】煤粉燃烧器喷口弯管81\Φ38*7.3\15CrMoG\F022BHY001C251\600MW\L=3429</t>
  </si>
  <si>
    <t>【哈电锅炉】煤粉燃烧器喷口弯管82\Φ38*7.3\15CrMoG\F022BHY001C251\600MW\L=3381</t>
  </si>
  <si>
    <t>【哈电锅炉】煤粉燃烧器喷口弯管83\Φ38*7.3\15CrMoG\F022BHY001C251\600MW\L=3346</t>
  </si>
  <si>
    <t>【哈电锅炉】煤粉燃烧器喷口弯管84\Φ38*7.3\15CrMoG\F022BHY001C251\600MW\L=3330</t>
  </si>
  <si>
    <t>【哈电锅炉】煤粉燃烧器喷口弯管85\Φ38*7.3\15CrMoG\F022BHY001C251\600MW\L=3085</t>
  </si>
  <si>
    <t>【哈电锅炉】煤粉燃烧器喷口弯管86\Φ38*7.3\15CrMoG\F022BHY001C251\600MW\L=2986</t>
  </si>
  <si>
    <t>【哈电锅炉】煤粉燃烧器喷口弯管87\Φ38*7.3\15CrMoG\F022BHY001C251\600MW\L=2896</t>
  </si>
  <si>
    <t>【哈电锅炉】煤粉燃烧器喷口弯管88\Φ38*7.3\15CrMoG\F022BHY001C251\600MW\L=2832</t>
  </si>
  <si>
    <t>【哈电锅炉】煤粉燃烧器喷口弯管89\Φ38*7.3\15CrMoG\F022BHY001C251\600MW\L=2736</t>
  </si>
  <si>
    <t>【哈电锅炉】煤粉燃烧器喷口弯管90\Φ38*7.3\15CrMoG\F022BHY001C251\600MW\L=2571</t>
  </si>
  <si>
    <t>【哈电锅炉】煤粉燃烧器喷口弯管91\Φ38*7.3\15CrMoG\F022BHY001C251\600MW\L=2661</t>
  </si>
  <si>
    <t>【哈电锅炉】水冷壁平衡管90°弯管\Φ38*7.3\15CrMoG\F022BHP001C271\600MW\L=1700</t>
  </si>
  <si>
    <t>【哈电锅炉】水冷壁平衡管135°弯管\Φ89*16\15CrMoG\F022BHP001C271\600MW\L=2202</t>
  </si>
  <si>
    <t>【哈电锅炉】中部水冷壁散管弯管1\Φ31.8*6.2\15CrMoG\F022BFF001C271\600MW\L=1211</t>
  </si>
  <si>
    <t>【哈电锅炉】中部水冷壁散管弯管2\Φ31.8*6.2\15CrMoG\F022BFF001C271\600MW\L=966</t>
  </si>
  <si>
    <t>【哈电锅炉】中部水冷壁散管弯管3\Φ31.8*6.2\15CrMoG\F022BFF001C271\600MW\L=966</t>
  </si>
  <si>
    <t>【哈电锅炉】中部水冷壁散管弯管4\Φ31.8*6.2\15CrMoG\F022BFF001C271\600MW\L=2320</t>
  </si>
  <si>
    <t>【哈电锅炉】中部水冷壁散管弯管5\Φ38*7.3\15CrMoG\F022BFF001C271\600MW\L=2909</t>
  </si>
  <si>
    <t>【哈电锅炉】中部水冷壁散管弯管6\Φ38*7.3\15CrMoG\F022BFF001C271\600MW\L=2753</t>
  </si>
  <si>
    <t>【哈电锅炉】中部水冷壁散管弯管7\Φ38*7.3\15CrMoG\F022BFF001C271\600MW\L=1711</t>
  </si>
  <si>
    <t>【哈电锅炉】中部水冷壁散管弯管8\Φ38*7.3\15CrMoG\F022BFF001C271\600MW\L=2432</t>
  </si>
  <si>
    <t>【哈电锅炉】中部水冷壁散管弯管9\Φ38*7.3\15CrMoG\F022BFF001C271\600MW\L=2275</t>
  </si>
  <si>
    <t>【哈电锅炉】中部水冷壁散管弯管10\Φ31.8*6.2\15CrMoG\F022BFF001C271\600MW\L=976</t>
  </si>
  <si>
    <t>【哈电锅炉】中部水冷壁散管弯管11\Φ31.8*6.2\15CrMoG\F022BFF001C271\600MW\L=976</t>
  </si>
  <si>
    <t>【哈电锅炉】中部水冷壁散管弯管12\Φ38*7.3\15CrMoG\F022BFN001C271\600MW\L=2296.5</t>
  </si>
  <si>
    <t>【哈电锅炉】中部水冷壁散管弯管13\Φ38*7.3\15CrMoG\F022BFN001C271\600MW\L=2331.5</t>
  </si>
  <si>
    <t>【哈电锅炉】中部水冷壁散管弯管14\Φ38*7.3\15CrMoG\F022BFN001C271\600MW\L=2919.5</t>
  </si>
  <si>
    <t>【哈电锅炉】中部水冷壁散管弯管15\Φ38*7.3\15CrMoG\F022BFN001C271\600MW\L=2884.5</t>
  </si>
  <si>
    <t>【哈电锅炉】中部水冷壁散管弯管16\Φ38*7.3\15CrMoG\F022BFN001C271\600MW\L=2847.5</t>
  </si>
  <si>
    <t>【哈电锅炉】中部水冷壁散管弯管17\Φ38*7.3\15CrMoG\F022BFN001C271\600MW\L=3197.5</t>
  </si>
  <si>
    <t>【哈电锅炉】中部水冷壁散管弯管18\Φ38*7.3\15CrMoG\F022BFN001C271\600MW\L=3233.5</t>
  </si>
  <si>
    <t>【哈电锅炉】中部水冷壁散管弯管19\Φ38*7.3\15CrMoG\F022BFN001C271\600MW\L=3269.5</t>
  </si>
  <si>
    <t>【哈电锅炉】中部水冷壁散管弯管20\Φ38*7.3\15CrMoG\F022BFN001C271\600MW\L=3775.5</t>
  </si>
  <si>
    <t>【哈电锅炉】中部水冷壁散管弯管21\Φ38*7.3\15CrMoG\F022BFN001C271\600MW\L=3858</t>
  </si>
  <si>
    <t>【哈电锅炉】中部水冷壁散管弯管22\Φ38*7.3\15CrMoG\F022BFN001C271\600MW\L=2025.5</t>
  </si>
  <si>
    <t>【哈电锅炉】中部水冷壁散管弯管23\Φ38*7.3\15CrMoG\F022BFN001C271\600MW\L=2750.5</t>
  </si>
  <si>
    <t>【哈电锅炉】中部水冷壁散管弯管24\Φ38*7.3\15CrMoG\F022BFN001C271\600MW\L=2695.5</t>
  </si>
  <si>
    <t>【哈电锅炉】中部水冷壁散管弯管25\Φ38*7.3\15CrMoG\F022BFN001C271\600MW\L=2640.5</t>
  </si>
  <si>
    <t>【哈电锅炉】中部水冷壁散管弯管26\Φ38*7.3\15CrMoG\F022BFN001C271\600MW\L=2586.5</t>
  </si>
  <si>
    <t>【哈电锅炉】中部水冷壁散管弯管27\Φ38*7.3\15CrMoG\F022BFN001C271\600MW\L=2531.5</t>
  </si>
  <si>
    <t>【哈电锅炉】中部水冷壁散管弯管28\Φ38*7.3\15CrMoG\F022BFN001C271\600MW\L=2477.5</t>
  </si>
  <si>
    <t>【哈电锅炉】中部水冷壁散管弯管29\Φ38*7.3\15CrMoG\F022BFN001C271\600MW\L=2422.5</t>
  </si>
  <si>
    <t>【哈电锅炉】中部水冷壁散管弯管30\Φ38*7.3\15CrMoG\F022BFN001C271\600MW\L=2367.5</t>
  </si>
  <si>
    <t>【哈电锅炉】中部水冷壁散管弯管31\Φ38*7.3\15CrMoG\F022BFN001C271\600MW\L=2313.5</t>
  </si>
  <si>
    <t>【哈电锅炉】中部水冷壁散管弯管32\Φ38*7.3\15CrMoG\F022BFN001C271\600MW\L=2258.5</t>
  </si>
  <si>
    <t>【哈电锅炉】中部水冷壁散管弯管33\Φ38*7.3\15CrMoG\F022BFN001C271\600MW\L=2204.5</t>
  </si>
  <si>
    <t>【哈电锅炉】中部水冷壁散管弯管34\Φ38*7.3\15CrMoG\F022BFN001C271\600MW\L=2149.5</t>
  </si>
  <si>
    <t>【哈电锅炉】中部水冷壁散管弯管35\Φ38*7.3\15CrMoG\F022BFN001C271\600MW\L=2393</t>
  </si>
  <si>
    <t>【哈电锅炉】中部水冷壁散管弯管36\Φ38*7.3\15CrMoG\F022BFN001C271\600MW\L=2345</t>
  </si>
  <si>
    <t>【哈电锅炉】中部水冷壁散管弯管37\Φ38*7.3\15CrMoG\F022BFN001C271\600MW\L=2300</t>
  </si>
  <si>
    <t>【哈电锅炉】中部水冷壁散管弯管38\Φ38*7.3\15CrMoG\F022BFN001C271\600MW\L=2240</t>
  </si>
  <si>
    <t>【哈电锅炉】中部水冷壁散管弯管39\Φ38*7.3\15CrMoG\F022BFN001C271\600MW\L=2172.5</t>
  </si>
  <si>
    <t>【哈电锅炉】中部水冷壁散管弯管40\Φ38*7.3\15CrMoG\F022BFN001C271\600MW\L=2073</t>
  </si>
  <si>
    <t>【哈电锅炉】中部水冷壁散管弯管41\Φ38*7.3\15CrMoG\F022BFN001C271\600MW\L=3245</t>
  </si>
  <si>
    <t>【哈电锅炉】中部水冷壁散管弯管42\Φ38*7.3\15CrMoG\F022BFN001C271\600MW\L=3071</t>
  </si>
  <si>
    <t>【哈电锅炉】中部水冷壁散管弯管43\Φ38*7.3\15CrMoG\F022BFN001C271\600MW\L=2897</t>
  </si>
  <si>
    <t>【哈电锅炉】中部水冷壁散管弯管44\Φ38*7.3\15CrMoG\F022BFN001C271\600MW\L=2723</t>
  </si>
  <si>
    <t>【哈电锅炉】中部水冷壁散管弯管45\Φ38*7.3\15CrMoG\F022BFN001C271\600MW\L=2549</t>
  </si>
  <si>
    <t>【哈电锅炉】中部水冷壁散管弯管46\Φ38*7.3\15CrMoG\F022BFN001C271\600MW\L=2336</t>
  </si>
  <si>
    <t>【哈电锅炉】中部水冷壁散管弯管47\Φ38*7.3\15CrMoG\F022BFN001C271\600MW\L=2242</t>
  </si>
  <si>
    <t>【哈电锅炉】中部水冷壁散管弯管48\Φ38*7.3\15CrMoG\F022BFN001C271\600MW\L=1148</t>
  </si>
  <si>
    <t>【哈电锅炉】中部水冷壁散管弯管49\Φ38*7.3\15CrMoG\F022BFN001C271\600MW\L=1221</t>
  </si>
  <si>
    <t>【哈电锅炉】中部水冷壁散管弯管50\Φ38*7.3\15CrMoG\F022BFN001C271\600MW\L=1293</t>
  </si>
  <si>
    <t>【哈电锅炉】中部水冷壁散管弯管51\Φ38*7.3\15CrMoG\F022BFN001C271\600MW\L=1679</t>
  </si>
  <si>
    <t>【哈电锅炉】中部水冷壁散管弯管52\Φ38*7.3\15CrMoG\F022BFN001C271\600MW\L=1969</t>
  </si>
  <si>
    <t>【哈电锅炉】中部水冷壁散管弯管53\Φ38*7.3\15CrMoG\F022BFN001C271\600MW\L=1913</t>
  </si>
  <si>
    <t>【哈电锅炉】中部水冷壁散管弯管54\Φ38*7.3\15CrMoG\F022BFN001C271\600MW\L=1856</t>
  </si>
  <si>
    <t>【哈电锅炉】中部水冷壁散管弯管55\Φ38*7.3\15CrMoG\F022BFN001C271\600MW\L=1800</t>
  </si>
  <si>
    <t>【哈电锅炉】中部水冷壁散管弯管56\Φ38*7.3\15CrMoG\F022BFN001C271\600MW\L=1743</t>
  </si>
  <si>
    <t>【哈电锅炉】中部水冷壁散管弯管57\Φ38*7.3\15CrMoG\F022BFN001C271\600MW\L=1687</t>
  </si>
  <si>
    <t>【哈电锅炉】中部水冷壁散管弯管58\Φ38*7.3\15CrMoG\F022BFN001C271\600MW\L=1630</t>
  </si>
  <si>
    <t>【哈电锅炉】中部水冷壁散管弯管59\Φ38*7.3\15CrMoG\F022BFN001C271\600MW\L=1574</t>
  </si>
  <si>
    <t>【哈电锅炉】中部水冷壁散管弯管60\Φ38*7.3\15CrMoG\F022BFN001C271\600MW\L=1517</t>
  </si>
  <si>
    <t>【哈电锅炉】中部水冷壁散管弯管61\Φ38*7.3\15CrMoG\F022BFN001C271\600MW\L=1461</t>
  </si>
  <si>
    <t>【哈电锅炉】中部水冷壁散管弯管62\Φ38*7.3\15CrMoG\F022BFN001C271\600MW\L=1404</t>
  </si>
  <si>
    <t>【哈电锅炉】中部水冷壁散管弯管63\Φ38*7.3\15CrMoG\F022BFN001C271\600MW\L=1347</t>
  </si>
  <si>
    <t>【哈电锅炉】中部水冷壁散管弯管64\Φ38*7.3\15CrMoG\F022BFN001C271\600MW\L=1291</t>
  </si>
  <si>
    <t>【哈电锅炉】中部水冷壁散管弯管65\Φ38*7.3\15CrMoG\F022BFN001C271\600MW\L=1234</t>
  </si>
  <si>
    <t>【哈电锅炉】中部水冷壁散管弯管66\Φ38*7.3\15CrMoG\F022BFN001C271\600MW\L=1178</t>
  </si>
  <si>
    <t>【哈电锅炉】中部水冷壁散管弯管67\Φ38*7.3\15CrMoG\F022BFN001C271\600MW\L=1518</t>
  </si>
  <si>
    <t>【哈电锅炉】中部水冷壁散管弯管68\Φ38*7.3\15CrMoG\F022BFN001C271\600MW\L=1462</t>
  </si>
  <si>
    <t>【哈电锅炉】中部水冷壁散管弯管69\Φ38*7.3\15CrMoG\F022BFN001C271\600MW\L=1405</t>
  </si>
  <si>
    <t>【哈电锅炉】中部水冷壁散管弯管70\Φ38*7.3\15CrMoG\F022BFN001C271\600MW\L=1349</t>
  </si>
  <si>
    <t>【哈电锅炉】中部水冷壁散管弯管71\Φ38*7.3\15CrMoG\F022BFN001C271\600MW\L=1292</t>
  </si>
  <si>
    <t>【哈电锅炉】中部水冷壁散管弯管72\Φ38*7.3\15CrMoG\F022BFN001C271\600MW\L=1242</t>
  </si>
  <si>
    <t>【哈电锅炉】中部水冷壁散管弯管73\Φ38*7.3\15CrMoG\F022BFN001C271\600MW\L=1181</t>
  </si>
  <si>
    <t>【哈电锅炉】中部水冷壁散管弯管74\Φ38*7.3\15CrMoG\F022BFN001C271\600MW\L=1751</t>
  </si>
  <si>
    <t>【哈电锅炉】中部水冷壁散管弯管75\Φ38*7.3\15CrMoG\F022BFN001C271\600MW\L=1726</t>
  </si>
  <si>
    <t>【哈电锅炉】中部水冷壁散管弯管76\Φ38*7.3\15CrMoG\F022BFN001C271\600MW\L=1695</t>
  </si>
  <si>
    <t>【哈电锅炉】中部水冷壁散管弯管77\Φ38*7.3\15CrMoG\F022BFN001C271\600MW\L=1655</t>
  </si>
  <si>
    <t>【哈电锅炉】中部水冷壁散管弯管78\Φ38*7.3\15CrMoG\F022BFN001C271\600MW\L=396</t>
  </si>
  <si>
    <t>【哈电锅炉】中部水冷壁散管弯管79\Φ38*7.3\15CrMoG\F022BFN001C271\600MW\L=401</t>
  </si>
  <si>
    <t>【哈电锅炉】中部水冷壁散管弯管80\Φ38*7.3\15CrMoG\F022BFN001C271\600MW\L=943</t>
  </si>
  <si>
    <t>【哈电锅炉】中部水冷壁散管弯管81\Φ38*7.3\15CrMoG\F022BFN001C271\600MW\L=1008</t>
  </si>
  <si>
    <t>【哈电锅炉】中部水冷壁散管弯管82\Φ38*7.3\15CrMoG\F022BFN001C271\600MW\L=1009</t>
  </si>
  <si>
    <t>【哈电锅炉】中部水冷壁散管弯管83\Φ38*7.3\15CrMoG\F022BFN001C271\600MW\L=881</t>
  </si>
  <si>
    <t>【哈电锅炉】中部水冷壁散管弯管84\Φ38*7.3\15CrMoG\F022BFN001C271\600MW\L=1022</t>
  </si>
  <si>
    <t>【哈电锅炉】中部水冷壁散管弯管85\Φ38*7.3\15CrMoG\F022BFN001C271\600MW\L=1120</t>
  </si>
  <si>
    <t>【哈电锅炉】右水冷壁上集箱(炉后)管接头1\Φ31.8*6.2\15CrMoG\F022BEB001C271\600MW\L=262</t>
  </si>
  <si>
    <t>【哈电锅炉】右侧水冷壁上集箱(炉后)管接头2\Φ31.8*6.2\15CrMoG\F022BEB001C271\600MW\L=811</t>
  </si>
  <si>
    <t>【哈电锅炉】右侧水冷壁上集箱(炉后)管接头3\Φ31.8*6.2\15CrMoG\F022BEB001C271\600MW\L=791</t>
  </si>
  <si>
    <t>【哈电锅炉】右侧水冷壁上集箱(炉前)管接头1\Φ31.8*6.2\15CrMoG\F022BEB001C271\600MW\L=262</t>
  </si>
  <si>
    <t>【哈电锅炉】右侧水冷壁上集箱(炉前)管接头2\Φ31.8*6.2\15CrMoG\F022BEB001C271\600MW\L=811</t>
  </si>
  <si>
    <t>【哈电锅炉】右侧水冷壁上集箱(炉前)管接头3\Φ31.8*6.2\15CrMoG\F022BEB001C271\600MW\L=791</t>
  </si>
  <si>
    <t>【哈电锅炉】左侧水冷壁上集箱(炉后)管接头1\Φ31.8*6.2\15CrMoG\F022BEB001C271\600MW\L=262</t>
  </si>
  <si>
    <t>【哈电锅炉】左侧水冷壁上集箱(炉后)管接头2\Φ31.8*6.2\15CrMoG\F022BEB001C271\600MW\L=811</t>
  </si>
  <si>
    <t>【哈电锅炉】左侧水冷壁上集箱(炉后)管接头3\Φ31.8*6.2\15CrMoG\F022BEB001C271\600MW\L=791</t>
  </si>
  <si>
    <t>【哈电锅炉】左侧水冷壁上集箱(炉前)管接头1\Φ31.8*6.2\15CrMoG\F022BEB001C271\600MW\L=262</t>
  </si>
  <si>
    <t>【哈电锅炉】左侧水冷壁上集箱(炉前)管接头2\Φ31.8*6.2\15CrMoG\F022BEB001C271\600MW\L=811</t>
  </si>
  <si>
    <t>【哈电锅炉】左侧水冷壁上集箱(炉前)管接头3\Φ31.8*6.2\15CrMoG\F022BEB001C271\600MW\L=791</t>
  </si>
  <si>
    <t>【哈电锅炉】前水冷壁上集箱(右)管接头1\Φ38*7.3\15CrMoG\F022BEB001C271\600MW\L=471.5</t>
  </si>
  <si>
    <t>【哈电锅炉】前水冷壁上集箱(右)管接头2\Φ38*7.3\15CrMoG\F022BEB001C271\600MW\L=621</t>
  </si>
  <si>
    <t>【哈电锅炉】前水冷壁上集箱(右)管接头3\Φ38*7.3\15CrMoG\F022BEB001C271\600MW\L=608</t>
  </si>
  <si>
    <t>【哈电锅炉】前水冷壁上集箱(右)管接头4\Φ38*7.3\15CrMoG\F022BEB001C271\600MW\L=467</t>
  </si>
  <si>
    <t>【哈电锅炉】前水冷壁上集箱(左)管接头1\Φ38*7.3\15CrMoG\F022BEB001C271\600MW\L=471.5</t>
  </si>
  <si>
    <t>【哈电锅炉】前水冷壁上集箱(左)管接头2\Φ38*7.3\15CrMoG\F022BEB001C271\600MW\L=621</t>
  </si>
  <si>
    <t>【哈电锅炉】前水冷壁上集箱(左)管接头3\Φ38*7.3\15CrMoG\F022BEB001C271\600MW\L=608</t>
  </si>
  <si>
    <t>【哈电锅炉】前水冷壁上集箱(左)管接头4\Φ38*7.3\15CrMoG\F022BEB001C271\600MW\L=467</t>
  </si>
  <si>
    <t>【哈电锅炉】水冷壁后墙吊挂管出口集箱(左)管接头\Φ63.5*14\15CrMoG\F022BEB001C271\600MW\L=101</t>
  </si>
  <si>
    <t>【哈电锅炉】水冷壁后墙吊挂管出口集箱(右)管接头\Φ63.5*14\15CrMoG\F022BEB001C271\600MW\L=101</t>
  </si>
  <si>
    <t>【哈电锅炉】水冷壁排管出口集箱(左)管接头1\Φ42*7\15CrMoG\F022BEB001C271\600MW\L=598</t>
  </si>
  <si>
    <t>【哈电锅炉】水冷壁排管出口集箱(左)管接头2\Φ42*7\15CrMoG\F022BEB001C271\600MW\L=696</t>
  </si>
  <si>
    <t>【哈电锅炉】水冷壁排管出口集箱(左)管接头3\Φ42*7\15CrMoG\F022BEB001C271\600MW\L=683</t>
  </si>
  <si>
    <t>【哈电锅炉】水冷壁排管出口集箱(左)管接头4\Φ42*7\15CrMoG\F022BEB001C271\600MW\L=950</t>
  </si>
  <si>
    <t>【哈电锅炉】水冷壁排管出口集箱(左)管接头5\Φ42*7\15CrMoG\F022BEB001C271\600MW\L=765</t>
  </si>
  <si>
    <t>【哈电锅炉】水冷壁排管出口集箱(右)管接头1\Φ42*7\15CrMoG\F022BEB001C271\600MW\L=598</t>
  </si>
  <si>
    <t>【哈电锅炉】水冷壁排管出口集箱(右)管接头2\Φ42*7\15CrMoG\F022BEB001C271\600MW\L=696</t>
  </si>
  <si>
    <t>【哈电锅炉】水冷壁排管出口集箱(右)管接头3\Φ42*7\15CrMoG\F022BEB001C271\600MW\L=684</t>
  </si>
  <si>
    <t>【哈电锅炉】水冷壁排管出口集箱(右)管接头4\Φ42*7\15CrMoG\F022BEB001C271\600MW\L=950</t>
  </si>
  <si>
    <t>【哈电锅炉】水冷壁排管出口集箱(右)管接头5\Φ42*7\15CrMoG\F022BEB001C271\600MW\L=765</t>
  </si>
  <si>
    <t>【哈电锅炉】水冷壁延伸侧墙上集箱(左)管接头1\Φ44.5*7\15CrMoG\F022BEB001C271\600MW\L=711</t>
  </si>
  <si>
    <t>【哈电锅炉】水冷壁延伸侧墙上集箱(左)管接头2\Φ44.5*7\15CrMoG\F022BEB001C271\600MW\L=603</t>
  </si>
  <si>
    <t>【哈电锅炉】水冷壁延伸侧墙上集箱(左)管接头3\Φ44.5*7\15CrMoG\F022BEB001C271\600MW\L=164</t>
  </si>
  <si>
    <t>【哈电锅炉】水冷壁延伸侧墙上集箱(右)管接头1\Φ44.5*7\15CrMoG\F022BEB001C271\600MW\L=711</t>
  </si>
  <si>
    <t>【哈电锅炉】水冷壁延伸侧墙上集箱(右)管接头2\Φ44.5*7\15CrMoG\F022BEB001C271\600MW\L=603</t>
  </si>
  <si>
    <t>【哈电锅炉】水冷壁延伸侧墙上集箱(右)管接头3\Φ44.5*7\15CrMoG\F022BEB001C271\600MW\L=164</t>
  </si>
  <si>
    <t>【哈电锅炉】前水冷壁螺旋管圈出口集箱(左)管接头1\Φ38*7.3\15CrMoG\F022BED001C271\600MW</t>
  </si>
  <si>
    <t>【哈电锅炉】前水冷壁螺旋管圈出口集箱(左)管接头2\Φ31.8*6.2\15CrMoG\F022BED001C271\600MW</t>
  </si>
  <si>
    <t>【哈电锅炉】前水冷壁螺旋管圈出口集箱(右)管接头1\Φ38*7.3\15CrMoG\F022BED001C271\600MW</t>
  </si>
  <si>
    <t>【哈电锅炉】前水冷壁螺旋管圈出口集箱(右)管接头2\Φ31.8*6.2\15CrMoG\F022BED001C271\600MW</t>
  </si>
  <si>
    <t>【哈电锅炉】后水冷壁螺旋管圈出口集箱(左)管接头1\Φ38*7.3\15CrMoG\F022BED001C271\600MW</t>
  </si>
  <si>
    <t>【哈电锅炉】后水冷壁螺旋管圈出口集箱(左)管接头2\Φ31.8*6.2\15CrMoG\F022BED001C271\600MW</t>
  </si>
  <si>
    <t>【哈电锅炉】后水冷壁螺旋管圈出口集箱(右)管接头1\Φ38*7.3\15CrMoG\F022BED001C271\600MW</t>
  </si>
  <si>
    <t>【哈电锅炉】后水冷壁螺旋管圈出口集箱(右)管接头2\Φ31.8*6.2\15CrMoG\F022BED001C271\600MW</t>
  </si>
  <si>
    <t>【哈电锅炉】后水冷壁螺旋管圈出口集箱(右)管接头3\Φ60*11\15CrMoG\F022BED001C271\600MW</t>
  </si>
  <si>
    <t>【哈电锅炉】水冷壁后墙出口集箱(左)管接头1\Φ63.5*14\15CrMoG\F022BED001C271\600MW</t>
  </si>
  <si>
    <t>【哈电锅炉】水冷壁后墙出口集箱(左)管接头2\Φ31.8*6.2\15CrMoG\F022BED001C271\600MW</t>
  </si>
  <si>
    <t>【哈电锅炉】水冷壁后墙出口集箱(左)管接头3\Φ31.8*6.2\15CrMoG\F022BED001C271\600MW\L=1046</t>
  </si>
  <si>
    <t>【哈电锅炉】水冷壁后墙出口集箱(右)管接头1\Φ63.5*14\15CrMoG\F022BED001C271\600MW</t>
  </si>
  <si>
    <t>【哈电锅炉】水冷壁后墙出口集箱(右)管接头2\Φ31.8*6.2\15CrMoG\F022BED001C271\600MW</t>
  </si>
  <si>
    <t>【哈电锅炉】水冷壁后墙出口集箱(右)管接头3\Φ31.8*6.2\15CrMoG\F022BED001C271\600MW\L=1046</t>
  </si>
  <si>
    <t>【哈电锅炉】侧水冷壁螺旋管圈出口集箱No.1管接头1\Φ38*7.3\15CrMoG\F022BED001C271\600MW</t>
  </si>
  <si>
    <t>【哈电锅炉】侧水冷壁螺旋管圈出口集箱No.1管接头2\Φ31.8*6.2\15CrMoG\F022BED001C271\600MW</t>
  </si>
  <si>
    <t>【哈电锅炉】侧水冷壁螺旋管圈出口集箱No.1管接头3\Φ60*11\15CrMoG\F022BED001C271\600MW</t>
  </si>
  <si>
    <t>【哈电锅炉】侧水冷壁螺旋管圈出口集箱No.2管接头1\Φ38*7.3\15CrMoG\F022BED001C271\600MW</t>
  </si>
  <si>
    <t>【哈电锅炉】侧水冷壁螺旋管圈出口集箱No.2管接头2\Φ31.8*6.2\15CrMoG\F022BED001C271\600MW</t>
  </si>
  <si>
    <t>【哈电锅炉】折焰角入口集箱(右)管接头1\Φ42*7\15CrMoG\F022BEG001C251\600MW\L=220.5</t>
  </si>
  <si>
    <t>【哈电锅炉】折焰角入口集箱(右)管接头2\Φ42*7\15CrMoG\F022BEG001C251\600MW\L=292</t>
  </si>
  <si>
    <t>【哈电锅炉】折焰角入口集箱(右)管接头3\Φ42*7\15CrMoG\F022BEG001C251\600MW\L=980</t>
  </si>
  <si>
    <t>【哈电锅炉】折焰角入口集箱(右)管接头4\Φ42*7\15CrMoG\F022BEG001C251\600MW\L=1066</t>
  </si>
  <si>
    <t>【哈电锅炉】折焰角入口集箱(右)管接头5\Φ42*7\15CrMoG\F022BEG001C251\600MW\L=1080</t>
  </si>
  <si>
    <t>【哈电锅炉】折焰角入口集箱(右)管接头6\Φ42*7\15CrMoG\F022BEG001C251\600MW\L=1106</t>
  </si>
  <si>
    <t>【哈电锅炉】折焰角入口集箱(左)管接头1\Φ42*7\15CrMoG\F022BEG001C251\600MW\L=220.5</t>
  </si>
  <si>
    <t>【哈电锅炉】折焰角入口集箱(左)管接头2\Φ42*7\15CrMoG\F022BEG001C251\600MW\L=292</t>
  </si>
  <si>
    <t>【哈电锅炉】折焰角入口集箱(左)管接头3\Φ42*7\15CrMoG\F022BEG001C251\600MW\L=980</t>
  </si>
  <si>
    <t>【哈电锅炉】折焰角入口集箱(左)管接头4\Φ42*7\15CrMoG\F022BEG001C251\600MW\L=1066</t>
  </si>
  <si>
    <t>【哈电锅炉】折焰角入口集箱(左)管接头5\Φ42*7\15CrMoG\F022BEG001C251\600MW\L=1080</t>
  </si>
  <si>
    <t>【哈电锅炉】折焰角入口集箱(左)管接头6\Φ42*7\15CrMoG\F022BEG001C251\600MW\L=1106</t>
  </si>
  <si>
    <t>【哈电锅炉】水平烟道入口集箱No.1(正反)管接头1\Φ44.5*7\15CrMoG\F022BEG001C251\600MW\L=945</t>
  </si>
  <si>
    <t>【哈电锅炉】水平烟道入口集箱No.1(正反)管接头2\Φ44.5*7\15CrMoG\F022BEG001C251\600MW\L=239.5</t>
  </si>
  <si>
    <t>【哈电锅炉】水平烟道入口集箱No.1(正反)管接头3\Φ44.5*7\15CrMoG\F022BEG001C251\600MW\L=473</t>
  </si>
  <si>
    <t>【哈电锅炉】水平烟道入口集箱No.1(正反)管接头4\Φ44.5*7\15CrMoG\F022BEG001C251\600MW\L=481</t>
  </si>
  <si>
    <t>【哈电锅炉】水平烟道入口集箱No.2(正反)管接头1\Φ44.5*7\15CrMoG\F022BEG001C251\600MW\L=751.5</t>
  </si>
  <si>
    <t>【哈电锅炉】水平烟道入口集箱No.2(正反)管接头2\Φ44.5*7\15CrMoG\F022BEG001C251\600MW\L=239.5</t>
  </si>
  <si>
    <t>【哈电锅炉】水平烟道入口集箱No.3(正反)管接头1\Φ44.5*7\15CrMoG\F022BEG001C251\600MW\L=751.5</t>
  </si>
  <si>
    <t>【哈电锅炉】水平烟道入口集箱No.3(正反)管接头2\Φ44.5*7\15CrMoG\F022BEG001C251\600MW\L=239.5</t>
  </si>
  <si>
    <t>【哈电锅炉】后烟道前墙S弯管1\Φ57*9\15CrMoG\F022CEF001C251\600MW\L=1332</t>
  </si>
  <si>
    <t>【哈电锅炉】后烟道前墙S弯管2\Φ57*9\15CrMoG\F022CEF001C251\600MW\L=1333</t>
  </si>
  <si>
    <t>【哈电锅炉】后烟道中间隔墙S弯管\Φ57*12\15CrMoG\F022CEH001C251\600MW\L=1304</t>
  </si>
  <si>
    <t>【哈电锅炉】炉膛及水平烟道顶棚管弯管\Φ63.5*10\15CrMoG\F022CER001C251\600MW\L=1590</t>
  </si>
  <si>
    <t>【哈电锅炉】侧包墙管上集箱管接头1(左，右)\Φ63.5*10\15CrMoG\F022CMD001C251\600MW\L=735</t>
  </si>
  <si>
    <t>【哈电锅炉】侧包墙管上集箱管接头2(左，右)\Φ63.5*10\15CrMoG\F022CMD001C251\600MW\L=576</t>
  </si>
  <si>
    <t>【哈电锅炉】侧包墙管上集箱管接头3(左，右)\Φ63.5*10\15CrMoG\F022CMD001C251\600MW\L=84</t>
  </si>
  <si>
    <t>【哈电锅炉】尾部包墙环形下集箱管接头1(前左)\Φ57*10\15CrMoG\F022CME001C251\600MW\L=484.5</t>
  </si>
  <si>
    <t>【哈电锅炉】尾部包墙环形下集箱管接头2(前左)\Φ57*10\15CrMoG\F022CME001C251\600MW\L=494</t>
  </si>
  <si>
    <t>【哈电锅炉】尾部包墙环形下集箱管接头3(前左)\Φ57*10\15CrMoG\F022CME001C251\600MW\L=574</t>
  </si>
  <si>
    <t>【哈电锅炉】尾部包墙环形下集箱管接头4(前左)\Φ57*10\15CrMoG\F022CME001C251\600MW\L=504</t>
  </si>
  <si>
    <t>【哈电锅炉】尾部包墙环形下集箱管接头5(前左)\Φ57*10\15CrMoG\F022CME001C251\600MW\L=540</t>
  </si>
  <si>
    <t>【哈电锅炉】尾部包墙环形下集箱管接头6(前左)\Φ63.5*11\15CrMoG\F022CME001C251\600MW\L=534</t>
  </si>
  <si>
    <t>【哈电锅炉】尾部包墙环形下集箱管接头7(前左)\Φ63.5*11\15CrMoG\F022CME001C251\600MW\L=553</t>
  </si>
  <si>
    <t>【哈电锅炉】尾部包墙环形下集箱管接头8(前左)\Φ63.5*11\15CrMoG\F022CME001C251\600MW\L=488</t>
  </si>
  <si>
    <t>【哈电锅炉】尾部包墙环形下集箱管接头1(前右)\Φ57*10\15CrMoG\F022CME001C251\600MW\L=484.5</t>
  </si>
  <si>
    <t>【哈电锅炉】尾部包墙环形下集箱管接头2(前右)\Φ57*10\15CrMoG\F022CME001C251\600MW\L=494</t>
  </si>
  <si>
    <t>【哈电锅炉】尾部包墙环形下集箱管接头3(前右)\Φ57*10\15CrMoG\F022CME001C251\600MW\L=574</t>
  </si>
  <si>
    <t>【哈电锅炉】尾部包墙环形下集箱管接头4(前右)\Φ57*10\15CrMoG\F022CME001C251\600MW\L=504</t>
  </si>
  <si>
    <t>【哈电锅炉】尾部包墙环形下集箱管接头5(前右)\Φ57*10\15CrMoG\F022CME001C251\600MW\L=540</t>
  </si>
  <si>
    <t>【哈电锅炉】尾部包墙环形下集箱管接头6(前右)\Φ63.5*11\15CrMoG\F022CME001C251\600MW\L=534</t>
  </si>
  <si>
    <t>【哈电锅炉】尾部包墙环形下集箱管接头7(前右)\Φ63.5*11\15CrMoG\F022CME001C251\600MW\L=553</t>
  </si>
  <si>
    <t>【哈电锅炉】尾部包墙环形下集箱管接头8(前右)\Φ63.5*11\15CrMoG\F022CME001C251\600MW\L=488</t>
  </si>
  <si>
    <t>【哈电锅炉】尾部包墙环形下集箱管接头9(前右)\Φ57*10\15CrMoG\F022CME001C251\600MW\L=896</t>
  </si>
  <si>
    <t>【哈电锅炉】尾部包墙环形下集箱管接头1(后左)\Φ44.5*8\15CrMoG\F022CME001C251\600MW\L=482</t>
  </si>
  <si>
    <t>【哈电锅炉】尾部包墙环形下集箱管接头2(后左)\Φ44.5*8\15CrMoG\F022CME001C251\600MW\L=495</t>
  </si>
  <si>
    <t>【哈电锅炉】尾部包墙环形下集箱管接头3(后左)\Φ44.5*8\15CrMoG\F022CME001C251\600MW\L=582</t>
  </si>
  <si>
    <t>【哈电锅炉】尾部包墙环形下集箱管接头4(后左)\Φ44.5*8\15CrMoG\F022CME001C251\600MW\L=497</t>
  </si>
  <si>
    <t>【哈电锅炉】尾部包墙环形下集箱管接头5(后左)\Φ44.5*8\15CrMoG\F022CME001C251\600MW\L=522</t>
  </si>
  <si>
    <t>【哈电锅炉】尾部包墙环形下集箱管接头6(后左)\Φ63.5*11\15CrMoG\F022CME001C251\600MW\L=534</t>
  </si>
  <si>
    <t>【哈电锅炉】尾部包墙环形下集箱管接头7(后左)\Φ63.5*11\15CrMoG\F022CME001C251\600MW\L=553</t>
  </si>
  <si>
    <t>【哈电锅炉】尾部包墙环形下集箱管接头8(后左)\Φ63.5*11\15CrMoG\F022CME001C251\600MW\L=488</t>
  </si>
  <si>
    <t>【哈电锅炉】尾部包墙环形下集箱管接头1(后右)\Φ44.5*8\15CrMoG\F022CME001C251\600MW\L=482</t>
  </si>
  <si>
    <t>【哈电锅炉】尾部包墙环形下集箱管接头2(后右)\Φ44.5*8\15CrMoG\F022CME001C251\600MW\L=495</t>
  </si>
  <si>
    <t>【哈电锅炉】尾部包墙环形下集箱管接头3(后右)\Φ44.5*8\15CrMoG\F022CME001C251\600MW\L=582</t>
  </si>
  <si>
    <t>【哈电锅炉】尾部包墙环形下集箱管接头4(后右)\Φ44.5*8\15CrMoG\F022CME001C251\600MW\L=497</t>
  </si>
  <si>
    <t>【哈电锅炉】尾部包墙环形下集箱管接头5(后右)\Φ44.5*8\15CrMoG\F022CME001C251\600MW\L=522</t>
  </si>
  <si>
    <t>【哈电锅炉】尾部包墙环形下集箱管接头6(后右)\Φ63.5*11\15CrMoG\F022CME001C251\600MW\L=534</t>
  </si>
  <si>
    <t>【哈电锅炉】尾部包墙环形下集箱管接头7(后右)\Φ63.5*11\15CrMoG\F022CME001C251\600MW\L=553</t>
  </si>
  <si>
    <t>【哈电锅炉】尾部包墙环形下集箱管接头8(后右)\Φ63.5*11\15CrMoG\F022CME001C251\600MW\L=488</t>
  </si>
  <si>
    <t>【哈电锅炉】尾部包墙环形下集箱管接头9(后右)\Φ44.5*8\15CrMoG\F022CME001C251\600MW\L=901</t>
  </si>
  <si>
    <t>【哈电锅炉】尾部包墙环形集箱(侧)管接头1\Φ63.5*11\15CrMoG\F022CME001C251\600MW\L=486</t>
  </si>
  <si>
    <t>【哈电锅炉】尾部包墙环形集箱(侧)管接头2\Φ63.5*11\15CrMoG\F022CME001C251\600MW\L=901</t>
  </si>
  <si>
    <t>【哈电锅炉】顶棚入口集箱管接头1(左)\Φ63.5*10\15CrMoG\F002CMA001C251\600MW\L=638.5</t>
  </si>
  <si>
    <t>【哈电锅炉】顶棚入口集箱管接头2(左)\Φ63.5*10\15CrMoG\F002CMA001C251\600MW\L=196</t>
  </si>
  <si>
    <t>【哈电锅炉】顶棚入口集箱管接头1(右)\Φ63.5*10\15CrMoG\F002CMA001C251\600MW\L=638.5</t>
  </si>
  <si>
    <t>【哈电锅炉】顶棚入口集箱管接头2(右)\Φ63.5*10\15CrMoG\F002CMA001C251\600MW\L=196</t>
  </si>
  <si>
    <t>【哈电锅炉】顶棚出口集箱(左)管接头1\Φ44.5*8\15CrMoG\F002CMA001C251\600MW\L=435.5</t>
  </si>
  <si>
    <t>【哈电锅炉】顶棚出口集箱(左)管接头2\Φ44.5*8\15CrMoG\F002CMA001C251\600MW\L=594</t>
  </si>
  <si>
    <t>【哈电锅炉】顶棚出口集箱(左)管接头3\Φ57*10\15CrMoG\F002CMA001C251\600MW\L=673</t>
  </si>
  <si>
    <t>【哈电锅炉】顶棚出口集箱(左)管接头4\Φ57*10\15CrMoG\F002CMA001C251\600MW\L=688</t>
  </si>
  <si>
    <t>【哈电锅炉】顶棚出口集箱(左)管接头5\Φ57*10\15CrMoG\F002CMA001C251\600MW\L=577.5</t>
  </si>
  <si>
    <t>【哈电锅炉】顶棚出口集箱(左)管接头6\Φ57*10\15CrMoG\F002CMA001C251\600MW\L=600</t>
  </si>
  <si>
    <t>【哈电锅炉】顶棚出口集箱(左)管接头7\Φ63.5*11\15CrMoG\F002CMA001C251\600MW\L=629</t>
  </si>
  <si>
    <t>【哈电锅炉】顶棚出口集箱(左)管接头8\Φ63.5*11\15CrMoG\F002CMA001C251\600MW\L=793</t>
  </si>
  <si>
    <t>【哈电锅炉】顶棚出口集箱(左)管接头9\Φ63.5*11\15CrMoG\F002CMA001C251\600MW\L=724</t>
  </si>
  <si>
    <t>【哈电锅炉】顶棚出口集箱(左)管接头10\Φ44.5*8\15CrMoG\F002CMA001C251\600MW\L=575.5</t>
  </si>
  <si>
    <t>【哈电锅炉】顶棚出口集箱(右)管接头1\Φ44.5*8\15CrMoG\F002CMA001C251\600MW\L=435.5</t>
  </si>
  <si>
    <t>【哈电锅炉】顶棚出口集箱(右)管接头2\Φ57*10\15CrMoG\F002CMA001C251\600MW\L=673</t>
  </si>
  <si>
    <t>【哈电锅炉】顶棚出口集箱(右)管接头3\Φ57*10\15CrMoG\F002CMA001C251\600MW\L=577.5</t>
  </si>
  <si>
    <t>【哈电锅炉】顶棚出口集箱(右)管接头4\Φ63.5*11\15CrMoG\F002CMA001C251\600MW\L=629</t>
  </si>
  <si>
    <t>【哈电锅炉】顶棚出口集箱(右)管接头5\Φ63.5*11\15CrMoG\F002CMA001C251\600MW\L=793</t>
  </si>
  <si>
    <t>【哈电锅炉】顶棚出口集箱(右)管接头6\Φ63.5*11\15CrMoG\F002CMA001C251\600MW\L=641</t>
  </si>
  <si>
    <t>【哈电锅炉】顶棚出口集箱(右)管接头7\Φ44.5*8\15CrMoG\F002CMA001C251\600MW\L=575.5</t>
  </si>
  <si>
    <t>【哈电锅炉】中间隔墙上集箱(左)管接头1\Φ57*12\15CrMoG\F022CMZ001C251\600MW\L=571</t>
  </si>
  <si>
    <t>【哈电锅炉】中间隔墙上集箱(左)管接头2\Φ57*12\15CrMoG\F022CMZ001C251\600MW\L=513</t>
  </si>
  <si>
    <t>【哈电锅炉】中间隔墙上集箱(左)管接头3\Φ57*12\15CrMoG\F022CMZ001C251\600MW\L=555</t>
  </si>
  <si>
    <t>【哈电锅炉】中间隔墙上集箱(左)管接头4\Φ51*13.5\15CrMoG\F022CMZ001C251\600MW\L=415</t>
  </si>
  <si>
    <t>【哈电锅炉】中间隔墙上集箱(左)管接头5\Φ51*13.5\15CrMoG\F022CMZ001C251\600MW\L=459</t>
  </si>
  <si>
    <t>【哈电锅炉】中间隔墙上集箱(左)管接头6\Φ51*13.5\15CrMoG\F022CMZ001C251\600MW\L=595</t>
  </si>
  <si>
    <t>【哈电锅炉】中间隔墙上集箱(右)管接头1\Φ57*12\15CrMoG\F022CMZ001C251\600MW\L=571</t>
  </si>
  <si>
    <t>【哈电锅炉】中间隔墙上集箱(右)管接头2\Φ57*12\15CrMoG\F022CMZ001C251\600MW\L=513</t>
  </si>
  <si>
    <t>【哈电锅炉】中间隔墙上集箱(右)管接头3\Φ57*12\15CrMoG\F022CMZ001C251\600MW\L=540</t>
  </si>
  <si>
    <t>【哈电锅炉】中间隔墙上集箱(右)管接头4\Φ51*13.5\15CrMoG\F022CMZ001C251\600MW\L=415</t>
  </si>
  <si>
    <t>【哈电锅炉】中间隔墙上集箱(右)管接头5\Φ51*13.5\15CrMoG\F022CMZ001C251\600MW\L=459</t>
  </si>
  <si>
    <t>【哈电锅炉】中间隔墙上集箱(右)管接头6\Φ51*13.5\15CrMoG\F022CMZ001C251\600MW\L=595</t>
  </si>
  <si>
    <t>【哈电锅炉】中间隔墙下集箱(左)管接头1\Φ51*11\15CrMoG\F022CMZ001C251\600MW\L=412</t>
  </si>
  <si>
    <t>【哈电锅炉】中间隔墙下集箱(左)管接头2\Φ51*11\15CrMoG\F022CMZ001C251\600MW\L=1090</t>
  </si>
  <si>
    <t>【哈电锅炉】中间隔墙下集箱(左)管接头3\Φ51*11\15CrMoG\F022CMZ001C251\600MW\L=1135</t>
  </si>
  <si>
    <t>【哈电锅炉】中间隔墙下集箱(左)管接头4\Φ51*13.5\15CrMoG\F022CMZ001C251\600MW\L=415</t>
  </si>
  <si>
    <t>【哈电锅炉】中间隔墙下集箱(左)管接头5\Φ51*13.5\15CrMoG\F022CMZ001C251\600MW\L=467</t>
  </si>
  <si>
    <t>【哈电锅炉】中间隔墙下集箱(左)管接头6\Φ51*13.5\15CrMoG\F022CMZ001C251\600MW\L=633</t>
  </si>
  <si>
    <t>【哈电锅炉】中间隔墙下集箱(右)管接头1\Φ51*11\15CrMoG\F022CMZ001C251\600MW\L=412</t>
  </si>
  <si>
    <t>【哈电锅炉】中间隔墙下集箱(右)管接头2\Φ51*11\15CrMoG\F022CMZ001C251\600MW\L=1090</t>
  </si>
  <si>
    <t>【哈电锅炉】中间隔墙下集箱(右)管接头3\Φ51*11\15CrMoG\F022CMZ001C251\600MW\L=1135</t>
  </si>
  <si>
    <t>【哈电锅炉】中间隔墙下集箱(右)管接头4\Φ51*13.5\15CrMoG\F022CMZ001C251\600MW\L=415</t>
  </si>
  <si>
    <t>【哈电锅炉】中间隔墙下集箱(右)管接头5\Φ51*13.5\15CrMoG\F022CMZ001C251\600MW\L=467</t>
  </si>
  <si>
    <t>【哈电锅炉】中间隔墙下集箱(右)管接头6\Φ51*13.5\15CrMoG\F022CMZ001C251\600MW\L=633</t>
  </si>
  <si>
    <t>【哈电锅炉】立式低温过热器90°弯头\Φ51*9.5\12Cr1MoVG\F022CFE001C271\600MW\L=1204</t>
  </si>
  <si>
    <t>【哈电锅炉】屏式过热器底部外数第一圈90°弯头\Φ51*9.5\SA-213TP347H\F022CGD001C251\600MW\L=1267</t>
  </si>
  <si>
    <t>【哈电锅炉】屏式过热器底部外数第二到第六圈90°弯头\Φ44*8\SA-213TP347H\F022CGD001C251\600MW\L=1236</t>
  </si>
  <si>
    <t>【哈电锅炉】屏式过热器底部外数第七圈、第八圈90°弯头\Φ44*8\SA-213TP347H\F022CGD001C251\600MW\L=1236</t>
  </si>
  <si>
    <t>【哈电锅炉】屏式过热器底部外数第九圈180°弯头\Φ44*8\SA-213TP347H\F022CGD001C251\600MW\L=1247</t>
  </si>
  <si>
    <t>【哈电锅炉】屏式过热器底部外数第十圈180°弯头\Φ44*8\SA-213TP347H\F022CGD001C251\600MW\L=1248</t>
  </si>
  <si>
    <t>【哈电锅炉】分隔屏入口集箱管接头左1(左)\Φ63.5*11.5\12Cr1MoVG\F022CMP001C251\600MW\L=290</t>
  </si>
  <si>
    <t>【哈电锅炉】分隔屏入口集箱管接头左2(左)\Φ51*8\12Cr1MoVG\F022CMP001C251\600MW\L=287</t>
  </si>
  <si>
    <t>【哈电锅炉】分隔屏入口集箱管接头左3(左)\Φ44.5*8\12Cr1MoVG\F022CMP001C251\600MW\L=287</t>
  </si>
  <si>
    <t>【哈电锅炉】分隔屏入口集箱管接头上1(左)\Φ51*8\12Cr1MoVG\F022CMP001C251\600MW\L=340</t>
  </si>
  <si>
    <t>【哈电锅炉】分隔屏入口集箱管接头上2(左)\Φ44.5*8\12Cr1MoVG\F022CMP001C251\600MW\L=341</t>
  </si>
  <si>
    <t>【哈电锅炉】分隔屏入口集箱管接头上2(右)\Φ63.5*11.5\12Cr1MoVG\F022CMP001C251\600MW\L=290</t>
  </si>
  <si>
    <t>【哈电锅炉】分隔屏入口集箱管接头上2(右)\Φ51*8\12Cr1MoVG\F022CMP001C251\600MW\L=287</t>
  </si>
  <si>
    <t>【哈电锅炉】分隔屏入口集箱管接头上2(右)\Φ44.5*8\12Cr1MoVG\F022CMP001C251\600MW\L=287</t>
  </si>
  <si>
    <t>【哈电锅炉】分隔屏入口集箱管接头上2(右)\Φ51*8\12Cr1MoVG\F022CMP001C251\600MW\L=340</t>
  </si>
  <si>
    <t>【哈电锅炉】分隔屏入口集箱管接头上2(右)\Φ44.5*8\12Cr1MoVG\F022CMP001C251\600MW\L=341</t>
  </si>
  <si>
    <t>【哈电锅炉】分隔屏出口集箱管接头1(左)\Φ51*9\SA-213T91\F022CMP001C251\600MW\L=260</t>
  </si>
  <si>
    <t>【哈电锅炉】分隔屏出口集箱管接头2(左)\Φ44.5*9\SA-213T91\F022CMP001C251\600MW\L=261</t>
  </si>
  <si>
    <t>【哈电锅炉】分隔屏出口集箱管接头上1(左)\Φ44.5*9\SA-213T91\F022CMP001C251\600MW\L=305</t>
  </si>
  <si>
    <t>【哈电锅炉】分隔屏出口集箱管接头上2(左)\Φ51*9\SA-213T91\F022CMP001C251\600MW\L=306</t>
  </si>
  <si>
    <t>【哈电锅炉】分隔屏出口集箱管接头2(左)\Φ51*9\SA-213T91\F022CMP001C251\600MW\L=262</t>
  </si>
  <si>
    <t>【哈电锅炉】分隔屏出口集箱管接头1(右)\Φ51*9\SA-213T91\F022CMP001C251\600MW\L=260</t>
  </si>
  <si>
    <t>【哈电锅炉】分隔屏出口集箱管接头2(右)\Φ44.5*9\SA-213T91\F022CMP001C251\600MW\L=261</t>
  </si>
  <si>
    <t>【哈电锅炉】分隔屏出口集箱管接头上1(右)\Φ44.5*9\SA-213T91\F022CMP001C251\600MW\L=305</t>
  </si>
  <si>
    <t>【哈电锅炉】分隔屏出口集箱管接头上2(右)\Φ51*9\SA-213T91\F022CMP001C251\600MW\L=306</t>
  </si>
  <si>
    <t>【哈电锅炉】分隔屏出口集箱管接头上2(右)\Φ51*9\SA-213T91\F022CMP001C251\600MW\L=262</t>
  </si>
  <si>
    <t>【哈电锅炉】水平低过90°弯头\Φ51*9\12Cr1MoVG\F022CFA001C251\600MW\L=1167</t>
  </si>
  <si>
    <t>【哈电锅炉】水平低过内数第一圈180°U型弯头\Φ51*9\12Cr1MoVG\F022CFA001C251\600MW\L=1112</t>
  </si>
  <si>
    <t>【哈电锅炉】水平低过内数第二圈180°U型弯头\Φ51*9\12Cr1MoVG\F022CFA001C251\600MW\L=1335</t>
  </si>
  <si>
    <t>【哈电锅炉】水平低过内数第三圈180°U型弯头\Φ51*9\12Cr1MoVG\F022CFA001C251\600MW\L=1447</t>
  </si>
  <si>
    <t>【哈电锅炉】低温过热器入口集箱(左)管接头1\Φ51*11\15CrMoG\F022CMZ001C251\600MW\L=111.5</t>
  </si>
  <si>
    <t>【哈电锅炉】低温过热器入口集箱(左)管接头2\Φ57*12\15CrMoG\F022CMZ001C251\600MW\L=313</t>
  </si>
  <si>
    <t>【哈电锅炉】低温过热器入口集箱(左)管接头3\Φ57*10\12Cr1MoVG\F022CMZ001C251\600MW\L=366</t>
  </si>
  <si>
    <t>【哈电锅炉】低温过热器入口集箱(左)管接头4\Φ57*10\12Cr1MoVG\F022CMZ001C251\600MW\L=311</t>
  </si>
  <si>
    <t>【哈电锅炉】低温过热器入口集箱(右)管接头1\Φ51*11\15CrMoG\F022CMZ001C251\600MW\L=111.5</t>
  </si>
  <si>
    <t>【哈电锅炉】低温过热器入口集箱(右)管接头2\Φ57*12\15CrMoG\F022CMZ001C251\600MW\L=313</t>
  </si>
  <si>
    <t>【哈电锅炉】低温过热器入口集箱(右)管接头3\Φ57*10\12Cr1MoVG\F022CMZ001C251\600MW\L=366</t>
  </si>
  <si>
    <t>【哈电锅炉】低温过热器入口集箱(右)管接头4\Φ57*10\12Cr1MoVG\F022CMZ001C251\600MW\L=311</t>
  </si>
  <si>
    <t>【哈电锅炉】低温过热器出口集箱(右)管接头1\Φ51*9.5\12Cr1MoVG\F022CMU001C251\600MW\L=911</t>
  </si>
  <si>
    <t>【哈电锅炉】低温过热器出口集箱(右)管接头2\Φ51*9.5\12Cr1MoVG\F022CMU001C251\600MW\L=720</t>
  </si>
  <si>
    <t>【哈电锅炉】低温过热器出口集箱(右)管接头3\Φ51*9.5\12Cr1MoVG\F022CMU001C251\600MW\L=588</t>
  </si>
  <si>
    <t>【哈电锅炉】低温过热器出口集箱(右)管接头4\Φ51*9.5\12Cr1MoVG\F022CMU001C251\600MW\L=519</t>
  </si>
  <si>
    <t>【哈电锅炉】低温过热器出口集箱(右)管接头5\Φ51*9.5\12Cr1MoVG\F022CMU001C251\600MW\L=886</t>
  </si>
  <si>
    <t>【哈电锅炉】低温过热器出口集箱(右)管接头6\Φ51*9.5\12Cr1MoVG\F022CMU001C251\600MW\L=694</t>
  </si>
  <si>
    <t>【哈电锅炉】低温过热器出口集箱(右)管接头7\Φ51*9.5\12Cr1MoVG\F022CMU001C251\600MW\L=563</t>
  </si>
  <si>
    <t>【哈电锅炉】低温过热器出口集箱(右)管接头8\Φ51*9.5\12Cr1MoVG\F022CMU001C251\600MW\L=495</t>
  </si>
  <si>
    <t>【哈电锅炉】低温过热器出口集箱(左)管接头1\Φ51*9.5\12Cr1MoVG\F022CMU001C251\600MW\L=911</t>
  </si>
  <si>
    <t>【哈电锅炉】低温过热器出口集箱(左)管接头2\Φ51*9.5\12Cr1MoVG\F022CMU001C251\600MW\L=720</t>
  </si>
  <si>
    <t>【哈电锅炉】低温过热器出口集箱(左)管接头3\Φ51*9.5\12Cr1MoVG\F022CMU001C251\600MW\L=588</t>
  </si>
  <si>
    <t>【哈电锅炉】低温过热器出口集箱(左)管接头4\Φ51*9.5\12Cr1MoVG\F022CMU001C251\600MW\L=519</t>
  </si>
  <si>
    <t>【哈电锅炉】低温过热器出口集箱(左)管接头5\Φ51*9.5\12Cr1MoVG\F022CMU001C251\600MW\L=886</t>
  </si>
  <si>
    <t>【哈电锅炉】低温过热器出口集箱(左)管接头6\Φ51*9.5\12Cr1MoVG\F022CMU001C251\600MW\L=694</t>
  </si>
  <si>
    <t>【哈电锅炉】低温过热器出口集箱(左)管接头7\Φ51*9.5\12Cr1MoVG\F022CMU001C251\600MW\L=563</t>
  </si>
  <si>
    <t>【哈电锅炉】低温过热器出口集箱(左)管接头8\Φ51*9.5\12Cr1MoVG\F022CMU001C251\600MW\L=495</t>
  </si>
  <si>
    <t>【哈电锅炉】末级过热器底部120°弯头\Φ51*11\SA-213TP347H\F022CHD001C251\600MW\L=1356</t>
  </si>
  <si>
    <t>【哈电锅炉】末级过热器底部120°弯头\Φ63*13\SA-213TP347H\F022CHD001C251\600MW\L=1450</t>
  </si>
  <si>
    <t>【哈电锅炉】末级过热器底部60°弯头\Φ51*11\SA-213TP347H\F022CHD001C251\600MW\L=1178</t>
  </si>
  <si>
    <t>【哈电锅炉】末级过热器底部60°弯头\Φ63*13\SA-213TP347H\F022CHD001C251\600MW\L=1125</t>
  </si>
  <si>
    <t>【哈电锅炉】末级过热器底部180°弯头\Φ51*11\SA-213TP347H\F022CHD001C251\600MW\L=1214</t>
  </si>
  <si>
    <t>【哈电锅炉】末级过热器入口集箱(右)管接头1\Φ70*11\SA-213T91\F022CMT001C251\600MW\L=1321.7</t>
  </si>
  <si>
    <t>【哈电锅炉】末级过热器入口集箱(右)管接头2\Φ51*10\SA-213T91\F022CMT001C251\600MW\L=1140</t>
  </si>
  <si>
    <t>【哈电锅炉】末级过热器入口集箱(右)管接头3\Φ51*10\SA-213T91\F022CMT001C251\600MW\L=933</t>
  </si>
  <si>
    <t>【哈电锅炉】末级过热器入口集箱(右)管接头4\Φ42*11\SA-213T91\F022CMT001C251\600MW\L=827.3</t>
  </si>
  <si>
    <t>【哈电锅炉】末级过热器入口集箱(右)管接头5\Φ51*10\SA-213T91\F022CMT001C251\600MW\L=1155</t>
  </si>
  <si>
    <t>【哈电锅炉】末级过热器入口集箱(右)管接头6\Φ42*11\SA-213T91\F022CMT001C251\600MW\L=969</t>
  </si>
  <si>
    <t>【哈电锅炉】末级过热器入口集箱(右)管接头7\Φ42*11\SA-213T91\F022CMT001C251\600MW\L=877</t>
  </si>
  <si>
    <t>【哈电锅炉】末级过热器入口集箱(右)管接头8\Φ51*10\SA-213T91\F022CMT001C251\600MW\L=1151</t>
  </si>
  <si>
    <t>【哈电锅炉】末级过热器入口集箱(右)管接头9\Φ51*10\SA-213T91\F022CMT001C251\600MW\L=951</t>
  </si>
  <si>
    <t>【哈电锅炉】末级过热器入口集箱(右)管接头10\Φ42*11\SA-213T91\F022CMT001C251\600MW\L=852</t>
  </si>
  <si>
    <t>【哈电锅炉】末级过热器入口集箱(右)管接头11\Φ70*11\SA-213T91\F022CMT001C251\600MW\L=1325</t>
  </si>
  <si>
    <t>【哈电锅炉】末级过热器入口集箱(右)管接头12\Φ51*10\SA-213T91\F022CMT001C251\600MW\L=1144</t>
  </si>
  <si>
    <t>【哈电锅炉】末级过热器入口集箱(右)管接头13\Φ51*10\SA-213T91\F022CMT001C251\600MW\L=936</t>
  </si>
  <si>
    <t>【哈电锅炉】末级过热器入口集箱(右)管接头14\Φ42*11\SA-213T91\F022CMT001C251\600MW\L=833</t>
  </si>
  <si>
    <t>【哈电锅炉】末级过热器入口集箱(右)管接头15\Φ51*10\SA-213T91\F022CMT001C251\600MW\L=1168</t>
  </si>
  <si>
    <t>【哈电锅炉】末级过热器入口集箱(右)管接头16\Φ42*11\SA-213T91\F022CMT001C251\600MW\L=980</t>
  </si>
  <si>
    <t>【哈电锅炉】末级过热器入口集箱(右)管接头17\Φ42*11\SA-213T91\F022CMT001C251\600MW\L=887</t>
  </si>
  <si>
    <t>【哈电锅炉】末级过热器入口集箱(右)管接头18\Φ51*10\SA-213T91\F022CMT001C251\600MW\L=1141</t>
  </si>
  <si>
    <t>【哈电锅炉】末级过热器入口集箱(右)管接头19\Φ51*10\SA-213T91\F022CMT001C251\600MW\L=940</t>
  </si>
  <si>
    <t>【哈电锅炉】末级过热器入口集箱(右)管接头20\Φ42*11\SA-213T91\F022CMT001C251\600MW\L=841</t>
  </si>
  <si>
    <t>【哈电锅炉】末级过热器入口集箱(右)管接头21\Φ42*11\SA-213T91\F022CMT001C251\600MW\L=953</t>
  </si>
  <si>
    <t>【哈电锅炉】末级过热器入口集箱(右)管接头22\Φ42*11\SA-213T91\F022CMT001C251\600MW\L=943</t>
  </si>
  <si>
    <t>【哈电锅炉】末级过热器入口集箱(右)管接头23\Φ42*11\SA-213T91\F022CMT001C251\600MW\L=935</t>
  </si>
  <si>
    <t>【哈电锅炉】末级过热器入口集箱(右)管接头24\Φ42*11\SA-213T91\F022CMT001C251\600MW\L=938</t>
  </si>
  <si>
    <t>【哈电锅炉】末级过热器入口集箱(右)管接头25\Φ42*11\SA-213T91\F022CMT001C251\600MW\L=1160</t>
  </si>
  <si>
    <t>【哈电锅炉】末级过热器入口集箱(右)管接头26\Φ42*11\SA-213T91\F022CMT001C251\600MW\L=1174</t>
  </si>
  <si>
    <t>【哈电锅炉】末级过热器入口集箱(右)管接头27\Φ42*11\SA-213T91\F022CMT001C251\600MW\L=1155</t>
  </si>
  <si>
    <t>【哈电锅炉】末级过热器入口集箱(右)管接头28\Φ42*11\SA-213T91\F022CMT001C251\600MW\L=1146</t>
  </si>
  <si>
    <t>【哈电锅炉】末级过热器入口集箱(右)管接头29\Φ51*9\SA-213T91\F022CMT001C251\600MW\L=110</t>
  </si>
  <si>
    <t>【哈电锅炉】末级过热器入口集箱(左)管接头1\Φ70*11\SA-213T91\F022CMT001C251\600MW\L=1321.7</t>
  </si>
  <si>
    <t>【哈电锅炉】末级过热器入口集箱(左)管接头2\Φ51*10\SA-213T91\F022CMT001C251\600MW\L=1140</t>
  </si>
  <si>
    <t>【哈电锅炉】末级过热器入口集箱(左)管接头3\Φ51*10\SA-213T91\F022CMT001C251\600MW\L=933</t>
  </si>
  <si>
    <t>【哈电锅炉】末级过热器入口集箱(左)管接头4\Φ42*11\SA-213T91\F022CMT001C251\600MW\L=827.3</t>
  </si>
  <si>
    <t>【哈电锅炉】末级过热器入口集箱(左)管接头5\Φ51*10\SA-213T91\F022CMT001C251\600MW\L=1155</t>
  </si>
  <si>
    <t>【哈电锅炉】末级过热器入口集箱(左)管接头6\Φ42*11\SA-213T91\F022CMT001C251\600MW\L=969</t>
  </si>
  <si>
    <t>【哈电锅炉】末级过热器入口集箱(左)管接头7\Φ42*11\SA-213T91\F022CMT001C251\600MW\L=877</t>
  </si>
  <si>
    <t>【哈电锅炉】末级过热器入口集箱(左)管接头8\Φ51*10\SA-213T91\F022CMT001C251\600MW\L=1151</t>
  </si>
  <si>
    <t>【哈电锅炉】末级过热器入口集箱(左)管接头9\Φ51*10\SA-213T91\F022CMT001C251\600MW\L=951</t>
  </si>
  <si>
    <t>【哈电锅炉】末级过热器入口集箱(左)管接头10\Φ42*11\SA-213T91\F022CMT001C251\600MW\L=852</t>
  </si>
  <si>
    <t>【哈电锅炉】末级过热器入口集箱(左)管接头11\Φ70*11\SA-213T91\F022CMT001C251\600MW\L=1325</t>
  </si>
  <si>
    <t>【哈电锅炉】末级过热器入口集箱(左)管接头12\Φ51*10\SA-213T91\F022CMT001C251\600MW\L=1144</t>
  </si>
  <si>
    <t>【哈电锅炉】末级过热器入口集箱(左)管接头13\Φ51*10\SA-213T91\F022CMT001C251\600MW\L=936</t>
  </si>
  <si>
    <t>【哈电锅炉】末级过热器入口集箱(左)管接头14\Φ42*11\SA-213T91\F022CMT001C251\600MW\L=833</t>
  </si>
  <si>
    <t>【哈电锅炉】末级过热器入口集箱(左)管接头15\Φ51*10\SA-213T91\F022CMT001C251\600MW\L=1168</t>
  </si>
  <si>
    <t>【哈电锅炉】末级过热器入口集箱(左)管接头16\Φ42*11\SA-213T91\F022CMT001C251\600MW\L=980</t>
  </si>
  <si>
    <t>【哈电锅炉】末级过热器入口集箱(左)管接头17\Φ42*11\SA-213T91\F022CMT001C251\600MW\L=887</t>
  </si>
  <si>
    <t>【哈电锅炉】末级过热器入口集箱(左)管接头18\Φ51*10\SA-213T91\F022CMT001C251\600MW\L=1141</t>
  </si>
  <si>
    <t>【哈电锅炉】末级过热器入口集箱(左)管接头19\Φ51*10\SA-213T91\F022CMT001C251\600MW\L=940</t>
  </si>
  <si>
    <t>【哈电锅炉】末级过热器入口集箱(左)管接头20\Φ42*11\SA-213T91\F022CMT001C251\600MW\L=841</t>
  </si>
  <si>
    <t>【哈电锅炉】末级过热器入口集箱(左)管接头21\Φ42*11\SA-213T91\F022CMT001C251\600MW\L=953</t>
  </si>
  <si>
    <t>【哈电锅炉】末级过热器入口集箱(左)管接头22\Φ42*11\SA-213T91\F022CMT001C251\600MW\L=943</t>
  </si>
  <si>
    <t>【哈电锅炉】末级过热器入口集箱(左)管接头23\Φ42*11\SA-213T91\F022CMT001C251\600MW\L=935</t>
  </si>
  <si>
    <t>【哈电锅炉】末级过热器入口集箱(左)管接头24\Φ42*11\SA-213T91\F022CMT001C251\600MW\L=938</t>
  </si>
  <si>
    <t>【哈电锅炉】末级过热器入口集箱(左)管接头25\Φ42*11\SA-213T91\F022CMT001C251\600MW\L=1160</t>
  </si>
  <si>
    <t>【哈电锅炉】末级过热器入口集箱(左)管接头26\Φ42*11\SA-213T91\F022CMT001C251\600MW\L=1174</t>
  </si>
  <si>
    <t>【哈电锅炉】末级过热器入口集箱(左)管接头27\Φ42*11\SA-213T91\F022CMT001C251\600MW\L=1155</t>
  </si>
  <si>
    <t>【哈电锅炉】末级过热器入口集箱(左)管接头28\Φ42*11\SA-213T91\F022CMT001C251\600MW\L=1146</t>
  </si>
  <si>
    <t>【哈电锅炉】末级过热器入口集箱(左)管接头29\Φ63.5*11\SA-213T91\F022CMT001C251\600MW\L=120</t>
  </si>
  <si>
    <t>【哈电锅炉】末级过热器入口集箱(左)管接头30\Φ51*9\12Cr1MoV\F022CMT001C251\600MW\L=110</t>
  </si>
  <si>
    <t>【哈电锅炉】末级过热器出口集箱(右)管接头1\Φ70*13\SA-213T91\F022CMT001C251\600MW\L=1206</t>
  </si>
  <si>
    <t>【哈电锅炉】末级过热器出口集箱(右)管接头2\Φ42*11\SA-213T91\F022CMT001C251\600MW\L=1030</t>
  </si>
  <si>
    <t>【哈电锅炉】末级过热器出口集箱(右)管接头3\Φ42*11\SA-213T91\F022CMT001C251\600MW\L=923</t>
  </si>
  <si>
    <t>【哈电锅炉】末级过热器出口集箱(右)管接头4\Φ42*11\SA-213T91\F022CMT001C251\600MW\L=843</t>
  </si>
  <si>
    <t>【哈电锅炉】末级过热器出口集箱(右)管接头5\Φ42*11\SA-213T91\F022CMT001C251\600MW\L=794</t>
  </si>
  <si>
    <t>【哈电锅炉】末级过热器出口集箱(右)管接头6\Φ51*11\SA-213T91\F022CMT001C251\600MW\L=1183</t>
  </si>
  <si>
    <t>【哈电锅炉】末级过热器出口集箱(右)管接头7\Φ51*11\SA-213T91\F022CMT001C251\600MW\L=1030</t>
  </si>
  <si>
    <t>【哈电锅炉】末级过热器出口集箱(右)管接头8\Φ51*11\SA-213T91\F022CMT001C251\600MW\L=933</t>
  </si>
  <si>
    <t>【哈电锅炉】末级过热器出口集箱(右)管接头9\Φ42*11\SA-213T91\F022CMT001C251\600MW\L=864</t>
  </si>
  <si>
    <t>【哈电锅炉】末级过热器出口集箱(右)管接头10\Φ42*11\SA-213T91\F022CMT001C251\600MW\L=821</t>
  </si>
  <si>
    <t>【哈电锅炉】末级过热器出口集箱(右)管接头11\Φ51*11\SA-213T91\F022CMT001C251\600MW\L=1029</t>
  </si>
  <si>
    <t>【哈电锅炉】末级过热器出口集箱(右)管接头12\Φ51*11\SA-213T91\F022CMT001C251\600MW\L=920</t>
  </si>
  <si>
    <t>【哈电锅炉】末级过热器出口集箱(右)管接头13\Φ42*11\SA-213T91\F022CMT001C251\600MW\L=1033</t>
  </si>
  <si>
    <t>【哈电锅炉】末级过热器出口集箱(右)管接头14\Φ42*11\SA-213T91\F022CMT001C251\600MW\L=940</t>
  </si>
  <si>
    <t>【哈电锅炉】末级过热器出口集箱(右)管接头15\Φ70*13\SA-213T91\F022CMT001C251\600MW\L=1213</t>
  </si>
  <si>
    <t>【哈电锅炉】末级过热器出口集箱(右)管接头16\Φ42*11\SA-213T91\F022CMT001C251\600MW\L=1038</t>
  </si>
  <si>
    <t>【哈电锅炉】末级过热器出口集箱(右)管接头17\Φ42*11\SA-213T91\F022CMT001C251\600MW\L=932</t>
  </si>
  <si>
    <t>【哈电锅炉】末级过热器出口集箱(右)管接头18\Φ42*11\SA-213T91\F022CMT001C251\600MW\L=852</t>
  </si>
  <si>
    <t>【哈电锅炉】末级过热器出口集箱(右)管接头19\Φ42*11\SA-213T91\F022CMT001C251\600MW\L=806</t>
  </si>
  <si>
    <t>【哈电锅炉】末级过热器出口集箱(右)管接头20\Φ51*11\SA-213T91\F022CMT001C251\600MW\L=1173</t>
  </si>
  <si>
    <t>【哈电锅炉】末级过热器出口集箱(右)管接头21\Φ51*11\SA-213T91\F022CMT001C251\600MW\L=1017</t>
  </si>
  <si>
    <t>【哈电锅炉】末级过热器出口集箱(右)管接头22\Φ51*11\SA-213T91\F022CMT001C251\600MW\L=916</t>
  </si>
  <si>
    <t>【哈电锅炉】末级过热器出口集箱(右)管接头23\Φ42*11\SA-213T91\F022CMT001C251\600MW\L=842</t>
  </si>
  <si>
    <t>【哈电锅炉】末级过热器出口集箱(右)管接头24\Φ42*11\SA-213T91\F022CMT001C251\600MW\L=798</t>
  </si>
  <si>
    <t>【哈电锅炉】末级过热器出口集箱(右)管接头25\Φ51*11\SA-213T91\F022CMT001C251\600MW\L=1036</t>
  </si>
  <si>
    <t>【哈电锅炉】末级过热器出口集箱(右)管接头26\Φ51*11\SA-213T91\F022CMT001C251\600MW\L=929</t>
  </si>
  <si>
    <t>【哈电锅炉】末级过热器出口集箱(右)管接头27\Φ42*11\SA-213T91\F022CMT001C251\600MW\L=1020</t>
  </si>
  <si>
    <t>【哈电锅炉】末级过热器出口集箱(右)管接头28\Φ42*11\SA-213T91\F022CMT001C251\600MW\L=918</t>
  </si>
  <si>
    <t>【哈电锅炉】末级过热器出口集箱(右)管接头29\Φ63.5*11.5\SA-213T91\F022CMT001C251\600MW\L=112</t>
  </si>
  <si>
    <t>【哈电锅炉】末级过热器出口集箱(左)管接头1\Φ70*13\SA-213T91\F022CMT001C251\600MW\L=1206</t>
  </si>
  <si>
    <t>【哈电锅炉】末级过热器出口集箱(左)管接头2\Φ42*11\SA-213T91\F022CMT001C251\600MW\L=1030</t>
  </si>
  <si>
    <t>【哈电锅炉】末级过热器出口集箱(左)管接头3\Φ42*11\SA-213T91\F022CMT001C251\600MW\L=923</t>
  </si>
  <si>
    <t>【哈电锅炉】末级过热器出口集箱(左)管接头4\Φ42*11\SA-213T91\F022CMT001C251\600MW\L=843</t>
  </si>
  <si>
    <t>【哈电锅炉】末级过热器出口集箱(左)管接头5\Φ42*11\SA-213T91\F022CMT001C251\600MW\L=794</t>
  </si>
  <si>
    <t>【哈电锅炉】末级过热器出口集箱(左)管接头6\Φ51*11\SA-213T91\F022CMT001C251\600MW\L=1183</t>
  </si>
  <si>
    <t>【哈电锅炉】末级过热器出口集箱(左)管接头7\Φ51*11\SA-213T91\F022CMT001C251\600MW\L=1030</t>
  </si>
  <si>
    <t>【哈电锅炉】末级过热器出口集箱(左)管接头8\Φ51*11\SA-213T91\F022CMT001C251\600MW\L=933</t>
  </si>
  <si>
    <t>【哈电锅炉】末级过热器出口集箱(左)管接头9\Φ42*11\SA-213T91\F022CMT001C251\600MW\L=864</t>
  </si>
  <si>
    <t>【哈电锅炉】末级过热器出口集箱(左)管接头10\Φ42*11\SA-213T91\F022CMT001C251\600MW\L=821</t>
  </si>
  <si>
    <t>【哈电锅炉】末级过热器出口集箱(左)管接头11\Φ51*11\SA-213T91\F022CMT001C251\600MW\L=1029</t>
  </si>
  <si>
    <t>【哈电锅炉】末级过热器出口集箱(左)管接头12\Φ51*11\SA-213T91\F022CMT001C251\600MW\L=920</t>
  </si>
  <si>
    <t>【哈电锅炉】末级过热器出口集箱(左)管接头13\Φ42*11\SA-213T91\F022CMT001C251\600MW\L=1033</t>
  </si>
  <si>
    <t>【哈电锅炉】末级过热器出口集箱(左)管接头14\Φ42*11\SA-213T91\F022CMT001C251\600MW\L=940</t>
  </si>
  <si>
    <t>【哈电锅炉】末级过热器出口集箱(左)管接头15\Φ70*13\SA-213T91\F022CMT001C251\600MW\L=1213</t>
  </si>
  <si>
    <t>【哈电锅炉】末级过热器出口集箱(左)管接头16\Φ42*11\SA-213T91\F022CMT001C251\600MW\L=1038</t>
  </si>
  <si>
    <t>【哈电锅炉】末级过热器出口集箱(左)管接头17\Φ42*11\SA-213T91\F022CMT001C251\600MW\L=932</t>
  </si>
  <si>
    <t>【哈电锅炉】末级过热器出口集箱(左)管接头18\Φ42*11\SA-213T91\F022CMT001C251\600MW\L=852</t>
  </si>
  <si>
    <t>【哈电锅炉】末级过热器出口集箱(左)管接头19\Φ42*11\SA-213T91\F022CMT001C251\600MW\L=806</t>
  </si>
  <si>
    <t>【哈电锅炉】末级过热器出口集箱(左)管接头20\Φ51*11\SA-213T91\F022CMT001C251\600MW\L=1173</t>
  </si>
  <si>
    <t>【哈电锅炉】末级过热器出口集箱(左)管接头21\Φ51*11\SA-213T91\F022CMT001C251\600MW\L=1017</t>
  </si>
  <si>
    <t>【哈电锅炉】末级过热器出口集箱(左)管接头22\Φ51*11\SA-213T91\F022CMT001C251\600MW\L=916</t>
  </si>
  <si>
    <t>【哈电锅炉】末级过热器出口集箱(左)管接头23\Φ42*11\SA-213T91\F022CMT001C251\600MW\L=842</t>
  </si>
  <si>
    <t>【哈电锅炉】末级过热器出口集箱(左)管接头24\Φ42*11\SA-213T91\F022CMT001C251\600MW\L=798</t>
  </si>
  <si>
    <t>【哈电锅炉】末级过热器出口集箱(左)管接头25\Φ51*11\SA-213T91\F022CMT001C251\600MW\L=1036</t>
  </si>
  <si>
    <t>【哈电锅炉】末级过热器出口集箱(左)管接头26\Φ51*11\SA-213T91\F022CMT001C251\600MW\L=929</t>
  </si>
  <si>
    <t>【哈电锅炉】末级过热器出口集箱(左)管接头27\Φ42*11\SA-213T91\F022CMT001C251\600MW\L=1020</t>
  </si>
  <si>
    <t>【哈电锅炉】末级过热器出口集箱(左)管接头28\Φ42*11\SA-213T91\F022CMT001C251\600MW\L=918</t>
  </si>
  <si>
    <t>【哈电锅炉】末级过热器出口集箱(左)管接头29\Φ63.5*11.5\SA-213T91\F022CMT001C251\600MW\L=112</t>
  </si>
  <si>
    <t>【哈电锅炉】立式低温再热器90°直角弯头1\Φ57*4.5\SA-213T23\F022DCE001C271\600MW\L=1269</t>
  </si>
  <si>
    <t>【哈电锅炉】立式低温再热器90°直角弯头2\Φ57*4.5\SA-213T23\F022DCE001C271\600MW\L=1269</t>
  </si>
  <si>
    <t>【哈电锅炉】上部水平低再90°直角弯头1\Φ57*4.5\15CrMoG\F022DCB001C251\600MW\L=1185</t>
  </si>
  <si>
    <t>【哈电锅炉】上部水平低再90°直角弯头2\Φ57*4.5\12Cr1MoVG\F022DCB001C251\600MW\L=1185</t>
  </si>
  <si>
    <t>【哈电锅炉】上部水平低再内数第一圈180°U型弯头\Φ57*5.5\15CrMoG\F022DCB001C251\600MW\L=1124</t>
  </si>
  <si>
    <t>【哈电锅炉】上部水平低再内数第二圈180°U型弯头\Φ57*5.5\12Cr1MoVG\F022DCB001C251\600MW\L=1372</t>
  </si>
  <si>
    <t>【哈电锅炉】上部水平低再内数第三圈180°U型弯头\Φ57*5.5\15CrMoG\F022DCB001C251\600MW\L=1529</t>
  </si>
  <si>
    <t>【哈电锅炉】上部水平低再内数第四圈180°U型弯头\Φ57*5.5\12Cr1MoVG\F022DCB001C251\600MW\L=1687</t>
  </si>
  <si>
    <t>【哈电锅炉】中部水平低再90°弯头\Φ57*4.5\15CrMoG\F022DCC001C251\600MW\L=1185</t>
  </si>
  <si>
    <t>【哈电锅炉】中部水平低再90°弯头\Φ57*4.5\SA-210C\F022DCC001C251\600MW\L=1185</t>
  </si>
  <si>
    <t>【哈电锅炉】中部水平低再内数第一圈180°U型弯头\Φ57*5.5\15CrMoG\F022DCC001C251\600MW\L=1124</t>
  </si>
  <si>
    <t>【哈电锅炉】中部水平低再内数第二圈180°U型弯头\Φ57*5.5\SA-210C\F022DCC001C251\600MW\L=1372</t>
  </si>
  <si>
    <t>【哈电锅炉】中部水平低再内数第三圈180°U型弯头\Φ57*5.5\15CrMoG\F022DCC001C251\600MW\L=1529</t>
  </si>
  <si>
    <t>【哈电锅炉】中部水平低再内数第四圈180°U型弯头\Φ57*5.5\SA-210C\F022DCC001C251\600MW\L=1687</t>
  </si>
  <si>
    <t>【哈电锅炉】下部水平低再90°弯头\Φ57*4.5\SA-210C\F022DCD001C251\600MW\L=1185</t>
  </si>
  <si>
    <t>【哈电锅炉】下部水平低再内数第一圈180°U型弯头\Φ57*5.5\SA-210C\F022DCD001C251\600MW\L=1124</t>
  </si>
  <si>
    <t>【哈电锅炉】下部水平低再内数第二圈180°U型弯头\Φ57*5.5\SA-210C\F022DCD001C251\600MW\L=1372</t>
  </si>
  <si>
    <t>【哈电锅炉】低温再热器出口集箱管接头1(右)\Φ57*5\12Cr1MoVG\F022DJA001C251\600MW\L=1691</t>
  </si>
  <si>
    <t>【哈电锅炉】低温再热器出口集箱管接头2(右)\Φ57*5\12Cr1MoVG\F022DJA001C251\600MW\L=1433</t>
  </si>
  <si>
    <t>【哈电锅炉】低温再热器出口集箱管接头3(右)\Φ57*5\12Cr1MoVG\F022DJA001C251\600MW\L=1127.5</t>
  </si>
  <si>
    <t>【哈电锅炉】低温再热器出口集箱管接头4(右)\Φ57*5\12Cr1MoVG\F022DJA001C251\600MW\L=900.5</t>
  </si>
  <si>
    <t>【哈电锅炉】低温再热器出口集箱管接头5(右)\Φ57*5\12Cr1MoVG\F022DJA001C251\600MW\L=735</t>
  </si>
  <si>
    <t>【哈电锅炉】低温再热器出口集箱管接头6(右)\Φ57*5\12Cr1MoVG\F022DJA001C251\600MW\L=639.5</t>
  </si>
  <si>
    <t>【哈电锅炉】低温再热器出口集箱管接头1(左)\Φ57*5\12Cr1MoVG\F022DJA001C251\600MW\L=1691</t>
  </si>
  <si>
    <t>【哈电锅炉】低温再热器出口集箱管接头2(左)\Φ57*5\12Cr1MoVG\F022DJA001C251\600MW\L=1433</t>
  </si>
  <si>
    <t>【哈电锅炉】低温再热器出口集箱管接头3(左)\Φ57*5\12Cr1MoVG\F022DJA001C251\600MW\L=1127.5</t>
  </si>
  <si>
    <t>【哈电锅炉】低温再热器出口集箱管接头4(左)\Φ57*5\12Cr1MoVG\F022DJA001C251\600MW\L=900.5</t>
  </si>
  <si>
    <t>【哈电锅炉】低温再热器出口集箱管接头5(左)\Φ57*5\12Cr1MoVG\F022DJA001C251\600MW\L=735</t>
  </si>
  <si>
    <t>【哈电锅炉】低温再热器出口集箱管接头6(左)\Φ57*5\12Cr1MoVG\F022DJA001C251\600MW\L=639.5</t>
  </si>
  <si>
    <t>【哈电锅炉】低温再热器入口集箱管接头1(右)\Φ57*5.6\SA-210C\F022DJA001C251\600MW\L=1112</t>
  </si>
  <si>
    <t>【哈电锅炉】低温再热器入口集箱管接头2(右)\Φ57*5.6\SA-210C\F022DJA001C251\600MW\L=897</t>
  </si>
  <si>
    <t>【哈电锅炉】低温再热器入口集箱管接头3(右)\Φ57*5.6\SA-210C\F022DJA001C251\600MW\L=734</t>
  </si>
  <si>
    <t>【哈电锅炉】低温再热器入口集箱管接头4(右)\Φ57*5.6\SA-210C\F022DJA001C251\600MW\L=387</t>
  </si>
  <si>
    <t>【哈电锅炉】低温再热器入口集箱管接头5(右)\Φ57*5.6\SA-210C\F022DJA001C251\600MW\L=356</t>
  </si>
  <si>
    <t>【哈电锅炉】低温再热器入口集箱管接头1(左)\Φ57*5.6\SA-210C\F022DJA001C251\600MW\L=1112</t>
  </si>
  <si>
    <t>【哈电锅炉】低温再热器入口集箱管接头2(左)\Φ57*5.6\SA-210C\F022DJA001C251\600MW\L=897</t>
  </si>
  <si>
    <t>【哈电锅炉】低温再热器入口集箱管接头3(左)\Φ57*5.6\SA-210C\F022DJA001C251\600MW\L=734</t>
  </si>
  <si>
    <t>【哈电锅炉】低温再热器入口集箱管接头4(左)\Φ57*5.6\SA-210C\F022DJA001C251\600MW\L=387</t>
  </si>
  <si>
    <t>【哈电锅炉】低温再热器入口集箱管接头5(左)\Φ57*5.6\SA-210C\F022DJA001C251\600MW\L=356</t>
  </si>
  <si>
    <t>【哈电锅炉】高温再热器前部管屏70°弯头\Φ63*5\SA-213TP347H\F022DEA001C251\600MW\L=1263</t>
  </si>
  <si>
    <t>【哈电锅炉】高温再热器前部管屏70°弯头\Φ60*4.5\SA-213TP347H\F022DEA001C251\600MW\L=1244</t>
  </si>
  <si>
    <t>【哈电锅炉】高温再热器后部管屏110°弯头\Φ63*5\SA-213TP347H\F022DEA001C251\600MW\L=1413</t>
  </si>
  <si>
    <t>【哈电锅炉】高温再热器后部管屏110°弯头\Φ60*4.5\SA-213TP347H\F022DEA001C251\600MW\L=1384</t>
  </si>
  <si>
    <t>【哈电锅炉】高温再热器上部160°弯头\Φ60*4.5\SA-213T91\F022DEA001C251\600MW\L=1666</t>
  </si>
  <si>
    <t>【哈电锅炉】高温再热器上部160°弯头\Φ60*4.5\SA-213TP347H\F022DEA001C251\600MW\L=1666</t>
  </si>
  <si>
    <t>【哈电锅炉】高温再热器中部168°弯头\Φ60*4.5\SA-213T91\F022DEA001C251\600MW\L=1668</t>
  </si>
  <si>
    <t>【哈电锅炉】高温再热器中部168°弯头\Φ60*4.5\SA-213TP347H\F022DEA001C251\600MW\L=1684</t>
  </si>
  <si>
    <t>【哈电锅炉】高温再热器下部176°弯头\Φ60*4.5\SA-213TP347H\F022DEA001C251\600MW\L=1652</t>
  </si>
  <si>
    <t>【哈电锅炉】高温再热器下部172°弯头\Φ60*4.5\SA-213TP347H\F022DEA001C251\600MW\L=1668</t>
  </si>
  <si>
    <t>【哈电锅炉】高温再热器下部168°弯头\Φ60*4.5\SA-213TP347H\F022DEA001C251\600MW\L=1684</t>
  </si>
  <si>
    <t>【哈电锅炉】高温再热器下部165°弯头\Φ60*4.5\SA-213TP347H\F022DEA001C251\600MW\L=1515</t>
  </si>
  <si>
    <t>【哈电锅炉】高温再热器入口集箱管接头1(右)\Φ70*5\12Cr1MoVG\F022DJP001C251\600MW\L=1066</t>
  </si>
  <si>
    <t>【哈电锅炉】高温再热器入口集箱管接头2(右)\Φ60*5\12Cr1MoVG\F022DJP001C251\600MW\L=1102</t>
  </si>
  <si>
    <t>【哈电锅炉】高温再热器入口集箱管接头3(右)\Φ54*6\12Cr1MoVG\F022DJP001C251\600MW\L=1103</t>
  </si>
  <si>
    <t>【哈电锅炉】高温再热器入口集箱管接头4(右)\Φ60*5\12Cr1MoVG\F022DJP001C251\600MW\L=855</t>
  </si>
  <si>
    <t>【哈电锅炉】高温再热器入口集箱管接头5(右)\Φ54*6\12Cr1MoVG\F022DJP001C251\600MW\L=855</t>
  </si>
  <si>
    <t>【哈电锅炉】高温再热器入口集箱管接头6(右)\Φ54*6\12Cr1MoVG\F022DJP001C251\600MW\L=694</t>
  </si>
  <si>
    <t>【哈电锅炉】高温再热器入口集箱管接头7(右)\Φ70*5\12Cr1MoVG\F022DJP001C251\600MW\L=1066</t>
  </si>
  <si>
    <t>【哈电锅炉】高温再热器入口集箱管接头8(右)\Φ60*5\12Cr1MoVG\F022DJP001C251\600MW\L=1102</t>
  </si>
  <si>
    <t>【哈电锅炉】高温再热器入口集箱管接头9(右)\Φ54*6\12Cr1MoVG\F022DJP001C251\600MW\L=1102</t>
  </si>
  <si>
    <t>【哈电锅炉】高温再热器入口集箱管接头10(右)\Φ54*6\12Cr1MoVG\F022DJP001C251\600MW\L=1102</t>
  </si>
  <si>
    <t>【哈电锅炉】高温再热器入口集箱管接头11(右)\Φ60*5\12Cr1MoVG\F022DJP001C251\600MW\L=854</t>
  </si>
  <si>
    <t>【哈电锅炉】高温再热器入口集箱管接头12(右)\Φ54*6\12Cr1MoVG\F022DJP001C251\600MW\L=855</t>
  </si>
  <si>
    <t>【哈电锅炉】高温再热器入口集箱管接头13(右)\Φ54*6\12Cr1MoVG\F022DJP001C251\600MW\L=694</t>
  </si>
  <si>
    <t>【哈电锅炉】高温再热器入口集箱管接头14(右)\Φ54*6\12Cr1MoVG\F022DJP001C251\600MW\L=694</t>
  </si>
  <si>
    <t>【哈电锅炉】高温再热器入口集箱管接头1(左)\Φ70*5\12Cr1MoVG\F022DJP001C251\600MW\L=1066</t>
  </si>
  <si>
    <t>【哈电锅炉】高温再热器入口集箱管接头2(左)\Φ60*5\12Cr1MoVG\F022DJP001C251\600MW\L=1102</t>
  </si>
  <si>
    <t>【哈电锅炉】高温再热器入口集箱管接头3(左)\Φ54*6\12Cr1MoVG\F022DJP001C251\600MW\L=1103</t>
  </si>
  <si>
    <t>【哈电锅炉】高温再热器入口集箱管接头4(左)\Φ60*5\12Cr1MoVG\F022DJP001C251\600MW\L=855</t>
  </si>
  <si>
    <t>【哈电锅炉】高温再热器入口集箱管接头5(左)\Φ54*6\12Cr1MoVG\F022DJP001C251\600MW\L=855</t>
  </si>
  <si>
    <t>【哈电锅炉】高温再热器入口集箱管接头6(左)\Φ54*6\12Cr1MoVG\F022DJP001C251\600MW\L=694</t>
  </si>
  <si>
    <t>【哈电锅炉】高温再热器入口集箱管接头7(左)\Φ70*5\12Cr1MoVG\F022DJP001C251\600MW\L=1066</t>
  </si>
  <si>
    <t>【哈电锅炉】高温再热器入口集箱管接头8(左)\Φ60*5\12Cr1MoVG\F022DJP001C251\600MW\L=1102</t>
  </si>
  <si>
    <t>【哈电锅炉】高温再热器入口集箱管接头9(左)\Φ54*6\12Cr1MoVG\F022DJP001C251\600MW\L=1102</t>
  </si>
  <si>
    <t>【哈电锅炉】高温再热器入口集箱管接头10(左)\Φ54*6\12Cr1MoVG\F022DJP001C251\600MW\L=1102</t>
  </si>
  <si>
    <t>【哈电锅炉】高温再热器入口集箱管接头11(左)\Φ60*5\12Cr1MoVG\F022DJP001C251\600MW\L=854</t>
  </si>
  <si>
    <t>【哈电锅炉】高温再热器入口集箱管接头12(左)\Φ54*6\12Cr1MoVG\F022DJP001C251\600MW\L=855</t>
  </si>
  <si>
    <t>【哈电锅炉】高温再热器入口集箱管接头13(左)\Φ54*6\12Cr1MoVG\F022DJP001C251\600MW\L=694</t>
  </si>
  <si>
    <t>【哈电锅炉】高温再热器入口集箱管接头14(左)\Φ54*6\12Cr1MoVG\F022DJP001C251\600MW\L=694</t>
  </si>
  <si>
    <t>【哈电锅炉】高温再热器出口集箱管接头1\Φ70*5\SA-213T91\F022DJP001C251\600MW\L=1038</t>
  </si>
  <si>
    <t>【哈电锅炉】高温再热器出口集箱管接头2\Φ60*5\SA-213T91\F022DJP001C251\600MW\L=1085</t>
  </si>
  <si>
    <t>【哈电锅炉】高温再热器出口集箱管接头3\Φ54*6\SA-213T91\F022DJP001C251\600MW\L=1085</t>
  </si>
  <si>
    <t>【哈电锅炉】高温再热器出口集箱管接头4\Φ60*5\SA-213T91\F022DJP001C251\600MW\L=786</t>
  </si>
  <si>
    <t>【哈电锅炉】高温再热器出口集箱管接头5\Φ54*6\SA-213T91\F022DJP001C251\600MW\L=787</t>
  </si>
  <si>
    <t>【哈电锅炉】高温再热器出口集箱管接头6\Φ54*6\SA-213T91\F022DJP001C251\600MW\L=625</t>
  </si>
  <si>
    <t>【哈电锅炉】高温再热器出口集箱管接头7\Φ70*5\SA-213T91\F022DJP001C251\600MW\L=1036</t>
  </si>
  <si>
    <t>【哈电锅炉】高温再热器出口集箱管接头8\Φ60*5\SA-213T91\F022DJP001C251\600MW\L=1081</t>
  </si>
  <si>
    <t>【哈电锅炉】高温再热器出口集箱管接头9\Φ54*6\SA-213T91\F022DJP001C251\600MW\L=1081</t>
  </si>
  <si>
    <t>【哈电锅炉】高温再热器出口集箱管接头10\Φ54*6\SA-213T91\F022DJP001C251\600MW\L=1081</t>
  </si>
  <si>
    <t>【哈电锅炉】高温再热器出口集箱管接头11\Φ60*5\SA-213T91\F022DJP001C251\600MW\L=785</t>
  </si>
  <si>
    <t>【哈电锅炉】高温再热器出口集箱管接头12\Φ54*6\SA-213T91\F022DJP001C251\600MW\L=785</t>
  </si>
  <si>
    <t>【哈电锅炉】高温再热器出口集箱管接头13\Φ54*6\SA-213T91\F022DJP001C251\600MW\L=626</t>
  </si>
  <si>
    <t>【哈电锅炉】高温再热器出口集箱管接头14\Φ54*6\SA-213T91\F022DJP001C251\600MW\L=626</t>
  </si>
  <si>
    <t>【哈电锅炉】省煤器出口集箱接管座弯头1\φ42*5.5\20G\F022EHD001E431\300MW</t>
  </si>
  <si>
    <t>【哈电锅炉】省煤器出口集箱接管座弯头2\φ42*5.5\20G\F022EHD001E431\300MW</t>
  </si>
  <si>
    <t>【哈电锅炉】省煤器入口集箱接管座弯头1\φ42*5.5\20G\F022EHE001E431\300MW</t>
  </si>
  <si>
    <t>【哈电锅炉】省煤器入口集箱接管座弯头2\φ42*5.5\20G\F022EHE001E431\300MW</t>
  </si>
  <si>
    <t>【哈电锅炉】省煤器入口集箱接管座弯头3\φ42*5.5\20G\F022EHE001E431\300MW</t>
  </si>
  <si>
    <t>【哈电锅炉】前水冷壁上集箱(两边)接管座弯头1\φ63.5*7\SA-210C\F022BEB001E431\300MW</t>
  </si>
  <si>
    <t>【哈电锅炉】前水冷壁上集箱(两边)接管座弯头2\φ63.5*7\SA-210C\F022BEB001E431\300MW</t>
  </si>
  <si>
    <t>【哈电锅炉】前水冷壁上集箱(中间)接管座弯头\φ63.5*7\SA-210C\F022BEB001E431\300MW</t>
  </si>
  <si>
    <t>【哈电锅炉】侧水冷壁上集箱(前)右(左)接管座弯头1\φ63.5*7\SA-210C\F022BEB001E431\300MW</t>
  </si>
  <si>
    <t>【哈电锅炉】侧水冷壁上集箱(前)右(左)接管座弯头2\φ63.5*7\SA-210C\F022BEB001E431\300MW</t>
  </si>
  <si>
    <t>【哈电锅炉】侧水冷壁上集箱(前)右(左)接管座弯头3\φ63.5*7\SA-210C\F022BEB001E431\300MW</t>
  </si>
  <si>
    <t>【哈电锅炉】侧水冷壁上集箱(中)右(左)接管座弯头1\φ63.5*7\SA-210C\F022BEB001E431\300MW</t>
  </si>
  <si>
    <t>【哈电锅炉】侧水冷壁上集箱(中)右(左)接管座弯头2\φ63.5*7\SA-210C\F022BEB001E431\300MW</t>
  </si>
  <si>
    <t>【哈电锅炉】侧水冷壁上集箱(中)右(左)接管座弯头3\φ63.5*7\SA-210C\F022BEB001E431\300MW</t>
  </si>
  <si>
    <t>【哈电锅炉】侧水冷壁上集箱(后)右(左)接管座弯头1\φ63.5*7\SA-210C\F022BEB001E431\300MW</t>
  </si>
  <si>
    <t>【哈电锅炉】侧水冷壁上集箱(后)右(左)接管座弯头2\φ76*13\SA-210C\F022BEB001E431\300MW</t>
  </si>
  <si>
    <t>【哈电锅炉】后水冷壁上集箱(锅炉左侧)接管座弯头1\φ63.5*7\SA-210C\F022BEB001E431\300MW</t>
  </si>
  <si>
    <t>【哈电锅炉】后水冷壁上集箱(锅炉左侧)接管座弯头2\φ63.5*7\SA-210C\F022BEB001E431\300MW</t>
  </si>
  <si>
    <t>【哈电锅炉】后水冷壁上集箱(锅炉右侧)接管座弯头1\φ63.5*7\SA-210C\F022BEB001E431\300MW</t>
  </si>
  <si>
    <t>【哈电锅炉】后水冷壁上集箱(锅炉右侧)接管座弯头2\φ63.5*7\SA-210C\F022BEB001E431\300MW</t>
  </si>
  <si>
    <t>【哈电锅炉】前水冷壁下集箱(左)接管座弯头1\φ63.5*7\SA-210C\F022BEC001E431\300MW</t>
  </si>
  <si>
    <t>【哈电锅炉】前水冷壁下集箱(左)接管座弯头2\φ63.5*7\SA-210C\F022BEC001E431\300MW</t>
  </si>
  <si>
    <t>【哈电锅炉】前水冷壁下集箱(左)接管座弯头3\φ63.5*7\SA-210C\F022BEC001E431\300MW</t>
  </si>
  <si>
    <t>【哈电锅炉】前水冷壁下集箱(左)接管座弯头4\φ63.5*7\SA-210C\F022BEC001E431\300MW</t>
  </si>
  <si>
    <t>【哈电锅炉】前水冷壁下集箱(左)接管座弯头5\φ63.5*7\SA-210C\F022BEC001E431\300MW</t>
  </si>
  <si>
    <t>【哈电锅炉】前水冷壁下集箱(左)接管座弯头6\φ63.5*7\SA-210C\F022BEC001E431\300MW</t>
  </si>
  <si>
    <t>【哈电锅炉】前水冷壁下集箱(左)接管座弯头7\φ63.5*7\SA-210C\F022BEC001E431\300MW</t>
  </si>
  <si>
    <t>【哈电锅炉】前水冷壁下集箱(右)接管座弯头1\φ63.5*7\SA-210C\F022BEC001E431\300MW</t>
  </si>
  <si>
    <t>【哈电锅炉】前水冷壁下集箱(右)接管座弯头2\φ63.5*7\SA-210C\F022BEC001E431\300MW</t>
  </si>
  <si>
    <t>【哈电锅炉】前水冷壁下集箱(右)接管座弯头3\φ63.5*7\SA-210C\F022BEC001E431\300MW</t>
  </si>
  <si>
    <t>【哈电锅炉】前水冷壁下集箱(右)接管座弯头4\φ63.5*7\SA-210C\F022BEC001E431\300MW</t>
  </si>
  <si>
    <t>【哈电锅炉】前水冷壁下集箱(右)接管座弯头5\φ63.5*7\SA-210C\F022BEC001E431\300MW</t>
  </si>
  <si>
    <t>【哈电锅炉】后水冷壁下集箱(右)接管座弯头1\φ63.5*7\SA-210C\F022BEC001E431\300MW</t>
  </si>
  <si>
    <t>【哈电锅炉】后水冷壁下集箱(右)接管座弯头2\φ63.5*7\SA-210C\F022BEC001E431\300MW</t>
  </si>
  <si>
    <t>【哈电锅炉】后水冷壁下集箱(右)接管座弯头3\φ63.5*7\SA-210C\F022BEC001E431\300MW</t>
  </si>
  <si>
    <t>【哈电锅炉】后水冷壁下集箱(右)接管座弯头4\φ63.5*7\SA-210C\F022BEC001E431\300MW</t>
  </si>
  <si>
    <t>【哈电锅炉】后水冷壁下集箱(右)接管座弯头5\φ63.5*7\SA-210C\F022BEC001E431\300MW</t>
  </si>
  <si>
    <t>【哈电锅炉】后水冷壁下集箱(左)接管座弯头1\φ63.5*7\SA-210C\F022BEC001E431\300MW</t>
  </si>
  <si>
    <t>【哈电锅炉】后水冷壁下集箱(左)接管座弯头2\φ63.5*7\SA-210C\F022BEC001E431\300MW</t>
  </si>
  <si>
    <t>【哈电锅炉】后水冷壁下集箱(左)接管座弯头3\φ63.5*7\SA-210C\F022BEC001E431\300MW</t>
  </si>
  <si>
    <t>【哈电锅炉】后水冷壁下集箱(左)接管座弯头4\φ63.5*7\SA-210C\F022BEC001E431\300MW</t>
  </si>
  <si>
    <t>【哈电锅炉】后水冷壁下集箱(左)接管座弯头5\φ63.5*7\SA-210C\F022BEC001E431\300MW</t>
  </si>
  <si>
    <t>【哈电锅炉】后水冷壁下集箱(左)接管座弯头6\φ63.5*7\SA-210C\F022BEC001E431\300MW</t>
  </si>
  <si>
    <t>【哈电锅炉】后水冷壁下集箱(左)接管座弯头7\φ63.5*7\SA-210C\F022BEC001E431\300MW</t>
  </si>
  <si>
    <t>【哈电锅炉】侧水冷壁下集箱接管座弯头1\φ63.5*7\SA-210C\F022BEC001E431\300MW</t>
  </si>
  <si>
    <t>【哈电锅炉】侧水冷壁下集箱接管座弯头2\φ63.5*7\SA-210C\F022BEC001E431\300MW</t>
  </si>
  <si>
    <t>【哈电锅炉】侧水冷壁下集箱接管座弯头3\φ63.5*7\SA-210C\F022BEC001E431\300MW</t>
  </si>
  <si>
    <t>【哈电锅炉】侧水冷壁下集箱接管座弯头4\φ63.5*7\SA-210C\F022BEC001E431\300MW</t>
  </si>
  <si>
    <t>【哈电锅炉】侧水冷壁下集箱接管座弯头5\φ63.5*7\SA-210C\F022BEC001E431\300MW</t>
  </si>
  <si>
    <t>【哈电锅炉】燃烧器喷口3°S弯管\内螺纹φ63.5*6.6MWT\SA-210C\F022BHE001E431\300MW</t>
  </si>
  <si>
    <t>【哈电锅炉】燃烧器喷口5°S弯管\内螺纹φ63.5*6.6MWT\SA-210C\F022BHE001E431\300MW</t>
  </si>
  <si>
    <t>【哈电锅炉】燃烧器喷口8°S弯管\内螺纹φ63.5*6.6MWT\SA-210C\F022BHE001E431\300MW</t>
  </si>
  <si>
    <t>【哈电锅炉】燃烧器喷口13°S弯管\内螺纹φ63.5*6.6MWT\SA-210C\F022BHE001E431\300MW</t>
  </si>
  <si>
    <t>【哈电锅炉】燃烧器喷口18°S弯管\内螺纹φ63.5*6.6MWT\SA-210C\F022BHE001E431\300MW</t>
  </si>
  <si>
    <t>【哈电锅炉】燃烧器喷口20°S弯管\内螺纹φ63.5*6.6MWT\SA-210C\F022BHE001E431\300MW</t>
  </si>
  <si>
    <t>【哈电锅炉】燃烧器喷口35°S弯管\内螺纹φ63.5*6.6MWT\SA-210C\F022BHE001E431\300MW</t>
  </si>
  <si>
    <t>【哈电锅炉】燃烧器喷口55°S弯管\内螺纹φ63.5*6.6MWT\SA-210C\F022BHE001E431\300MW</t>
  </si>
  <si>
    <t>【哈电锅炉】燃烧器喷口75°S弯管\内螺纹φ63.5*6.6MWT\SA-210C\F022BHE001E431\300MW</t>
  </si>
  <si>
    <t>【哈电锅炉】燃烧器喷口90°S弯管\内螺纹φ63.5*6.6MWT\SA-210C\F022BHE001E431\300MW</t>
  </si>
  <si>
    <t>【哈电锅炉】燃烧器喷口15°弯头\内螺纹φ63.5*6.6MWT\SA-210C\F022BHE001E431\300MW</t>
  </si>
  <si>
    <t>【哈电锅炉】燃烧器喷口21°弯头\内螺纹φ63.5*6.6MWT\SA-210C\F022BHE001E431\300MW</t>
  </si>
  <si>
    <t>【哈电锅炉】燃烧器喷口24°弯头\内螺纹φ63.5*6.6MWT\SA-210C\F022BHE001E431\300MW</t>
  </si>
  <si>
    <t>【哈电锅炉】燃烧器喷口28°弯头\内螺纹φ63.5*6.6MWT\SA-210C\F022BHE001E431\300MW</t>
  </si>
  <si>
    <t>【哈电锅炉】燃烧器喷口30°弯头\内螺纹φ63.5*6.6MWT\SA-210C\F022BHE001E431\300MW</t>
  </si>
  <si>
    <t>【哈电锅炉】燃烧器喷口32°弯头\内螺纹φ63.5*6.6MWT\SA-210C\F022BHE001E431\300MW</t>
  </si>
  <si>
    <t>【哈电锅炉】燃烧器喷口33°弯头\内螺纹φ63.5*6.6MWT\SA-210C\F022BHE001E431\300MW</t>
  </si>
  <si>
    <t>【哈电锅炉】燃烧器喷口34°弯头\内螺纹φ63.5*6.6MWT\SA-210C\F022BHE001E431\300MW</t>
  </si>
  <si>
    <t>【哈电锅炉】燃烧器喷口35°弯头\内螺纹φ63.5*6.6MWT\SA-210C\F022BHE001E431\300MW</t>
  </si>
  <si>
    <t>【哈电锅炉】燃烧器喷口36°弯头\内螺纹φ63.5*6.6MWT\SA-210C\F022BHE001E431\300MW</t>
  </si>
  <si>
    <t>【哈电锅炉】SOFA燃烧器喷口管屏弯管1\内螺纹φ63.5*6.6MWT\SA-210C\F022BHF001E431\300MW</t>
  </si>
  <si>
    <t>【哈电锅炉】SOFA燃烧器喷口管屏弯管2\内螺纹φ63.5*6.6MWT\SA-210C\F022BHF001E431\300MW</t>
  </si>
  <si>
    <t>【哈电锅炉】SOFA燃烧器喷口管屏弯管3\内螺纹φ63.5*6.6MWT\SA-210C\F022BHF001E431\300MW</t>
  </si>
  <si>
    <t>【哈电锅炉】SOFA燃烧器喷口管屏弯管4\内螺纹φ63.5*6.6MWT\SA-210C\F022BHF001E431\300MW</t>
  </si>
  <si>
    <t>【哈电锅炉】SOFA燃烧器喷口管屏弯管5\内螺纹φ63.5*6.6MWT\SA-210C\F022BHF001E431\300MW</t>
  </si>
  <si>
    <t>【哈电锅炉】SOFA燃烧器喷口管屏弯管6\内螺纹φ63.5*6.6MWT\SA-210C\F022BHF001E431\300MW</t>
  </si>
  <si>
    <t>【哈电锅炉】SOFA燃烧器喷口管屏弯管7\内螺纹φ63.5*6.6MWT\SA-210C\F022BHF001E431\300MW</t>
  </si>
  <si>
    <t>【哈电锅炉】SOFA燃烧器喷口管屏弯管8\内螺纹φ63.5*6.6MWT\SA-210C\F022BHF001E431\300MW</t>
  </si>
  <si>
    <t>【哈电锅炉】SOFA燃烧器喷口管屏弯管9\内螺纹φ63.5*6.6MWT\SA-210C\F022BHF001E431\300MW</t>
  </si>
  <si>
    <t>【哈电锅炉】SOFA燃烧器喷口管屏弯管10\内螺纹φ63.5*6.6MWT\SA-210C\F022BHF001E431\300MW</t>
  </si>
  <si>
    <t>【哈电锅炉】SOFA燃烧器喷口管屏弯管11\内螺纹φ63.5*6.6MWT\SA-210C\F022BHF001E431\300MW</t>
  </si>
  <si>
    <t>【哈电锅炉】SOFA燃烧器喷口管屏弯管12\内螺纹φ63.5*6.6MWT\SA-210C\F022BHF001E431\300MW</t>
  </si>
  <si>
    <t>【哈电锅炉】SOFA燃烧器喷口管屏弯管13\内螺纹φ63.5*6.6MWT\SA-210C\F022BHF001E431\300MW</t>
  </si>
  <si>
    <t>【哈电锅炉】SOFA燃烧器喷口管屏弯管14\内螺纹φ63.5*6.6MWT\SA-210C\F022BHF001E431\300MW</t>
  </si>
  <si>
    <t>【哈电锅炉】SOFA燃烧器喷口管屏弯管15\内螺纹φ63.5*6.6MWT\SA-210C\F022BHF001E431\300MW</t>
  </si>
  <si>
    <t>【哈电锅炉】SOFA燃烧器喷口管屏弯管16\内螺纹φ63.5*6.6MWT\SA-210C\F022BHF001E431\300MW</t>
  </si>
  <si>
    <t>【哈电锅炉】SOFA燃烧器喷口管屏弯管17\内螺纹φ63.5*6.6MWT\SA-210C\F022BHF001E431\300MW</t>
  </si>
  <si>
    <t>【哈电锅炉】SOFA燃烧器喷口管屏弯管18\内螺纹φ63.5*6.6MWT\SA-210C\F022BHF001E431\300MW</t>
  </si>
  <si>
    <t>【哈电锅炉】SOFA燃烧器喷口管屏弯管19\内螺纹φ63.5*6.6MWT\SA-210C\F022BHF001E431\300MW</t>
  </si>
  <si>
    <t>【哈电锅炉】SOFA燃烧器喷口管屏弯管20\内螺纹φ63.5*6.6MWT\SA-210C\F022BHF001E431\300MW</t>
  </si>
  <si>
    <t>【哈电锅炉】前水冷壁墙式再热器入口让孔弯管1\内螺纹φ63.5*6.6MWT\SA-210C\F022BGB001E431\300MW</t>
  </si>
  <si>
    <t>【哈电锅炉】前水冷壁墙式再热器入口让孔弯管2\内螺纹φ63.5*6.6MWT\SA-210C\F022BGJ001E431\300MW</t>
  </si>
  <si>
    <t>【哈电锅炉】前侧水冷壁冷灰斗拐点35°弯管\φ63.5*7\SA-210C\F022BGF001E431\300MW</t>
  </si>
  <si>
    <t>【哈电锅炉】后侧水冷壁冷灰斗拐点35°弯管\φ63.5*7\SA-210C\F022BGX001E431\300MW</t>
  </si>
  <si>
    <t>【哈电锅炉】前水冷壁冷灰斗下部125°弯管\φ63.5*7\SA-210C\F022BGF001E431\300MW</t>
  </si>
  <si>
    <t>【哈电锅炉】后水冷壁冷灰斗下部125°弯管\φ63.5*7\SA-210C\F022BGX001E431\300MW</t>
  </si>
  <si>
    <t>【哈电锅炉】后水冷壁折焰角60°弯管\内螺纹φ63.5*6.6MWT\SA-210C\F022BGT001E431\300MW</t>
  </si>
  <si>
    <t>【哈电锅炉】后水冷壁折焰角35°弯管\内螺纹φ63.5*6.6MWT\SA-210C\F022BGT001E431\300MW</t>
  </si>
  <si>
    <t>【哈电锅炉】水平烟道侧包墙上集箱(左，右)接管座弯头1\φ51*6.5\20G\F022CMD001E431\300MW</t>
  </si>
  <si>
    <t>【哈电锅炉】水平烟道侧包墙上集箱(左，右)接管座弯头2\φ51*6.5\20G\F022CMD001E431\300MW</t>
  </si>
  <si>
    <t>【哈电锅炉】后烟道前部侧墙管上集箱(左右)接管座弯头1\φ51*6.5\20G\F022CMD001E431\300MW</t>
  </si>
  <si>
    <t>【哈电锅炉】后烟道前部侧墙管上集箱(左右)接管座弯头2\φ54*7\20G\F022CMD001E431\300MW</t>
  </si>
  <si>
    <t>【哈电锅炉】后烟道前部侧墙管上集箱(左右)接管座弯头3\φ54*7\20G\F022CMD001E431\300MW</t>
  </si>
  <si>
    <t>【哈电锅炉】后烟道后侧墙上集箱(左右)接管座弯头1\φ54*7\20G\F022CMD001E431\300MW</t>
  </si>
  <si>
    <t>【哈电锅炉】后烟道后侧墙上集箱(左右)接管座弯头2\φ54*7\20G\F022CMD001E431\300MW</t>
  </si>
  <si>
    <t>【哈电锅炉】后烟道后侧墙上集箱(左右)接管座弯头3\φ54*7\20G\F022CMD001E431\300MW</t>
  </si>
  <si>
    <t>【哈电锅炉】后烟道前包墙下集箱接管座弯头1\φ42*5.5\20G\F022CME001E431\300MW</t>
  </si>
  <si>
    <t>【哈电锅炉】后烟道前包墙下集箱接管座弯头2\φ42*5.5\20G\F022CME001E431\300MW</t>
  </si>
  <si>
    <t>【哈电锅炉】后烟道前包墙下集箱接管座弯头3\φ42*5.5\20G\F022CME001E431\300MW</t>
  </si>
  <si>
    <t>【哈电锅炉】后烟道前包墙下集箱接管座弯头4\φ54*7\20G\F022CME001E431\300MW</t>
  </si>
  <si>
    <t>【哈电锅炉】后烟道前包墙下集箱接管座弯头5\φ54*7\20G\F022CME001E431\300MW</t>
  </si>
  <si>
    <t>【哈电锅炉】后烟道前包墙下集箱接管座弯头6\φ54*7\20G\F022CME001E431\300MW</t>
  </si>
  <si>
    <t>【哈电锅炉】后烟道前包墙下集箱接管座弯头7\φ54*7\20G\F022CME001E431\300MW</t>
  </si>
  <si>
    <t>【哈电锅炉】后烟道前包墙下集箱接管座弯头8\φ38*5.5\20G\F022CME001E431\300MW</t>
  </si>
  <si>
    <t>【哈电锅炉】后烟道前包墙下集箱接管座弯头9\φ38*5.5\20G\F022CME001E431\300MW</t>
  </si>
  <si>
    <t>【哈电锅炉】后烟道前包墙下集箱接管座弯头10\φ38*5.5\20G\F022CME001E431\300MW</t>
  </si>
  <si>
    <t>【哈电锅炉】后烟道左侧包墙下集箱接管座弯头1\φ54*7\20G\F022CME001E431\300MW</t>
  </si>
  <si>
    <t>【哈电锅炉】后烟道左侧包墙下集箱接管座弯头2\φ54*7\20G\F022CME001E431\300MW</t>
  </si>
  <si>
    <t>【哈电锅炉】后烟道右侧包墙下集箱接管座弯头1\φ54*7\20G\F022CME001E431\300MW</t>
  </si>
  <si>
    <t>【哈电锅炉】后烟道右侧包墙下集箱接管座弯头2\φ54*7\20G\F022CME001E431\300MW</t>
  </si>
  <si>
    <t>【哈电锅炉】水平烟道出口集箱接管座弯头1\φ51*6.5\20G\F022CMY001E431\300MW</t>
  </si>
  <si>
    <t>【哈电锅炉】水平烟道出口集箱接管座弯头2\φ51*6.5\20G\F022CMY001E431\300MW</t>
  </si>
  <si>
    <t>【哈电锅炉】水平烟道出口集箱接管座弯头3\φ51*6.5\20G\F022CMY001E431\300MW</t>
  </si>
  <si>
    <t>【哈电锅炉】水平烟道出口集箱接管座弯头4\φ51*6.5\20G\F022CMY001E431\300MW</t>
  </si>
  <si>
    <t>【哈电锅炉】水平烟道出口集箱接管座弯头5\φ51*6.5\20G\F022CMY001E431\300MW</t>
  </si>
  <si>
    <t>【哈电锅炉】水平烟道出口集箱接管座弯头6\φ51*6.5\20G\F022CMY001E431\300MW</t>
  </si>
  <si>
    <t>【哈电锅炉】立式低温过热器90°弯头\φ51*6\12Cr1MoVG\F022CFE001E431\300MW</t>
  </si>
  <si>
    <t>【哈电锅炉】立式低温过热器上部70°S 弯管\φ51*6\12Cr1MoVG\F022CFE001E431\300MW</t>
  </si>
  <si>
    <t>【哈电锅炉】立式低温过热器出口集箱接管座弯头1\φ51*7\15CrMoG\F022CMU001E431\300MW</t>
  </si>
  <si>
    <t>【哈电锅炉】立式低温过热器出口集箱接管座弯头2\φ51*7\15CrMoG\F022CMU001E431\300MW</t>
  </si>
  <si>
    <t>【哈电锅炉】立式低温过热器出口集箱接管座弯头3\φ51*7\15CrMoG\F022CMU001E431\300MW</t>
  </si>
  <si>
    <t>【哈电锅炉】上部水平低温过热器管180°小弯管\φ51*6\15CrMoG\F022CFB001E431\300MW</t>
  </si>
  <si>
    <t>【哈电锅炉】上部水平低温过热器管180°大弯管\φ51*6\15CrMoG\F022CFB001E431\300MW</t>
  </si>
  <si>
    <t>【哈电锅炉】上部水平低温过热器90°弯头\φ51*6\15CrMoG\F022CFB001E431\300MW</t>
  </si>
  <si>
    <t>【哈电锅炉】下部水平低温过热器60°弯管\φ51*6\15CrMoG\F022CFD001E431\300MW</t>
  </si>
  <si>
    <t>【哈电锅炉】下部水平低温过热器90°弯管\φ51*6\15CrMoG\F022CFD001E431\300MW</t>
  </si>
  <si>
    <t>【哈电锅炉】下部水平低温过热器管180°小弯管\φ51*6\15CrMoG\F022CFD001E431\300MW</t>
  </si>
  <si>
    <t>【哈电锅炉】下部水平低温过热器180°大弯管\φ51*6\15CrMoG\F022CFD001E431\300MW</t>
  </si>
  <si>
    <t>【哈电锅炉】下部水平低温过热器三叉管1\φ51*6\15CrMoG\F022CFD001E431\300MW</t>
  </si>
  <si>
    <t>【哈电锅炉】下部水平低温过热器三叉管2\φ51*6\15CrMoG\F022CFD001E431\300MW</t>
  </si>
  <si>
    <t>【哈电锅炉】下部水平低温过热器三叉管3\φ51*6\15CrMoG\F022CFD001E431\300MW</t>
  </si>
  <si>
    <t>【哈电锅炉】分隔屏过热器28°管弯头\φ51*6\12Cr1MoVG\F022CGD001E431\300MW</t>
  </si>
  <si>
    <t>【哈电锅炉】分隔屏过热器50°管弯头\φ60*10\12Cr1MoVG\F022CGD001E431\300MW</t>
  </si>
  <si>
    <t>【哈电锅炉】分隔屏过热器50°管弯头\φ51*6\12Cr1MoVG\F022CGD001E431\300MW</t>
  </si>
  <si>
    <t>【哈电锅炉】分隔屏过热器底部外数第1圈U型管\φ51*7\SA-213TP304H\F022CGD001E431\300MW</t>
  </si>
  <si>
    <t>【哈电锅炉】分隔屏过热器底部外数第2圈U型管\φ51*7\SA-213TP304H\F022CGD001E431\300MW</t>
  </si>
  <si>
    <t>【哈电锅炉】分隔屏过热器底部外数第3圈U型管\φ51*7\SA-213TP304H\F022CGD001E431\300MW</t>
  </si>
  <si>
    <t>【哈电锅炉】分隔屏过热器底部外数第4圈U型管\φ51*7\12Cr1MoVG\F022CGD001E431\300MW</t>
  </si>
  <si>
    <t>【哈电锅炉】分隔屏过热器底部外数第5圈U型管\φ51*7\12Cr1MoVG\F022CGD001E431\300MW</t>
  </si>
  <si>
    <t>【哈电锅炉】分隔屏过热器底部外数第6圈U型管\φ51*7\12Cr1MoVG\F022CGD001E431\300MW</t>
  </si>
  <si>
    <t>【哈电锅炉】分隔屏过热器底部外数第7圈U型管\φ51*7\12Cr1MoVG\F022CGD001E431\300MW</t>
  </si>
  <si>
    <t>【哈电锅炉】分隔屏过热器底部外数第8圈U型管\φ51*7\SA-213TP304H\F022CGD001E431\300MW</t>
  </si>
  <si>
    <t>【哈电锅炉】分隔屏过热器内圈管夹持管\φ51*7\SA-213TP304H\F022CGD001E431\300MW</t>
  </si>
  <si>
    <t>【哈电锅炉】流体冷却夹管三叉管\φ51*7.5\SA-213TP347H\F022CJP001E431\300MW</t>
  </si>
  <si>
    <t>【哈电锅炉】流体冷却夹管异型管1\φ51*7.5\SA-213TP347H\F022CJP001E431\300MW</t>
  </si>
  <si>
    <t>【哈电锅炉】流体冷却夹管异型管2\φ51*7.5\SA-213TP347H\F022CJP001E431\300MW</t>
  </si>
  <si>
    <t>【哈电锅炉】流体冷却夹管异型管3\φ51*7.5\SA-213TP347H\F022CJP001E431\300MW</t>
  </si>
  <si>
    <t>【哈电锅炉】流体冷却夹管异型管4\φ51*7.5\SA-213TP347H\F022CJP001E431\300MW</t>
  </si>
  <si>
    <t>【哈电锅炉】流体冷却夹管异型管5\φ51*7.5\SA-213TP347H\F022CJP001E431\300MW</t>
  </si>
  <si>
    <t>【哈电锅炉】流体冷却夹管异型管6\φ51*7.5\SA-213TP347H\F022CJP001E431\300MW</t>
  </si>
  <si>
    <t>【哈电锅炉】流体冷却夹管异型管7\φ51*7.5\SA-213TP347H\F022CJP001E431\300MW</t>
  </si>
  <si>
    <t>【哈电锅炉】流体冷却夹管异型管8\φ51*7.5\SA-213TP347H\F022CJP001E431\300MW</t>
  </si>
  <si>
    <t>【哈电锅炉】分隔屏入口集箱(左)接管座弯头1\φ51*8\20G\F022CMP001E431\300MW</t>
  </si>
  <si>
    <t>【哈电锅炉】分隔屏入口集箱(左)接管座弯头2\φ51*8\20G\F022CMP001E431\300MW</t>
  </si>
  <si>
    <t>【哈电锅炉】分隔屏入口集箱(左)接管座弯头3\φ51*8\20G\F022CMP001E431\300MW</t>
  </si>
  <si>
    <t>【哈电锅炉】分隔屏入口集箱(左)接管座弯头4\φ51*8\20G\F022CMP001E431\300MW</t>
  </si>
  <si>
    <t>【哈电锅炉】分隔屏入口集箱(左)接管座弯头5\φ51*8\20G\F022CMP001E431\300MW</t>
  </si>
  <si>
    <t>【哈电锅炉】分隔屏入口集箱(左)接管座弯头6\φ51*8\20G\F022CMP001E431\300MW</t>
  </si>
  <si>
    <t>【哈电锅炉】分隔屏入口集箱(左)接管座弯头7\φ51*8\20G\F022CMP001E431\300MW</t>
  </si>
  <si>
    <t>【哈电锅炉】分隔屏入口集箱(左)接管座弯头8\φ51*8\20G\F022CMP001E431\300MW</t>
  </si>
  <si>
    <t>【哈电锅炉】分隔屏入口集箱(左)接管座弯头9\φ51*8\20G\F022CMP001E431\300MW</t>
  </si>
  <si>
    <t>【哈电锅炉】分隔屏入口集箱(左)接管座弯头10\φ57*9.5\20G\F022CMP001E431\300MW</t>
  </si>
  <si>
    <t>【哈电锅炉】分隔屏入口集箱(左)接管座弯头11\φ57*9.5\20G\F022CMP001E431\300MW</t>
  </si>
  <si>
    <t>【哈电锅炉】分隔屏入口集箱(左)接管座弯头12\φ51*8\20G\F022CMP001E431\300MW</t>
  </si>
  <si>
    <t>【哈电锅炉】分隔屏入口集箱(左)接管座弯头13\φ51*8\20G\F022CMP001E431\300MW</t>
  </si>
  <si>
    <t>【哈电锅炉】分隔屏入口集箱(左)接管座弯头14\φ51*8\20G\F022CMP001E431\300MW</t>
  </si>
  <si>
    <t>【哈电锅炉】分隔屏入口集箱(左)接管座弯头15\φ51*8\20G\F022CMP001E431\300MW</t>
  </si>
  <si>
    <t>【哈电锅炉】分隔屏入口集箱(右)接管座弯头1\φ51*8\20G\F022CMP001E431\300MW</t>
  </si>
  <si>
    <t>【哈电锅炉】分隔屏入口集箱(右)接管座弯头2\φ51*8\20G\F022CMP001E431\300MW</t>
  </si>
  <si>
    <t>【哈电锅炉】分隔屏入口集箱(右)接管座弯头3\φ51*8\20G\F022CMP001E431\300MW</t>
  </si>
  <si>
    <t>【哈电锅炉】分隔屏入口集箱(右)接管座弯头4\φ51*8\20G\F022CMP001E431\300MW</t>
  </si>
  <si>
    <t>【哈电锅炉】分隔屏入口集箱(右)接管座弯头5\φ51*8\20G\F022CMP001E431\300MW</t>
  </si>
  <si>
    <t>【哈电锅炉】分隔屏入口集箱(右)接管座弯头6\φ51*8\20G\F022CMP001E431\300MW</t>
  </si>
  <si>
    <t>【哈电锅炉】分隔屏入口集箱(右)接管座弯头7\φ51*8\20G\F022CMP001E431\300MW</t>
  </si>
  <si>
    <t>【哈电锅炉】分隔屏入口集箱(右)接管座弯头8\φ51*8\20G\F022CMP001E431\300MW</t>
  </si>
  <si>
    <t>【哈电锅炉】分隔屏入口集箱(右)接管座弯头9\φ51*8\20G\F022CMP001E431\300MW</t>
  </si>
  <si>
    <t>【哈电锅炉】分隔屏入口集箱(右)接管座弯头10\φ57*9.5\20G\F022CMP001E431\300MW</t>
  </si>
  <si>
    <t>【哈电锅炉】分隔屏入口集箱(右)接管座弯头11\φ57*9.5\20G\F022CMP001E431\300MW</t>
  </si>
  <si>
    <t>【哈电锅炉】分隔屏入口集箱(右)接管座弯头12\φ51*8\20G\F022CMP001E431\300MW</t>
  </si>
  <si>
    <t>【哈电锅炉】分隔屏入口集箱(右)接管座弯头13\φ51*8\20G\F022CMP001E431\300MW</t>
  </si>
  <si>
    <t>【哈电锅炉】分隔屏入口集箱(右)接管座弯头14\φ51*8\20G\F022CMP001E431\300MW</t>
  </si>
  <si>
    <t>【哈电锅炉】分隔屏入口集箱(右)接管座弯头15\φ51*8\20G\F022CMP001E431\300MW</t>
  </si>
  <si>
    <t>【哈电锅炉】分隔屏出口集箱(左)接管座弯头1\φ51*7\15CrMoG\F022CMP001E431\300MW</t>
  </si>
  <si>
    <t>【哈电锅炉】分隔屏出口集箱(左)接管座弯头2\φ51*7\15CrMoG\F022CMP001E431\300MW</t>
  </si>
  <si>
    <t>【哈电锅炉】分隔屏出口集箱(左)接管座弯头3\φ51*7\15CrMoG\F022CMP001E431\300MW</t>
  </si>
  <si>
    <t>【哈电锅炉】分隔屏出口集箱(左)接管座弯头4\φ51*7\15CrMoG\F022CMP001E431\300MW</t>
  </si>
  <si>
    <t>【哈电锅炉】分隔屏出口集箱(左)接管座弯头5\φ51*7\15CrMoG\F022CMP001E431\300MW</t>
  </si>
  <si>
    <t>【哈电锅炉】分隔屏出口集箱(左)接管座弯头6\φ51*7\15CrMoG\F022CMP001E431\300MW</t>
  </si>
  <si>
    <t>【哈电锅炉】分隔屏出口集箱(左)接管座弯头7\φ51*7\15CrMoG\F022CMP001E431\300MW</t>
  </si>
  <si>
    <t>【哈电锅炉】分隔屏出口集箱(左)接管座弯头8\φ51*7\15CrMoG\F022CMP001E431\300MW</t>
  </si>
  <si>
    <t>【哈电锅炉】分隔屏出口集箱(左)接管座弯头9\φ51*7\15CrMoG\F022CMP001E431\300MW</t>
  </si>
  <si>
    <t>【哈电锅炉】分隔屏出口集箱(左)接管座弯头10\φ51*7\15CrMoG\F022CMP001E431\300MW</t>
  </si>
  <si>
    <t>【哈电锅炉】分隔屏出口集箱(左)接管座弯头11\φ51*7\15CrMoG\F022CMP001E431\300MW</t>
  </si>
  <si>
    <t>【哈电锅炉】分隔屏出口集箱(右)接管座弯头1\φ51*7\15CrMoG\F022CMP001E431\300MW</t>
  </si>
  <si>
    <t>【哈电锅炉】分隔屏出口集箱(右)接管座弯头2\φ51*7\15CrMoG\F022CMP001E431\300MW</t>
  </si>
  <si>
    <t>【哈电锅炉】分隔屏出口集箱(右)接管座弯头3\φ51*7\15CrMoG\F022CMP001E431\300MW</t>
  </si>
  <si>
    <t>【哈电锅炉】分隔屏出口集箱(右)接管座弯头4\φ51*7\15CrMoG\F022CMP001E431\300MW</t>
  </si>
  <si>
    <t>【哈电锅炉】分隔屏出口集箱(右)接管座弯头5\φ51*7\15CrMoG\F022CMP001E431\300MW</t>
  </si>
  <si>
    <t>【哈电锅炉】分隔屏出口集箱(右)接管座弯头6\φ51*7\15CrMoG\F022CMP001E431\300MW</t>
  </si>
  <si>
    <t>【哈电锅炉】分隔屏出口集箱(右)接管座弯头7\φ51*7\15CrMoG\F022CMP001E431\300MW</t>
  </si>
  <si>
    <t>【哈电锅炉】分隔屏出口集箱(右)接管座弯头8\φ51*7\15CrMoG\F022CMP001E431\300MW</t>
  </si>
  <si>
    <t>【哈电锅炉】分隔屏出口集箱(右)接管座弯头9\φ51*7\15CrMoG\F022CMP001E431\300MW</t>
  </si>
  <si>
    <t>【哈电锅炉】分隔屏出口集箱(右)接管座弯头10\φ51*7\15CrMoG\F022CMP001E431\300MW</t>
  </si>
  <si>
    <t>【哈电锅炉】分隔屏出口集箱(右)接管座弯头11\φ51*7\15CrMoG\F022CMP001E431\300MW</t>
  </si>
  <si>
    <t>【哈电锅炉】后屏过热器管前侧10°S弯\φ60*10\SA-213TP347H\F022CGB001E431\300MW</t>
  </si>
  <si>
    <t>【哈电锅炉】后屏过热器底部管外数第1根U型弯\φ60*10\SA-213TP347H\F022CGB001E431\300MW</t>
  </si>
  <si>
    <t>【哈电锅炉】后屏过热器底部管外数第2根U型弯\φ54*9\SA-213TP347H\F022CGB001E431\300MW</t>
  </si>
  <si>
    <t>【哈电锅炉】后屏过热器底部管外数第3根U型弯\φ54*9\SA-213TP347H\F022CGB001E431\300MW</t>
  </si>
  <si>
    <t>【哈电锅炉】后屏过热器底部管外数第4根U型弯\φ54*9\SA-213TP347H\F022CGB001E431\300MW</t>
  </si>
  <si>
    <t>【哈电锅炉】后屏过热器底部管外数第5根U型弯\φ54*9\12Cr1MoVG\F022CGB001E431\300MW</t>
  </si>
  <si>
    <t>【哈电锅炉】后屏过热器底部管外数第6根U型弯\φ54*9\12Cr1MoVG\F022CGB001E431\300MW</t>
  </si>
  <si>
    <t>【哈电锅炉】后屏过热器底部管外数第7根U型弯\φ54*9\12Cr1MoVG\F022CGB001E431\300MW</t>
  </si>
  <si>
    <t>【哈电锅炉】后屏过热器底部管外数第8根U型弯\φ54*9\12Cr1MoVG\F022CGB001E431\300MW</t>
  </si>
  <si>
    <t>【哈电锅炉】后屏过热器底部管外数第9根U型弯\φ54*9\12Cr1MoVG\F022CGB001E431\300MW</t>
  </si>
  <si>
    <t>【哈电锅炉】后屏过热器底部管外数第10根U型弯\φ54*9\12Cr1MoVG\F022CGB001E431\300MW</t>
  </si>
  <si>
    <t>【哈电锅炉】后屏过热器底部管外数第11根U型弯\φ54*9\12Cr1MoVG\F022CGB001E431\300MW</t>
  </si>
  <si>
    <t>【哈电锅炉】后屏过热器底部管外数第12根U型弯\φ54*9\12Cr1MoVG\F022CGB001E431\300MW</t>
  </si>
  <si>
    <t>【哈电锅炉】后屏过热器底部管外数第13根U型弯\φ54*9\12Cr1MoVG\F022CGB001E431\300MW</t>
  </si>
  <si>
    <t>【哈电锅炉】后屏过热器底部管外数第14根U型弯\φ54*9\12Cr1MoVG\F022CGB001E431\300MW</t>
  </si>
  <si>
    <t>【哈电锅炉】后屏过热器入口集箱(左)接管座弯头1\φ54*10\15CrMoG\F022CMQ001E431\300MW</t>
  </si>
  <si>
    <t>【哈电锅炉】后屏过热器入口集箱(左)接管座弯头2\φ54*10\15CrMoG\F022CMQ001E431\300MW</t>
  </si>
  <si>
    <t>【哈电锅炉】后屏过热器入口集箱(左)接管座弯头3\φ54*10\15CrMoG\F022CMQ001E431\300MW</t>
  </si>
  <si>
    <t>【哈电锅炉】后屏过热器入口集箱(左)接管座弯头4\φ54*10\15CrMoG\F022CMQ001E431\300MW</t>
  </si>
  <si>
    <t>【哈电锅炉】后屏过热器入口集箱(左)接管座弯头5\φ54*10\15CrMoG\F022CMQ001E431\300MW</t>
  </si>
  <si>
    <t>【哈电锅炉】后屏过热器入口集箱(左)接管座弯头6\φ54*10\15CrMoG\F022CMQ001E431\300MW</t>
  </si>
  <si>
    <t>【哈电锅炉】后屏过热器入口集箱(左)接管座弯头7\φ54*10\15CrMoG\F022CMQ001E431\300MW</t>
  </si>
  <si>
    <t>【哈电锅炉】后屏过热器入口集箱(左)接管座弯头8\φ60*10\15CrMoG\F022CMQ001E431\300MW</t>
  </si>
  <si>
    <t>【哈电锅炉】后屏过热器入口集箱(左)接管座弯头9\φ54*10\15CrMoG\F022CMQ001E431\300MW</t>
  </si>
  <si>
    <t>【哈电锅炉】后屏过热器入口集箱(左)接管座弯头10\φ54*10\15CrMoG\F022CMQ001E431\300MW</t>
  </si>
  <si>
    <t>【哈电锅炉】后屏过热器入口集箱(左)接管座弯头11\φ54*10\15CrMoG\F022CMQ001E431\300MW</t>
  </si>
  <si>
    <t>【哈电锅炉】后屏过热器入口集箱(左)接管座弯头12\φ54*10\15CrMoG\F022CMQ001E431\300MW</t>
  </si>
  <si>
    <t>【哈电锅炉】后屏过热器入口集箱(左)接管座弯头13\φ54*10\15CrMoG\F022CMQ001E431\300MW</t>
  </si>
  <si>
    <t>【哈电锅炉】后屏过热器入口集箱(左)接管座弯头14\φ54*10\15CrMoG\F022CMQ001E431\300MW</t>
  </si>
  <si>
    <t>【哈电锅炉】后屏过热器入口集箱(左)接管座弯头15\φ54*10\15CrMoG\F022CMQ001E431\300MW</t>
  </si>
  <si>
    <t>【哈电锅炉】后屏过热器入口集箱(左)接管座弯头16\φ60*10\15CrMoG\F022CMQ001E431\300MW</t>
  </si>
  <si>
    <t>【哈电锅炉】后屏过热器入口集箱(左)接管座弯头17\φ54*10\15CrMoG\F022CMQ001E431\300MW</t>
  </si>
  <si>
    <t>【哈电锅炉】后屏过热器入口集箱(左)接管座弯头18\φ54*10\15CrMoG\F022CMQ001E431\300MW</t>
  </si>
  <si>
    <t>【哈电锅炉】后屏过热器入口集箱(左)接管座弯头19\φ54*10\15CrMoG\F022CMQ001E431\300MW</t>
  </si>
  <si>
    <t>【哈电锅炉】后屏过热器入口集箱(左)接管座弯头20\φ54*10\15CrMoG\F022CMQ001E431\300MW</t>
  </si>
  <si>
    <t>【哈电锅炉】后屏过热器入口集箱(左)接管座弯头21\φ54*10\15CrMoG\F022CMQ001E431\300MW</t>
  </si>
  <si>
    <t>【哈电锅炉】后屏过热器入口集箱(左)接管座弯头22\φ54*10\15CrMoG\F022CMQ001E431\300MW</t>
  </si>
  <si>
    <t>【哈电锅炉】后屏过热器入口集箱(左)接管座弯头23\φ54*10\15CrMoG\F022CMQ001E431\300MW</t>
  </si>
  <si>
    <t>【哈电锅炉】后屏过热器入口集箱(左)接管座弯头24\φ54*10\15CrMoG\F022CMQ001E431\300MW</t>
  </si>
  <si>
    <t>【哈电锅炉】后屏过热器入口集箱(左)接管座弯头25\φ54*10\15CrMoG\F022CMQ001E431\300MW</t>
  </si>
  <si>
    <t>【哈电锅炉】后屏过热器入口集箱(左)接管座弯头26\φ54*10\15CrMoG\F022CMQ001E431\300MW</t>
  </si>
  <si>
    <t>【哈电锅炉】后屏过热器入口集箱(左)接管座弯头27\φ54*10\15CrMoG\F022CMQ001E431\300MW</t>
  </si>
  <si>
    <t>【哈电锅炉】后屏过热器入口集箱(左)接管座弯头28\φ54*10\15CrMoG\F022CMQ001E431\300MW</t>
  </si>
  <si>
    <t>【哈电锅炉】后屏过热器入口集箱(左)接管座弯头29\φ54*10\15CrMoG\F022CMQ001E431\300MW</t>
  </si>
  <si>
    <t>【哈电锅炉】后屏过热器入口集箱(左)接管座弯头30\φ54*10\15CrMoG\F022CMQ001E431\300MW</t>
  </si>
  <si>
    <t>【哈电锅炉】后屏过热器入口集箱(左)接管座弯头31\φ54*10\15CrMoG\F022CMQ001E431\300MW</t>
  </si>
  <si>
    <t>【哈电锅炉】后屏过热器入口集箱(右)接管座弯头1\φ54*10\15CrMoG\F022CMQ001E431\300MW</t>
  </si>
  <si>
    <t>【哈电锅炉】后屏过热器入口集箱(右)接管座弯头2\φ54*10\15CrMoG\F022CMQ001E431\300MW</t>
  </si>
  <si>
    <t>【哈电锅炉】后屏过热器入口集箱(右)接管座弯头3\φ54*10\15CrMoG\F022CMQ001E431\300MW</t>
  </si>
  <si>
    <t>【哈电锅炉】后屏过热器入口集箱(右)接管座弯头4\φ54*10\15CrMoG\F022CMQ001E431\300MW</t>
  </si>
  <si>
    <t>【哈电锅炉】后屏过热器入口集箱(右)接管座弯头5\φ54*10\15CrMoG\F022CMQ001E431\300MW</t>
  </si>
  <si>
    <t>【哈电锅炉】后屏过热器入口集箱(右)接管座弯头6\φ54*10\15CrMoG\F022CMQ001E431\300MW</t>
  </si>
  <si>
    <t>【哈电锅炉】后屏过热器入口集箱(右)接管座弯头7\φ54*10\15CrMoG\F022CMQ001E431\300MW</t>
  </si>
  <si>
    <t>【哈电锅炉】后屏过热器入口集箱(右)接管座弯头8\φ60*10\15CrMoG\F022CMQ001E431\300MW</t>
  </si>
  <si>
    <t>【哈电锅炉】后屏过热器入口集箱(右)接管座弯头9\φ54*10\15CrMoG\F022CMQ001E431\300MW</t>
  </si>
  <si>
    <t>【哈电锅炉】后屏过热器入口集箱(右)接管座弯头10\φ54*10\15CrMoG\F022CMQ001E431\300MW</t>
  </si>
  <si>
    <t>【哈电锅炉】后屏过热器入口集箱(右)接管座弯头11\φ54*10\15CrMoG\F022CMQ001E431\300MW</t>
  </si>
  <si>
    <t>【哈电锅炉】后屏过热器入口集箱(右)接管座弯头12\φ54*10\15CrMoG\F022CMQ001E431\300MW</t>
  </si>
  <si>
    <t>【哈电锅炉】后屏过热器入口集箱(右)接管座弯头13\φ54*10\15CrMoG\F022CMQ001E431\300MW</t>
  </si>
  <si>
    <t>【哈电锅炉】后屏过热器入口集箱(右)接管座弯头14\φ54*10\15CrMoG\F022CMQ001E431\300MW</t>
  </si>
  <si>
    <t>【哈电锅炉】后屏过热器入口集箱(右)接管座弯头15\φ54*10\15CrMoG\F022CMQ001E431\300MW</t>
  </si>
  <si>
    <t>【哈电锅炉】后屏过热器入口集箱(右)接管座弯头16\φ60*10\15CrMoG\F022CMQ001E431\300MW</t>
  </si>
  <si>
    <t>【哈电锅炉】后屏过热器入口集箱(右)接管座弯头17\φ54*10\15CrMoG\F022CMQ001E431\300MW</t>
  </si>
  <si>
    <t>【哈电锅炉】后屏过热器入口集箱(右)接管座弯头18\φ54*10\15CrMoG\F022CMQ001E431\300MW</t>
  </si>
  <si>
    <t>【哈电锅炉】后屏过热器入口集箱(右)接管座弯头19\φ54*10\15CrMoG\F022CMQ001E431\300MW</t>
  </si>
  <si>
    <t>【哈电锅炉】后屏过热器入口集箱(右)接管座弯头20\φ54*10\15CrMoG\F022CMQ001E431\300MW</t>
  </si>
  <si>
    <t>【哈电锅炉】后屏过热器入口集箱(右)接管座弯头21\φ54*10\15CrMoG\F022CMQ001E431\300MW</t>
  </si>
  <si>
    <t>【哈电锅炉】后屏过热器入口集箱(右)接管座弯头22\φ54*10\15CrMoG\F022CMQ001E431\300MW</t>
  </si>
  <si>
    <t>【哈电锅炉】后屏过热器入口集箱(右)接管座弯头23\φ54*10\15CrMoG\F022CMQ001E431\300MW</t>
  </si>
  <si>
    <t>【哈电锅炉】后屏过热器入口集箱(右)接管座弯头24\φ54*10\15CrMoG\F022CMQ001E431\300MW</t>
  </si>
  <si>
    <t>【哈电锅炉】后屏过热器入口集箱(右)接管座弯头25\φ54*10\15CrMoG\F022CMQ001E431\300MW</t>
  </si>
  <si>
    <t>【哈电锅炉】后屏过热器入口集箱(右)接管座弯头26\φ54*10\15CrMoG\F022CMQ001E431\300MW</t>
  </si>
  <si>
    <t>【哈电锅炉】后屏过热器入口集箱(右)接管座弯头27\φ54*10\15CrMoG\F022CMQ001E431\300MW</t>
  </si>
  <si>
    <t>【哈电锅炉】后屏过热器入口集箱(右)接管座弯头28\φ54*10\15CrMoG\F022CMQ001E431\300MW</t>
  </si>
  <si>
    <t>【哈电锅炉】后屏过热器入口集箱(右)接管座弯头29\φ54*10\15CrMoG\F022CMQ001E431\300MW</t>
  </si>
  <si>
    <t>【哈电锅炉】后屏过热器入口集箱(右)接管座弯头30\φ54*10\15CrMoG\F022CMQ001E431\300MW</t>
  </si>
  <si>
    <t>【哈电锅炉】后屏过热器入口集箱(右)接管座弯头31\φ54*10\15CrMoG\F022CMQ001E431\300MW</t>
  </si>
  <si>
    <t>【哈电锅炉】后屏过热器出口集箱接管座弯头1\Φ54*11\12Cr1MoVG\F022CMQ001E431\300MW</t>
  </si>
  <si>
    <t>【哈电锅炉】后屏过热器出口集箱接管座弯头2\Φ42*9\12Cr1MoVG\F022CMQ001E431\300MW</t>
  </si>
  <si>
    <t>【哈电锅炉】后屏过热器出口集箱接管座弯头3\Φ42*9\12Cr1MoVG\F022CMQ001E431\300MW</t>
  </si>
  <si>
    <t>【哈电锅炉】后屏过热器出口集箱接管座弯头4\Φ42*9\12Cr1MoVG\F022CMQ001E431\300MW</t>
  </si>
  <si>
    <t>【哈电锅炉】后屏过热器出口集箱接管座弯头5\Φ54*11\12Cr1MoVG\F022CMQ001E431\300MW</t>
  </si>
  <si>
    <t>【哈电锅炉】后屏过热器出口集箱接管座弯头6\Φ54*11\12Cr1MoVG\F022CMQ001E431\300MW</t>
  </si>
  <si>
    <t>【哈电锅炉】后屏过热器出口集箱接管座弯头7\Φ54*11\12Cr1MoVG\F022CMQ001E431\300MW</t>
  </si>
  <si>
    <t>【哈电锅炉】后屏过热器出口集箱接管座弯头8\Φ54*11\12Cr1MoVG\F022CMQ001E431\300MW</t>
  </si>
  <si>
    <t>【哈电锅炉】后屏过热器出口集箱接管座弯头9\Φ54*11\12Cr1MoVG\F022CMQ001E431\300MW</t>
  </si>
  <si>
    <t>【哈电锅炉】后屏过热器出口集箱接管座弯头10\Φ54*11\12Cr1MoVG\F022CMQ001E431\300MW</t>
  </si>
  <si>
    <t>【哈电锅炉】后屏过热器出口集箱接管座弯头11\Φ60*11\12Cr1MoVG\F022CMQ001E431\300MW</t>
  </si>
  <si>
    <t>【哈电锅炉】后屏过热器出口集箱接管座弯头12\Φ60*13\12Cr1MoVG\F022CMQ001E431\300MW</t>
  </si>
  <si>
    <t>【哈电锅炉】后屏过热器出口集箱接管座弯头13\Φ54*11\12Cr1MoVG\F022CMQ001E431\300MW</t>
  </si>
  <si>
    <t>【哈电锅炉】后屏过热器出口集箱接管座弯头14\Φ54*11\12Cr1MoVG\F022CMQ001E431\300MW</t>
  </si>
  <si>
    <t>【哈电锅炉】后屏过热器出口集箱接管座弯头15\Φ42*9\12Cr1MoVG\F022CMQ001E431\300MW</t>
  </si>
  <si>
    <t>【哈电锅炉】后屏过热器出口集箱接管座弯头16\Φ42*9\12Cr1MoVG\F022CMQ001E431\300MW</t>
  </si>
  <si>
    <t>【哈电锅炉】后屏过热器出口集箱接管座弯头17\Φ42*9\12Cr1MoVG\F022CMQ001E431\300MW</t>
  </si>
  <si>
    <t>【哈电锅炉】后屏过热器出口集箱接管座弯头18\Φ54*11\12Cr1MoVG\F022CMQ001E431\300MW</t>
  </si>
  <si>
    <t>【哈电锅炉】后屏过热器出口集箱接管座弯头19\Φ54*11\12Cr1MoVG\F022CMQ001E431\300MW</t>
  </si>
  <si>
    <t>【哈电锅炉】后屏过热器出口集箱接管座弯头20\Φ54*11\12Cr1MoVG\F022CMQ001E431\300MW</t>
  </si>
  <si>
    <t>【哈电锅炉】后屏过热器出口集箱接管座弯头21\Φ54*11\12Cr1MoVG\F022CMQ001E431\300MW</t>
  </si>
  <si>
    <t>【哈电锅炉】后屏过热器出口集箱接管座弯头22\Φ54*11\12Cr1MoVG\F022CMQ001E431\300MW</t>
  </si>
  <si>
    <t>【哈电锅炉】后屏过热器出口集箱接管座弯头23\Φ54*11\12Cr1MoVG\F022CMQ001E431\300MW</t>
  </si>
  <si>
    <t>【哈电锅炉】后屏过热器出口集箱接管座弯头24\Φ54*11\12Cr1MoVG\F022CMQ001E431\300MW</t>
  </si>
  <si>
    <t>【哈电锅炉】后屏过热器出口集箱接管座弯头25\Φ60*11\12Cr1MoVG\F022CMQ001E431\300MW</t>
  </si>
  <si>
    <t>【哈电锅炉】后屏过热器出口集箱接管座弯头26\Φ54*11\12Cr1MoVG\F022CMQ001E431\300MW</t>
  </si>
  <si>
    <t>【哈电锅炉】末级过热器70°大弯头1\φ51*9\12Cr1MoVG\F022CHD001E431\300MW</t>
  </si>
  <si>
    <t>【哈电锅炉】末级过热器70°小弯头1\φ51*9\12Cr1MoVG\F022CHD001E431\300MW</t>
  </si>
  <si>
    <t>【哈电锅炉】末级过热器70°大弯头2\φ51*7\SA-213T91\F022CHD001E431\300MW</t>
  </si>
  <si>
    <t>【哈电锅炉】末级过热器70°小弯头2\φ51*7\SA-213T91\F022CHD001E431\300MW</t>
  </si>
  <si>
    <t>【哈电锅炉】末级过热器110°大弯头1\φ51*9\12Cr1MoVG\F022CHD001E431\300MW</t>
  </si>
  <si>
    <t>【哈电锅炉】末级过热器110°小弯头1\φ51*9\12Cr1MoVG\F022CHD001E431\300MW</t>
  </si>
  <si>
    <t>【哈电锅炉】末级过热器110°大弯头2\φ51*7\SA-213T91\F022CHD001E431\300MW</t>
  </si>
  <si>
    <t>【哈电锅炉】末级过热器110°小弯头2\φ51*7\SA-213T91\F022CHD001E431\300MW</t>
  </si>
  <si>
    <t>【哈电锅炉】末级过热器上部第1根180°弯头\φ51*9\12Cr1MoVG\F022CHD001E431\300MW</t>
  </si>
  <si>
    <t>【哈电锅炉】末级过热器上部第2根180°弯头\φ51*9\12Cr1MoVG\F022CHD001E431\300MW</t>
  </si>
  <si>
    <t>【哈电锅炉】末级过热器上部第3根180°弯头\φ51*9\12Cr1MoVG\F022CHD001E431\300MW</t>
  </si>
  <si>
    <t>【哈电锅炉】末级过热器上部第4根180°弯头\φ51*7\SA-213T91\F022CHD001E431\300MW</t>
  </si>
  <si>
    <t>【哈电锅炉】末级过热器入口集箱接管座弯头1\φ51*10\12Cr1MoVG\F022CMT001E431\300MW</t>
  </si>
  <si>
    <t>【哈电锅炉】末级过热器入口集箱接管座弯头2\φ51*10\12Cr1MoVG\F022CMT001E431\300MW</t>
  </si>
  <si>
    <t>【哈电锅炉】末级过热器入口集箱接管座弯头3\φ51*10\12Cr1MoVG\F022CMT001E431\300MW</t>
  </si>
  <si>
    <t>【哈电锅炉】末级过热器入口集箱接管座弯头4\φ51*10\12Cr1MoVG\F022CMT001E431\300MW</t>
  </si>
  <si>
    <t>【哈电锅炉】末级过热器出口集箱接管座弯头1\φ51*11\12Cr1MoVG\F022CMT001E431\300MW</t>
  </si>
  <si>
    <t>【哈电锅炉】末级过热器出口集箱接管座弯头2\φ51*11\12Cr1MoVG\F022CMT001E431\300MW</t>
  </si>
  <si>
    <t>【哈电锅炉】墙式再热器前墙入口集箱接管座弯头1\φ50*4.5\15CrMoG\F022DJE001E431\300MW</t>
  </si>
  <si>
    <t>【哈电锅炉】墙式再热器前墙入口集箱接管座弯头2\φ50*4.5\15CrMoG\F022DJE001E431\300MW</t>
  </si>
  <si>
    <t>【哈电锅炉】墙式再热器90°弯头1\φ50*4.5\15CrMoG\F022DJE001E431\300MW</t>
  </si>
  <si>
    <t>【哈电锅炉】墙式再热器90°弯头2\φ50*4.5\15CrMoG\F022DJE001E431\300MW</t>
  </si>
  <si>
    <t>【哈电锅炉】墙式再热器90°弯头3\φ50*4.5\15CrMoG\F022DJE001E431\300MW</t>
  </si>
  <si>
    <t>【哈电锅炉】墙式再热器出口集箱接管座弯头1\φ50*4.5\15CrMoG\F022DJF001E431\300MW</t>
  </si>
  <si>
    <t>【哈电锅炉】墙式再热器出口集箱接管座弯头2\φ50*4.5\15CrMoG\F022DJF001E431\300MW</t>
  </si>
  <si>
    <t>【哈电锅炉】墙式再热器出口集箱接管座弯头3\φ50*4.5\15CrMoG\F022DJF001E431\300MW</t>
  </si>
  <si>
    <t>【哈电锅炉】墙式再热器出口集箱接管座弯头4\φ50*4.5\15CrMoG\F022DJF001E431\300MW</t>
  </si>
  <si>
    <t>【哈电锅炉】墙式再热器出口集箱接管座弯头5\φ50*4.5\15CrMoG\F022DJF001E431\300MW</t>
  </si>
  <si>
    <t>【哈电锅炉】墙式再热器出口集箱接管座弯头6\φ50*4.5\15CrMoG\F022DJF001E431\300MW</t>
  </si>
  <si>
    <t>【哈电锅炉】墙式再热器出口集箱接管座弯头7\φ50*4.5\15CrMoG\F022DJF001E431\300MW</t>
  </si>
  <si>
    <t>【哈电锅炉】墙式再热器出口集箱接管座弯头8\φ50*4.5\15CrMoG\F022DJF001E431\300MW</t>
  </si>
  <si>
    <t>【哈电锅炉】墙式再热器出口集箱接管座弯头9\φ50*4.5\15CrMoG\F022DJF001E431\300MW</t>
  </si>
  <si>
    <t>【哈电锅炉】墙式再热器出口集箱接管座弯头10\φ50*4.5\15CrMoG\F022DJF001E431\300MW</t>
  </si>
  <si>
    <t>【哈电锅炉】墙式再热器出口集箱接管座弯头11\φ50*4.5\15CrMoG\F022DJF001E431\300MW</t>
  </si>
  <si>
    <t>【哈电锅炉】墙式再热器出口集箱接管座弯头12\φ50*4.5\15CrMoG\F022DJF001E431\300MW</t>
  </si>
  <si>
    <t>【哈电锅炉】墙式再热器出口集箱接管座弯头13\φ50*4.5\15CrMoG\F022DJF001E431\300MW</t>
  </si>
  <si>
    <t>【哈电锅炉】墙式再热器出口集箱接管座弯头14\φ50*4.5\15CrMoG\F022DJF001E431\300MW</t>
  </si>
  <si>
    <t>【哈电锅炉】后屏再热器下部120°弯头\φ63*4\SA-213T91\F022DDL001E431\300MW</t>
  </si>
  <si>
    <t>【哈电锅炉】后屏再热器下部60°弯头\φ63*4\SA-213T91\F022DDL001E431\300MW</t>
  </si>
  <si>
    <t>【哈电锅炉】后屏再热器下部120°弯头\φ63*4\12Cr1MoVG\F022DDL001E431\300MW</t>
  </si>
  <si>
    <t>【哈电锅炉】后屏再热器下部60°弯头\φ63*4\12Cr1MoVG\F022DDL001E431\300MW</t>
  </si>
  <si>
    <t>【哈电锅炉】后屏再热器180°弯头\φ63*4\12Cr1MoVG\F022DDL001E431\300MW</t>
  </si>
  <si>
    <t>【哈电锅炉】后屏再热器U型弯头\φ63*4\12Cr1MoVG\F022DDL001E431\300MW</t>
  </si>
  <si>
    <t>【哈电锅炉】后屏再热器夹持管\φ63*4\12Cr1MoVG\F022DDL001E431\300MW</t>
  </si>
  <si>
    <t>【哈电锅炉】后屏再热器前侧S弯\φ63*4\SA-213TP347H\F022DDL001E431\300MW</t>
  </si>
  <si>
    <t>【哈电锅炉】后屏再热器后侧S弯\φ63*4\SA-213TP347H\F022DDL001E431\300MW</t>
  </si>
  <si>
    <t>【哈电锅炉】屏式再热器入口集箱接管座弯头1\φ63*4.5\15CrMoG\F022DJG001E431\300MW</t>
  </si>
  <si>
    <t>【哈电锅炉】屏式再热器入口集箱接管座弯头2\φ63*4.5\15CrMoG\F022DJG001E431\300MW</t>
  </si>
  <si>
    <t>【哈电锅炉】屏式再热器入口集箱接管座弯头3\φ63*4.5\15CrMoG\F022DJG001E431\300MW</t>
  </si>
  <si>
    <t>【哈电锅炉】屏式再热器入口集箱接管座弯头4\φ63*4.5\15CrMoG\F022DJG001E431\300MW</t>
  </si>
  <si>
    <t>【哈电锅炉】屏式再热器入口集箱接管座弯头5\φ63*4.5\15CrMoG\F022DJG001E431\300MW</t>
  </si>
  <si>
    <t>【哈电锅炉】屏式再热器入口集箱接管座弯头6\φ63*4.5\15CrMoG\F022DJG001E431\300MW</t>
  </si>
  <si>
    <t>【哈电锅炉】屏式再热器入口集箱接管座弯头7\φ63*4.5\15CrMoG\F022DJG001E431\300MW</t>
  </si>
  <si>
    <t>【哈电锅炉】屏式再热器入口集箱接管座弯头8\φ63*4.5\15CrMoG\F022DJG001E431\300MW</t>
  </si>
  <si>
    <t>【哈电锅炉】屏式再热器入口集箱接管座弯头9\φ63*4.5\15CrMoG\F022DJG001E431\300MW</t>
  </si>
  <si>
    <t>【哈电锅炉】屏式再热器入口集箱接管座弯头10\φ63*4.5\15CrMoG\F022DJG001E431\300MW</t>
  </si>
  <si>
    <t>【哈电锅炉】屏式再热器入口集箱接管座弯头11\φ63*4.5\15CrMoG\F022DJG001E431\300MW</t>
  </si>
  <si>
    <t>【哈电锅炉】屏式再热器入口集箱接管座弯头12\φ63*4.5\15CrMoG\F022DJG001E431\300MW</t>
  </si>
  <si>
    <t>【哈电锅炉】屏式再热器入口集箱接管座弯头13\φ63*4.5\15CrMoG\F022DJG001E431\300MW</t>
  </si>
  <si>
    <t>【哈电锅炉】屏式再热器入口集箱接管座弯头14\φ63*4.5\15CrMoG\F022DJG001E431\300MW</t>
  </si>
  <si>
    <t>【哈电锅炉】屏式再热器入口集箱接管座弯头15\φ63*4.5\15CrMoG\F022DJG001E431\300MW</t>
  </si>
  <si>
    <t>【哈电锅炉】屏式再热器入口集箱接管座弯头16\φ63*4.5\15CrMoG\F022DJG001E431\300MW</t>
  </si>
  <si>
    <t>【哈电锅炉】屏式再热器入口集箱接管座弯头17\φ63*4.5\15CrMoG\F022DJG001E431\300MW</t>
  </si>
  <si>
    <t>【哈电锅炉】屏式再热器入口集箱接管座弯头18\φ63*4.5\15CrMoG\F022DJG001E431\300MW</t>
  </si>
  <si>
    <t>【哈电锅炉】屏式再热器入口集箱接管座弯头19\φ63*4.5\15CrMoG\F022DJG001E431\300MW</t>
  </si>
  <si>
    <t>【哈电锅炉】屏式再热器入口集箱接管座弯头20\φ63*4.5\15CrMoG\F022DJG001E431\300MW</t>
  </si>
  <si>
    <t>【哈电锅炉】屏式再热器入口集箱接管座弯头21\φ63*4.5\15CrMoG\F022DJG001E431\300MW</t>
  </si>
  <si>
    <t>【哈电锅炉】屏式再热器入口集箱接管座弯头22\φ63*4.5\15CrMoG\F022DJG001E431\300MW</t>
  </si>
  <si>
    <t>【哈电锅炉】屏式再热器入口集箱接管座弯头23\φ63*4.5\15CrMoG\F022DJG001E431\300MW</t>
  </si>
  <si>
    <t>【哈电锅炉】屏式再热器入口集箱接管座弯头24\φ63*4.5\15CrMoG\F022DJG001E431\300MW</t>
  </si>
  <si>
    <t>【哈电锅炉】屏式再热器入口集箱接管座弯头25\φ63*4.5\15CrMoG\F022DJG001E431\300MW</t>
  </si>
  <si>
    <t>【哈电锅炉】屏式再热器入口集箱接管座弯头26\φ63*4.5\15CrMoG\F022DJG001E431\300MW</t>
  </si>
  <si>
    <t>【哈电锅炉】屏式再热器出口集箱接管座弯头1\φ63*4.5\12Cr1MoVG\F022DJG001E431\300MW</t>
  </si>
  <si>
    <t>【哈电锅炉】屏式再热器出口集箱接管座弯头2\φ63*4.5\12Cr1MoVG\F022DJG001E431\300MW</t>
  </si>
  <si>
    <t>【哈电锅炉】屏式再热器出口集箱接管座弯头3\φ63*4.5\12Cr1MoVG\F022DJG001E431\300MW</t>
  </si>
  <si>
    <t>【哈电锅炉】屏式再热器出口集箱接管座弯头4\φ63*4.5\12Cr1MoVG\F022DJG001E431\300MW</t>
  </si>
  <si>
    <t>【哈电锅炉】屏式再热器出口集箱接管座弯头5\φ63*4.5\12Cr1MoVG\F022DJG001E431\300MW</t>
  </si>
  <si>
    <t>【哈电锅炉】屏式再热器出口集箱接管座弯头6\φ63*4.5\12Cr1MoVG\F022DJG001E431\300MW</t>
  </si>
  <si>
    <t>【哈电锅炉】屏式再热器出口集箱接管座弯头7\φ63*4.5\12Cr1MoVG\F022DJG001E431\300MW</t>
  </si>
  <si>
    <t>【哈电锅炉】屏式再热器出口集箱接管座弯头8\φ63*4.5\12Cr1MoVG\F022DJG001E431\300MW</t>
  </si>
  <si>
    <t>【哈电锅炉】屏式再热器出口集箱接管座弯头9\φ63*4.5\12Cr1MoVG\F022DJG001E431\300MW</t>
  </si>
  <si>
    <t>【哈电锅炉】屏式再热器出口集箱接管座弯头10\φ63*4.5\12Cr1MoVG\F022DJG001E431\300MW</t>
  </si>
  <si>
    <t>【哈电锅炉】屏式再热器出口集箱接管座弯头11\φ63*4.5\12Cr1MoVG\F022DJG001E431\300MW</t>
  </si>
  <si>
    <t>【哈电锅炉】屏式再热器出口集箱接管座弯头12\φ63*4.5\12Cr1MoVG\F022DJG001E431\300MW</t>
  </si>
  <si>
    <t>【哈电锅炉】屏式再热器出口集箱接管座弯头13\φ63*4.5\12Cr1MoVG\F022DJG001E431\300MW</t>
  </si>
  <si>
    <t>【哈电锅炉】屏式再热器出口集箱接管座弯头14\φ63*4.5\12Cr1MoVG\F022DJG001E431\300MW</t>
  </si>
  <si>
    <t>【哈电锅炉】屏式再热器出口集箱接管座弯头15\φ63*4.5\12Cr1MoVG\F022DJG001E431\300MW</t>
  </si>
  <si>
    <t>【哈电锅炉】屏式再热器出口集箱接管座弯头16\φ63*4.5\12Cr1MoVG\F022DJG001E431\300MW</t>
  </si>
  <si>
    <t>【哈电锅炉】屏式再热器出口集箱接管座弯头17\φ63*4.5\SA-213T91\F022DJG001E431\300MW</t>
  </si>
  <si>
    <t>【哈电锅炉】屏式再热器出口集箱接管座弯头18\φ63*4.5\SA-213T91\F022DJG001E431\300MW</t>
  </si>
  <si>
    <t>【哈电锅炉】屏式再热器出口集箱接管座弯头19\φ63*4.5\12Cr1MoVG\F022DJG001E431\300MW</t>
  </si>
  <si>
    <t>【哈电锅炉】屏式再热器出口集箱接管座弯头20\φ63*4.5\12Cr1MoVG\F022DJG001E431\300MW</t>
  </si>
  <si>
    <t>【哈电锅炉】屏式再热器出口集箱接管座弯头21\φ63*4.5\12Cr1MoVG\F022DJG001E431\300MW</t>
  </si>
  <si>
    <t>【哈电锅炉】屏式再热器出口集箱接管座弯头22\φ63*4.5\12Cr1MoVG\F022DJG001E431\300MW</t>
  </si>
  <si>
    <t>【哈电锅炉】屏式再热器出口集箱接管座弯头23\φ63*4.5\12Cr1MoVG\F022DJG001E431\300MW</t>
  </si>
  <si>
    <t>【哈电锅炉】屏式再热器出口集箱接管座弯头24\φ63*4.5\12Cr1MoVG\F022DJG001E431\300MW</t>
  </si>
  <si>
    <t>【哈电锅炉】屏式再热器出口集箱接管座弯头25\φ63*4.5\12Cr1MoVG\F022DJG001E431\300MW</t>
  </si>
  <si>
    <t>【哈电锅炉】屏式再热器出口集箱接管座弯头26\φ63*4.5\12Cr1MoVG\F022DJG001E431\300MW</t>
  </si>
  <si>
    <t>【哈电锅炉】再热器异种钢接头1\φ66*4.5\SA-213TP347H+12Cr1MoVG\F022DDL001E431\300MW</t>
  </si>
  <si>
    <t>【哈电锅炉】再热器异种钢接头2\φ66*4.5\12Cr1MoVG+SA-213T91\F022DDL001E431\300MW</t>
  </si>
  <si>
    <t>【哈电锅炉】再热器异种钢接头3\φ63*4\SA-213TP347H+SA-213T91\F022DDL001E431\300MW</t>
  </si>
  <si>
    <t>【哈电锅炉】再热器异种钢接头4\φ66*4\φ66\F022DDL001E431\300MW</t>
  </si>
  <si>
    <t>【哈电锅炉】再热器异种钢接头5\φ63*4.5／φ63\12Cr1MoVG+SA-213T91\F022DDL001E431\300MW</t>
  </si>
  <si>
    <t>【哈电锅炉】末级再热器上部S弯1\φ63*4\SA-213T91\F022DEA001E431\300MW</t>
  </si>
  <si>
    <t>【哈电锅炉】末级再热器上部S弯2\φ63*4\SA-213TP347H\F022DEA001E431\300MW</t>
  </si>
  <si>
    <t>【哈电锅炉】末级再热器上部S弯3\φ63*4\12Cr1MoVG\F022DEA001E431\300MW</t>
  </si>
  <si>
    <t>【哈电锅炉】末级再热器下部U型管\φ63*4\SA-213T91\F022DEA001E431\300MW</t>
  </si>
  <si>
    <t>【哈电锅炉】末级再热器下部U型管\φ63*7\SA-213T91\F022DEA001E431\300MW</t>
  </si>
  <si>
    <t>【哈电锅炉】末级再热器下部180°弯管\φ63*4\SA-213T91\F022DEA001E431\300MW</t>
  </si>
  <si>
    <t>【哈电锅炉】末级再热器下部120°弯管\φ63*4\SA-213T91\F022DEA001E431\300MW</t>
  </si>
  <si>
    <t>【哈电锅炉】末级再热器下部60°弯管\φ63*4\SA-213T91\F022DEA001E431\300MW</t>
  </si>
  <si>
    <t>【哈电锅炉】末级再热器入口集箱接管座弯头1\Φ57*5\12Cr1MoVG\F022DJH001E431\300MW</t>
  </si>
  <si>
    <t>【哈电锅炉】末级再热器入口集箱接管座弯头2\Φ57*5\12Cr1MoVG\F022DJH001E431\300MW</t>
  </si>
  <si>
    <t>【哈电锅炉】末级再热器入口集箱接管座弯头3\Φ57*5\12Cr1MoVG\F022DJH001E431\300MW</t>
  </si>
  <si>
    <t>【哈电锅炉】末级再热器入口集箱接管座弯头4\Φ57*5\12Cr1MoVG\F022DJH001E431\300MW</t>
  </si>
  <si>
    <t>【哈电锅炉】末级再热器入口集箱接管座弯头5\Φ63*5\12Cr1MoVG\F022DJH001E431\300MW</t>
  </si>
  <si>
    <t>【哈电锅炉】末级再热器入口集箱接管座弯头6\Φ63*5\12Cr1MoVG\F022DJH001E431\300MW</t>
  </si>
  <si>
    <t>【哈电锅炉】末级再热器入口集箱接管座弯头7\Φ63*5\12Cr1MoVG\F022DJH001E431\300MW</t>
  </si>
  <si>
    <t>【哈电锅炉】末级再热器入口集箱接管座弯头8\Φ57*5\12Cr1MoVG\F022DJH001E431\300MW</t>
  </si>
  <si>
    <t>【哈电锅炉】末级再热器入口集箱接管座弯头9\Φ57*5\12Cr1MoVG\F022DJH001E431\300MW</t>
  </si>
  <si>
    <t>【哈电锅炉】末级再热器入口集箱接管座弯头10\Φ57*5\12Cr1MoVG\F022DJH001E431\300MW</t>
  </si>
  <si>
    <t>【哈电锅炉】末级再热器入口集箱接管座弯头11\Φ57*5\12Cr1MoVG\F022DJH001E431\300MW</t>
  </si>
  <si>
    <t>【哈电锅炉】末级再热器入口集箱接管座弯头12\Φ63*5\12Cr1MoVG\F022DJH001E431\300MW</t>
  </si>
  <si>
    <t>【哈电锅炉】末级再热器入口集箱接管座弯头13\Φ63*5\12Cr1MoVG\F022DJH001E431\300MW</t>
  </si>
  <si>
    <t>【哈电锅炉】末级再热器入口集箱接管座弯头14\Φ63*5\12Cr1MoVG\F022DJH001E431\300MW</t>
  </si>
  <si>
    <t>【哈电锅炉】末级再热器出口集箱(右)接管座弯头1\Φ63*4.5\SA-213T91\F022DJH001E431\300MW</t>
  </si>
  <si>
    <t>【哈电锅炉】末级再热器出口集箱(右)接管座弯头2\Φ63*4.5\SA-213T91\F022DJH001E431\300MW</t>
  </si>
  <si>
    <t>【哈电锅炉】末级再热器出口集箱(右)接管座弯头3\Φ63*4.5\SA-213T91\F022DJH001E431\300MW</t>
  </si>
  <si>
    <t>【哈电锅炉】末级再热器出口集箱(右)接管座弯头4\Φ63*4.5\SA-213T91\F022DJH001E431\300MW</t>
  </si>
  <si>
    <t>【哈电锅炉】末级再热器出口集箱(右)接管座弯头5\Φ63*4.5\SA-213T91\F022DJH001E431\300MW</t>
  </si>
  <si>
    <t>【哈电锅炉】末级再热器出口集箱(右)接管座弯头6\Φ63*4.5\SA-213T91\F022DJH001E431\300MW</t>
  </si>
  <si>
    <t>【哈电锅炉】末级再热器出口集箱(右)接管座弯头7\Φ63*4.5\SA-213T91\F022DJH001E431\300MW</t>
  </si>
  <si>
    <t>【哈电锅炉】末级再热器出口集箱(左)接管座弯头1\Φ63*4.5\SA-213T91\F022DJH001E431\300MW</t>
  </si>
  <si>
    <t>【哈电锅炉】末级再热器出口集箱(左)接管座弯头2\Φ63*4.5\SA-213T91\F022DJH001E431\300MW</t>
  </si>
  <si>
    <t>【哈电锅炉】末级再热器出口集箱(左)接管座弯头3\Φ63*4.5\SA-213T91\F022DJH001E431\300MW</t>
  </si>
  <si>
    <t>【哈电锅炉】末级再热器出口集箱(左)接管座弯头4\Φ63*4.5\SA-213T91\F022DJH001E431\300MW</t>
  </si>
  <si>
    <t>【哈电锅炉】末级再热器出口集箱(左)接管座弯头5\Φ63*4.5\SA-213T91\F022DJH001E431\300MW</t>
  </si>
  <si>
    <t>【哈电锅炉】末级再热器出口集箱(左)接管座弯头6\Φ63*4.5\SA-213T91\F022DJH001E431\300MW</t>
  </si>
  <si>
    <t>【哈电锅炉】末级再热器出口集箱(左)接管座弯头7\Φ63*4.5\SA-213T91\F022DJH001E431\300MW</t>
  </si>
  <si>
    <t>【哈电锅炉】测量孔弯管Ⅰ型(A=434;B=434;a=0,b=0;B型)\内螺纹φ63.5*6.6MWT\SA-210C\YT15-1846(YT15-1847)\300MW</t>
  </si>
  <si>
    <t>【哈电锅炉】看火孔弯管(A=702;B=702;a=0;b=0;B型)\内螺纹φ63.5*7\SA-210C\YT15-1855\300MW</t>
  </si>
  <si>
    <t>【哈电锅炉】看火孔弯管(A=702;B=702;a=0;b=0;B型)\内螺纹φ63.5*7 NO.1\SA-210C\YT15-1856\300MW</t>
  </si>
  <si>
    <t>【哈电锅炉】看火孔弯管(A=702;B=702;a=0;b=0;B型)\内螺纹φ63.5*7 NO.2\SA-210C\YT15-1856\300MW</t>
  </si>
  <si>
    <t>【哈电锅炉】看火孔弯管(A=702;B=702;a=0;b=0;B型)\内螺纹φ63.5*7 NO.2\SA-210C\YT15-1857\300MW</t>
  </si>
  <si>
    <t>【哈电锅炉】温度探针弯管Ⅳ型(A=640;B=471;a=169,b=0;B型)\内螺纹φ63.5*6.6MWT\SA-210C\2003-1226\300MW</t>
  </si>
  <si>
    <t>【哈电锅炉】电视摄像孔弯管Ⅳ(A=471;B=1140;a=169,b=0;B型)\内螺纹φ63.5*6.6MWT\SA-210C\2003-1226\300MW</t>
  </si>
  <si>
    <t>【哈电锅炉】看火孔弯管Ⅲ型(A=478;B=920;a=0;b=442;B型)\内螺纹φ63.5*6.6MWT\SA-210C\2003-1220\300MW</t>
  </si>
  <si>
    <t>【哈电锅炉】看火孔弯管Ⅲ型(A=478;B=478;a=0;b=0;B型)\内螺纹φ63.5*6.6MWT\SA-210C\2003-1220\300MW</t>
  </si>
  <si>
    <t>【哈电锅炉】看火孔弯管Ⅲ型(A=478;B=950;a=0;b=472;B型)\内螺纹φ63.5*6.6MWT\SA-210C\2003-1220\300MW</t>
  </si>
  <si>
    <t>【哈电锅炉】看火孔弯管Ⅳ型(A=478;B=478;a=0;b=0;B型)\内螺纹φ63.5*6.6MWT\SA-210C\2003-1220\300MW</t>
  </si>
  <si>
    <t>【哈电锅炉】通孔弯管\内螺纹φ63.5*6.6MWT\SA-210C\2003-1220\300MW</t>
  </si>
  <si>
    <t>【哈电锅炉】绳孔弯管\内螺纹φ63.5*6.6MWT\SA-210C\YT15-1831(YT15-1832)\300MW</t>
  </si>
  <si>
    <t>【哈电锅炉】绳孔弯管\内螺纹φ63.5*6.6MWT\SA-210C\YT15-1832\300MW</t>
  </si>
  <si>
    <t>【哈电锅炉】吹灰孔弯管Ⅲ型(A=471;B=471;a=0,b=0;B型)\内螺纹φ63.5*7\SA-210C\2003-1226\300MW</t>
  </si>
  <si>
    <t>【哈电锅炉】吹灰孔弯管Ⅳ型(A=455;B=455;a=0,b=0;B型)\内螺纹φ63.5*6.6MWT\SA-210C\2003-1226\300MW</t>
  </si>
  <si>
    <t>【哈电锅炉】人孔弯管 Ⅱ型\内螺纹φ57*7\20G\2002-1230\300MW</t>
  </si>
  <si>
    <t>【哈电锅炉】集箱手孔端盖Ⅰ(省煤器入口集箱)\*\20G\HG1041-2011\300MW</t>
  </si>
  <si>
    <t>【哈电锅炉】集箱手孔端盖Ⅰ(省煤器出口集箱)\*\20G\HG1041-2011\300MW</t>
  </si>
  <si>
    <t>【哈电锅炉】集箱手孔端盖Ⅰ(后水冷壁吊挂管出口集箱)\*\20G\HG1041-2011\300MW</t>
  </si>
  <si>
    <t>【哈电锅炉】集箱手孔端盖Ⅰ(水冷壁下集箱)\*\20G\HG1041-2011\300MW</t>
  </si>
  <si>
    <t>【哈电锅炉】集箱手孔端盖Ⅰ(顶棚入口集箱)\*\20G\HG1041-2011\300MW</t>
  </si>
  <si>
    <t>【哈电锅炉】集箱手孔端盖Ⅰ(后烟道前墙上集箱)\*\20G\HG1041-2011\300MW</t>
  </si>
  <si>
    <t>【哈电锅炉】集箱手孔端盖Ⅰ(后烟道侧墙上集箱)\*\20G\HG1041-2011\300MW</t>
  </si>
  <si>
    <t>【哈电锅炉】集箱手孔端盖Ⅰ(水平烟道侧包墙下集箱)\*\20G\HG1041-2011\300MW</t>
  </si>
  <si>
    <t>【哈电锅炉】集箱手孔端盖Ⅰ(省煤器吊挂集箱)\*\20G\HG1041-2011\300MW</t>
  </si>
  <si>
    <t>【哈电锅炉】集箱手孔端盖Ⅰ(后烟道侧墙下集箱)\*\20G\HG1041-2011\300MW</t>
  </si>
  <si>
    <t>【哈电锅炉】集箱手孔端盖Ⅰ(水平低温过热器入口集箱)\*\20G\HG1041-2011\300MW</t>
  </si>
  <si>
    <t>【哈电锅炉】集箱手孔端盖Ⅲ(立式低温过热器出口集箱)\*\15CrMo\HG1041-2011\300MW</t>
  </si>
  <si>
    <t>【哈电锅炉】集箱手孔端盖Ⅱ(末级过热器入口集箱)\*\12Cr1MoV\HG1041-2011\300MW</t>
  </si>
  <si>
    <t>【哈电锅炉】集箱手孔端盖Ⅱ(末级过热器出口集箱)\*\12Cr1MoV\HG1041-2011\300MW</t>
  </si>
  <si>
    <t>【哈电锅炉】集箱手孔端盖Ⅰ(分隔屏入口集箱)\*\20G\HG1041-2011\300MW</t>
  </si>
  <si>
    <t>【哈电锅炉】集箱手孔端盖Ⅲ(分隔屏出口集箱)\*\15CrMo\HG1041-2011\300MW</t>
  </si>
  <si>
    <t>【哈电锅炉】集箱手孔端盖Ⅲ(后屏过热器入口集箱)\*\15CrMo\HG1041-2011\300MW</t>
  </si>
  <si>
    <t>【哈电锅炉】集箱手孔端盖Ⅱ(后屏过热器出口集箱)\*\12Cr1MoV\HG1041-2011\300MW</t>
  </si>
  <si>
    <t>【哈电锅炉】集箱手孔端盖Ⅰ(壁式辐射再热器墙入口集箱)\*\20G\HG1041-2011\300MW</t>
  </si>
  <si>
    <t>【哈电锅炉】集箱手孔端盖Ⅰ(壁式辐射再热器出口集箱)\*\20G\HG1041-2011\300MW</t>
  </si>
  <si>
    <t>【哈电锅炉】集箱手孔端盖Ⅰ(后屏再热器入口集箱)\*\20G\HG1041-2011\300MW</t>
  </si>
  <si>
    <t>【哈电锅炉】集箱手孔端盖Ⅱ(后屏再热器出口集箱)\*\12Cr1MoV\HG1041-2011\300MW</t>
  </si>
  <si>
    <t>【哈电锅炉】集箱手孔端盖Ⅱ(末级再热器入口集箱)\*\12Cr1MoV\HG1041-2011\300MW</t>
  </si>
  <si>
    <t>【哈电锅炉】集箱手孔端盖Ⅱ(末级再热器出口集箱)\*\12Cr1MoV\HG1041-2011\300MW</t>
  </si>
  <si>
    <t>【哈电锅炉】集箱手孔端盖Ⅲ(一级过热器减温器)\*\15CrMo\HG1041-2011\300MW</t>
  </si>
  <si>
    <t>【哈电锅炉】集箱手孔端盖Ⅱ(二级过热器减温器)\*\12Cr1MoV\HG1041-2011\300MW</t>
  </si>
  <si>
    <t>【哈电锅炉】集箱手孔端盖Ⅰ(再热器减温器)\*\15CrMo\HG1041-2011\300MW</t>
  </si>
  <si>
    <t>【哈电锅炉】省煤器180˚大R弯头\Φ44.5*7\SA-210C\F022EGC001C261\600MW\L=1392</t>
  </si>
  <si>
    <t>【哈电锅炉】省煤器180˚小R弯头\Φ44.5*7\SA-210C\F022EGC001C261\600MW\L=1157</t>
  </si>
  <si>
    <t>【哈电锅炉】省煤器90˚弯头\Φ44.5*7\SA-210C\F022EGC001C261\600MW\L=1126</t>
  </si>
  <si>
    <t>【哈电锅炉】省煤器悬吊管90˚弯头\Φ51*13.5\15CrMoG\F022ECA001C261\600MW\L=1204</t>
  </si>
  <si>
    <t>【哈电锅炉】省煤器出口集箱管接头1\Φ44.5*7\SA-210C\F022EHD001C261\600MW\L=478</t>
  </si>
  <si>
    <t>【哈电锅炉】省煤器出口集箱管接头2\Φ44.5*7\SA-210C\F022EHD001C261\600MW\L=582</t>
  </si>
  <si>
    <t>【哈电锅炉】省煤器出口集箱管接头3\Φ44.5*7\SA-210C\F022EHD001C261\600MW\L=740</t>
  </si>
  <si>
    <t>【哈电锅炉】省煤器出口集箱管接头4\Φ44.5*7\SA-210C\F022EHD001C261\600MW\L=968</t>
  </si>
  <si>
    <t>【哈电锅炉】省煤器出口集箱管接头5\Φ44.5*7\SA-210C\F022EHD001C261\600MW\L=478</t>
  </si>
  <si>
    <t>【哈电锅炉】省煤器出口集箱管接头6\Φ44.5*7\SA-210C\F022EHD001C261\600MW\L=582</t>
  </si>
  <si>
    <t>【哈电锅炉】省煤器出口集箱管接头7\Φ44.5*7\SA-210C\F022EHD001C261\600MW\L=740</t>
  </si>
  <si>
    <t>【哈电锅炉】省煤器出口集箱管接头8\Φ44.5*7\SA-210C\F022EHD001C261\600MW\L=968</t>
  </si>
  <si>
    <t>【哈电锅炉】省煤器入口集箱管接头1\Φ44.5*7\SA-210C\F022EHE001C261\600MW\L=477</t>
  </si>
  <si>
    <t>【哈电锅炉】省煤器入口集箱管接头2\Φ44.5*7\SA-210C\F022EHE001C261\600MW\L=582</t>
  </si>
  <si>
    <t>【哈电锅炉】省煤器入口集箱管接头3\Φ44.5*7\SA-210C\F022EHE001C261\600MW\L=739</t>
  </si>
  <si>
    <t>【哈电锅炉】省煤器入口集箱管接头4\Φ44.5*7\SA-210C\F022EHE001C261\600MW\L=968</t>
  </si>
  <si>
    <t>【哈电锅炉】省煤器入口集箱管接头5\Φ44.5*7\SA-210C\F022EHE001C261\600MW\L=477</t>
  </si>
  <si>
    <t>【哈电锅炉】省煤器入口集箱管接头6\Φ44.5*7\SA-210C\F022EHE001C261\600MW\L=582</t>
  </si>
  <si>
    <t>【哈电锅炉】省煤器入口集箱管接头7\Φ44.5*7\SA-210C\F022EHE001C261\600MW\L=739</t>
  </si>
  <si>
    <t>【哈电锅炉】省煤器入口集箱管接头8\Φ44.5*7\SA-210C\F022EHE001C261\600MW\L=968</t>
  </si>
  <si>
    <t>【哈电锅炉】水冷壁上集箱管接头1\Φ31.8*6.2\15CrMoG\F022BEB001C261\600MW\L=262</t>
  </si>
  <si>
    <t>【哈电锅炉】水冷壁上集箱管接头2\Φ31.8*6.2\15CrMoG\F022BEB001C261\600MW\L=722</t>
  </si>
  <si>
    <t>【哈电锅炉】水冷壁上集箱管接头3\Φ31.8*6.2\15CrMoG\F022BEB001C261\600MW\L=262</t>
  </si>
  <si>
    <t>【哈电锅炉】水冷壁上集箱管接头4\Φ31.8*6.2\15CrMoG\F022BEB001C261\600MW\L=722</t>
  </si>
  <si>
    <t>【哈电锅炉】水冷壁上集箱管接头5\Φ31.8*6.2\15CrMoG\F022BEB001C261\600MW\L=262</t>
  </si>
  <si>
    <t>【哈电锅炉】水冷壁上集箱管接头6\Φ31.8*6.2\15CrMoG\F022BEB001C261\600MW\L=722</t>
  </si>
  <si>
    <t>【哈电锅炉】水冷壁上集箱管接头7\Φ31.8*6.2\15CrMoG\F022BEB001C261\600MW\L=262</t>
  </si>
  <si>
    <t>【哈电锅炉】水冷壁上集箱管接头8\Φ31.8*6.2\15CrMoG\F022BEB001C261\600MW\L=722</t>
  </si>
  <si>
    <t>【哈电锅炉】水冷壁上集箱管接头9\Φ63.5*14\15CrMoG\F022BEB001C261\600MW\L=101</t>
  </si>
  <si>
    <t>【哈电锅炉】水冷壁上集箱管接头10\Φ63.5*14\15CrMoG\F022BEB001C261\600MW\L=101</t>
  </si>
  <si>
    <t>【哈电锅炉】水冷壁上集箱管接头11\Φ42*7\15CrMoG\F022BEB001C261\600MW\L=954</t>
  </si>
  <si>
    <t>【哈电锅炉】水冷壁上集箱管接头12\Φ42*7\15CrMoG\F022BEB001C261\600MW\L=688</t>
  </si>
  <si>
    <t>【哈电锅炉】水冷壁上集箱管接头13\Φ42*7\15CrMoG\F022BEB001C261\600MW\L=602</t>
  </si>
  <si>
    <t>【哈电锅炉】水冷壁上集箱管接头14\Φ42*7\15CrMoG\F022BEB001C261\600MW\L=700</t>
  </si>
  <si>
    <t>【哈电锅炉】水冷壁上集箱管接头15\Φ42*7\15CrMoG\F022BEB001C261\600MW\L=743</t>
  </si>
  <si>
    <t>【哈电锅炉】水冷壁上集箱管接头16\Φ42*7\15CrMoG\F022BEB001C261\600MW\L=954</t>
  </si>
  <si>
    <t>【哈电锅炉】水冷壁上集箱管接头17\Φ42*7\15CrMoG\F022BEB001C261\600MW\L=688</t>
  </si>
  <si>
    <t>【哈电锅炉】水冷壁上集箱管接头18\Φ42*7\15CrMoG\F022BEB001C261\600MW\L=602</t>
  </si>
  <si>
    <t>【哈电锅炉】水冷壁上集箱管接头19\Φ42*7\15CrMoG\F022BEB001C261\600MW\L=700</t>
  </si>
  <si>
    <t>【哈电锅炉】水冷壁上集箱管接头20\Φ42*7\15CrMoG\F022BEB001C261\600MW\L=743</t>
  </si>
  <si>
    <t>【哈电锅炉】水冷壁上集箱管接头21\Φ44.5*7\15CrMoG\F022BEB001C261\600MW\L=716</t>
  </si>
  <si>
    <t>【哈电锅炉】水冷壁上集箱管接头22\Φ44.5*7\15CrMoG\F022BEB001C261\600MW\L=609</t>
  </si>
  <si>
    <t>【哈电锅炉】水冷壁上集箱管接头23\Φ44.5*7\15CrMoG\F022BEB001C261\600MW\L=163</t>
  </si>
  <si>
    <t>【哈电锅炉】水冷壁上集箱管接头24\Φ44.5*7\15CrMoG\F022BEB001C261\600MW\L=716</t>
  </si>
  <si>
    <t>【哈电锅炉】水冷壁上集箱管接头25\Φ44.5*7\15CrMoG\F022BEB001C261\600MW\L=609</t>
  </si>
  <si>
    <t>【哈电锅炉】水冷壁上集箱管接头26\Φ44.5*7\15CrMoG\F022BEB001C261\600MW\L=163</t>
  </si>
  <si>
    <t>【哈电锅炉】折焰角及水平烟道入口集箱管接头1\Φ42*7\15CrMoG\F022BEG001C261\600MW\L=220.5</t>
  </si>
  <si>
    <t>【哈电锅炉】折焰角及水平烟道入口集箱管接头2\Φ42*7\15CrMoG\F022BEG001C261\600MW\L=304</t>
  </si>
  <si>
    <t>【哈电锅炉】折焰角及水平烟道入口集箱管接头3\Φ42*7\15CrMoG\F022BEG001C261\600MW\L=1120</t>
  </si>
  <si>
    <t>【哈电锅炉】折焰角及水平烟道入口集箱管接头4\Φ42*7\15CrMoG\F022BEG001C261\600MW\L=1066</t>
  </si>
  <si>
    <t>【哈电锅炉】折焰角及水平烟道入口集箱管接头5\Φ42*7\15CrMoG\F022BEG001C261\600MW\L=1080</t>
  </si>
  <si>
    <t>【哈电锅炉】折焰角及水平烟道入口集箱管接头6\Φ42*7\15CrMoG\F022BEG001C261\600MW\L=1107</t>
  </si>
  <si>
    <t>【哈电锅炉】折焰角及水平烟道入口集箱管接头7\Φ42*7\15CrMoG\F022BEG001C261\600MW\L=128.5</t>
  </si>
  <si>
    <t>【哈电锅炉】折焰角及水平烟道入口集箱管接头8\Φ42*7\15CrMoG\F022BEG001C261\600MW\L=220.5</t>
  </si>
  <si>
    <t>【哈电锅炉】折焰角及水平烟道入口集箱管接头9\Φ42*7\15CrMoG\F022BEG001C261\600MW\L=304</t>
  </si>
  <si>
    <t>【哈电锅炉】折焰角及水平烟道入口集箱管接头10\Φ42*7\15CrMoG\F022BEG001C261\600MW\L=1120</t>
  </si>
  <si>
    <t>【哈电锅炉】折焰角及水平烟道入口集箱管接头11\Φ42*7\15CrMoG\F022BEG001C261\600MW\L=1066</t>
  </si>
  <si>
    <t>【哈电锅炉】折焰角及水平烟道入口集箱管接头12\Φ42*7\15CrMoG\F022BEG001C261\600MW\L=1080</t>
  </si>
  <si>
    <t>【哈电锅炉】折焰角及水平烟道入口集箱管接头13\Φ42*7\15CrMoG\F022BEG001C261\600MW\L=1107</t>
  </si>
  <si>
    <t>【哈电锅炉】折焰角及水平烟道入口集箱管接头14\Φ42*7\15CrMoG\F022BEG001C261\600MW\L=128.5</t>
  </si>
  <si>
    <t>【哈电锅炉】折焰角及水平烟道入口集箱管接头15\Φ44.5*7\15CrMoG\F022BEG001C261\600MW\L=945</t>
  </si>
  <si>
    <t>【哈电锅炉】折焰角及水平烟道入口集箱管接头16\Φ44.5*7\15CrMoG\F022BEG001C261\600MW\L=239.5</t>
  </si>
  <si>
    <t>【哈电锅炉】折焰角及水平烟道入口集箱管接头17\Φ44.5*7\15CrMoG\F022BEG001C261\600MW\L=472</t>
  </si>
  <si>
    <t>【哈电锅炉】折焰角及水平烟道入口集箱管接头18\Φ44.5*7\15CrMoG\F022BEG001C261\600MW\L=481</t>
  </si>
  <si>
    <t>【哈电锅炉】折焰角及水平烟道入口集箱管接头19\Φ44.5*7\15CrMoG\F022BEG001C261\600MW\L=752</t>
  </si>
  <si>
    <t>【哈电锅炉】折焰角及水平烟道入口集箱管接头20\Φ44.5*7\15CrMoG\F022BEG001C261\600MW\L=239.5</t>
  </si>
  <si>
    <t>【哈电锅炉】折焰角及水平烟道入口集箱管接头21\Φ44.5*7\15CrMoG\F022BEG001C261\600MW\L=752</t>
  </si>
  <si>
    <t>【哈电锅炉】折焰角及水平烟道入口集箱管接头22\Φ44.5*7\15CrMoG\F022BEG001C261\600MW\L=239.5</t>
  </si>
  <si>
    <t>【哈电锅炉】水冷壁中间集箱管接头1\Φ38*7.3\15CrMoG\F022BED001C261\600MW\L=90.5</t>
  </si>
  <si>
    <t>【哈电锅炉】水冷壁中间集箱管接头2\Φ31.8*6.2\15CrMoG\F022BED001C261\600MW\L=90.5</t>
  </si>
  <si>
    <t>【哈电锅炉】水冷壁中间集箱管接头3\Φ60*11\15CrMoG\F022BED001C261\600MW</t>
  </si>
  <si>
    <t>【哈电锅炉】水冷壁中间集箱管接头4\Φ32*6\15CrMo\F022BED001C261\600MW</t>
  </si>
  <si>
    <t>【哈电锅炉】水冷壁中间集箱管接头5\Φ38*7.3\15CrMoG\F022BED001C261\600MW\L=90.5</t>
  </si>
  <si>
    <t>【哈电锅炉】水冷壁中间集箱管接头6\Φ31.8*6.2\15CrMoG\F022BED001C261\600MW\L=90.5</t>
  </si>
  <si>
    <t>【哈电锅炉】水冷壁中间集箱管接头7\Φ38*7.3\15CrMoG\F022BED001C261\600MW\L=90.5</t>
  </si>
  <si>
    <t>【哈电锅炉】水冷壁中间集箱管接头8\Φ31.8*6.2\15CrMoG\F022BED001C261\600MW\L=90.5</t>
  </si>
  <si>
    <t>【哈电锅炉】水冷壁中间集箱管接头9\Φ38*7.3\15CrMoG\F022BED001C261\600MW\L=90.5</t>
  </si>
  <si>
    <t>【哈电锅炉】水冷壁中间集箱管接头10\Φ31.8*6.2\15CrMoG\F022BED001C261\600MW\L=90.5</t>
  </si>
  <si>
    <t>【哈电锅炉】水冷壁中间集箱管接头11\Φ60*11\15CrMoG\F022BED001C261\600MW</t>
  </si>
  <si>
    <t>【哈电锅炉】水冷壁中间集箱管接头12\Φ63.5*14\15CrMoG\F022BED001C261\600MW\L=112.5</t>
  </si>
  <si>
    <t>【哈电锅炉】水冷壁中间集箱管接头13\Φ31.8*6.2\15CrMoG\F022BED001C261\600MW\L=110.5</t>
  </si>
  <si>
    <t>【哈电锅炉】水冷壁中间集箱管接头14\Φ63.5*14\15CrMoG\F022BED001C261\600MW\L=112.5</t>
  </si>
  <si>
    <t>【哈电锅炉】水冷壁中间集箱管接头15\Φ31.8*6.2\15CrMoG\F022BED001C261\600MW\L=110.5</t>
  </si>
  <si>
    <t>【哈电锅炉】水冷壁中间集箱管接头16\Φ38*7.3\15CrMoG\F022BED001C261\600MW\L=90.5</t>
  </si>
  <si>
    <t>【哈电锅炉】水冷壁中间集箱管接头17\Φ31.8*6.2\15CrMoG\F022BED001C261\600MW\L=90.5</t>
  </si>
  <si>
    <t>【哈电锅炉】水冷壁中间集箱管接头18\Φ60*11\15CrMoG\F022BED001C261\600MW</t>
  </si>
  <si>
    <t>【哈电锅炉】水冷壁中间集箱管接头19\Φ38*7.3\15CrMoG\F022BED001C261\600MW\L=90.5</t>
  </si>
  <si>
    <t>【哈电锅炉】水冷壁中间集箱管接头20\Φ31.8*6.2\15CrMoG\F022BED001C261\600MW\L=90.5</t>
  </si>
  <si>
    <t>【哈电锅炉】水冷壁下集箱管接头\Φ38*7.3\15CrMoG\F022BEC001C261\600MW</t>
  </si>
  <si>
    <t>【哈电锅炉】水冷壁中部散管N0.1\Φ31.8*6.2\15CrMoG\F022BFF001C261\600MW\L=1213</t>
  </si>
  <si>
    <t>【哈电锅炉】水冷壁中部散管N0.2\Φ31.8*6.2\15CrMoG\F022BFF001C261\600MW\L=968</t>
  </si>
  <si>
    <t>【哈电锅炉】水冷壁中部散管N0.3\Φ31.8*6.2\15CrMoG\F022BFF001C261\600MW\L=968</t>
  </si>
  <si>
    <t>【哈电锅炉】水冷壁中部散管N0.4\Φ31.8*6.2\15CrMoG\F022BFF001C261\600MW\L=2322</t>
  </si>
  <si>
    <t>【哈电锅炉】水冷壁中部散管N0.5\Φ38*7.3\15CrMoG\F022BFF001C261\600MW\L=2909</t>
  </si>
  <si>
    <t>【哈电锅炉】水冷壁中部散管N0.6\Φ38*7.3\15CrMoG\F022BFF001C261\600MW\L=2753</t>
  </si>
  <si>
    <t>【哈电锅炉】水冷壁中部散管N0.7\Φ38*7.3\15CrMoG\F022BFF001C261\600MW\L=1711</t>
  </si>
  <si>
    <t>【哈电锅炉】水冷壁中部散管N0.8\Φ38*7.3\15CrMoG\F022BFF001C261\600MW\L=2432</t>
  </si>
  <si>
    <t>【哈电锅炉】水冷壁中部散管N0.9\Φ38*7.3\15CrMoG\F022BFF001C261\600MW\L=2275</t>
  </si>
  <si>
    <t>【哈电锅炉】水冷壁中部散管N0.10\Φ31.8*6.2\15CrMoG\F022BFF001C261\600MW\L=978</t>
  </si>
  <si>
    <t>【哈电锅炉】水冷壁中部散管N0.11\Φ31.8*6.2\15CrMoG\F022BFF001C261\600MW\L=978</t>
  </si>
  <si>
    <t>【哈电锅炉】水冷壁排管弯管1\Φ42*7\15CrMoG\F022BHD001C261\600MW\L=2215</t>
  </si>
  <si>
    <t>【哈电锅炉】水冷壁排管弯管2\Φ42*7\15CrMoG\F022BHD001C261\600MW\L=2286</t>
  </si>
  <si>
    <t>【哈电锅炉】水冷壁排管弯管3\Φ42*7\15CrMoG\F022BHD001C261\600MW\L=2380</t>
  </si>
  <si>
    <t>【哈电锅炉】水冷壁排管弯管4\Φ42*7\15CrMoG\F022BHD001C261\600MW\L=2457</t>
  </si>
  <si>
    <t>【哈电锅炉】水冷壁排管弯管5\Φ42*7\15CrMoG\F022BHD001C261\600MW\L=2341</t>
  </si>
  <si>
    <t>【哈电锅炉】水冷壁排管弯管6\Φ42*7\15CrMoG\F022BHD001C261\600MW\L=2412</t>
  </si>
  <si>
    <t>【哈电锅炉】水冷壁排管弯管7\Φ42*7\15CrMoG\F022BHD001C261\600MW\L=2506</t>
  </si>
  <si>
    <t>【哈电锅炉】水冷壁排管弯管8\Φ42*7\15CrMoG\F022BHD001C261\600MW\L=2583</t>
  </si>
  <si>
    <t>【哈电锅炉】顶棚管入口集箱(左)管接头1\Φ63.5*10\15CrMoG\F022CMA001C261\600MW\L=638</t>
  </si>
  <si>
    <t>【哈电锅炉】顶棚管入口集箱(左)管接头2\Φ63.5*10\15CrMoG\F022CMA001C261\600MW\L=196</t>
  </si>
  <si>
    <t>【哈电锅炉】顶棚管入口集箱(右)管接头1\Φ63.5*10\15CrMoG\F022CMA001C261\600MW\L=638</t>
  </si>
  <si>
    <t>【哈电锅炉】顶棚管入口集箱(右)管接头2\Φ63.5*10\15CrMoG\F022CMA001C261\600MW\L=196</t>
  </si>
  <si>
    <t>【哈电锅炉】顶棚管出口集箱(左)管接头1\Φ44.5*8\15CrMoG\F022CMA001C261\600MW\L=435.5</t>
  </si>
  <si>
    <t>【哈电锅炉】顶棚管出口集箱(左)管接头2\Φ63.5*11\15CrMoG\F022CMA001C261\600MW\L=673</t>
  </si>
  <si>
    <t>【哈电锅炉】顶棚管出口集箱(左)管接头3\Φ63.5*11\15CrMoG\F022CMA001C261\600MW\L=680</t>
  </si>
  <si>
    <t>【哈电锅炉】顶棚管出口集箱(左)管接头4\Φ63.5*11\15CrMoG\F022CMA001C261\600MW\L=578.5</t>
  </si>
  <si>
    <t>【哈电锅炉】顶棚管出口集箱(左)管接头5\Φ63.5*11\15CrMoG\F022CMA001C261\600MW\L=588</t>
  </si>
  <si>
    <t>【哈电锅炉】顶棚管出口集箱(左)管接头6\Φ63.5*11\15CrMoG\F022CMA001C261\600MW\L=628.5</t>
  </si>
  <si>
    <t>【哈电锅炉】顶棚管出口集箱(左)管接头7\Φ63.5*11\15CrMoG\F022CMA001C261\600MW\L=793</t>
  </si>
  <si>
    <t>【哈电锅炉】顶棚管出口集箱(左)管接头8\Φ63.5*11\15CrMoG\F022CMA001C261\600MW\L=724</t>
  </si>
  <si>
    <t>【哈电锅炉】顶棚管出口集箱(左)管接头9\Φ44.5*8\15CrMoG\F022CMA001C261\600MW\L=575.5</t>
  </si>
  <si>
    <t>【哈电锅炉】顶棚管出口集箱(右)管接头1\Φ44.5*8\15CrMoG\F022CMA001C261\600MW\L=435.5</t>
  </si>
  <si>
    <t>【哈电锅炉】顶棚管出口集箱(右)管接头2\Φ44.5*8\15CrMoG\F022CMA001C261\600MW\L=594</t>
  </si>
  <si>
    <t>【哈电锅炉】顶棚管出口集箱(右)管接头3\Φ63.5*11\15CrMoG\F022CMA001C261\600MW\L=673</t>
  </si>
  <si>
    <t>【哈电锅炉】顶棚管出口集箱(右)管接头4\Φ63.5*11\15CrMoG\F022CMA001C261\600MW\L=578.5</t>
  </si>
  <si>
    <t>【哈电锅炉】顶棚管出口集箱(右)管接头5\Φ63.5*11\15CrMoG\F022CMA001C261\600MW\L=641</t>
  </si>
  <si>
    <t>【哈电锅炉】顶棚管出口集箱(右)管接头6\Φ63.5*11\15CrMoG\F022CMA001C261\600MW\L=628.5</t>
  </si>
  <si>
    <t>【哈电锅炉】顶棚管出口集箱(右)管接头7\Φ63.5*11\15CrMoG\F022CMA001C261\600MW\L=793</t>
  </si>
  <si>
    <t>【哈电锅炉】顶棚管出口集箱(右)管接头8\Φ44.5*8\15CrMoG\F022CMA001C261\600MW\L=575.5</t>
  </si>
  <si>
    <t>【哈电锅炉】中间隔墙上集箱管接头1\Φ63*11.5\15CrMoG\F022CMZ001C261\600MW\L=575</t>
  </si>
  <si>
    <t>【哈电锅炉】中间隔墙上集箱管接头2\Φ63*11.5\15CrMoG\F022CMZ001C261\600MW\L=512.5</t>
  </si>
  <si>
    <t>【哈电锅炉】中间隔墙上集箱管接头3\Φ51*13.5\15CrMoG\F022CMZ001C261\600MW\L=414.5</t>
  </si>
  <si>
    <t>【哈电锅炉】中间隔墙上集箱管接头4\Φ51*13.5\15CrMoG\F022CMZ001C261\600MW\L=458.5</t>
  </si>
  <si>
    <t>【哈电锅炉】中间隔墙上集箱管接头5\Φ51*13.5\15CrMoG\F022CMZ001C261\600MW\L=594.5</t>
  </si>
  <si>
    <t>【哈电锅炉】低温过热器入口集箱管接头1\Φ51*11\15CrMoG\F022CMZ001C261\600MW\L=99</t>
  </si>
  <si>
    <t>【哈电锅炉】低温过热器入口集箱管接头2\Φ63*11.5\15CrMoG\F022CMZ001C261\600MW\L=312.5</t>
  </si>
  <si>
    <t>【哈电锅炉】低温过热器入口集箱管接头3\Φ57*10\12Cr1MoVG\F022CMZ001C261\600MW\L=311</t>
  </si>
  <si>
    <t>【哈电锅炉】低温过热器入口集箱管接头4\Φ57*10\12Cr1MoVG\F022CMZ001C261\600MW\L=358</t>
  </si>
  <si>
    <t>【哈电锅炉】低温过热器入口集箱管接头5\Φ51*9\12Cr1MoVG\F022CMZ001C261\600MW\L=502</t>
  </si>
  <si>
    <t>【哈电锅炉】中间隔墙下集箱管接头1\Φ51*11\15CrMoG\F022CMZ001C261\600MW\L=412</t>
  </si>
  <si>
    <t>【哈电锅炉】中间隔墙下集箱管接头2\Φ51*11\15CrMoG\F022CMZ001C261\600MW\L=1090</t>
  </si>
  <si>
    <t>【哈电锅炉】中间隔墙下集箱管接头3\Φ51*11\15CrMoG\F022CMZ001C261\600MW\L=1135</t>
  </si>
  <si>
    <t>【哈电锅炉】中间隔墙下集箱管接头4\Φ51*13.5\15CrMoG\F022CMZ001C261\600MW\L=415</t>
  </si>
  <si>
    <t>【哈电锅炉】中间隔墙下集箱管接头5\Φ51*13.5\15CrMoG\F022CMZ001C261\600MW\L=467</t>
  </si>
  <si>
    <t>【哈电锅炉】中间隔墙下集箱管接头6\Φ51*13.5\15CrMoG\F022CMZ001C261\600MW\L=633</t>
  </si>
  <si>
    <t>【哈电锅炉】中间隔墙下集箱管接头7\Φ51*11\15CrMoG\F022CMZ001C261\600MW\L=862</t>
  </si>
  <si>
    <t>【哈电锅炉】包墙上集箱管接头1\Φ63.5*10\15CrMoG\F022CMD001C261\600MW\L=718</t>
  </si>
  <si>
    <t>【哈电锅炉】包墙上集箱管接头2\Φ63.5*10\15CrMoG\F022CMD001C261\600MW\L=580</t>
  </si>
  <si>
    <t>【哈电锅炉】包墙上集箱管接头3\Φ63.5*10\15CrMoG\F022CMD001C261\600MW\L=84</t>
  </si>
  <si>
    <t>【哈电锅炉】尾部包墙环形下集箱(前左)管接头1\Φ63.5*11\15CrMo\F022CME001C261\600MW</t>
  </si>
  <si>
    <t>【哈电锅炉】尾部包墙环形下集箱(前左)管接头2\Φ63.5*11\15CrMoG\F022CME001C261\600MW\L=487</t>
  </si>
  <si>
    <t>【哈电锅炉】尾部包墙环形下集箱(前左)管接头3\Φ63.5*11\15CrMoG\F022CME001C261\600MW\L=494</t>
  </si>
  <si>
    <t>【哈电锅炉】尾部包墙环形下集箱(前左)管接头4\Φ63.5*11\15CrMoG\F022CME001C261\600MW\L=571</t>
  </si>
  <si>
    <t>【哈电锅炉】尾部包墙环形下集箱(前左)管接头5\Φ63.5*11\15CrMoG\F022CME001C261\600MW\L=505</t>
  </si>
  <si>
    <t>【哈电锅炉】尾部包墙环形下集箱(前左)管接头6\Φ63.5*11\15CrMoG\F022CME001C261\600MW\L=539</t>
  </si>
  <si>
    <t>【哈电锅炉】尾部包墙环形下集箱(前左)管接头7\Φ63.5*11\15CrMoG\F022CME001C261\600MW\L=535</t>
  </si>
  <si>
    <t>【哈电锅炉】尾部包墙环形下集箱(前左)管接头8\Φ63.5*11\15CrMoG\F022CME001C261\600MW\L=553</t>
  </si>
  <si>
    <t>【哈电锅炉】尾部包墙环形下集箱(前左)管接头9\Φ63.5*11\15CrMoG\F022CME001C261\600MW\L=489</t>
  </si>
  <si>
    <t>【哈电锅炉】尾部包墙环形下集箱(前右)管接头1\Φ63.5*11\15CrMo\F022CME001C261\600MW</t>
  </si>
  <si>
    <t>【哈电锅炉】尾部包墙环形下集箱(前右)管接头2\Φ63.5*11\15CrMoG\F022CME001C261\600MW\L=487</t>
  </si>
  <si>
    <t>【哈电锅炉】尾部包墙环形下集箱(前右)管接头3\Φ63.5*11\15CrMoG\F022CME001C261\600MW\L=494</t>
  </si>
  <si>
    <t>【哈电锅炉】尾部包墙环形下集箱(前右)管接头4\Φ63.5*11\15CrMoG\F022CME001C261\600MW\L=571</t>
  </si>
  <si>
    <t>【哈电锅炉】尾部包墙环形下集箱(前右)管接头5\Φ63.5*11\15CrMoG\F022CME001C261\600MW\L=505</t>
  </si>
  <si>
    <t>【哈电锅炉】尾部包墙环形下集箱(前右)管接头6\Φ63.5*11\15CrMoG\F022CME001C261\600MW\L=539</t>
  </si>
  <si>
    <t>【哈电锅炉】尾部包墙环形下集箱(前右)管接头7\Φ63.5*11\15CrMoG\F022CME001C261\600MW\L=535</t>
  </si>
  <si>
    <t>【哈电锅炉】尾部包墙环形下集箱(前右)管接头8\Φ63.5*11\15CrMoG\F022CME001C261\600MW\L=553</t>
  </si>
  <si>
    <t>【哈电锅炉】尾部包墙环形下集箱(前右)管接头9\Φ63.5*11\15CrMoG\F022CME001C261\600MW\L=489</t>
  </si>
  <si>
    <t>【哈电锅炉】尾部包墙环形下集箱(前右)管接头10\Φ63.5*11\15CrMoG\F022CME001C261\600MW\L=892</t>
  </si>
  <si>
    <t>【哈电锅炉】尾部包墙环形下集箱(后左)管接头1\Φ44.5*8\15CrMo\F022CME001C261\600MW</t>
  </si>
  <si>
    <t>【哈电锅炉】尾部包墙环形下集箱(后左)管接头2\Φ44.5*8\15CrMoG\F022CME001C261\600MW\L=483</t>
  </si>
  <si>
    <t>【哈电锅炉】尾部包墙环形下集箱(后左)管接头3\Φ44.5*8\15CrMoG\F022CME001C261\600MW\L=496</t>
  </si>
  <si>
    <t>【哈电锅炉】尾部包墙环形下集箱(后左)管接头4\Φ44.5*8\15CrMoG\F022CME001C261\600MW\L=583</t>
  </si>
  <si>
    <t>【哈电锅炉】尾部包墙环形下集箱(后左)管接头5\Φ44.5*8\15CrMoG\F022CME001C261\600MW\L=498</t>
  </si>
  <si>
    <t>【哈电锅炉】尾部包墙环形下集箱(后左)管接头6\Φ44.5*8\15CrMoG\F022CME001C261\600MW\L=523</t>
  </si>
  <si>
    <t>【哈电锅炉】尾部包墙环形下集箱(后左)管接头7\Φ63.5*11\15CrMoG\F022CME001C261\600MW\L=535</t>
  </si>
  <si>
    <t>【哈电锅炉】尾部包墙环形下集箱(后左)管接头8\Φ63.5*11\15CrMoG\F022CME001C261\600MW\L=553</t>
  </si>
  <si>
    <t>【哈电锅炉】尾部包墙环形下集箱(后左)管接头9\Φ63.5*11\15CrMoG\F022CME001C261\600MW\L=489</t>
  </si>
  <si>
    <t>【哈电锅炉】尾部包墙环形下集箱(后右)管接头1\Φ44.5*8\15CrMo\F022CME001C261\600MW</t>
  </si>
  <si>
    <t>【哈电锅炉】尾部包墙环形下集箱(后右)管接头2\Φ44.5*8\15CrMoG\F022CME001C261\600MW\L=483</t>
  </si>
  <si>
    <t>【哈电锅炉】尾部包墙环形下集箱(后右)管接头3\Φ44.5*8\15CrMoG\F022CME001C261\600MW\L=496</t>
  </si>
  <si>
    <t>【哈电锅炉】尾部包墙环形下集箱(后右)管接头4\Φ44.5*8\15CrMoG\F022CME001C261\600MW\L=583</t>
  </si>
  <si>
    <t>【哈电锅炉】尾部包墙环形下集箱(后右)管接头5\Φ44.5*8\15CrMoG\F022CME001C261\600MW\L=498</t>
  </si>
  <si>
    <t>【哈电锅炉】尾部包墙环形下集箱(后右)管接头6\Φ44.5*8\15CrMoG\F022CME001C261\600MW\L=523</t>
  </si>
  <si>
    <t>【哈电锅炉】尾部包墙环形下集箱(后右)管接头7\Φ63.5*11\15CrMoG\F022CME001C261\600MW\L=535</t>
  </si>
  <si>
    <t>【哈电锅炉】尾部包墙环形下集箱(后右)管接头8\Φ63.5*11\15CrMoG\F022CME001C261\600MW\L=553</t>
  </si>
  <si>
    <t>【哈电锅炉】尾部包墙环形下集箱(后右)管接头9\Φ63.5*11\15CrMoG\F022CME001C261\600MW\L=489</t>
  </si>
  <si>
    <t>【哈电锅炉】尾部包墙环形下集箱(后右)管接头10\Φ44.5*8\15CrMoG\F022CME001C261\600MW\L=901</t>
  </si>
  <si>
    <t>【哈电锅炉】尾部包墙环形集箱(侧)管接头1\Φ63.5*11\15CrMoG\F022CME001C261\600MW\L=487</t>
  </si>
  <si>
    <t>【哈电锅炉】尾部包墙环形集箱(侧)管接头2\Φ63.5*11\15CrMoG\F022CME001C261\600MW\L=901</t>
  </si>
  <si>
    <t>【哈电锅炉】分隔屏过热器管90度弯头\Φ44.5*8\SA-213TP347H\F022CGD001C261\600MW\L=1236</t>
  </si>
  <si>
    <t>【哈电锅炉】分隔屏过热器内数第一U型弯头\Φ44.5*8\SA-213TP347H\F022CGD001C261\600MW\L=1247</t>
  </si>
  <si>
    <t>【哈电锅炉】分隔屏过热器内数第二U型弯头\Φ44.5*8\SA-213TP347H\F022CGD001C261\600MW\L=1573</t>
  </si>
  <si>
    <t>【哈电锅炉】分隔屏过热器内数第三U型弯头\Φ44.5*8\SA-213TP347H\F022CGD001C261\600MW\L=1817</t>
  </si>
  <si>
    <t>【哈电锅炉】分隔屏入口集箱(左)管接头1\Φ63.5*11.5\12Cr1MoVG\F022CMP001C261\600MW\L=291</t>
  </si>
  <si>
    <t>【哈电锅炉】分隔屏入口集箱(左)管接头2\Φ51*8\12Cr1MoVG\F022CMP001C261\600MW\L=286</t>
  </si>
  <si>
    <t>【哈电锅炉】分隔屏入口集箱(左)管接头3\Φ44.5*8\12Cr1MoVG\F022CMP001C261\600MW\L=287</t>
  </si>
  <si>
    <t>【哈电锅炉】分隔屏入口集箱(左)管接头4\Φ51*8\12Cr1MoVG\F022CMP001C261\600MW\L=347</t>
  </si>
  <si>
    <t>【哈电锅炉】分隔屏入口集箱(左)管接头5\Φ44.5*8\12Cr1MoVG\F022CMP001C261\600MW\L=348</t>
  </si>
  <si>
    <t>【哈电锅炉】分隔屏入口集箱(右)管接头1\Φ63.5*11.5\12Cr1MoVG\F022CMP001C261\600MW\L=291</t>
  </si>
  <si>
    <t>【哈电锅炉】分隔屏入口集箱(右)管接头2\Φ51*8\12Cr1MoVG\F022CMP001C261\600MW\L=286</t>
  </si>
  <si>
    <t>【哈电锅炉】分隔屏入口集箱(右)管接头3\Φ44.5*8\12Cr1MoVG\F022CMP001C261\600MW\L=287</t>
  </si>
  <si>
    <t>【哈电锅炉】分隔屏入口集箱(右)管接头4\Φ51*8\12Cr1MoVG\F022CMP001C261\600MW\L=347</t>
  </si>
  <si>
    <t>【哈电锅炉】分隔屏入口集箱(右)管接头5\Φ44.5*8\12Cr1MoVG\F022CMP001C261\600MW\L=348</t>
  </si>
  <si>
    <t>【哈电锅炉】分隔屏出口集箱(左)管接头1\Φ51*9\SA-213T91\F022CMP001C261\600MW\L=260</t>
  </si>
  <si>
    <t>【哈电锅炉】分隔屏出口集箱(左)管接头2\Φ44.5*9\SA-213T91\F022CMP001C261\600MW\L=261</t>
  </si>
  <si>
    <t>【哈电锅炉】分隔屏出口集箱(左)管接头3\Φ44.5*9\SA-213T91\F022CMP001C261\600MW\L=305</t>
  </si>
  <si>
    <t>【哈电锅炉】分隔屏出口集箱(左)管接头4\Φ51*9\SA-213T91\F022CMP001C261\600MW\L=310</t>
  </si>
  <si>
    <t>【哈电锅炉】分隔屏出口集箱(左)管接头5\Φ51*8\SA-213T91\F022CMP001C261\600MW\L=259</t>
  </si>
  <si>
    <t>【哈电锅炉】分隔屏出口集箱(右)管接头1\Φ51*9\SA-213T91\F022CMP001C261\600MW\L=260</t>
  </si>
  <si>
    <t>【哈电锅炉】分隔屏出口集箱(右)管接头2\Φ44.5*9\SA-213T91\F022CMP001C261\600MW\L=261</t>
  </si>
  <si>
    <t>【哈电锅炉】分隔屏出口集箱(右)管接头3\Φ44.5*9\SA-213T91\F022CMP001C261\600MW\L=305</t>
  </si>
  <si>
    <t>【哈电锅炉】分隔屏出口集箱(右)管接头4\Φ51*9\SA-213T91\F022CMP001C261\600MW\L=310</t>
  </si>
  <si>
    <t>【哈电锅炉】分隔屏出口集箱(右)管接头5\Φ51*8\SA-213T91\F022CMP001C261\600MW\L=259</t>
  </si>
  <si>
    <t>【哈电锅炉】水平低温过热器90度弯头\Φ51*9\12Cr1MoVG\F022CFB001C261\600MW\L=1240</t>
  </si>
  <si>
    <t>【哈电锅炉】水平低温过热器180度大R弯头\Φ51*9\12Cr1MoVG\F022CFB001C261\600MW\L=1480</t>
  </si>
  <si>
    <t>【哈电锅炉】水平低温过热器180度小R弯头\Φ51*9\12Cr1MoVG\F022CFB001C261\600MW\L=1160</t>
  </si>
  <si>
    <t>【哈电锅炉】立式低温过热器90度弯头\Φ51*9\12Cr1MoVG\F022CFE001C261\600MW\L=1204</t>
  </si>
  <si>
    <t>【哈电锅炉】低温过热器出口集箱管接头1\Φ51*9.5\12Cr1MoVG\F022CMU001C261\600MW\L=1087</t>
  </si>
  <si>
    <t>【哈电锅炉】低温过热器出口集箱管接头2\Φ51*9.5\12Cr1MoVG\F022CMU001C261\600MW\L=837</t>
  </si>
  <si>
    <t>【哈电锅炉】低温过热器出口集箱管接头3\Φ51*9.5\12Cr1MoVG\F022CMU001C261\600MW\L=668</t>
  </si>
  <si>
    <t>【哈电锅炉】低温过热器出口集箱管接头4\Φ51*9.5\12Cr1MoVG\F022CMU001C261\600MW\L=592</t>
  </si>
  <si>
    <t>【哈电锅炉】低温过热器出口集箱管接头5\Φ51*9.5\12Cr1MoVG\F022CMU001C261\600MW\L=572</t>
  </si>
  <si>
    <t>【哈电锅炉】低温过热器出口集箱管接头6\Φ51*9.5\12Cr1MoVG\F022CMU001C261\600MW\L=812</t>
  </si>
  <si>
    <t>【哈电锅炉】低温过热器出口集箱管接头7\Φ51*9.5\12Cr1MoVG\F022CMU001C261\600MW\L=643</t>
  </si>
  <si>
    <t>【哈电锅炉】低温过热器出口集箱管接头8\Φ51*9.5\12Cr1MoVG\F022CMU001C261\600MW\L=566</t>
  </si>
  <si>
    <t>【哈电锅炉】低温过热器出口集箱管接头9\Φ51*9.5\12Cr1MoVG\F022CMU001C261\600MW\L=544</t>
  </si>
  <si>
    <t>【哈电锅炉】低温过热器出口集箱管接头10\Φ51*9.5\12Cr1MoVG\F022CMU001C261\600MW\L=1100</t>
  </si>
  <si>
    <t>【哈电锅炉】低温过热器出口集箱管接头11\Φ51*9.5\12Cr1MoVG\F022CMU001C261\600MW\L=1137</t>
  </si>
  <si>
    <t>【哈电锅炉】低温过热器出口集箱管接头12\Φ51*9.5\12Cr1MoVG\F022CMU001C261\600MW\L=827</t>
  </si>
  <si>
    <t>【哈电锅炉】末过下部60度弯头\Φ51*11\SA-213TP347H\F022CHD001C261\600MW\L=1450</t>
  </si>
  <si>
    <t>【哈电锅炉】末过下部120度弯头\Φ51*11\SA-213TP347H\F022CHD001C261\600MW\L=1225</t>
  </si>
  <si>
    <t>【哈电锅炉】末过下部180度弯头\Φ51*11\SA-213TP347H\F022CHD001C261\600MW\L=1603</t>
  </si>
  <si>
    <t>【哈电锅炉】末过入口集箱(右)管接头1\Φ70*11\SA-213T91\F022CMT001C261\600MW\L=1321.7</t>
  </si>
  <si>
    <t>【哈电锅炉】末过入口集箱(右)管接头2\Φ51*10\SA-213T91\F022CMT001C261\600MW\L=1140</t>
  </si>
  <si>
    <t>【哈电锅炉】末过入口集箱(右)管接头3\Φ51*10\SA-213T91\F022CMT001C261\600MW\L=933</t>
  </si>
  <si>
    <t>【哈电锅炉】末过入口集箱(右)管接头4\Φ42*11\SA-213T91\F022CMT001C261\600MW\L=827.3</t>
  </si>
  <si>
    <t>【哈电锅炉】末过入口集箱(右)管接头5\Φ51*10\SA-213T91\F022CMT001C261\600MW\L=1155</t>
  </si>
  <si>
    <t>【哈电锅炉】末过入口集箱(右)管接头6\Φ42*11\SA-213T91\F022CMT001C261\600MW\L=969</t>
  </si>
  <si>
    <t>【哈电锅炉】末过入口集箱(右)管接头7\Φ42*11\SA-213T91\F022CMT001C261\600MW\L=877</t>
  </si>
  <si>
    <t>【哈电锅炉】末过入口集箱(右)管接头8\Φ51*10\SA-213T91\F022CMT001C261\600MW\L=1151</t>
  </si>
  <si>
    <t>【哈电锅炉】末过入口集箱(右)管接头9\Φ51*10\SA-213T91\F022CMT001C261\600MW\L=951</t>
  </si>
  <si>
    <t>【哈电锅炉】末过入口集箱(右)管接头10\Φ42*11\SA-213T91\F022CMT001C261\600MW\L=852</t>
  </si>
  <si>
    <t>【哈电锅炉】末过入口集箱(右)管接头11\Φ70*11\SA-213T91\F022CMT001C261\600MW\L=1325</t>
  </si>
  <si>
    <t>【哈电锅炉】末过入口集箱(右)管接头12\Φ51*10\SA-213T91\F022CMT001C261\600MW\L=1144</t>
  </si>
  <si>
    <t>【哈电锅炉】末过入口集箱(右)管接头13\Φ51*10\SA-213T91\F022CMT001C261\600MW\L=936</t>
  </si>
  <si>
    <t>【哈电锅炉】末过入口集箱(右)管接头14\Φ42*11\SA-213T91\F022CMT001C261\600MW\L=833</t>
  </si>
  <si>
    <t>【哈电锅炉】末过入口集箱(右)管接头15\Φ51*10\SA-213T91\F022CMT001C261\600MW\L=1168</t>
  </si>
  <si>
    <t>【哈电锅炉】末过入口集箱(右)管接头16\Φ42*11\SA-213T91\F022CMT001C261\600MW\L=980</t>
  </si>
  <si>
    <t>【哈电锅炉】末过入口集箱(右)管接头17\Φ42*11\SA-213T91\F022CMT001C261\600MW\L=887</t>
  </si>
  <si>
    <t>【哈电锅炉】末过入口集箱(右)管接头18\Φ51*10\SA-213T91\F022CMT001C261\600MW\L=1141</t>
  </si>
  <si>
    <t>【哈电锅炉】末过入口集箱(右)管接头19\Φ51*10\SA-213T91\F022CMT001C261\600MW\L=940</t>
  </si>
  <si>
    <t>【哈电锅炉】末过入口集箱(右)管接头20\Φ42*11\SA-213T91\F022CMT001C261\600MW\L=841</t>
  </si>
  <si>
    <t>【哈电锅炉】末过入口集箱(右)管接头21\Φ42*11\SA-213T91\F022CMT001C261\600MW\L=953</t>
  </si>
  <si>
    <t>【哈电锅炉】末过入口集箱(右)管接头22\Φ42*11\SA-213T91\F022CMT001C261\600MW\L=962</t>
  </si>
  <si>
    <t>【哈电锅炉】末过入口集箱(右)管接头23\Φ42*11\SA-213T91\F022CMT001C261\600MW\L=935</t>
  </si>
  <si>
    <t>【哈电锅炉】末过入口集箱(右)管接头24\Φ42*11\SA-213T91\F022CMT001C261\600MW\L=938</t>
  </si>
  <si>
    <t>【哈电锅炉】末过入口集箱(右)管接头25\Φ42*11\SA-213T91\F022CMT001C261\600MW\L=1160</t>
  </si>
  <si>
    <t>【哈电锅炉】末过入口集箱(右)管接头26\Φ42*11\SA-213T91\F022CMT001C261\600MW\L=1174</t>
  </si>
  <si>
    <t>【哈电锅炉】末过入口集箱(右)管接头27\Φ42*11\SA-213T91\F022CMT001C261\600MW\L=1155</t>
  </si>
  <si>
    <t>【哈电锅炉】末过入口集箱(右)管接头28\Φ42*11\SA-213T91\F022CMT001C261\600MW\L=1146</t>
  </si>
  <si>
    <t>【哈电锅炉】末过入口集箱(右)管接头29\Φ51*9\SA-213T91\F022CMT001C261\600MW\L=119.5</t>
  </si>
  <si>
    <t>【哈电锅炉】末过入口集箱(左)管接头1\Φ70*11\SA-213T91\F022CMT001C261\600MW\L=1321.7</t>
  </si>
  <si>
    <t>【哈电锅炉】末过入口集箱(左)管接头2\Φ51*10\SA-213T91\F022CMT001C261\600MW\L=1140</t>
  </si>
  <si>
    <t>【哈电锅炉】末过入口集箱(左)管接头3\Φ51*10\SA-213T91\F022CMT001C261\600MW\L=933</t>
  </si>
  <si>
    <t>【哈电锅炉】末过入口集箱(左)管接头4\Φ42*11\SA-213T91\F022CMT001C261\600MW\L=827.3</t>
  </si>
  <si>
    <t>【哈电锅炉】末过入口集箱(左)管接头5\Φ51*10\SA-213T91\F022CMT001C261\600MW\L=1155</t>
  </si>
  <si>
    <t>【哈电锅炉】末过入口集箱(左)管接头6\Φ42*11\SA-213T91\F022CMT001C261\600MW\L=969</t>
  </si>
  <si>
    <t>【哈电锅炉】末过入口集箱(左)管接头7\Φ42*11\SA-213T91\F022CMT001C261\600MW\L=877</t>
  </si>
  <si>
    <t>【哈电锅炉】末过入口集箱(左)管接头8\Φ51*10\SA-213T91\F022CMT001C261\600MW\L=1151</t>
  </si>
  <si>
    <t>【哈电锅炉】末过入口集箱(左)管接头9\Φ51*10\SA-213T91\F022CMT001C261\600MW\L=951</t>
  </si>
  <si>
    <t>【哈电锅炉】末过入口集箱(左)管接头10\Φ42*11\SA-213T91\F022CMT001C261\600MW\L=852</t>
  </si>
  <si>
    <t>【哈电锅炉】末过入口集箱(左)管接头11\Φ70*11\SA-213T91\F022CMT001C261\600MW\L=1325</t>
  </si>
  <si>
    <t>【哈电锅炉】末过入口集箱(左)管接头12\Φ51*10\SA-213T91\F022CMT001C261\600MW\L=1144</t>
  </si>
  <si>
    <t>【哈电锅炉】末过入口集箱(左)管接头13\Φ51*10\SA-213T91\F022CMT001C261\600MW\L=936</t>
  </si>
  <si>
    <t>【哈电锅炉】末过入口集箱(左)管接头14\Φ42*11\SA-213T91\F022CMT001C261\600MW\L=833</t>
  </si>
  <si>
    <t>【哈电锅炉】末过入口集箱(左)管接头15\Φ51*10\SA-213T91\F022CMT001C261\600MW\L=1168</t>
  </si>
  <si>
    <t>【哈电锅炉】末过入口集箱(左)管接头16\Φ42*11\SA-213T91\F022CMT001C261\600MW\L=980</t>
  </si>
  <si>
    <t>【哈电锅炉】末过入口集箱(左)管接头17\Φ42*11\SA-213T91\F022CMT001C261\600MW\L=887</t>
  </si>
  <si>
    <t>【哈电锅炉】末过入口集箱(左)管接头18\Φ51*10\SA-213T91\F022CMT001C261\600MW\L=1141</t>
  </si>
  <si>
    <t>【哈电锅炉】末过入口集箱(左)管接头19\Φ51*10\SA-213T91\F022CMT001C261\600MW\L=940</t>
  </si>
  <si>
    <t>【哈电锅炉】末过入口集箱(左)管接头20\Φ42*11\SA-213T91\F022CMT001C261\600MW\L=841</t>
  </si>
  <si>
    <t>【哈电锅炉】末过入口集箱(左)管接头21\Φ42*11\SA-213T91\F022CMT001C261\600MW\L=953</t>
  </si>
  <si>
    <t>【哈电锅炉】末过入口集箱(左)管接头22\Φ42*11\SA-213T91\F022CMT001C261\600MW\L=962</t>
  </si>
  <si>
    <t>【哈电锅炉】末过入口集箱(左)管接头23\Φ42*11\SA-213T91\F022CMT001C261\600MW\L=935</t>
  </si>
  <si>
    <t>【哈电锅炉】末过入口集箱(左)管接头24\Φ42*11\SA-213T91\F022CMT001C261\600MW\L=938</t>
  </si>
  <si>
    <t>【哈电锅炉】末过入口集箱(左)管接头25\Φ42*11\SA-213T91\F022CMT001C261\600MW\L=1160</t>
  </si>
  <si>
    <t>【哈电锅炉】末过入口集箱(左)管接头26\Φ42*11\SA-213T91\F022CMT001C261\600MW\L=1174</t>
  </si>
  <si>
    <t>【哈电锅炉】末过入口集箱(左)管接头27\Φ42*11\SA-213T91\F022CMT001C261\600MW\L=1155</t>
  </si>
  <si>
    <t>【哈电锅炉】末过入口集箱(左)管接头28\Φ42*11\SA-213T91\F022CMT001C261\600MW\L=1146</t>
  </si>
  <si>
    <t>【哈电锅炉】末过入口集箱(左)管接头29\Φ63.5*11\SA-213T91\F022CMT001C261\600MW\L=121.5</t>
  </si>
  <si>
    <t>【哈电锅炉】末过入口集箱(左)管接头30\Φ51*9\SA-213T91\F022CMT001C261\600MW\L=119.5</t>
  </si>
  <si>
    <t>【哈电锅炉】末过出口集箱(右)管接头1\Φ70*13\SA-213T91\F022CMT001C261\600MW\L=1206</t>
  </si>
  <si>
    <t>【哈电锅炉】末过出口集箱(右)管接头2\Φ42*11\SA-213T91\F022CMT001C261\600MW\L=1030</t>
  </si>
  <si>
    <t>【哈电锅炉】末过出口集箱(右)管接头3\Φ42*11\SA-213T91\F022CMT001C261\600MW\L=923</t>
  </si>
  <si>
    <t>【哈电锅炉】末过出口集箱(右)管接头4\Φ42*11\SA-213T91\F022CMT001C261\600MW\L=843</t>
  </si>
  <si>
    <t>【哈电锅炉】末过出口集箱(右)管接头5\Φ42*11\SA-213T91\F022CMT001C261\600MW\L=794</t>
  </si>
  <si>
    <t>【哈电锅炉】末过出口集箱(右)管接头6\Φ51*11\SA-213T91\F022CMT001C261\600MW\L=1183</t>
  </si>
  <si>
    <t>【哈电锅炉】末过出口集箱(右)管接头7\Φ51*11\SA-213T91\F022CMT001C261\600MW\L=1030</t>
  </si>
  <si>
    <t>【哈电锅炉】末过出口集箱(右)管接头8\Φ51*11\SA-213T91\F022CMT001C261\600MW\L=933</t>
  </si>
  <si>
    <t>【哈电锅炉】末过出口集箱(右)管接头9\Φ42*11\SA-213T91\F022CMT001C261\600MW\L=864</t>
  </si>
  <si>
    <t>【哈电锅炉】末过出口集箱(右)管接头10\Φ42*11\SA-213T91\F022CMT001C261\600MW\L=821</t>
  </si>
  <si>
    <t>【哈电锅炉】末过出口集箱(右)管接头11\Φ51*11\SA-213T91\F022CMT001C261\600MW\L=1029</t>
  </si>
  <si>
    <t>【哈电锅炉】末过出口集箱(右)管接头12\Φ51*11\SA-213T91\F022CMT001C261\600MW\L=920</t>
  </si>
  <si>
    <t>【哈电锅炉】末过出口集箱(右)管接头13\Φ42*11\SA-213T91\F022CMT001C261\600MW\L=1033</t>
  </si>
  <si>
    <t>【哈电锅炉】末过出口集箱(右)管接头14\Φ42*11\SA-213T91\F022CMT001C261\600MW\L=940</t>
  </si>
  <si>
    <t>【哈电锅炉】末过出口集箱(右)管接头15\Φ70*13\SA-213T91\F022CMT001C261\600MW\L=1213</t>
  </si>
  <si>
    <t>【哈电锅炉】末过出口集箱(右)管接头16\Φ42*11\SA-213T91\F022CMT001C261\600MW\L=1038</t>
  </si>
  <si>
    <t>【哈电锅炉】末过出口集箱(右)管接头17\Φ42*11\SA-213T91\F022CMT001C261\600MW\L=932</t>
  </si>
  <si>
    <t>【哈电锅炉】末过出口集箱(右)管接头18\Φ42*11\SA-213T91\F022CMT001C261\600MW\L=852</t>
  </si>
  <si>
    <t>【哈电锅炉】末过出口集箱(右)管接头19\Φ42*11\SA-213T91\F022CMT001C261\600MW\L=806</t>
  </si>
  <si>
    <t>【哈电锅炉】末过出口集箱(右)管接头20\Φ51*11\SA-213T91\F022CMT001C261\600MW\L=1173</t>
  </si>
  <si>
    <t>【哈电锅炉】末过出口集箱(右)管接头21\Φ51*11\SA-213T91\F022CMT001C261\600MW\L=1017</t>
  </si>
  <si>
    <t>【哈电锅炉】末过出口集箱(右)管接头22\Φ51*11\SA-213T91\F022CMT001C261\600MW\L=916</t>
  </si>
  <si>
    <t>【哈电锅炉】末过出口集箱(右)管接头23\Φ42*11\SA-213T91\F022CMT001C261\600MW\L=842</t>
  </si>
  <si>
    <t>【哈电锅炉】末过出口集箱(右)管接头24\Φ42*11\SA-213T91\F022CMT001C261\600MW\L=798</t>
  </si>
  <si>
    <t>【哈电锅炉】末过出口集箱(右)管接头25\Φ51*11\SA-213T91\F022CMT001C261\600MW\L=1036</t>
  </si>
  <si>
    <t>【哈电锅炉】末过出口集箱(右)管接头26\Φ51*11\SA-213T91\F022CMT001C261\600MW\L=929</t>
  </si>
  <si>
    <t>【哈电锅炉】末过出口集箱(右)管接头27\Φ42*11\SA-213T91\F022CMT001C261\600MW\L=1020</t>
  </si>
  <si>
    <t>【哈电锅炉】末过出口集箱(右)管接头28\Φ42*11\SA-213T91\F022CMT001C261\600MW\L=918</t>
  </si>
  <si>
    <t>【哈电锅炉】末过出口集箱(右)管接头29\Φ63.5*11.5\SA-213T91\F022CMT001C261\600MW\L=112</t>
  </si>
  <si>
    <t>【哈电锅炉】末过出口集箱(左)管接头1\Φ70*13\SA-213T91\F022CMT001C261\600MW\L=1206</t>
  </si>
  <si>
    <t>【哈电锅炉】末过出口集箱(左)管接头2\Φ42*11\SA-213T91\F022CMT001C261\600MW\L=1030</t>
  </si>
  <si>
    <t>【哈电锅炉】末过出口集箱(左)管接头3\Φ42*11\SA-213T91\F022CMT001C261\600MW\L=923</t>
  </si>
  <si>
    <t>【哈电锅炉】末过出口集箱(左)管接头4\Φ42*11\SA-213T91\F022CMT001C261\600MW\L=843</t>
  </si>
  <si>
    <t>【哈电锅炉】末过出口集箱(左)管接头5\Φ42*11\SA-213T91\F022CMT001C261\600MW\L=794</t>
  </si>
  <si>
    <t>【哈电锅炉】末过出口集箱(左)管接头6\Φ51*11\SA-213T91\F022CMT001C261\600MW\L=1183</t>
  </si>
  <si>
    <t>【哈电锅炉】末过出口集箱(左)管接头7\Φ51*11\SA-213T91\F022CMT001C261\600MW\L=1030</t>
  </si>
  <si>
    <t>【哈电锅炉】末过出口集箱(左)管接头8\Φ51*11\SA-213T91\F022CMT001C261\600MW\L=933</t>
  </si>
  <si>
    <t>【哈电锅炉】末过出口集箱(左)管接头9\Φ42*11\SA-213T91\F022CMT001C261\600MW\L=864</t>
  </si>
  <si>
    <t>【哈电锅炉】末过出口集箱(左)管接头10\Φ42*11\SA-213T91\F022CMT001C261\600MW\L=821</t>
  </si>
  <si>
    <t>【哈电锅炉】末过出口集箱(左)管接头11\Φ51*11\SA-213T91\F022CMT001C261\600MW\L=1029</t>
  </si>
  <si>
    <t>【哈电锅炉】末过出口集箱(左)管接头12\Φ51*11\SA-213T91\F022CMT001C261\600MW\L=920</t>
  </si>
  <si>
    <t>【哈电锅炉】末过出口集箱(左)管接头13\Φ42*11\SA-213T91\F022CMT001C261\600MW\L=1033</t>
  </si>
  <si>
    <t>【哈电锅炉】末过出口集箱(左)管接头14\Φ42*11\SA-213T91\F022CMT001C261\600MW\L=940</t>
  </si>
  <si>
    <t>【哈电锅炉】末过出口集箱(左)管接头15\Φ70*13\SA-213T91\F022CMT001C261\600MW\L=1213</t>
  </si>
  <si>
    <t>【哈电锅炉】末过出口集箱(左)管接头16\Φ42*11\SA-213T91\F022CMT001C261\600MW\L=1038</t>
  </si>
  <si>
    <t>【哈电锅炉】末过出口集箱(左)管接头17\Φ42*11\SA-213T91\F022CMT001C261\600MW\L=932</t>
  </si>
  <si>
    <t>【哈电锅炉】末过出口集箱(左)管接头18\Φ42*11\SA-213T91\F022CMT001C261\600MW\L=852</t>
  </si>
  <si>
    <t>【哈电锅炉】末过出口集箱(左)管接头19\Φ42*11\SA-213T91\F022CMT001C261\600MW\L=806</t>
  </si>
  <si>
    <t>【哈电锅炉】末过出口集箱(左)管接头20\Φ51*11\SA-213T91\F022CMT001C261\600MW\L=1173</t>
  </si>
  <si>
    <t>【哈电锅炉】末过出口集箱(左)管接头21\Φ51*11\SA-213T91\F022CMT001C261\600MW\L=1017</t>
  </si>
  <si>
    <t>【哈电锅炉】末过出口集箱(左)管接头22\Φ51*11\SA-213T91\F022CMT001C261\600MW\L=916</t>
  </si>
  <si>
    <t>【哈电锅炉】末过出口集箱(左)管接头23\Φ42*11\SA-213T91\F022CMT001C261\600MW\L=842</t>
  </si>
  <si>
    <t>【哈电锅炉】末过出口集箱(左)管接头24\Φ42*11\SA-213T91\F022CMT001C261\600MW\L=798</t>
  </si>
  <si>
    <t>【哈电锅炉】末过出口集箱(左)管接头25\Φ51*11\SA-213T91\F022CMT001C261\600MW\L=1036</t>
  </si>
  <si>
    <t>【哈电锅炉】末过出口集箱(左)管接头26\Φ51*11\SA-213T91\F022CMT001C261\600MW\L=929</t>
  </si>
  <si>
    <t>【哈电锅炉】末过出口集箱(左)管接头27\Φ42*11\SA-213T91\F022CMT001C261\600MW\L=1020</t>
  </si>
  <si>
    <t>【哈电锅炉】末过出口集箱(左)管接头28\Φ42*11\SA-213T91\F022CMT001C261\600MW\L=918</t>
  </si>
  <si>
    <t>【哈电锅炉】末过出口集箱(左)管接头29\Φ63.5*11.5\SA-213T91\F022CMT001C261\600MW\L=112</t>
  </si>
  <si>
    <t>【哈电锅炉】上部水平90度弯头\Φ57*4.5\12Cr1MoVG\F022DCB001C261\600MW\L=1185</t>
  </si>
  <si>
    <t>【哈电锅炉】上部水平U型弯头大R\Φ57*4.5\12Cr1MoVG\F022DCB001C261\600MW\L=1372</t>
  </si>
  <si>
    <t>【哈电锅炉】上部水平U型弯头小R\Φ57*4.5\12Cr1MoVG\F022DCB001C261\600MW\L=1124</t>
  </si>
  <si>
    <t>【哈电锅炉】中部水平90度弯头\Φ57*4.5\15CrMoG\F022DCC001C261\600MW\L=1185</t>
  </si>
  <si>
    <t>【哈电锅炉】中部水平U型弯头大R\Φ57*4.5\15CrMoG\F022DCC001C261\600MW\L=1372</t>
  </si>
  <si>
    <t>【哈电锅炉】中部水平U型弯头小R\Φ57*4.5\15CrMoG\F022DCC001C261\600MW\L=1124</t>
  </si>
  <si>
    <t>【哈电锅炉】下部水平90度弯头\Φ57*4.5\SA-210C\F022DCD001C261\600MW\L=1185</t>
  </si>
  <si>
    <t>【哈电锅炉】下部水平U型弯头大R\Φ57*4.5\SA-210C\F022DCD001C261\600MW\L=1372</t>
  </si>
  <si>
    <t>【哈电锅炉】下部水平U型弯头小R\Φ57*4.5\SA-210C\F022DCD001C261\600MW\L=1124</t>
  </si>
  <si>
    <t>【哈电锅炉】立式低温再热器90度弯头\Φ57*5\12Cr1MoVG\F022DCE001C261\600MW\L=1185</t>
  </si>
  <si>
    <t>【哈电锅炉】低温再热器出口集箱管接头1\Φ57*5\12Cr1MoVG\F022DJA001C261\600MW\L=1783</t>
  </si>
  <si>
    <t>【哈电锅炉】低温再热器出口集箱管接头2\Φ57*5\12Cr1MoVG\F022DJA001C261\600MW\L=1483</t>
  </si>
  <si>
    <t>【哈电锅炉】低温再热器出口集箱管接头3\Φ57*5\12Cr1MoVG\F022DJA001C261\600MW\L=1230</t>
  </si>
  <si>
    <t>【哈电锅炉】低温再热器出口集箱管接头4\Φ57*5\12Cr1MoVG\F022DJA001C261\600MW\L=1030</t>
  </si>
  <si>
    <t>【哈电锅炉】低温再热器出口集箱管接头5\Φ57*5\12Cr1MoVG\F022DJA001C261\600MW\L=887</t>
  </si>
  <si>
    <t>【哈电锅炉】低温再热器出口集箱管接头6\Φ57*5\12Cr1MoVG\F022DJA001C261\600MW\L=783</t>
  </si>
  <si>
    <t>【哈电锅炉】低温再热器出口集箱管接头7\Φ57*5\12Cr1MoVG\F022DJA001C261\600MW\L=725</t>
  </si>
  <si>
    <t>【哈电锅炉】低温再热器出口集箱管接头8\Φ57*5\SA-210C\F022DJA001C261\600MW\L=1054</t>
  </si>
  <si>
    <t>【哈电锅炉】低温再热器出口集箱管接头9\Φ57*5\SA-210C\F022DJA001C261\600MW\L=1078</t>
  </si>
  <si>
    <t>【哈电锅炉】低温再热器出口集箱管接头10\Φ57*5\SA-210C\F022DJA001C261\600MW\L=1143</t>
  </si>
  <si>
    <t>【哈电锅炉】低温再热器出口集箱管接头11\Φ57*5\SA-210C\F022DJA001C261\600MW\L=1268</t>
  </si>
  <si>
    <t>【哈电锅炉】末再下部70度弯头\Φ60*4.5\SA-213TP347H\F022DEA001C261\600MW\L=1384</t>
  </si>
  <si>
    <t>【哈电锅炉】末再下部110度弯头\Φ63*4.5\SA-213TP347H\F022DEA001C261\600MW\L=1224</t>
  </si>
  <si>
    <t>【哈电锅炉】末级再热器入口集箱管接头1\Φ70*5\12Cr1MoVG\F022DJP001C261\600MW\L=1066</t>
  </si>
  <si>
    <t>【哈电锅炉】末级再热器入口集箱管接头2\Φ60*5\12Cr1MoVG\F022DJP001C261\600MW\L=1102</t>
  </si>
  <si>
    <t>【哈电锅炉】末级再热器入口集箱管接头3\Φ54*6\12Cr1MoVG\F022DJP001C261\600MW\L=1102</t>
  </si>
  <si>
    <t>【哈电锅炉】末级再热器入口集箱管接头4\Φ60*5\12Cr1MoVG\F022DJP001C261\600MW\L=855</t>
  </si>
  <si>
    <t>【哈电锅炉】末级再热器入口集箱管接头5\Φ54*6\12Cr1MoVG\F022DJP001C261\600MW\L=855</t>
  </si>
  <si>
    <t>【哈电锅炉】末级再热器入口集箱管接头6\Φ54*6\12Cr1MoVG\F022DJP001C261\600MW\L=694</t>
  </si>
  <si>
    <t>【哈电锅炉】末级再热器入口集箱管接头7\Φ70*5\12Cr1MoVG\F022DJP001C261\600MW\L=1066</t>
  </si>
  <si>
    <t>【哈电锅炉】末级再热器入口集箱管接头8\Φ60*5\12Cr1MoVG\F022DJP001C261\600MW\L=1102</t>
  </si>
  <si>
    <t>【哈电锅炉】末级再热器入口集箱管接头9\Φ54*6\12Cr1MoVG\F022DJP001C261\600MW\L=1102</t>
  </si>
  <si>
    <t>【哈电锅炉】末级再热器入口集箱管接头10\Φ60*5\12Cr1MoVG\F022DJP001C261\600MW\L=854</t>
  </si>
  <si>
    <t>【哈电锅炉】末级再热器入口集箱管接头11\Φ54*6\12Cr1MoVG\F022DJP001C261\600MW\L=855</t>
  </si>
  <si>
    <t>【哈电锅炉】末级再热器入口集箱管接头12\Φ54*6\12Cr1MoVG\F022DJP001C261\600MW\L=694</t>
  </si>
  <si>
    <t>【哈电锅炉】末级再热器出口集箱管接头1\Φ70*5\SA-213T91\F022DJP001C261\600MW\L=1038</t>
  </si>
  <si>
    <t>【哈电锅炉】末级再热器出口集箱管接头2\Φ60*5\SA-213T91\F022DJP001C261\600MW\L=1085</t>
  </si>
  <si>
    <t>【哈电锅炉】末级再热器出口集箱管接头3\Φ54*6\SA-213T91\F022DJP001C261\600MW\L=1085</t>
  </si>
  <si>
    <t>【哈电锅炉】末级再热器出口集箱管接头4\Φ60*5\SA-213T91\F022DJP001C261\600MW\L=786</t>
  </si>
  <si>
    <t>【哈电锅炉】末级再热器出口集箱管接头5\Φ54*6\SA-213T91\F022DJP001C261\600MW\L=787</t>
  </si>
  <si>
    <t>【哈电锅炉】末级再热器出口集箱管接头6\Φ54*6\SA-213T91\F022DJP001C261\600MW\L=625</t>
  </si>
  <si>
    <t>【哈电锅炉】末级再热器出口集箱管接头7\Φ70*5\SA-213T91\F022DJP001C261\600MW\L=1036</t>
  </si>
  <si>
    <t>【哈电锅炉】末级再热器出口集箱管接头8\Φ60*5\SA-213T91\F022DJP001C261\600MW\L=1081</t>
  </si>
  <si>
    <t>【哈电锅炉】末级再热器出口集箱管接头9\Φ54*6\SA-213T91\F022DJP001C261\600MW\L=1081</t>
  </si>
  <si>
    <t>【哈电锅炉】末级再热器出口集箱管接头10\Φ54*6\SA-213T91\F022DJP001C261\600MW\L=1081</t>
  </si>
  <si>
    <t>【哈电锅炉】末级再热器出口集箱管接头11\Φ60*5\SA-213T91\F022DJP001C261\600MW\L=785</t>
  </si>
  <si>
    <t>【哈电锅炉】末级再热器出口集箱管接头12\Φ54*6\SA-213T91\F022DJP001C261\600MW\L=785</t>
  </si>
  <si>
    <t>【哈电锅炉】末级再热器出口集箱管接头13\Φ54*6\SA-213T91\F022DJP001C261\600MW\L=626</t>
  </si>
  <si>
    <t>【哈电锅炉】末级再热器出口集箱管接头14\Φ54*6\SA-213T91\F022DJP001C261\600MW\L=626</t>
  </si>
  <si>
    <t>【哈电锅炉】分隔屏过热器异种钢接头\Φ44.5*9\Φ44.5\F022CGD001C261\600MW</t>
  </si>
  <si>
    <t>【哈电锅炉】分隔屏过热器异种钢接头\Φ44.5*8\Φ44.5\F022CGD001C261\600MW</t>
  </si>
  <si>
    <t>【哈电锅炉】末过异种钢接头\Φ57*10\Φ51\F022CHD001C261\600MW</t>
  </si>
  <si>
    <t>【哈电锅炉】低温再热器钢接头\Φ57*4.5\Φ57\F022DCD001C261\600MW</t>
  </si>
  <si>
    <t>【哈电锅炉】低温再热器钢接头\Φ57*4.5\Φ57\F022DCC001C261\600MW</t>
  </si>
  <si>
    <t>【哈电锅炉】末再异种钢接头\Φ60*4.5\Φ60\F022DEA001C261\600MW</t>
  </si>
  <si>
    <t>【哈电锅炉】流体冷却间隔管弯管\Φ51*9\SA-213T91\F022CJQ001C261\600MW\L=1252</t>
  </si>
  <si>
    <t>【哈电锅炉】流体冷却夹管弯管\Φ63.5*11.5\SA-213TP347H\F022CJP001C281\600MW\L=1169</t>
  </si>
  <si>
    <t>【哈电锅炉】三叉管\Φ63.5*13\SA-213TP347H\F022CJP001C281\600MW</t>
  </si>
  <si>
    <t>【哈电锅炉】省煤器入口集箱管接头1\Φ51*6.5\20G\22.1551.026\600MW\L=2003.5</t>
  </si>
  <si>
    <t>【哈电锅炉】省煤器入口集箱管接头2\Φ51*6.5\20G\22.1551.026\600MW\L=1696</t>
  </si>
  <si>
    <t>【哈电锅炉】省煤器入口集箱管接头3\Φ51*6.5\20G\22.1551.026\600MW\L=1458</t>
  </si>
  <si>
    <t>【哈电锅炉】省煤器入口集箱管接头4\Φ51*6.5\20G\22.1551.026\600MW\L=1300</t>
  </si>
  <si>
    <t>【哈电锅炉】省煤器入口集箱管接头5\Φ51*6.5\20G\22.1551.026\600MW\L=687</t>
  </si>
  <si>
    <t>【哈电锅炉】省煤器入口集箱管接头6\Φ51*6.5\20G\22.1551.026\600MW\L=749</t>
  </si>
  <si>
    <t>【哈电锅炉】省煤器入口集箱管接头7\Φ51*6.5\20G\22.1551.026\600MW\L=882</t>
  </si>
  <si>
    <t>【哈电锅炉】省煤器入口集箱管接头8\Φ51*6.5\20G\22.1551.026\600MW\L=1108</t>
  </si>
  <si>
    <t>【哈电锅炉】省煤器出口集箱(No.1)管接头1\Φ51*6.5\20G\22.1551.026\600MW\L=855</t>
  </si>
  <si>
    <t>【哈电锅炉】省煤器出口集箱(No.1)管接头2\Φ51*6.5\20G\22.1551.026\600MW\L=755</t>
  </si>
  <si>
    <t>【哈电锅炉】省煤器出口集箱(No.1)管接头3\Φ51*6.5\20G\22.1551.026\600MW\L=786</t>
  </si>
  <si>
    <t>【哈电锅炉】省煤器出口集箱(No.1)管接头4\Φ60*12\20G\22.1551.026\600MW\L=132</t>
  </si>
  <si>
    <t>【哈电锅炉】省煤器出口集箱(No.2)管接头1\Φ51*6.5\20G\22.1551.026\600MW\L=855</t>
  </si>
  <si>
    <t>【哈电锅炉】省煤器出口集箱(No.2)管接头2\Φ51*6.5\20G\22.1551.026\600MW\L=755</t>
  </si>
  <si>
    <t>【哈电锅炉】省煤器出口集箱(No.2)管接头3\Φ51*6.5\20G\22.1551.026\600MW\L=686</t>
  </si>
  <si>
    <t>【哈电锅炉】省煤器出口集箱(No.2)管接头4\Φ51*6.5\20G\22.1551.026\600MW\L=132</t>
  </si>
  <si>
    <t>【哈电锅炉】省煤器出口集箱(No.3)管接头1\Φ51*6.5\20G\22.1551.026\600MW\L=855</t>
  </si>
  <si>
    <t>【哈电锅炉】省煤器出口集箱(No.3)管接头2\Φ51*6.5\20G\22.1551.026\600MW\L=755</t>
  </si>
  <si>
    <t>【哈电锅炉】省煤器出口集箱(No.3)管接头3\Φ51*6.5\20G\22.1551.026\600MW\L=686</t>
  </si>
  <si>
    <t>【哈电锅炉】省煤器出口集箱(No.3)管接头4\Φ60*12\20G\22.1551.026\600MW\L=132</t>
  </si>
  <si>
    <t>【哈电锅炉】省煤器吊挂管出口集箱1\Φ60*12\20G\22.1551.026\600MW\L=353</t>
  </si>
  <si>
    <t>【哈电锅炉】省煤器吊挂管出口集箱2\Φ60*12\20G\22.1551.026\600MW\L=132</t>
  </si>
  <si>
    <t>【哈电锅炉】省煤器吊挂管出口集箱3\Φ60*12\20G\22.1551.026\600MW\L=412</t>
  </si>
  <si>
    <t>【哈电锅炉】前水冷壁上集箱(中部)管接头1\Φ51*6.5\20G\22.152A.002\600MW</t>
  </si>
  <si>
    <t>【哈电锅炉】前水冷壁上集箱(中部)管接头2\Φ51*6.5\20G\22.152A.002\600MW\L=251</t>
  </si>
  <si>
    <t>【哈电锅炉】前水冷壁上集箱(中部)管接头3\Φ51*6.5\20G\22.152A.002\600MW</t>
  </si>
  <si>
    <t>【哈电锅炉】前水冷壁上集箱(中部)管接头4\Φ51*6.5\20G\22.152A.002\600MW\L=518</t>
  </si>
  <si>
    <t>【哈电锅炉】前水冷壁上集箱(中部)管接头5\Φ51*6.5\20G\22.152A.002\600MW</t>
  </si>
  <si>
    <t>【哈电锅炉】前水冷壁上集箱(中部)管接头6\Φ51*6.5\20G\22.152A.002\600MW</t>
  </si>
  <si>
    <t>【哈电锅炉】前水冷壁上集箱(中部)管接头7正反各半\Φ51*6.5\20G\22.152A.002\600MW</t>
  </si>
  <si>
    <t>【哈电锅炉】前水冷壁上集箱(中部)管接头8正反各半\Φ51*6.5\20G\22.152A.002\600MW</t>
  </si>
  <si>
    <t>【哈电锅炉】前水冷壁上集箱(两边)管接头1\Φ51*6.5\20G\22.152A.002\600MW</t>
  </si>
  <si>
    <t>【哈电锅炉】前水冷壁上集箱(两边)管接头2\Φ51*6.5\20G\22.152A.002\600MW</t>
  </si>
  <si>
    <t>【哈电锅炉】前水冷壁上集箱(两边)管接头3\Φ51*6.5\20G\22.152A.002\600MW</t>
  </si>
  <si>
    <t>【哈电锅炉】前水冷壁上集箱(两边)管接头4\Φ51*6.5\20G\22.152A.002\600MW</t>
  </si>
  <si>
    <t>【哈电锅炉】前水冷壁上集箱(两边)管接头5\Φ51*6.5\20G\22.152A.002\600MW</t>
  </si>
  <si>
    <t>【哈电锅炉】前水冷壁上集箱(两边)管接头6正反各半\Φ51*6.5\20G\22.152A.002\600MW</t>
  </si>
  <si>
    <t>【哈电锅炉】后水冷壁排管上集箱管接头1\Φ66.7*7\20G\22.152A.002\600MW</t>
  </si>
  <si>
    <t>【哈电锅炉】后水冷壁排管上集箱管接头2\Φ66.7*7\20G\22.152A.002\600MW</t>
  </si>
  <si>
    <t>【哈电锅炉】后水冷壁吊挂管出口集箱管接头\Φ63.5*14\20G\22.152A.002\600MW\L=115</t>
  </si>
  <si>
    <t>【哈电锅炉】侧水冷壁上集箱(前)管接头1\Φ51*6.5\20G\22.152A.002\600MW\L=457</t>
  </si>
  <si>
    <t>【哈电锅炉】侧水冷壁上集箱(前)管接头2\Φ51*6.5\20G\22.152A.002\600MW</t>
  </si>
  <si>
    <t>【哈电锅炉】侧水冷壁上集箱(前)管接头3\Φ51*6.5\20G\22.152A.002\600MW</t>
  </si>
  <si>
    <t>【哈电锅炉】侧水冷壁上集箱(前)管接头4\Φ51*6.5\20G\22.152A.002\600MW</t>
  </si>
  <si>
    <t>【哈电锅炉】侧水冷壁上集箱(中)管接头1\Φ51*6.5\20G\22.152A.002\600MW\L=457</t>
  </si>
  <si>
    <t>【哈电锅炉】侧水冷壁上集箱(中)管接头2\Φ51*6.5\20G\22.152A.002\600MW</t>
  </si>
  <si>
    <t>【哈电锅炉】侧水冷壁上集箱(中)管接头3\Φ51*6.5\20G\22.152A.002\600MW</t>
  </si>
  <si>
    <t>【哈电锅炉】侧水冷壁上集箱(中)管接头4\Φ51*6.5\20G\22.152A.002\600MW</t>
  </si>
  <si>
    <t>【哈电锅炉】侧水冷壁上集箱(后)管接头1\Φ51*6.5\20G\22.152A.002\600MW\L=457</t>
  </si>
  <si>
    <t>【哈电锅炉】侧水冷壁上集箱(后)管接头2\Φ51*6.5\20G\22.152A.002\600MW</t>
  </si>
  <si>
    <t>【哈电锅炉】侧水冷壁上集箱(后)管接头3正反各半\Φ51*6.5\20G\22.152A.002\600MW</t>
  </si>
  <si>
    <t>【哈电锅炉】侧水冷壁上集箱(后)管接头4正反各半\Φ51*6.5\20G\22.152A.002\600MW</t>
  </si>
  <si>
    <t>【哈电锅炉】侧水冷壁上集箱(后)管接头5\Φ66.7*7MWT\SA-210C\22.152A.002\600MW\L=458</t>
  </si>
  <si>
    <t>【哈电锅炉】侧水冷壁上集箱(后)管接头6正反各半\Φ66.7*7MWT\SA-210C\22.152A.002\600MW</t>
  </si>
  <si>
    <t>【哈电锅炉】前水冷壁下集箱管接头1\Φ51*9.5\20G\22.152A.002\600MW\L=556</t>
  </si>
  <si>
    <t>【哈电锅炉】前水冷壁下集箱管接头2\Φ51*9.5\20G\22.1524.022\600MW\L=534</t>
  </si>
  <si>
    <t>【哈电锅炉】前水冷壁下集箱管接头3\Φ51*9.5\20G\22.1524.022\600MW\L=646</t>
  </si>
  <si>
    <t>【哈电锅炉】前水冷壁下集箱管接头4\Φ51*9.5\20G\22.1524.022\600MW\L=163</t>
  </si>
  <si>
    <t>【哈电锅炉】后水冷壁下集箱管接头1\Φ51*9.5\20G\22.1524.022\600MW\L=556</t>
  </si>
  <si>
    <t>【哈电锅炉】后水冷壁下集箱管接头2\Φ51*9.5\20G\22.1524.022\600MW\L=534</t>
  </si>
  <si>
    <t>【哈电锅炉】后水冷壁下集箱管接头3\Φ51*9.5\20G\22.1524.022\600MW\L=646</t>
  </si>
  <si>
    <t>【哈电锅炉】后水冷壁下集箱管接头4\Φ51*9.5\20G\22.1524.022\600MW\L=163</t>
  </si>
  <si>
    <t>【哈电锅炉】左侧水冷壁下集箱管接头1\Φ51*9.5\20G\22.1524.022\600MW\L=556</t>
  </si>
  <si>
    <t>【哈电锅炉】左侧水冷壁下集箱管接头2\Φ51*9.5\20G\22.1524.022\600MW\L=534</t>
  </si>
  <si>
    <t>【哈电锅炉】左侧水冷壁下集箱管接头3\Φ51*9.5\20G\22.1524.022\600MW\L=646</t>
  </si>
  <si>
    <t>【哈电锅炉】左侧水冷壁下集箱管接头4\Φ51*9.5\20G\22.1524.022\600MW\L=163</t>
  </si>
  <si>
    <t>【哈电锅炉】右侧水冷壁下集箱管接头1\Φ51*9.5\20G\22.1524.022\600MW\L=556</t>
  </si>
  <si>
    <t>【哈电锅炉】右侧水冷壁下集箱管接头2\Φ51*9.5\20G\22.1524.022\600MW\L=534</t>
  </si>
  <si>
    <t>【哈电锅炉】右侧水冷壁下集箱管接头3\Φ51*9.5\20G\22.1524.022\600MW\L=646</t>
  </si>
  <si>
    <t>【哈电锅炉】右侧水冷壁下集箱管接头4\Φ51*9.5\20G\22.1524.022\600MW\L=163</t>
  </si>
  <si>
    <t>【哈电锅炉】水冷壁排管弯管1(正反各半)\Φ63.5*8\20G\22.159.024\600MW\L=4075</t>
  </si>
  <si>
    <t>【哈电锅炉】水冷壁排管弯管2(正反各半)\Φ63.5*8\20G\22.159.024\600MW\L=4139</t>
  </si>
  <si>
    <t>【哈电锅炉】水冷壁排管弯管3(正反各半)\Φ63.5*8\20G\22.159.024\600MW\L=4001</t>
  </si>
  <si>
    <t>【哈电锅炉】水冷壁排管弯管4(正反各半)\Φ63.5*8\20G\22.159.024\600MW\L=4247</t>
  </si>
  <si>
    <t>【哈电锅炉】水冷壁排管弯管5(正反各半)\Φ63.5*8\20G\22.159.024\600MW\L=4242</t>
  </si>
  <si>
    <t>【哈电锅炉】水冷壁排管弯管6(正反各半)\Φ63.5*8\20G\22.159.024\600MW\L=4312</t>
  </si>
  <si>
    <t>【哈电锅炉】水冷壁排管弯管7(正反各半)\Φ63.5*8\20G\22.159.024\600MW\L=4323</t>
  </si>
  <si>
    <t>【哈电锅炉】水冷壁排管弯管8(正反各半)\Φ63.5*8\20G\22.159.024\600MW\L=4144</t>
  </si>
  <si>
    <t>【哈电锅炉】水冷壁排管弯管9(正反各半)\Φ63.5*8\20G\22.159.024\600MW\L=4159</t>
  </si>
  <si>
    <t>【哈电锅炉】水冷壁排管弯管10(正反各半)\Φ63.5*8\20G\22.159.024\600MW\L=4229</t>
  </si>
  <si>
    <t>【哈电锅炉】水冷壁排管弯管11(正反各半)\Φ63.5*8\20G\22.159.024\600MW\L=4083</t>
  </si>
  <si>
    <t>【哈电锅炉】水冷壁排管弯管12(正反各半)\Φ63.5*8\20G\22.159.024\600MW\L=4066</t>
  </si>
  <si>
    <t>【本特利】位移探头\330876-01-10-00-00</t>
  </si>
  <si>
    <t>通用电气检测控制技术（上海）有限公司</t>
  </si>
  <si>
    <t>本特利</t>
  </si>
  <si>
    <t>WZSCCG-2020-BJ-1050</t>
  </si>
  <si>
    <t>北京配送商城电力专区本特利TSI备件项目铺货集团级长协采购</t>
  </si>
  <si>
    <t>山东鑫海电力设备有限公司</t>
  </si>
  <si>
    <t>【本特利】位移探头\330876-01-10-00-05</t>
  </si>
  <si>
    <t>【本特利】位移探头\330876-01-10-01-00</t>
  </si>
  <si>
    <t>【本特利】位移探头\330876-01-50-00-00</t>
  </si>
  <si>
    <t>【本特利】位移探头\330876-01-50-00-05</t>
  </si>
  <si>
    <t>【本特利】位移探头\330876-01-50-01-00</t>
  </si>
  <si>
    <t>【本特利】位移探头\330876-01-50-01-05</t>
  </si>
  <si>
    <t>【本特利】位移探头\330876-01-90-00-00</t>
  </si>
  <si>
    <t>【本特利】位移探头\330876-01-90-00-05</t>
  </si>
  <si>
    <t>【本特利】位移探头\330876-01-90-01-00</t>
  </si>
  <si>
    <t>【本特利】位移探头\330876-01-90-01-05</t>
  </si>
  <si>
    <t>【本特利】位移探头\330876-02-10-00-05</t>
  </si>
  <si>
    <t>【本特利】位移探头\330876-02-10-01-05</t>
  </si>
  <si>
    <t>【本特利】位移探头\330876-02-50-00-05</t>
  </si>
  <si>
    <t>【本特利】位移探头\330876-02-50-01-00</t>
  </si>
  <si>
    <t>【本特利】位移探头\330876-02-50-01-05</t>
  </si>
  <si>
    <t>【本特利】位移探头\330876-02-90-00-05</t>
  </si>
  <si>
    <t>【本特利】位移探头\330876-02-90-01-05</t>
  </si>
  <si>
    <t>【本特利】位移探头\330876-03-10-00-00</t>
  </si>
  <si>
    <t>【本特利】位移探头\330876-03-10-00-05</t>
  </si>
  <si>
    <t>【本特利】位移探头\330876-03-10-01-05</t>
  </si>
  <si>
    <t>【本特利】位移探头\330876-03-50-00-00</t>
  </si>
  <si>
    <t>【本特利】位移探头\330876-03-50-00-05</t>
  </si>
  <si>
    <t>【本特利】位移探头\330876-03-50-01-00</t>
  </si>
  <si>
    <t>【本特利】位移探头\330876-03-50-01-05</t>
  </si>
  <si>
    <t>【本特利】位移探头\330876-03-90-00-00</t>
  </si>
  <si>
    <t>【本特利】位移探头\330876-03-90-00-05</t>
  </si>
  <si>
    <t>【本特利】位移探头\330876-03-90-01-00</t>
  </si>
  <si>
    <t>【本特利】位移探头\330876-03-90-01-05</t>
  </si>
  <si>
    <t>【本特利】振动探头\330752-60-CN</t>
  </si>
  <si>
    <t>【本特利】振动探头\330750-60-CN</t>
  </si>
  <si>
    <t>【本特利】振动探头\330752-25</t>
  </si>
  <si>
    <t>【本特利】振动探头\330752-40</t>
  </si>
  <si>
    <t>【本特利】振动探头\330752-80</t>
  </si>
  <si>
    <t>【本特利】振动探头\330750-20</t>
  </si>
  <si>
    <t>【本特利】振动探头\330750-40</t>
  </si>
  <si>
    <t>【本特利】振动探头\330750-80</t>
  </si>
  <si>
    <t>【本特利】位移探头\330851-01-000-020-10-00-00</t>
  </si>
  <si>
    <t>【本特利】位移探头\330851-01-000-020-10-01-05</t>
  </si>
  <si>
    <t>【本特利】位移探头\330851-02-000-030-10-00-00</t>
  </si>
  <si>
    <t>【本特利】位移探头\330851-02-000-030-10-01-05</t>
  </si>
  <si>
    <t>【本特利】位移探头\330851-01-000-040-10-00-00</t>
  </si>
  <si>
    <t>【本特利】位移探头\330851-01-000-040-10-01-05</t>
  </si>
  <si>
    <t>【本特利】位移探头\330851-02-000-050-50-00-00</t>
  </si>
  <si>
    <t>【本特利】位移探头\330851-02-000-050-50-01-00</t>
  </si>
  <si>
    <t>【本特利】位移探头\330851-02-000-050-90-00-00</t>
  </si>
  <si>
    <t>【本特利】位移探头\330851-02-000-050-90-01-CN</t>
  </si>
  <si>
    <t>【本特利】位移探头\330851-02-000-060-10-00-CN</t>
  </si>
  <si>
    <t>【本特利】位移探头\330851-02-000-070-10-01-CN</t>
  </si>
  <si>
    <t>【本特利】位移探头\330851-02-000-070-10-00-CN</t>
  </si>
  <si>
    <t>【本特利】位移探头\330851-02-000-070-50-01-00</t>
  </si>
  <si>
    <t>【本特利】位移探头\330851-02-000-070-50-00-00</t>
  </si>
  <si>
    <t>【本特利】位移探头\330851-02-000-080-90-00-00</t>
  </si>
  <si>
    <t>【本特利】位移探头\330851-02-000-080-90-01-CN</t>
  </si>
  <si>
    <t>【本特利】位移探头\330851-02-000-080-10-00-00</t>
  </si>
  <si>
    <t>【本特利】位移探头\330851-04-000-020-10-00-00</t>
  </si>
  <si>
    <t>【本特利】位移探头\330851-04-000-060-50-00-00</t>
  </si>
  <si>
    <t>【本特利】位移探头\330851-04-000-060-50-01-00</t>
  </si>
  <si>
    <t>【本特利】位移探头\330851-02-000-080-90-00-05</t>
  </si>
  <si>
    <t>【本特利】位移探头\330851-06-000-070-10-00-CN</t>
  </si>
  <si>
    <t>【本特利】位移探头\330851-06-000-070-50-00-00</t>
  </si>
  <si>
    <t>【本特利】位移探头\330851-07-000-020-10-00-00</t>
  </si>
  <si>
    <t>【本特利】位移探头\330851-08-000-016-10-00-00</t>
  </si>
  <si>
    <t>【本特利】位移探头\330703-000-030-10-02-00</t>
  </si>
  <si>
    <t>【本特利】位移探头\330703-000-040-10-02-00</t>
  </si>
  <si>
    <t>【本特利】位移探头\330703-000-050-10-02-CN</t>
  </si>
  <si>
    <t>【本特利】位移探头\330703-000-060-10-02-00</t>
  </si>
  <si>
    <t>【本特利】位移探头\330703-000-070-10-02-00</t>
  </si>
  <si>
    <t>【本特利】位移探头\330703-000-080-10-02-00</t>
  </si>
  <si>
    <t>【本特利】位移探头\330703-000-090-10-02-CN</t>
  </si>
  <si>
    <t>【本特利】位移探头\330703-000-100-10-02-00</t>
  </si>
  <si>
    <t>【本特利】位移探头\330703-000-110-10-02-00</t>
  </si>
  <si>
    <t>【本特利】位移探头\330703-000-120-10-02-00</t>
  </si>
  <si>
    <t>【本特利】位移探头\330703-000-130-10-02-00</t>
  </si>
  <si>
    <t>【本特利】位移探头\330703-000-030-50-02-00</t>
  </si>
  <si>
    <t>【本特利】位移探头\330703-000-040-50-02-00</t>
  </si>
  <si>
    <t>【本特利】位移探头\330703-000-050-50-02-00</t>
  </si>
  <si>
    <t>【本特利】位移探头\330703-000-060-50-02-00</t>
  </si>
  <si>
    <t>【本特利】位移探头\330703-000-070-50-02-00</t>
  </si>
  <si>
    <t>【本特利】位移探头\330703-000-080-50-02-00</t>
  </si>
  <si>
    <t>【本特利】位移探头\330703-000-090-50-02-00</t>
  </si>
  <si>
    <t>【本特利】位移探头\330703-000-100-50-02-00</t>
  </si>
  <si>
    <t>【本特利】位移探头\330703-000-110-50-02-00</t>
  </si>
  <si>
    <t>【本特利】位移探头\330703-000-120-50-02-00</t>
  </si>
  <si>
    <t>【本特利】位移探头\330703-000-130-50-02-00</t>
  </si>
  <si>
    <t>【本特利】位移探头\330703-000-030-90-02-00</t>
  </si>
  <si>
    <t>【本特利】位移探头\330703-000-040-90-02-00</t>
  </si>
  <si>
    <t>【本特利】位移探头\330703-000-050-90-02-00</t>
  </si>
  <si>
    <t>【本特利】位移探头\330703-000-060-90-02-00</t>
  </si>
  <si>
    <t>【本特利】位移探头\330703-000-070-90-02-00</t>
  </si>
  <si>
    <t>【本特利】位移探头\330703-000-080-90-02-00</t>
  </si>
  <si>
    <t>【本特利】位移探头\330703-000-090-90-02-00</t>
  </si>
  <si>
    <t>【本特利】位移探头\330703-000-100-90-02-00</t>
  </si>
  <si>
    <t>【本特利】位移探头\330703-000-110-90-02-00</t>
  </si>
  <si>
    <t>【本特利】位移探头\330703-000-120-90-02-00</t>
  </si>
  <si>
    <t>【本特利】位移探头\330703-000-130-90-02-00</t>
  </si>
  <si>
    <t>【本特利】位移探头\330704-000-030-10-02-00</t>
  </si>
  <si>
    <t>【本特利】位移探头\330704-000-040-10-02-00</t>
  </si>
  <si>
    <t>【本特利】位移探头\330704-000-050-10-02-00</t>
  </si>
  <si>
    <t>【本特利】位移探头\330704-000-060-10-02-00</t>
  </si>
  <si>
    <t>【本特利】位移探头\330704-000-070-10-02-00</t>
  </si>
  <si>
    <t>【本特利】位移探头\330704-000-080-10-02-00</t>
  </si>
  <si>
    <t>【本特利】位移探头\330704-000-090-10-02-00</t>
  </si>
  <si>
    <t>【本特利】位移探头\330704-000-100-10-02-00</t>
  </si>
  <si>
    <t>【本特利】位移探头\330704-000-110-10-02-00</t>
  </si>
  <si>
    <t>【本特利】位移探头\330704-000-130-10-02-00</t>
  </si>
  <si>
    <t>【本特利】位移探头\330704-000-030-50-02-00</t>
  </si>
  <si>
    <t>【本特利】位移探头\330704-000-040-50-02-00</t>
  </si>
  <si>
    <t>【本特利】位移探头\330704-000-050-50-02-00</t>
  </si>
  <si>
    <t>【本特利】位移探头\330704-000-060-50-02-00</t>
  </si>
  <si>
    <t>【本特利】位移探头\330704-000-070-50-02-00</t>
  </si>
  <si>
    <t>【本特利】位移探头\330704-000-080-50-02-00</t>
  </si>
  <si>
    <t>【本特利】位移探头\330704-000-090-50-02-00</t>
  </si>
  <si>
    <t>【本特利】位移探头\330704-000-100-50-02-00</t>
  </si>
  <si>
    <t>【本特利】位移探头\330704-000-110-50-02-00</t>
  </si>
  <si>
    <t>【本特利】位移探头\330704-000-130-50-02-00</t>
  </si>
  <si>
    <t>【本特利】位移探头\330704-000-030-90-02-00</t>
  </si>
  <si>
    <t>【本特利】位移探头\330704-000-040-90-02-00</t>
  </si>
  <si>
    <t>【本特利】位移探头\330704-000-050-90-02-00</t>
  </si>
  <si>
    <t>【本特利】位移探头\330704-000-060-90-02-00</t>
  </si>
  <si>
    <t>【本特利】位移探头\330704-000-070-90-02-00</t>
  </si>
  <si>
    <t>【本特利】位移探头\330704-000-080-90-02-00</t>
  </si>
  <si>
    <t>【本特利】位移探头\330704-000-090-90-02-00</t>
  </si>
  <si>
    <t>【本特利】位移探头\330704-000-100-90-02-00</t>
  </si>
  <si>
    <t>【本特利】位移探头\330704-000-110-90-02-00</t>
  </si>
  <si>
    <t>【本特利】位移探头\330704-000-130-90-02-00</t>
  </si>
  <si>
    <t>【本特利】位移探头\330709-000-030-10-02-CN</t>
  </si>
  <si>
    <t>【本特利】位移探头\330709-000-040-10-02-00</t>
  </si>
  <si>
    <t>【本特利】位移探头\330709-000-050-10-02-00</t>
  </si>
  <si>
    <t>【本特利】位移探头\330709-000-060-10-02-00</t>
  </si>
  <si>
    <t>【本特利】位移探头\330709-000-070-10-02-CN</t>
  </si>
  <si>
    <t>【本特利】位移探头\330709-000-080-10-02-CN</t>
  </si>
  <si>
    <t>【本特利】位移探头\330709-000-090-10-02-00</t>
  </si>
  <si>
    <t>【本特利】位移探头\330709-000-100-10-02-00</t>
  </si>
  <si>
    <t>【本特利】位移探头\330709-000-110-10-02-00</t>
  </si>
  <si>
    <t>【本特利】位移探头\330709-000-130-10-02-00</t>
  </si>
  <si>
    <t>【本特利】位移探头\330709-000-030-50-02-00</t>
  </si>
  <si>
    <t>【本特利】位移探头\330709-000-040-50-02-00</t>
  </si>
  <si>
    <t>【本特利】位移探头\330709-000-050-50-02-00</t>
  </si>
  <si>
    <t>【本特利】位移探头\330709-000-060-50-02-00</t>
  </si>
  <si>
    <t>【本特利】位移探头\330709-000-070-50-02-00</t>
  </si>
  <si>
    <t>【本特利】位移探头\330709-000-080-50-02-00</t>
  </si>
  <si>
    <t>【本特利】位移探头\330709-000-090-50-02-00</t>
  </si>
  <si>
    <t>【本特利】位移探头\330709-000-100-50-02-00</t>
  </si>
  <si>
    <t>【本特利】位移探头\330709-000-110-50-02-00</t>
  </si>
  <si>
    <t>【本特利】位移探头\330709-000-130-50-02-00</t>
  </si>
  <si>
    <t>【本特利】位移探头\330709-000-030-90-02-00</t>
  </si>
  <si>
    <t>【本特利】位移探头\330709-000-040-90-02-00</t>
  </si>
  <si>
    <t>【本特利】位移探头\330709-000-050-90-02-00</t>
  </si>
  <si>
    <t>【本特利】位移探头\330709-000-060-90-02-00</t>
  </si>
  <si>
    <t>【本特利】位移探头\330709-000-070-90-02-00</t>
  </si>
  <si>
    <t>【本特利】位移探头\330709-000-080-90-02-00</t>
  </si>
  <si>
    <t>【本特利】位移探头\330709-000-090-90-02-00</t>
  </si>
  <si>
    <t>【本特利】位移探头\330709-000-100-90-02-00</t>
  </si>
  <si>
    <t>【本特利】位移探头\330709-000-110-90-02-00</t>
  </si>
  <si>
    <t>【本特利】位移探头\330709-000-130-90-02-00</t>
  </si>
  <si>
    <t>【本特利】位移探头\330709-050-120-90-02-00</t>
  </si>
  <si>
    <t>【本特利】位移探头\330709-050-120-10-02-00</t>
  </si>
  <si>
    <t>【本特利】位移探头\330710-000-030-10-02-00</t>
  </si>
  <si>
    <t>【本特利】位移探头\330710-000-040-10-02-00</t>
  </si>
  <si>
    <t>【本特利】位移探头\330710-000-050-10-02-00</t>
  </si>
  <si>
    <t>【本特利】位移探头\330710-000-070-10-02-00</t>
  </si>
  <si>
    <t>【本特利】位移探头\330710-000-080-10-02-00</t>
  </si>
  <si>
    <t>【本特利】位移探头\330710-000-090-10-02-00</t>
  </si>
  <si>
    <t>【本特利】位移探头\330710-000-100-10-02-00</t>
  </si>
  <si>
    <t>【本特利】位移探头\330710-000-110-10-02-00</t>
  </si>
  <si>
    <t>【本特利】位移探头\330710-000-130-10-02-00</t>
  </si>
  <si>
    <t>【本特利】位移探头\330710-000-030-50-02-00</t>
  </si>
  <si>
    <t>【本特利】位移探头\330710-000-040-50-02-00</t>
  </si>
  <si>
    <t>【本特利】位移探头\330710-000-050-50-02-00</t>
  </si>
  <si>
    <t>【本特利】位移探头\330710-000-060-50-02-00</t>
  </si>
  <si>
    <t>【本特利】位移探头\330710-000-070-50-02-00</t>
  </si>
  <si>
    <t>【本特利】位移探头\330710-000-080-50-02-00</t>
  </si>
  <si>
    <t>【本特利】位移探头\330710-000-090-50-02-00</t>
  </si>
  <si>
    <t>【本特利】位移探头\330710-000-100-50-02-00</t>
  </si>
  <si>
    <t>【本特利】位移探头\330710-000-110-50-02-00</t>
  </si>
  <si>
    <t>【本特利】位移探头\330710-000-130-50-02-00</t>
  </si>
  <si>
    <t>【本特利】位移探头\330710-000-030-90-02-00</t>
  </si>
  <si>
    <t>【本特利】位移探头\330710-000-040-90-02-00</t>
  </si>
  <si>
    <t>【本特利】位移探头\330710-000-050-90-02-00</t>
  </si>
  <si>
    <t>【本特利】位移探头\330710-000-060-90-02-00</t>
  </si>
  <si>
    <t>【本特利】位移探头\330710-000-070-90-02-00</t>
  </si>
  <si>
    <t>【本特利】位移探头\330710-000-080-90-02-00</t>
  </si>
  <si>
    <t>【本特利】位移探头\330710-000-090-90-02-00</t>
  </si>
  <si>
    <t>【本特利】位移探头\330710-000-100-90-02-00</t>
  </si>
  <si>
    <t>【本特利】位移探头\330710-000-110-90-02-00</t>
  </si>
  <si>
    <t>【本特利】位移探头\330710-000-130-90-02-00</t>
  </si>
  <si>
    <t>【本特利】位移探头\330710-060-100-10-02-00</t>
  </si>
  <si>
    <t>【本特利】位移探头\330710-060-130-10-02-00</t>
  </si>
  <si>
    <t>【本特利】位移探头\330710-060-150-10-02-00</t>
  </si>
  <si>
    <t>【本特利】位移探头\330710-060-170-10-02-00</t>
  </si>
  <si>
    <t>【本特利】位移探头\330710-060-200-10-02-00</t>
  </si>
  <si>
    <t>【本特利】电涡流探头\330198-12-10-00</t>
  </si>
  <si>
    <t>【本特利】电涡流探头\330198-20-10-00</t>
  </si>
  <si>
    <t>【本特利】电涡流探头\330198-35-50-00</t>
  </si>
  <si>
    <t>【本特利】电涡流探头\330198-50-90-00</t>
  </si>
  <si>
    <t>【本特利】电涡流探头\330198-50-50-00</t>
  </si>
  <si>
    <t>【本特利】电涡流探头\330197-12-10-00</t>
  </si>
  <si>
    <t>【本特利】电涡流探头\330197-20-10-00</t>
  </si>
  <si>
    <t>【本特利】电涡流探头\330197-35-50-00</t>
  </si>
  <si>
    <t>【本特利】电涡流探头\330197-50-90-00</t>
  </si>
  <si>
    <t>【本特利】电涡流探头\330197-50-50-00</t>
  </si>
  <si>
    <t>【本特利】电涡流探头\330196-02-12-20-00</t>
  </si>
  <si>
    <t>【本特利】电涡流探头\330196-02-12-10-00</t>
  </si>
  <si>
    <t>【本特利】电涡流探头\330196-02-12-10-CN</t>
  </si>
  <si>
    <t>【本特利】电涡流探头\330196-05-30-05-00</t>
  </si>
  <si>
    <t>【本特利】电涡流探头\330196-05-30-10-00</t>
  </si>
  <si>
    <t>【本特利】电涡流探头\330196-05-30-15-00</t>
  </si>
  <si>
    <t>【本特利】电涡流探头\330196-05-30-20-00</t>
  </si>
  <si>
    <t>【本特利】电涡流探头\330196-05-30-50-00</t>
  </si>
  <si>
    <t>【本特利】电涡流探头\330196-05-30-90-00</t>
  </si>
  <si>
    <t>【本特利】电涡流探头\330195-02-12-20-00</t>
  </si>
  <si>
    <t>【本特利】电涡流探头\330195-02-12-10-00</t>
  </si>
  <si>
    <t>【本特利】电涡流探头\330195-02-12-05-00</t>
  </si>
  <si>
    <t>【本特利】电涡流探头\330195-02-12-50-00</t>
  </si>
  <si>
    <t>【本特利】电涡流探头\330195-02-12-90-00</t>
  </si>
  <si>
    <t>【本特利】电涡流探头\330194-00-04-90-00</t>
  </si>
  <si>
    <t>【本特利】电涡流探头\330194-00-04-50-00</t>
  </si>
  <si>
    <t>【本特利】电涡流探头\330194-00-11-10-00</t>
  </si>
  <si>
    <t>【本特利】电涡流探头\330193-00-08-10-00</t>
  </si>
  <si>
    <t>【本特利】电涡流探头\330193-02-07-10-00</t>
  </si>
  <si>
    <t>【本特利】电涡流探头\330193-00-06-50-00</t>
  </si>
  <si>
    <t>【本特利】电涡流探头\330193-00-06-90-00</t>
  </si>
  <si>
    <t>【本特利】电涡流探头\330106-05-30-10-02-CN</t>
  </si>
  <si>
    <t>【本特利】电涡流探头\330106-05-30-05-02-00</t>
  </si>
  <si>
    <t>【本特利】电涡流探头\330106-05-30-50-02-00</t>
  </si>
  <si>
    <t>【本特利】电涡流探头\330106-05-30-90-02-00</t>
  </si>
  <si>
    <t>【本特利】电涡流探头\330105-02-12-10-02-00</t>
  </si>
  <si>
    <t>【本特利】电涡流探头\330105-02-12-05-02-CN</t>
  </si>
  <si>
    <t>【本特利】电涡流探头\330105-02-12-50-02-CN</t>
  </si>
  <si>
    <t>【本特利】电涡流探头\330105-02-12-10-02-CN</t>
  </si>
  <si>
    <t>【本特利】电涡流探头\330104-00-03-10-02-00</t>
  </si>
  <si>
    <t>【本特利】电涡流探头\330104-00-04-10-02-00</t>
  </si>
  <si>
    <t>【本特利】电涡流探头\330104-00-06-10-02-00</t>
  </si>
  <si>
    <t>【本特利】电涡流探头\330104-00-07-10-02-CN</t>
  </si>
  <si>
    <t>【本特利】电涡流探头\330104-00-08-10-02-00</t>
  </si>
  <si>
    <t>【本特利】电涡流探头\330104-00-09-10-02-00</t>
  </si>
  <si>
    <t>【本特利】电涡流探头\330104-00-10-10-02-00</t>
  </si>
  <si>
    <t>【本特利】电涡流探头\330104-00-11-10-02-00</t>
  </si>
  <si>
    <t>【本特利】电涡流探头\330104-00-12-10-02-00</t>
  </si>
  <si>
    <t>【本特利】电涡流探头\330104-00-13-10-02-00</t>
  </si>
  <si>
    <t>【本特利】电涡流探头\330104-00-15-10-02-00</t>
  </si>
  <si>
    <t>【本特利】电涡流探头\330104-00-03-50-02-00</t>
  </si>
  <si>
    <t>【本特利】电涡流探头\330104-00-04-50-02-00</t>
  </si>
  <si>
    <t>【本特利】电涡流探头\330104-00-05-50-02-00</t>
  </si>
  <si>
    <t>【本特利】电涡流探头\330104-00-06-50-02-00</t>
  </si>
  <si>
    <t>【本特利】电涡流探头\330104-00-07-50-02-00</t>
  </si>
  <si>
    <t>【本特利】电涡流探头\330104-00-08-50-02-00</t>
  </si>
  <si>
    <t>【本特利】电涡流探头\330104-00-09-50-02-00</t>
  </si>
  <si>
    <t>【本特利】电涡流探头\330104-00-10-50-02-00</t>
  </si>
  <si>
    <t>【本特利】电涡流探头\330104-00-11-50-02-00</t>
  </si>
  <si>
    <t>【本特利】电涡流探头\330104-00-12-50-02-00</t>
  </si>
  <si>
    <t>【本特利】电涡流探头\330104-00-13-50-02-00</t>
  </si>
  <si>
    <t>【本特利】电涡流探头\330104-00-03-90-02-00</t>
  </si>
  <si>
    <t>【本特利】电涡流探头\330104-00-04-90-02-00</t>
  </si>
  <si>
    <t>【本特利】电涡流探头\330104-00-05-90-02-00</t>
  </si>
  <si>
    <t>【本特利】电涡流探头\330104-00-06-90-02-00</t>
  </si>
  <si>
    <t>【本特利】电涡流探头\330104-00-07-90-02-00</t>
  </si>
  <si>
    <t>【本特利】电涡流探头\330104-00-08-90-02-00</t>
  </si>
  <si>
    <t>【本特利】电涡流探头\330104-00-09-90-02-00</t>
  </si>
  <si>
    <t>【本特利】电涡流探头\330104-00-10-90-02-00</t>
  </si>
  <si>
    <t>【本特利】电涡流探头\330104-00-11-90-02-00</t>
  </si>
  <si>
    <t>【本特利】电涡流探头\330104-00-12-90-02-00</t>
  </si>
  <si>
    <t>【本特利】电涡流探头\330104-00-13-90-02-00</t>
  </si>
  <si>
    <t>【本特利】电涡流探头\330104-02-06-10-02-00</t>
  </si>
  <si>
    <t>【本特利】电涡流探头\330104-02-08-10-02-00</t>
  </si>
  <si>
    <t>【本特利】电涡流探头\330104-02-12-10-02-00</t>
  </si>
  <si>
    <t>【本特利】电涡流探头\330104-04-06-10-02-00</t>
  </si>
  <si>
    <t>【本特利】电涡流探头\330104-04-08-10-02-00</t>
  </si>
  <si>
    <t>【本特利】电涡流探头\330104-04-10-10-02-00</t>
  </si>
  <si>
    <t>【本特利】电涡流探头\330104-04-12-10-02-00</t>
  </si>
  <si>
    <t>【本特利】电涡流探头\330104-04-18-10-02-00</t>
  </si>
  <si>
    <t>【本特利】电涡流探头\330104-06-06-10-02-00</t>
  </si>
  <si>
    <t>【本特利】电涡流探头\330104-06-08-10-02-00</t>
  </si>
  <si>
    <t>【本特利】电涡流探头\330104-06-10-10-02-00</t>
  </si>
  <si>
    <t>【本特利】电涡流探头\330104-06-12-10-02-00</t>
  </si>
  <si>
    <t>【本特利】电涡流探头\330104-00-15-50-12-00</t>
  </si>
  <si>
    <t>【本特利】电涡流探头\330101-00-16-05-02-00</t>
  </si>
  <si>
    <t>【本特利】电涡流探头\330101-00-16-10-02-00</t>
  </si>
  <si>
    <t>【本特利】电涡流探头\330101-00-16-15-02-00</t>
  </si>
  <si>
    <t>【本特利】电涡流探头\330101-00-16-20-02-00</t>
  </si>
  <si>
    <t>【本特利】电涡流探头\330101-00-16-50-02-00</t>
  </si>
  <si>
    <t>【本特利】电涡流探头\330101-00-16-90-02-00</t>
  </si>
  <si>
    <t>【本特利】电涡流探头\330103-00-03-10-02-00</t>
  </si>
  <si>
    <t>【本特利】电涡流探头\330103-00-04-10-02-00</t>
  </si>
  <si>
    <t>【本特利】电涡流探头\330103-00-05-10-02-00</t>
  </si>
  <si>
    <t>【本特利】电涡流探头\330103-00-06-10-02-00</t>
  </si>
  <si>
    <t>【本特利】电涡流探头\330103-00-07-10-02-00</t>
  </si>
  <si>
    <t>【本特利】电涡流探头\330103-00-08-10-02-00</t>
  </si>
  <si>
    <t>【本特利】电涡流探头\330103-00-09-10-02-00</t>
  </si>
  <si>
    <t>【本特利】电涡流探头\330103-00-10-10-02-00</t>
  </si>
  <si>
    <t>【本特利】电涡流探头\330103-00-11-10-02-00</t>
  </si>
  <si>
    <t>【本特利】电涡流探头\330103-00-12-10-02-00</t>
  </si>
  <si>
    <t>【本特利】电涡流探头\330103-00-13-10-02-00</t>
  </si>
  <si>
    <t>【本特利】电涡流探头\330103-00-14-10-02-00</t>
  </si>
  <si>
    <t>【本特利】电涡流探头\330103-00-15-10-02-00</t>
  </si>
  <si>
    <t>【本特利】电涡流探头\330103-00-16-10-02-00</t>
  </si>
  <si>
    <t>【本特利】电涡流探头\330103-00-03-50-02-00</t>
  </si>
  <si>
    <t>【本特利】电涡流探头\330103-00-04-50-02-00</t>
  </si>
  <si>
    <t>【本特利】电涡流探头\330103-00-05-50-02-00</t>
  </si>
  <si>
    <t>【本特利】电涡流探头\330103-00-06-50-02-00</t>
  </si>
  <si>
    <t>【本特利】电涡流探头\330103-00-07-50-02-00</t>
  </si>
  <si>
    <t>【本特利】电涡流探头\330103-00-08-50-02-00</t>
  </si>
  <si>
    <t>【本特利】电涡流探头\330103-00-09-50-02-00</t>
  </si>
  <si>
    <t>【本特利】电涡流探头\330103-00-10-50-02-00</t>
  </si>
  <si>
    <t>【本特利】电涡流探头\330103-00-11-50-02-00</t>
  </si>
  <si>
    <t>【本特利】电涡流探头\330103-00-12-50-02-00</t>
  </si>
  <si>
    <t>【本特利】电涡流探头\330103-00-13-50-02-00</t>
  </si>
  <si>
    <t>【本特利】电涡流探头\330103-00-15-50-02-00</t>
  </si>
  <si>
    <t>【本特利】电涡流探头\330103-00-03-90-02-00</t>
  </si>
  <si>
    <t>【本特利】电涡流探头\330103-00-04-90-02-00</t>
  </si>
  <si>
    <t>【本特利】电涡流探头\330103-00-05-90-02-00</t>
  </si>
  <si>
    <t>【本特利】电涡流探头\330103-00-06-90-02-00</t>
  </si>
  <si>
    <t>【本特利】电涡流探头\330103-00-07-90-02-00</t>
  </si>
  <si>
    <t>【本特利】电涡流探头\330103-00-08-90-02-00</t>
  </si>
  <si>
    <t>【本特利】电涡流探头\330103-00-09-90-02-00</t>
  </si>
  <si>
    <t>【本特利】电涡流探头\330103-00-10-90-02-00</t>
  </si>
  <si>
    <t>【本特利】电涡流探头\330103-00-11-90-02-00</t>
  </si>
  <si>
    <t>【本特利】电涡流探头\330103-00-12-90-02-00</t>
  </si>
  <si>
    <t>【本特利】电涡流探头\330103-02-06-10-02-00</t>
  </si>
  <si>
    <t>【本特利】电涡流探头\330103-02-08-10-02-00</t>
  </si>
  <si>
    <t>【本特利】电涡流探头\330103-02-12-10-02-CN</t>
  </si>
  <si>
    <t>【本特利】电涡流探头\330103-02-18-10-02-00</t>
  </si>
  <si>
    <t>【本特利】电涡流探头\330103-04-06-10-02-00</t>
  </si>
  <si>
    <t>【本特利】电涡流探头\330103-04-08-10-02-00</t>
  </si>
  <si>
    <t>【本特利】电涡流探头\330103-04-10-10-02-00</t>
  </si>
  <si>
    <t>【本特利】电涡流探头\330103-06-06-10-02-00</t>
  </si>
  <si>
    <t>【本特利】电涡流探头\330103-06-08-10-02-00</t>
  </si>
  <si>
    <t>【本特利】电涡流探头\330103-06-10-10-02-00</t>
  </si>
  <si>
    <t>【本特利】电涡流探头\330103-06-12-10-02-CN</t>
  </si>
  <si>
    <t>【本特利】电涡流探头\330103-06-18-10-02-00</t>
  </si>
  <si>
    <t>【本特利】电涡流探头\330103-07-12-10-02-00</t>
  </si>
  <si>
    <t>【本特利】电涡流探头\330103-10-20-10-02-00</t>
  </si>
  <si>
    <t>【本特利】电涡流探头\330173-00-03-10-02-00</t>
  </si>
  <si>
    <t>【本特利】电涡流探头\330173-00-04-10-02-00</t>
  </si>
  <si>
    <t>【本特利】电涡流探头\330173-00-05-10-02-00</t>
  </si>
  <si>
    <t>【本特利】电涡流探头\330173-00-06-10-02-00</t>
  </si>
  <si>
    <t>【本特利】电涡流探头\330173-00-07-10-02-00</t>
  </si>
  <si>
    <t>【本特利】电涡流探头\330173-00-08-10-02-00</t>
  </si>
  <si>
    <t>【本特利】电涡流探头\330173-00-09-10-02-00</t>
  </si>
  <si>
    <t>【本特利】电涡流探头\330173-00-10-10-02-00</t>
  </si>
  <si>
    <t>【本特利】电涡流探头\330173-05-09-10-02-00</t>
  </si>
  <si>
    <t>【本特利】振动探头\190501-00-00-00</t>
  </si>
  <si>
    <t>【本特利】振动探头\190501-00-99-00</t>
  </si>
  <si>
    <t>【本特利】位移探头\330800-16-00-079-02-02</t>
  </si>
  <si>
    <t>【本特利】位移探头\330800-16-00-062-02-02</t>
  </si>
  <si>
    <t>【本特利】振动探头\74712-06-05-03-CN</t>
  </si>
  <si>
    <t>【本特利】振动探头\74712-06-05-02-00</t>
  </si>
  <si>
    <t>【本特利】振动探头\74712-01-10-02-00</t>
  </si>
  <si>
    <t>【本特利】振动探头\74712-06-02-03-00</t>
  </si>
  <si>
    <t>【本特利】振动探头\74712-06-10-02-00</t>
  </si>
  <si>
    <t>【本特利】振动探头\9200-06-02-05-CN</t>
  </si>
  <si>
    <t>【本特利】振动探头\9200-06-05-05-CN</t>
  </si>
  <si>
    <t>【本特利】振动探头\9200-01-01-10-00</t>
  </si>
  <si>
    <t>【本特利】振动探头\9200-01-02-10-00</t>
  </si>
  <si>
    <t>【本特利】振动探头\9200-01-05-10-00</t>
  </si>
  <si>
    <t>【本特利】振动探头\9200-02-01-10-00</t>
  </si>
  <si>
    <t>【本特利】振动探头\9200-02-02-01-00</t>
  </si>
  <si>
    <t>【本特利】振动探头\9200-02-02-03-00</t>
  </si>
  <si>
    <t>【本特利】振动探头\9200-06-01-10-00</t>
  </si>
  <si>
    <t>【本特利】振动探头\9200-06-05-10-00</t>
  </si>
  <si>
    <t>【本特利】振动探头\9200-01-20-10-00</t>
  </si>
  <si>
    <t>【本特利】振动探头\330750-20-05</t>
  </si>
  <si>
    <t>【本特利】振动探头\330750-40-05</t>
  </si>
  <si>
    <t>【本特利】振动探头\330750-60-05</t>
  </si>
  <si>
    <t>【本特利】振动探头\330750-80-05</t>
  </si>
  <si>
    <t>【本特利】位移探头\19047-01</t>
  </si>
  <si>
    <t>【本特利】位移探头\19047-02-CN</t>
  </si>
  <si>
    <t>【本特利】位移探头\24765-03-00</t>
  </si>
  <si>
    <t>【本特利】位移探头\24765-01-01-CN</t>
  </si>
  <si>
    <t>【本特利】位移探头\24765-01-00</t>
  </si>
  <si>
    <t>【本特利】位移探头\24765-02-00</t>
  </si>
  <si>
    <t>【本特利】位移探头\24765-02-01-CN</t>
  </si>
  <si>
    <t>【本特利】位移探头\24765-03-01</t>
  </si>
  <si>
    <t>【本特利】前置器\330850-91-CN</t>
  </si>
  <si>
    <t>【本特利】前置器\330850-50-CN</t>
  </si>
  <si>
    <t>【本特利】前置器\330850-90-05</t>
  </si>
  <si>
    <t>【本特利】前置器\330850-90-CN</t>
  </si>
  <si>
    <t>【本特利】前置器\330850-51-CN</t>
  </si>
  <si>
    <t>【本特利】前置器\330878-50-00</t>
  </si>
  <si>
    <t>【本特利】前置器\330878-90-CN</t>
  </si>
  <si>
    <t>【本特利】前置器\330878-51-00</t>
  </si>
  <si>
    <t>【本特利】前置器\330878-90-00</t>
  </si>
  <si>
    <t>【本特利】前置器\330878-91-00</t>
  </si>
  <si>
    <t>【本特利】前置器\330780-91-CN</t>
  </si>
  <si>
    <t>【本特利】前置器\330780-90-CN</t>
  </si>
  <si>
    <t>【本特利】前置器\330780-51-CN</t>
  </si>
  <si>
    <t>【本特利】前置器\330780-50-CN</t>
  </si>
  <si>
    <t>【本特利】前置器\330780-52-00</t>
  </si>
  <si>
    <t>【本特利】前置器\330780-92-00</t>
  </si>
  <si>
    <t>【本特利】前置器\330853-01-00</t>
  </si>
  <si>
    <t>【本特利】前置器\330853-02-00</t>
  </si>
  <si>
    <t>【本特利】前置器\330853-01-01</t>
  </si>
  <si>
    <t>【本特利】前置器\330853-02-01</t>
  </si>
  <si>
    <t>【本特利】前置器\330180-92-00</t>
  </si>
  <si>
    <t>【本特利】前置器\330180-91-CN</t>
  </si>
  <si>
    <t>【本特利】前置器\330180-90-CN</t>
  </si>
  <si>
    <t>【本特利】前置器\330180-50-CN</t>
  </si>
  <si>
    <t>【本特利】前置器\330180-51-CN</t>
  </si>
  <si>
    <t>【本特利】前置器\330180-50-00</t>
  </si>
  <si>
    <t>【本特利】前置器\330180-52-00</t>
  </si>
  <si>
    <t>【本特利】延伸电缆\330854-080-24-CN</t>
  </si>
  <si>
    <t>【本特利】延伸电缆\330854-080-24-05</t>
  </si>
  <si>
    <t>【本特利】延伸电缆\330854-040-24-05</t>
  </si>
  <si>
    <t>【本特利】延伸电缆\330854-040-24-CN</t>
  </si>
  <si>
    <t>【本特利】延伸电缆\330854-040-25-00</t>
  </si>
  <si>
    <t>【本特利】延伸电缆\330854-040-25-05</t>
  </si>
  <si>
    <t>【本特利】延伸电缆\330854-080-25-00</t>
  </si>
  <si>
    <t>【本特利】延伸电缆\330854-080-25-05</t>
  </si>
  <si>
    <t>【本特利】延伸电缆\330730-040-00-CN</t>
  </si>
  <si>
    <t>【本特利】延伸电缆\330730-040-01-CN</t>
  </si>
  <si>
    <t>【本特利】延伸电缆\330730-080-00-CN</t>
  </si>
  <si>
    <t>【本特利】延伸电缆\330730-080-01-CN</t>
  </si>
  <si>
    <t>【本特利】延伸电缆\330730-080-02-00</t>
  </si>
  <si>
    <t>【本特利】延伸电缆\330877-040-36-00</t>
  </si>
  <si>
    <t>【本特利】延伸电缆\330877-040-37-00</t>
  </si>
  <si>
    <t>【本特利】延伸电缆\330877-080-36-00</t>
  </si>
  <si>
    <t>【本特利】延伸电缆\330877-080-37-00</t>
  </si>
  <si>
    <t>【本特利】延伸电缆\330190-030-00-00</t>
  </si>
  <si>
    <t>【本特利】延伸电缆\330190-035-00-00</t>
  </si>
  <si>
    <t>【本特利】延伸电缆\330190-040-00-CN</t>
  </si>
  <si>
    <t>【本特利】延伸电缆\330190-045-00-00</t>
  </si>
  <si>
    <t>【本特利】延伸电缆\330190-070-00-00</t>
  </si>
  <si>
    <t>【本特利】延伸电缆\330190-075-00-00</t>
  </si>
  <si>
    <t>【本特利】延伸电缆\330190-080-00-CN</t>
  </si>
  <si>
    <t>【本特利】延伸电缆\330190-085-00-00</t>
  </si>
  <si>
    <t>【本特利】延伸电缆\330190-030-01-00</t>
  </si>
  <si>
    <t>【本特利】延伸电缆\330190-035-01-00</t>
  </si>
  <si>
    <t>【本特利】延伸电缆\330190-040-01-00</t>
  </si>
  <si>
    <t>【本特利】延伸电缆\330190-045-01-00</t>
  </si>
  <si>
    <t>【本特利】延伸电缆\330190-070-01-00</t>
  </si>
  <si>
    <t>【本特利】延伸电缆\330190-075-01-00</t>
  </si>
  <si>
    <t>【本特利】延伸电缆\330190-080-01-00</t>
  </si>
  <si>
    <t>【本特利】延伸电缆\330190-085-01-00</t>
  </si>
  <si>
    <t>【本特利】延伸电缆\330930-060-00-00</t>
  </si>
  <si>
    <t>【本特利】延伸电缆\330130-030-00-00</t>
  </si>
  <si>
    <t>【本特利】延伸电缆\330130-035-00-00</t>
  </si>
  <si>
    <t>【本特利】延伸电缆\330130-040-00-CN</t>
  </si>
  <si>
    <t>【本特利】延伸电缆\330130-045-00-00</t>
  </si>
  <si>
    <t>【本特利】延伸电缆\330130-070-00-00</t>
  </si>
  <si>
    <t>【本特利】延伸电缆\330130-075-00-00</t>
  </si>
  <si>
    <t>【本特利】延伸电缆\330130-085-00-00</t>
  </si>
  <si>
    <t>【本特利】延伸电缆\330130-030-01-00</t>
  </si>
  <si>
    <t>【本特利】延伸电缆\330130-035-01-00</t>
  </si>
  <si>
    <t>【本特利】延伸电缆\330130-040-01-CN</t>
  </si>
  <si>
    <t>【本特利】延伸电缆\330130-045-01-00</t>
  </si>
  <si>
    <t>【本特利】延伸电缆\330130-070-01-00</t>
  </si>
  <si>
    <t>【本特利】延伸电缆\330130-075-01-00</t>
  </si>
  <si>
    <t>【本特利】延伸电缆\330130-080-01-CN</t>
  </si>
  <si>
    <t>【本特利】延伸电缆\330130-085-01-00</t>
  </si>
  <si>
    <t>【本特利】延伸电缆\330130-080-03-00</t>
  </si>
  <si>
    <t>【本特利】延伸电缆\330130-040-03-00</t>
  </si>
  <si>
    <t>【本特利】接线模块\125680-01-CN</t>
  </si>
  <si>
    <t>【本特利】接线模块\133323-01-CN</t>
  </si>
  <si>
    <t>【本特利】接线模块\133396-01-CN</t>
  </si>
  <si>
    <t>【本特利】接线模块\133442-01-CN</t>
  </si>
  <si>
    <t>【本特利】接线模块\135137-01-CN</t>
  </si>
  <si>
    <t>【本特利】接线模块\149992-01-CN</t>
  </si>
  <si>
    <t>【本特利】接线模块\125720-01-CN</t>
  </si>
  <si>
    <t>【本特利】接线模块\138708-01-CN</t>
  </si>
  <si>
    <t>【本特利】接线模块\128229-01-CN</t>
  </si>
  <si>
    <t>【本特利】接线模块\125800-01-CN</t>
  </si>
  <si>
    <t>【本特利】接线模块\146031-01-CN</t>
  </si>
  <si>
    <t>【本特利】组态软件\584390</t>
  </si>
  <si>
    <t>【本特利】系统框架\3500/05-01-01-00-00-01</t>
  </si>
  <si>
    <t>【本特利】系统框架\3500/05-01-02-00-00-01</t>
  </si>
  <si>
    <t>【本特利】系统框架\3500/05-01-03-00-00-01</t>
  </si>
  <si>
    <t>【本特利】系统框架\3500/05-01-04-00-00-01</t>
  </si>
  <si>
    <t>【本特利】系统框架\3500/05-01-05-00-00-01</t>
  </si>
  <si>
    <t>【本特利】电源模块\3500/15-05-05-CN</t>
  </si>
  <si>
    <t>【本特利】电源模块\3500/15-05-00-CN</t>
  </si>
  <si>
    <t>【本特利】接口模块\3500/22M-01-01-CN</t>
  </si>
  <si>
    <t>【本特利】键相模块\3500/25-01-01-CN</t>
  </si>
  <si>
    <t>【本特利】继电器模块\3500/32M-01-CN</t>
  </si>
  <si>
    <t>【本特利】继电器模块\3500/33-01-CN</t>
  </si>
  <si>
    <t>【本特利】振动位移模块\3500/40-01-CN</t>
  </si>
  <si>
    <t>【本特利】振动位移模块\3500/42M-01-00</t>
  </si>
  <si>
    <t>【本特利】振动位移模块\3500/42M-07-00</t>
  </si>
  <si>
    <t>【本特利】振动位移模块\3500/42M-09-CN</t>
  </si>
  <si>
    <t>【本特利】胀差模块\3500/45-05-CN</t>
  </si>
  <si>
    <t>【本特利】胀差模块\3500/45-01-CN</t>
  </si>
  <si>
    <t>【本特利】监测器模块\3500/46-01-00</t>
  </si>
  <si>
    <t>【本特利】监测器模块\3500/46-03-00</t>
  </si>
  <si>
    <t>【本特利】转速模块\3500/50-01-CN</t>
  </si>
  <si>
    <t>【本特利】超速模块\3500/53-01-CN</t>
  </si>
  <si>
    <t>【本特利】振动位移模块\3500/42M-01-CN</t>
  </si>
  <si>
    <t>【本特利】振动位移模块\3500/42M-07-CN</t>
  </si>
  <si>
    <t>【本特利】监测器模块\3500/60-01-0</t>
  </si>
  <si>
    <t>【本特利】监测器模块\3500/60-05-00</t>
  </si>
  <si>
    <t>【本特利】监测器模块\3500/61-01-00</t>
  </si>
  <si>
    <t>【本特利】监测器模块\3500/61-03-00</t>
  </si>
  <si>
    <t>【本特利】监测器模块\3500/61-05-00</t>
  </si>
  <si>
    <t>【本特利】监测器模块\3500/62-01-00</t>
  </si>
  <si>
    <t>【本特利】监测器模块\3500/62-02-00</t>
  </si>
  <si>
    <t>【本特利】监测器模块\3500/62-03-00</t>
  </si>
  <si>
    <t>【本特利】监测器模块\3500/62-04-00</t>
  </si>
  <si>
    <t>【本特利】监测器模块\3500/64-01-00</t>
  </si>
  <si>
    <t>【本特利】监测器模块\3500/64-02-00</t>
  </si>
  <si>
    <t>【本特利】监测器模块\3500/65-01-00</t>
  </si>
  <si>
    <t>【本特利】监测器模块\3500/65-02-00</t>
  </si>
  <si>
    <t>【本特利】监测器模块\3500/70-01-00</t>
  </si>
  <si>
    <t>【本特利】监测器模块\3500/70-02-00</t>
  </si>
  <si>
    <t>【本特利】监测器模块\3500/70-03-00</t>
  </si>
  <si>
    <t>【本特利】监测器模块\3500/72M-01-00</t>
  </si>
  <si>
    <t>【本特利】监测器模块\3500/72M-02-00</t>
  </si>
  <si>
    <t>【本特利】监测器模块\3500/77M-03-00</t>
  </si>
  <si>
    <t>【本特利】监测器模块\3500/77M-04-00</t>
  </si>
  <si>
    <t>【本特利】通讯模块\3500/92-01-CN</t>
  </si>
  <si>
    <t>【本特利】组态电缆\130118-0010-02-CN</t>
  </si>
  <si>
    <t>【本特利】组态电缆\130118-0025-02</t>
  </si>
  <si>
    <t>【本特利】组态电缆\130118-0050-02</t>
  </si>
  <si>
    <t>【本特利】探头电缆\84508-34</t>
  </si>
  <si>
    <t>【本特利】探头电缆\84510-17</t>
  </si>
  <si>
    <t>【本特利】探头航插电缆\9571-06-CN</t>
  </si>
  <si>
    <t>【本特利】探头航插电缆\9571-10</t>
  </si>
  <si>
    <t>【本特利】探头航插电缆\9571-12</t>
  </si>
  <si>
    <t>【本特利】探头航插电缆\9571-15</t>
  </si>
  <si>
    <t>【本特利】探头航插电缆\9571-17</t>
  </si>
  <si>
    <t>【本特利】探头航插电缆\9571-20</t>
  </si>
  <si>
    <t>【本特利】探头航插电缆\9571-30-CN</t>
  </si>
  <si>
    <t>【本特利】探头航插电缆\9571-32-CN</t>
  </si>
  <si>
    <t>【本特利】探头航插电缆\9571-40</t>
  </si>
  <si>
    <t>【本特利】探头航插电缆\16710-20</t>
  </si>
  <si>
    <t>【本特利】探头航插电缆\16925-50</t>
  </si>
  <si>
    <t>【本特利】探头航插铠装电缆\84661-10</t>
  </si>
  <si>
    <t>【本特利】探头航插铠装电缆\84661-12</t>
  </si>
  <si>
    <t>【本特利】探头航插铠装电缆\84661-15</t>
  </si>
  <si>
    <t>【本特利】探头航插铠装电缆\84661-17</t>
  </si>
  <si>
    <t>【本特利】探头航插铠装电缆\84661-20</t>
  </si>
  <si>
    <t>【本特利】探头航插铠装电缆\84661-26</t>
  </si>
  <si>
    <t>【本特利】探头航插铠装电缆\84661-30</t>
  </si>
  <si>
    <t>【本特利】探头航插铠装电缆\84661-40</t>
  </si>
  <si>
    <t>【本特利】探头航插铠装电缆\84660-17</t>
  </si>
  <si>
    <t>【本特利】探头航插铠装电缆\84660-30</t>
  </si>
  <si>
    <t>【本特利】安装套杆\21000-00-00-00-056-04-02</t>
  </si>
  <si>
    <t>【本特利】安装套杆\21000-00-00-00-067-04-02</t>
  </si>
  <si>
    <t>【本特利】安装套杆\21000-00-00-00-160-04-02</t>
  </si>
  <si>
    <t>【本特利】安装套杆\21000-00-00-00-150-04-02</t>
  </si>
  <si>
    <t>【本特利】安装套杆\21000-00-00-00-163-04-02</t>
  </si>
  <si>
    <t>【本特利】安装套杆\21000-00-00-00-151-04-02</t>
  </si>
  <si>
    <t>【本特利】安装套杆\21000-00-00-00-201-04-02</t>
  </si>
  <si>
    <t>【本特利】安装套杆\21000-00-00-00-281-04-02</t>
  </si>
  <si>
    <t>【本特利】安装套杆\2100-16-05-30-26-04-02</t>
  </si>
  <si>
    <t>【本特利】振动变送器\177230-00-01-CN</t>
  </si>
  <si>
    <t>【本特利】振动变送器\177230-01-01-CN</t>
  </si>
  <si>
    <t>【本特利】振动变送器\177230-02-01-CN</t>
  </si>
  <si>
    <t>【本特利】振动变送器\177230-00-02-CN</t>
  </si>
  <si>
    <t>【本特利】振动变送器\177230-01-02-CN</t>
  </si>
  <si>
    <t>【本特利】振动变送器\177230-02-02-CN</t>
  </si>
  <si>
    <t>【本特利】振动位移键相二次表\2300/20-00</t>
  </si>
  <si>
    <t>【本特利】振动位移键相二次表\2300/20-CN</t>
  </si>
  <si>
    <t>【本特利】超速保护模块\3701/55</t>
  </si>
  <si>
    <t>【本特利】振动二次表\1900/65A-01-01-03-00-00</t>
  </si>
  <si>
    <t>【本特利】振动二次表\1900/65A-00-01-01-00-00</t>
  </si>
  <si>
    <t>【本特利】振动二次表\1900/65A</t>
  </si>
  <si>
    <t>【本特利】双探头传感器\26530-12-10-00-000-180-21-00-00</t>
  </si>
  <si>
    <t>【本特利】涡流传感器检测仪\TK-3E 177313-02-02</t>
  </si>
  <si>
    <t>【本特利】便携式振动分析仪\SCOUT100</t>
  </si>
  <si>
    <t>【本特利】便携式振动分析仪\SCOUT140</t>
  </si>
  <si>
    <t>【本特利】振动变送器\990-04-70-02-00</t>
  </si>
  <si>
    <t>【本特利】涡流传感器组件\330500-02-00</t>
  </si>
  <si>
    <t>【本特利】振动变送器\990-04-XX-01-00 MOD:147202-01</t>
  </si>
  <si>
    <t>【本特利】振动变送器\990-05-XX-02-CN MOD:147202-01</t>
  </si>
  <si>
    <t>【本特利】振动变送器\990-04-XX-01-CN MOD:165335-01</t>
  </si>
  <si>
    <t>【本特利】振动变送器\990-08-XX-03-05 MOD:167541-09</t>
  </si>
  <si>
    <t>【本特利】振动变送器\990-05-70-01-CN </t>
  </si>
  <si>
    <t>【本特利】振动变送器\990-05-70-01-00 </t>
  </si>
  <si>
    <t>【本特利】振动变送器\990-05-70-02-CN </t>
  </si>
  <si>
    <t>【本特利】振动变送器\990-05-70-02-00 </t>
  </si>
  <si>
    <t>【本特利】振动变送器\990-05-70-03-CN </t>
  </si>
  <si>
    <t>【本特利】振动变送器\990-05-70-03-00 </t>
  </si>
  <si>
    <t>【本特利】振动变送器\990-05-50-01-CN</t>
  </si>
  <si>
    <t>【本特利】振动变送器\990-05-50-02-CN</t>
  </si>
  <si>
    <t>【本特利】振动变送器\990-05-50-03-CN</t>
  </si>
  <si>
    <t>【本特利】振动变送器\990-04-70-03-CN </t>
  </si>
  <si>
    <t>【本特利】振动变送器\990-04-70-03-00</t>
  </si>
  <si>
    <t>【本特利】振动变送器\990-04-70-02-CN </t>
  </si>
  <si>
    <t>【本特利】振动变送器\990-04-70-01-CN</t>
  </si>
  <si>
    <t>【本特利】振动变送器\990-04-70-01-00</t>
  </si>
  <si>
    <t>【本特利】振动变送器\990-04-50-01-CN</t>
  </si>
  <si>
    <t>【本特利】振动变送器\990-04-50-02-CN</t>
  </si>
  <si>
    <t>【本特利】振动变送器\990-04-50-02-00</t>
  </si>
  <si>
    <t>【本特利】振动变送器\990-04-50-03-CN</t>
  </si>
  <si>
    <t>【本特利】振动变送器\990-04-50-03-00</t>
  </si>
  <si>
    <t>【本特利】位移变送器\991-06-50-01-CN</t>
  </si>
  <si>
    <t>【本特利】位移变送器\991-06-50-01-00</t>
  </si>
  <si>
    <t>【本特利】位移变送器\991-06-50-02-CN</t>
  </si>
  <si>
    <t>【本特利】位移变送器\991-06-50-02-00</t>
  </si>
  <si>
    <t>【本特利】位移变送器\991-06-50-03-CN</t>
  </si>
  <si>
    <t>【本特利】位移变送器\991-06-50-03-00</t>
  </si>
  <si>
    <t>【本特利】位移变送器\991-06-70-01-CN</t>
  </si>
  <si>
    <t>【本特利】位移变送器\991-06-70-01-00</t>
  </si>
  <si>
    <t>【本特利】位移变送器\991-06-70-02-CN</t>
  </si>
  <si>
    <t>【本特利】位移变送器\991-06-70-02-00</t>
  </si>
  <si>
    <t>【本特利】位移变送器\991-06-70-03-CN</t>
  </si>
  <si>
    <t>【本特利】位移变送器\991-25-50-01-CN</t>
  </si>
  <si>
    <t>【本特利】位移变送器\991-25-50-01-00 </t>
  </si>
  <si>
    <t>【本特利】位移变送器\991-25-50-02-CN</t>
  </si>
  <si>
    <t>【本特利】位移变送器\991-25-50-02-00 </t>
  </si>
  <si>
    <t>【本特利】位移变送器\991-25-50-03-CN</t>
  </si>
  <si>
    <t>【本特利】位移变送器\991-25-50-03-00 </t>
  </si>
  <si>
    <t>【本特利】位移变送器\991-25-70-01-CN</t>
  </si>
  <si>
    <t>【本特利】位移变送器\991-25-70-01-00 </t>
  </si>
  <si>
    <t>【本特利】位移变送器\991-25-70-02-CN</t>
  </si>
  <si>
    <t>【本特利】位移变送器\991-25-70-02-00 </t>
  </si>
  <si>
    <t>【本特利】位移变送器\991-25-70-03-CN</t>
  </si>
  <si>
    <t>【本特利】位移变送器\991-25-70-03-00 </t>
  </si>
  <si>
    <t>【哈电锅炉】水冷壁排管弯管13(正反各半)\Φ63.5*8\20G\22.159.024\600MW\L=4018</t>
  </si>
  <si>
    <t>【哈电锅炉】水冷壁排管弯管14(正反各半)\Φ63.5*8\20G\22.159.024\600MW\L=4253</t>
  </si>
  <si>
    <t>【哈电锅炉】水冷壁排管弯管15(正反各半)\Φ63.5*8\20G\22.159.024\600MW\L=4167</t>
  </si>
  <si>
    <t>【哈电锅炉】水冷壁角部散管90°弯管\Φ51*6.5\20G\22.159.024\600MW\L=1251</t>
  </si>
  <si>
    <t>【哈电锅炉】水冷壁角部散管88°弯管\Φ51*6.5\20G\22.159.024\600MW\L=1246</t>
  </si>
  <si>
    <t>【哈电锅炉】水冷壁角部散管75°弯管\Φ51*6.5\20G\22.159.024\600MW\L=1523</t>
  </si>
  <si>
    <t>【哈电锅炉】水冷壁角部散管35°弯管\Φ51*6.5\20G\22.159.024\600MW\L=1104</t>
  </si>
  <si>
    <t>【哈电锅炉】水冷壁角部散管30°弯管\Φ51*6.5\20G\22.159.024\600MW\L=1084</t>
  </si>
  <si>
    <t>【哈电锅炉】水冷壁角部散管60°弯管\Φ51*6.5\20G\22.159.024\600MW\L=1300</t>
  </si>
  <si>
    <t>【哈电锅炉】水冷壁角部散管S型弯管1\Φ51*6.5\20G\22.159.024\600MW\L=1147</t>
  </si>
  <si>
    <t>【哈电锅炉】水冷壁角部散管S型弯管2\Φ51*6.5\20G\22.159.024\600MW\L=1174</t>
  </si>
  <si>
    <t>【哈电锅炉】水冷壁角部散管S型弯管3\Φ51*6.5\20G\22.159.024\600MW\L=1130</t>
  </si>
  <si>
    <t>【哈电锅炉】水冷壁角部散管S型弯管4\Φ51*6.5\20G\22.159.024\600MW\L=1223</t>
  </si>
  <si>
    <t>【哈电锅炉】水冷壁角部散管S型弯管5\Φ51*6.5\20G\22.159.024\600MW\L=1379</t>
  </si>
  <si>
    <t>【哈电锅炉】水冷壁上部切角散管1\Φ51*5.6MWT\SA-210A1\22.159.024\600MW\L=1816</t>
  </si>
  <si>
    <t>【哈电锅炉】水冷壁上部切角散管2(No.1)\Φ51*5.6MWT\SA-210A1\22.159.024\600MW\L=1800</t>
  </si>
  <si>
    <t>【哈电锅炉】水冷壁上部切角散管3(No.1)\Φ51*5.6MWT\SA-210A1\22.159.024\600MW\L=1821</t>
  </si>
  <si>
    <t>【哈电锅炉】水冷壁上部切角散管4(No.1)\Φ51*5.6MWT\SA-210A1\22.159.024\600MW\L=1903</t>
  </si>
  <si>
    <t>【哈电锅炉】水冷壁上部切角散管5(No.2)\Φ51*5.6MWT\SA-210A1\22.159.024\600MW\L=1659</t>
  </si>
  <si>
    <t>【哈电锅炉】水冷壁上部切角散管6(No.2)\Φ51*5.6MWT\SA-210A1\22.159.024\600MW\L=1679</t>
  </si>
  <si>
    <t>【哈电锅炉】水冷壁上部切角散管7(No.2)\Φ51*5.6MWT\SA-210A1\22.159.024\600MW\L=1761</t>
  </si>
  <si>
    <t>【哈电锅炉】水冷壁上部切角散管8(No.3)\Φ51*5.6MWT\SA-210A1\22.159.024\600MW\L=1517</t>
  </si>
  <si>
    <t>【哈电锅炉】水冷壁上部切角散管9(No.3)\Φ51*5.6MWT\SA-210A1\22.159.024\600MW\L=1537</t>
  </si>
  <si>
    <t>【哈电锅炉】水冷壁上部切角散管10(No.3)\Φ51*5.6MWT\SA-210A1\22.159.024\600MW\L=1619</t>
  </si>
  <si>
    <t>【哈电锅炉】水冷壁上部切角散管11(No.4)\Φ51*5.6MWT\SA-210A1\22.159.024\600MW\L=1375</t>
  </si>
  <si>
    <t>【哈电锅炉】水冷壁上部切角散管12(No.4)\Φ51*5.6MWT\SA-210A1\22.159.024\600MW\L=1395</t>
  </si>
  <si>
    <t>【哈电锅炉】水冷壁上部切角散管13(No.4)\Φ51*5.6MWT\SA-210A1\22.159.024\600MW\L=1477</t>
  </si>
  <si>
    <t>【哈电锅炉】水冷壁上部切角散管14\Φ51*5.6MWT\SA-210A1\22.159.024\600MW\L=1218</t>
  </si>
  <si>
    <t>【哈电锅炉】水冷壁上部切角散管15(No.5)\Φ51*5.6MWT\SA-210A1\22.159.024\600MW\L=1253</t>
  </si>
  <si>
    <t>【哈电锅炉】水冷壁上部切角散管16(No.5)\Φ51*5.6MWT\SA-210A1\22.159.024\600MW\L=1335</t>
  </si>
  <si>
    <t>【哈电锅炉】水冷壁上部切角散管17\Φ51*5.6MWT\SA-210A1\22.159.024\600MW\L=1100</t>
  </si>
  <si>
    <t>【哈电锅炉】水冷壁上部切角散管18\Φ51*5.6MWT\SA-210A1\22.159.024\600MW\L=1103</t>
  </si>
  <si>
    <t>【哈电锅炉】水冷壁上部切角散管19\Φ51*5.6MWT\SA-210A1\22.159.024\600MW\L=1179</t>
  </si>
  <si>
    <t>【哈电锅炉】水冷壁上部切角散管20\Φ51*5.6MWT\SA-210A1\22.159.024\600MW\L=1032</t>
  </si>
  <si>
    <t>【哈电锅炉】水冷壁上部切角散管21\Φ51*5.6MWT\SA-210A1\22.159.024\600MW\L=1006</t>
  </si>
  <si>
    <t>【哈电锅炉】水冷壁上部切角散管22\Φ51*5.6MWT\SA-210A1\22.159.024\600MW\L=1057</t>
  </si>
  <si>
    <t>【哈电锅炉】水冷壁上部切角散管23\Φ51*5.6MWT\SA-210A1\22.159.024\600MW\L=1036</t>
  </si>
  <si>
    <t>【哈电锅炉】水冷壁上部切角散管24\Φ51*5.6MWT\SA-210A1\22.159.024\600MW\L=762</t>
  </si>
  <si>
    <t>【哈电锅炉】水冷壁上部切角散管25\Φ51*5.6MWT\SA-210A1\22.159.024\600MW\L=965</t>
  </si>
  <si>
    <t>【哈电锅炉】折焰角切角角散管1\Φ63.5*7.112MWT\SA-210A1\22.159.024\600MW\L=2250</t>
  </si>
  <si>
    <t>【哈电锅炉】折焰角切角角散管2(No.1)\Φ51*5.6MWT\SA-210A1\22.159.024\600MW\L=2595</t>
  </si>
  <si>
    <t>【哈电锅炉】折焰角切角角散管3\Φ63.5*7.112MWT\SA-210A1\22.159.024\600MW\L=2277</t>
  </si>
  <si>
    <t>【哈电锅炉】折焰角切角散管4(No.1)\Φ51*5.6MWT\SA-210A1\22.159.024\600MW\L=2643</t>
  </si>
  <si>
    <t>【哈电锅炉】折焰角切角角散管5\Φ63.5*7.112MWT\SA-210A1\22.159.024\600MW\L=2304</t>
  </si>
  <si>
    <t>【哈电锅炉】折焰角切角角散管6(No.1)\Φ63.5*7.112MWT\SA-210A1\22.159.024\600MW\L=2334</t>
  </si>
  <si>
    <t>【哈电锅炉】折焰角切角角散管7(No.1)\Φ51*5.6MWT\SA-210A1\22.159.024\600MW\L=2761</t>
  </si>
  <si>
    <t>【哈电锅炉】折焰角切角角散管8\Φ63.5*7.112MWT\SA-210A1\22.159.024\600MW\L=2357</t>
  </si>
  <si>
    <t>【哈电锅炉】折焰角切角角散管9(No.1)\Φ51*5.6MWT\SA-210A1\22.159.024\600MW\L=2829</t>
  </si>
  <si>
    <t>【哈电锅炉】折焰角切角角散管10\Φ63.5*7.112MWT\SA-210A1\22.159.024\600MW\L=2384</t>
  </si>
  <si>
    <t>【哈电锅炉】折焰角切角角散管11(No.2)\Φ51*5.6MWT\SA-210A1\22.159.024\600MW\L=2898</t>
  </si>
  <si>
    <t>【哈电锅炉】折焰角切角角散管12\Φ63.5*7.112MWT\SA-210A1\22.159.024\600MW\L=2685</t>
  </si>
  <si>
    <t>【哈电锅炉】折焰角切角角散管13(No.2)\Φ51*5.6MWT\SA-210A1\22.159.024\600MW\L=2438</t>
  </si>
  <si>
    <t>【哈电锅炉】折焰角切角角散管14\Φ63.5*7.112MWT\SA-210A1\22.159.024\600MW\L=2468</t>
  </si>
  <si>
    <t>【哈电锅炉】折焰角切角角散管15(No.2)\Φ63.5*7.112MWT\SA-210A1\22.159.024\600MW\L=2780</t>
  </si>
  <si>
    <t>【哈电锅炉】折焰角切角角散管16(No.2)\Φ51*5.6MWT\SA-210A1\22.159.024\600MW\L=2492</t>
  </si>
  <si>
    <t>【哈电锅炉】折焰角切角角散管17\Φ63.5*7.112MWT\SA-210A1\22.159.024\600MW\L=2835</t>
  </si>
  <si>
    <t>【哈电锅炉】折焰角切角角散管18(No.2)\Φ51*5.6MWT\SA-210A1\22.159.024\600MW\L=2519</t>
  </si>
  <si>
    <t>【哈电锅炉】折焰角切角角散管19\Φ63.5*7.112MWT\SA-210A1\22.159.024\600MW\L=2896</t>
  </si>
  <si>
    <t>【哈电锅炉】折焰角切角角散管20(No.3)\Φ51*5.6MWT\SA-210A1\22.159.024\600MW\L=2545</t>
  </si>
  <si>
    <t>【哈电锅炉】折焰角切角角散管21\Φ63.5*7.112MWT\SA-210A1\22.159.024\600MW\L=2957</t>
  </si>
  <si>
    <t>【哈电锅炉】折焰角切角角散管22(No.3)\Φ51*5.6MWT\SA-210A1\22.159.024\600MW\L=2570</t>
  </si>
  <si>
    <t>【哈电锅炉】折焰角切角角散管23\Φ63.5*7.112MWT\SA-210A1\22.159.024\600MW</t>
  </si>
  <si>
    <t>【哈电锅炉】折焰角切角角散管24\Φ51*5.6MWT\SA-210A1\22.159.024\600MW\L=5796</t>
  </si>
  <si>
    <t>【哈电锅炉】燃烧器喷口NO.1弯管1\内螺纹φ51*5.6MWT\SA-210A1\22.1522C.030\600MW\L=3304</t>
  </si>
  <si>
    <t>【哈电锅炉】燃烧器喷口NO.1弯管2\内螺纹φ51*5.6MWT\SA-210A1\22.1522C.030\600MW\L=3240</t>
  </si>
  <si>
    <t>【哈电锅炉】燃烧器喷口NO.1弯管3\内螺纹φ51*5.6MWT\SA-210A1\22.1522C.030\600MW\L=3160</t>
  </si>
  <si>
    <t>【哈电锅炉】燃烧器喷口NO.1弯管4\内螺纹φ51*5.6MWT\SA-210A1\22.1522C.030\600MW\L=3094</t>
  </si>
  <si>
    <t>【哈电锅炉】燃烧器喷口NO.1弯管5\内螺纹φ51*5.6MWT\SA-210A1\22.1522C.030\600MW\L=3026</t>
  </si>
  <si>
    <t>【哈电锅炉】燃烧器喷口NO.1弯管6\内螺纹φ51*5.6MWT\SA-210A1\22.1522C.030\600MW\L=3038</t>
  </si>
  <si>
    <t>【哈电锅炉】燃烧器喷口NO.1弯管7\内螺纹φ51*5.6MWT\SA-210A1\22.1522C.030\600MW\L=3307</t>
  </si>
  <si>
    <t>【哈电锅炉】燃烧器喷口NO.1弯管8\内螺纹φ51*5.6MWT\SA-210A1\22.1522C.030\600MW\L=3246</t>
  </si>
  <si>
    <t>【哈电锅炉】燃烧器喷口NO.1弯管9\内螺纹φ51*5.6MWT\SA-210A1\22.1522C.030\600MW\L=3169</t>
  </si>
  <si>
    <t>【哈电锅炉】燃烧器喷口NO.1弯管10\内螺纹φ51*5.6MWT\SA-210A1\22.1522C.030\600MW\L=3112</t>
  </si>
  <si>
    <t>【哈电锅炉】燃烧器喷口NO.1弯管11\内螺纹φ51*5.6MWT\SA-210A1\22.1522C.030\600MW\L=3064</t>
  </si>
  <si>
    <t>【哈电锅炉】燃烧器喷口NO.1弯管12\内螺纹φ51*5.6MWT\SA-210A1\22.1522C.030\600MW\L=3033</t>
  </si>
  <si>
    <t>【哈电锅炉】燃烧器喷口NO.1弯管13\内螺纹φ51*5.6MWT\SA-210A1\22.1522C.030\600MW\L=1756</t>
  </si>
  <si>
    <t>【哈电锅炉】燃烧器喷口NO.1弯管14\内螺纹φ51*5.6MWT\SA-210A1\22.1522C.030\600MW\L=2025</t>
  </si>
  <si>
    <t>【哈电锅炉】燃烧器喷口NO.1弯管15\内螺纹φ51*5.6MWT\SA-210A1\22.1522C.030\600MW\L=1964</t>
  </si>
  <si>
    <t>【哈电锅炉】燃烧器喷口NO.1弯管16\内螺纹φ51*5.6MWT\SA-210A1\22.1522C.030\600MW\L=1887</t>
  </si>
  <si>
    <t>【哈电锅炉】燃烧器喷口NO.1弯管17\内螺纹φ51*5.6MWT\SA-210A1\22.1522C.030\600MW\L=1830</t>
  </si>
  <si>
    <t>【哈电锅炉】燃烧器喷口NO.1弯管18\内螺纹φ51*5.6MWT\SA-210A1\22.1522C.030\600MW\L=1782</t>
  </si>
  <si>
    <t>【哈电锅炉】燃烧器喷口NO.1弯管19\内螺纹φ51*5.6MWT\SA-210A1\22.1522C.030\600MW\L=1751</t>
  </si>
  <si>
    <t>【哈电锅炉】燃烧器喷口NO.1弯管20\内螺纹φ51*5.6MWT\SA-210A1\22.1522C.030\600MW\L=1746</t>
  </si>
  <si>
    <t>【哈电锅炉】燃烧器喷口NO.2弯管1\内螺纹φ51*5.6MWT\SA-210A1\22.1522C.030\600MW\L=3305</t>
  </si>
  <si>
    <t>【哈电锅炉】燃烧器喷口NO.2弯管2\内螺纹φ51*5.6MWT\SA-210A1\22.1522C.030\600MW\L=3241</t>
  </si>
  <si>
    <t>【哈电锅炉】燃烧器喷口NO.2弯管3\内螺纹φ51*5.6MWT\SA-210A1\22.1522C.030\600MW\L=3163</t>
  </si>
  <si>
    <t>【哈电锅炉】燃烧器喷口NO.2弯管4\内螺纹φ51*5.6MWT\SA-210A1\22.1522C.030\600MW\L=3096</t>
  </si>
  <si>
    <t>【哈电锅炉】燃烧器喷口NO.2弯管5\内螺纹φ51*5.6MWT\SA-210A1\22.1522C.030\600MW\L=3049</t>
  </si>
  <si>
    <t>【哈电锅炉】燃烧器喷口NO.2弯管6\内螺纹φ51*5.6MWT\SA-210A1\22.1522C.030\600MW\L=3026</t>
  </si>
  <si>
    <t>【哈电锅炉】燃烧器喷口NO.2弯管7\内螺纹φ51*5.6MWT\SA-210A1\22.1522C.030\600MW\L=3034</t>
  </si>
  <si>
    <t>【哈电锅炉】燃烧器喷口NO.2弯管8\内螺纹φ51*5.6MWT\SA-210A1\22.1522C.030\600MW\L=3306</t>
  </si>
  <si>
    <t>【哈电锅炉】燃烧器喷口NO.2弯管9\内螺纹φ51*5.6MWT\SA-210A1\22.1522C.030\600MW\L=3245</t>
  </si>
  <si>
    <t>【哈电锅炉】燃烧器喷口NO.2弯管10\内螺纹φ51*5.6MWT\SA-210A1\22.1522C.030\600MW\L=3169</t>
  </si>
  <si>
    <t>【哈电锅炉】燃烧器喷口NO.2弯管11\内螺纹φ51*5.6MWT\SA-210A1\22.1522C.030\600MW\L=3107</t>
  </si>
  <si>
    <t>【哈电锅炉】燃烧器喷口NO.2弯管12\内螺纹φ51*5.6MWT\SA-210A1\22.1522C.030\600MW\L=3061</t>
  </si>
  <si>
    <t>【哈电锅炉】燃烧器喷口NO.2弯管13\内螺纹φ51*5.6MWT\SA-210A1\22.1522C.030\600MW\L=3031</t>
  </si>
  <si>
    <t>【哈电锅炉】燃烧器喷口NO.2弯管14\内螺纹φ51*5.6MWT\SA-210A1\22.1522C.030\600MW\L=3025</t>
  </si>
  <si>
    <t>【哈电锅炉】燃烧器喷口NO.2弯管15\内螺纹φ51*5.6MWT\SA-210A1\22.1522C.030\600MW\L=3921</t>
  </si>
  <si>
    <t>【哈电锅炉】燃烧器喷口NO.2弯管16\内螺纹φ51*5.6MWT\SA-210A1\22.1522C.030\600MW\L=3817</t>
  </si>
  <si>
    <t>【哈电锅炉】燃烧器喷口NO.2弯管17\内螺纹φ51*5.6MWT\SA-210A1\22.1522C.030\600MW\L=3699</t>
  </si>
  <si>
    <t>【哈电锅炉】燃烧器喷口NO.2弯管18\内螺纹φ51*5.6MWT\SA-210A1\22.1522C.030\600MW\L=3592</t>
  </si>
  <si>
    <t>【哈电锅炉】燃烧器喷口NO.2弯管19\内螺纹φ51*5.6MWT\SA-210A1\22.1522C.030\600MW\L=3505</t>
  </si>
  <si>
    <t>【哈电锅炉】燃烧器喷口NO.2弯管20\内螺纹φ51*5.6MWT\SA-210A1\22.1522C.030\600MW\L=3442</t>
  </si>
  <si>
    <t>【哈电锅炉】燃烧器喷口NO.2弯管21\内螺纹φ51*5.6MWT\SA-210A1\22.1522C.030\600MW\L=3410</t>
  </si>
  <si>
    <t>【哈电锅炉】燃烧器喷口NO.2弯管22\内螺纹φ51*5.6MWT\SA-210A1\22.1522C.030\600MW\L=3922</t>
  </si>
  <si>
    <t>【哈电锅炉】燃烧器喷口NO.2弯管23\内螺纹φ51*5.6MWT\SA-210A1\22.1522C.030\600MW\L=3821</t>
  </si>
  <si>
    <t>【哈电锅炉】燃烧器喷口NO.2弯管24\内螺纹φ51*5.6MWT\SA-210A1\22.1522C.030\600MW\L=3705</t>
  </si>
  <si>
    <t>【哈电锅炉】燃烧器喷口NO.2弯管25\内螺纹φ51*5.6MWT\SA-210A1\22.1522C.030\600MW\L=3603</t>
  </si>
  <si>
    <t>【哈电锅炉】燃烧器喷口NO.2弯管26\内螺纹φ51*5.6MWT\SA-210A1\22.1522C.030\600MW\L=3517</t>
  </si>
  <si>
    <t>【哈电锅炉】燃烧器喷口NO.2弯管27\内螺纹φ51*5.6MWT\SA-210A1\22.1522C.030\600MW\L=3447</t>
  </si>
  <si>
    <t>【哈电锅炉】燃烧器喷口NO.2弯管28\内螺纹φ51*5.6MWT\SA-210A1\22.1522C.030\600MW\L=3401</t>
  </si>
  <si>
    <t>【哈电锅炉】顶棚管入口集箱管接头1\Φ63*8\20G\22.1541A.026\600MW\L=485</t>
  </si>
  <si>
    <t>【哈电锅炉】顶棚管入口集箱管接头2\Φ60*9\20G\22.1541A.026\600MW\L=101</t>
  </si>
  <si>
    <t>【哈电锅炉】顶棚管出口集箱管接头1\Φ57*7\15CrMoG\22.1541A.026\600MW\L=161</t>
  </si>
  <si>
    <t>【哈电锅炉】顶棚管出口集箱管接头2\Φ57*7\20G\22.1541A.026\600MW\L=130</t>
  </si>
  <si>
    <t>【哈电锅炉】顶棚管出口集箱管接头3\Φ57*7\20G\22.1541A.026\600MW\L=230</t>
  </si>
  <si>
    <t>【哈电锅炉】前侧包墙管上集箱(左，右)管接头1正反各半\Φ63*8\20G\22.1541A.026\600MW\L=1683</t>
  </si>
  <si>
    <t>【哈电锅炉】前侧包墙管上集箱(左，右)管接头2\Φ63*8\20G\22.1541A.026\600MW\L=263</t>
  </si>
  <si>
    <t>【哈电锅炉】后侧包墙管上集箱 (左,右)管接头1\Φ57*7\20G\22.1541A.026\600MW\L=262</t>
  </si>
  <si>
    <t>【哈电锅炉】后侧包墙管上集箱 (左,右)管接头2\Φ57*7\20G\22.1541A.026\600MW\L=1533</t>
  </si>
  <si>
    <t>【哈电锅炉】后侧包墙管上集箱 (左,右)管接头3\Φ57*7\20G\22.1541A.026\600MW\L=607</t>
  </si>
  <si>
    <t>【哈电锅炉】后烟道延伸侧墙下集箱管接头1\No.1Φ63*8\20G\22.1541A.026\600MW\L=506</t>
  </si>
  <si>
    <t>【哈电锅炉】后烟道延伸侧墙下集箱管接头2\No.2Φ63*8\20G\22.1541A.026\600MW\L=465</t>
  </si>
  <si>
    <t>【哈电锅炉】后烟道延伸侧墙下集箱管接头3正反各半\No.1Φ63*8\20G\22.1541A.026\600MW\L=509</t>
  </si>
  <si>
    <t>【哈电锅炉】后烟道延伸侧墙下集箱管接头4正反各半\No.2Φ63*8\20G\22.1541A.026\600MW\L=507</t>
  </si>
  <si>
    <t>【哈电锅炉】后烟道前墙下集箱管接头1\Φ57*7\20G\22.1541A.026\600MW\L=417</t>
  </si>
  <si>
    <t>【哈电锅炉】后烟道后墙下集箱管接头1\Φ57*7\20G\22.1541A.026\600MW\L=417</t>
  </si>
  <si>
    <t>【哈电锅炉】后烟道侧墙下集箱(左、右)管接头1\Φ57*7.5\20G\22.1541A.026\600MW\L=418</t>
  </si>
  <si>
    <t>【哈电锅炉】后烟道侧墙下集箱(左、右)管接头2\Φ57*7.5\20G\22.1541A.026\600MW\L=423</t>
  </si>
  <si>
    <t>【哈电锅炉】后烟道侧墙下集箱(左、右)管接头3\Φ57*7.5\20G\22.1541A.026\600MW\L=427</t>
  </si>
  <si>
    <t>【哈电锅炉】后烟道侧墙下集箱(左、右)管接头4\Φ57*7.5\20G\22.1541A.026\600MW\L=456</t>
  </si>
  <si>
    <t>【哈电锅炉】后烟道侧墙下集箱(左、右)管接头5\Φ57*7.5\20G\22.1541A.026\600MW\L=540</t>
  </si>
  <si>
    <t>【哈电锅炉】后烟道侧墙下集箱(左、右)管接头6\Φ57*7.5\20G\22.1541A.026\600MW\L=515</t>
  </si>
  <si>
    <t>【哈电锅炉】后烟道侧墙下集箱(左、右)管接头7\Φ57*7.5\20G\22.1541A.026\600MW\L=524</t>
  </si>
  <si>
    <t>【哈电锅炉】分隔屏入口集箱(左)管接头1\Φ57*8\20G\22.1541.031\600MW\L=1819</t>
  </si>
  <si>
    <t>【哈电锅炉】分隔屏入口集箱(左)管接头2\Φ57*8\20G\22.1541.031\600MW\L=1863</t>
  </si>
  <si>
    <t>【哈电锅炉】分隔屏入口集箱(左)管接头3\Φ57*8\20G\22.1541.031\600MW\L=1836</t>
  </si>
  <si>
    <t>【哈电锅炉】分隔屏入口集箱(左)管接头4\Φ57*8\20G\22.1541.031\600MW\L=1825</t>
  </si>
  <si>
    <t>【哈电锅炉】分隔屏入口集箱(左)管接头5\Φ57*8\20G\22.1541.031\600MW\L=1669</t>
  </si>
  <si>
    <t>【哈电锅炉】分隔屏入口集箱(左)管接头6\Φ57*8\20G\22.1541.031\600MW\L=1675</t>
  </si>
  <si>
    <t>【哈电锅炉】分隔屏入口集箱(左)管接头7\Φ57*8\20G\22.1541.031\600MW\L=1686</t>
  </si>
  <si>
    <t>【哈电锅炉】分隔屏入口集箱(左)管接头8\Φ57*8\20G\22.1541.031\600MW\L=1446</t>
  </si>
  <si>
    <t>【哈电锅炉】分隔屏入口集箱(左)管接头9\Φ57*8\20G\22.1541.031\600MW\L=1592</t>
  </si>
  <si>
    <t>【哈电锅炉】分隔屏入口集箱(左)管接头10\Φ57*8\20G\22.1541.031\600MW\L=1620</t>
  </si>
  <si>
    <t>【哈电锅炉】分隔屏入口集箱(左)管接头11\Φ57*8\20G\22.1541.031\600MW\L=1632</t>
  </si>
  <si>
    <t>【哈电锅炉】分隔屏入口集箱(左)管接头12\Φ57*8\20G\22.1541.031\600MW\L=346</t>
  </si>
  <si>
    <t>【哈电锅炉】分隔屏入口集箱(左)管接头13\Φ57*8\20G\22.1541.031\600MW\L=276</t>
  </si>
  <si>
    <t>【哈电锅炉】分隔屏入口集箱(左)管接头14\Φ63*11.5\15GrMoG\22.1541.031\600MW\L=1464</t>
  </si>
  <si>
    <t>【哈电锅炉】分隔屏入口集箱(左)管接头15\Φ63*11.5\15GrMoG\22.1541.031\600MW\L=279</t>
  </si>
  <si>
    <t>【哈电锅炉】分隔屏入口集箱(左)管接头16\Φ57*8\20G\22.1541.031\600MW\L=1616</t>
  </si>
  <si>
    <t>【哈电锅炉】分隔屏入口集箱(左)管接头17\Φ57*8\20G\22.1541.031\600MW\L=1636</t>
  </si>
  <si>
    <t>【哈电锅炉】分隔屏入口集箱(左)管接头18\Φ57*8\20G\22.1541.031\600MW\L=1691</t>
  </si>
  <si>
    <t>【哈电锅炉】分隔屏入口集箱(左)管接头19\Φ57*8\20G\22.1541.031\600MW\L=1728</t>
  </si>
  <si>
    <t>【哈电锅炉】分隔屏入口集箱(左)管接头20\Φ57*8\20G\22.1541.031\600MW\L=1766</t>
  </si>
  <si>
    <t>【哈电锅炉】分隔屏入口集箱(左)管接头21\Φ57*8\20G\22.1541.031\600MW\L=1802</t>
  </si>
  <si>
    <t>【哈电锅炉】分隔屏入口集箱(左)管接头22\Φ63*11.5\15GrMoG\22.1541.031\600MW\L=1502</t>
  </si>
  <si>
    <t>【哈电锅炉】分隔屏入口集箱(右)管接头1\Φ57*8\20G\22.1541.031\600MW\L=1819</t>
  </si>
  <si>
    <t>【哈电锅炉】分隔屏入口集箱(右)管接头2\Φ57*8\20G\22.1541.031\600MW\L=1863</t>
  </si>
  <si>
    <t>【哈电锅炉】分隔屏入口集箱(右)管接头3\Φ57*8\20G\22.1541.031\600MW\L=1836</t>
  </si>
  <si>
    <t>【哈电锅炉】分隔屏入口集箱(右)管接头4\Φ57*8\20G\22.1541.031\600MW\L=1825</t>
  </si>
  <si>
    <t>【哈电锅炉】分隔屏入口集箱(右)管接头5\Φ57*8\20G\22.1541.031\600MW\L=1669</t>
  </si>
  <si>
    <t>【哈电锅炉】分隔屏入口集箱(右)管接头6\Φ57*8\20G\22.1541.031\600MW\L=1675</t>
  </si>
  <si>
    <t>【哈电锅炉】分隔屏入口集箱(右)管接头7\Φ57*8\20G\22.1541.031\600MW\L=1686</t>
  </si>
  <si>
    <t>【哈电锅炉】分隔屏入口集箱(右)管接头8\Φ57*8\20G\22.1541.031\600MW\L=1446</t>
  </si>
  <si>
    <t>【哈电锅炉】分隔屏入口集箱(右)管接头9\Φ57*8\20G\22.1541.031\600MW\L=1592</t>
  </si>
  <si>
    <t>【哈电锅炉】分隔屏入口集箱(右)管接头10\Φ57*8\20G\22.1541.031\600MW\L=1620</t>
  </si>
  <si>
    <t>【哈电锅炉】分隔屏入口集箱(右)管接头11\Φ57*8\20G\22.1541.031\600MW\L=1632</t>
  </si>
  <si>
    <t>【哈电锅炉】分隔屏入口集箱(右)管接头12\Φ57*8\20G\22.1541.031\600MW\L=346</t>
  </si>
  <si>
    <t>【哈电锅炉】分隔屏入口集箱(右)管接头13\Φ57*8\20G\22.1541.031\600MW\L=276</t>
  </si>
  <si>
    <t>【哈电锅炉】分隔屏入口集箱(右)管接头14\Φ63*11.5\15GrMoG\22.1541.031\600MW\L=1464</t>
  </si>
  <si>
    <t>【哈电锅炉】分隔屏入口集箱(右)管接头15\Φ63*11.5\15GrMoG\22.1541.031\600MW\L=279</t>
  </si>
  <si>
    <t>【哈电锅炉】分隔屏入口集箱(右)管接头16\Φ57*8\20G\22.1541.031\600MW\L=1616</t>
  </si>
  <si>
    <t>【哈电锅炉】分隔屏入口集箱(右)管接头17\Φ57*8\20G\22.1541.031\600MW\L=1636</t>
  </si>
  <si>
    <t>【哈电锅炉】分隔屏入口集箱(右)管接头18\Φ57*8\20G\22.1541.031\600MW\L=1691</t>
  </si>
  <si>
    <t>【哈电锅炉】分隔屏入口集箱(右)管接头19\Φ57*8\20G\22.1541.031\600MW\L=1728</t>
  </si>
  <si>
    <t>【哈电锅炉】分隔屏入口集箱(右)管接头20\Φ57*8\20G\22.1541.031\600MW\L=1766</t>
  </si>
  <si>
    <t>【哈电锅炉】分隔屏入口集箱(右)管接头21\Φ57*8\20G\22.1541.031\600MW\L=1802</t>
  </si>
  <si>
    <t>【哈电锅炉】分隔屏入口集箱(右)管接头22\Φ63*11.5\15GrMoG\22.1541.031\600MW\L=1502</t>
  </si>
  <si>
    <t>【哈电锅炉】分隔屏出口集箱管接头1\Φ57*8\15GrMoG\22.1541.031\600MW\L=1360</t>
  </si>
  <si>
    <t>【哈电锅炉】分隔屏出口集箱管接头2\Φ57*8\15GrMoG\22.1541.031\600MW\L=1210</t>
  </si>
  <si>
    <t>【哈电锅炉】分隔屏出口集箱管接头3\Φ57*8\15GrMoG\22.1541.031\600MW\L=259</t>
  </si>
  <si>
    <t>【哈电锅炉】分隔屏出口集箱管接头4\Φ57*8\15GrMoG\22.1541.031\600MW\L=317</t>
  </si>
  <si>
    <t>【哈电锅炉】分隔屏出口集箱管接头5\Φ57*8\15GrMoG\22.1541.031\600MW\L=1335</t>
  </si>
  <si>
    <t>【哈电锅炉】分隔屏出口集箱管接头6\Φ57*8\15GrMoG\22.1541.031\600MW\L=1185</t>
  </si>
  <si>
    <t>【哈电锅炉】分隔屏出口集箱管接头7\Φ57*8\15GrMoG\22.1541.031\600MW\L=1374</t>
  </si>
  <si>
    <t>【哈电锅炉】分隔屏出口集箱管接头8\Φ57*8\15GrMoG\22.1541.031\600MW\L=1224</t>
  </si>
  <si>
    <t>【哈电锅炉】分隔屏出口集箱管接头9\Φ57*8\15GrMoG\22.1541.031\600MW\L=1581</t>
  </si>
  <si>
    <t>【哈电锅炉】分隔屏出口集箱管接头10\Φ57*8\15GrMoG\22.1541.031\600MW\L=1226</t>
  </si>
  <si>
    <t>【哈电锅炉】后屏过热器入口集箱管接头1\Φ60*12\15CrMoG\22.1541.031\600MW\L=852</t>
  </si>
  <si>
    <t>【哈电锅炉】后屏过热器入口集箱管接头2正反各半\Φ60*12\15CrMoG\22.1541.031\600MW\L=951</t>
  </si>
  <si>
    <t>【哈电锅炉】后屏过热器入口集箱管接头3正反各半\Φ60*12\15CrMoG\22.1541.031\600MW\L=1207</t>
  </si>
  <si>
    <t>【哈电锅炉】后屏过热器入口集箱管接头4正反各半\Φ60*12\15CrMoG\22.1541.031\600MW\L=1209</t>
  </si>
  <si>
    <t>【哈电锅炉】后屏过热器入口集箱管接头5正反各半\Φ60*12\15CrMoG\22.1541.031\600MW\L=942</t>
  </si>
  <si>
    <t>【哈电锅炉】后屏过热器入口集箱管接头6正反各半\Φ60*12\15CrMoG\22.1541.031\600MW\L=828</t>
  </si>
  <si>
    <t>【哈电锅炉】后屏过热器入口集箱管接头7正反各半\Φ60*12\15CrMoG\22.1541.031\600MW\L=877</t>
  </si>
  <si>
    <t>【哈电锅炉】后屏过热器入口集箱管接头8正反各半\Φ60*12\15CrMoG\22.1541.031\600MW\L=1001</t>
  </si>
  <si>
    <t>【哈电锅炉】后屏过热器入口集箱管接头9正反各半\Φ60*12\15CrMoG\22.1541.031\600MW\L=1215</t>
  </si>
  <si>
    <t>【哈电锅炉】后屏过热器入口集箱管接头10正反各半\Φ60*12\15CrMoG\22.1541.031\600MW\L=1222</t>
  </si>
  <si>
    <t>【哈电锅炉】后屏过热器入口集箱管接头11正反各半\Φ60*12\15CrMoG\22.1541.031\600MW\L=9</t>
  </si>
  <si>
    <t>【哈电锅炉】后屏过热器入口集箱管接头12正反各半\Φ60*12\15CrMoG\22.1541.031\600MW\L=862</t>
  </si>
  <si>
    <t>【哈电锅炉】后屏过热器入口集箱管接头13\Φ60*12\15CrMoG\22.1541.031\600MW\L=1190</t>
  </si>
  <si>
    <t>【哈电锅炉】后屏过热器入口集箱管接头14\Φ60*12\15CrMoG\22.1541.031\600MW\L=927</t>
  </si>
  <si>
    <t>【哈电锅炉】后屏过热器入口集箱管接头15\Φ60*12\15CrMoG\22.1541.031\600MW\L=790</t>
  </si>
  <si>
    <t>【哈电锅炉】后屏过热器入口集箱管接头16\Φ76*10\12Cr1MoVG\22.1541.031\600MW\L=1546</t>
  </si>
  <si>
    <t>【哈电锅炉】后屏过热器入口集箱管接头17正反各半\Φ60*12\15CrMoG\22.1541.031\600MW\L=958</t>
  </si>
  <si>
    <t>【哈电锅炉】后屏过热器入口集箱管接头18正反各半\Φ60*12\15CrMoG\22.1541.031\600MW\L=1042</t>
  </si>
  <si>
    <t>【哈电锅炉】后屏过热器入口集箱管接头19正反各半\Φ60*12\15CrMoG\22.1541.031\600MW\L=1283</t>
  </si>
  <si>
    <t>【哈电锅炉】后屏过热器入口集箱管接头20\Φ60*12\15CrMoG\22.1541.031\600MW\L=774</t>
  </si>
  <si>
    <t>【哈电锅炉】后屏过热器入口集箱管接头21\Φ60*12\15CrMoG\22.1541.031\600MW\L=908</t>
  </si>
  <si>
    <t>【哈电锅炉】后屏过热器入口集箱管接头22\Φ60*12\15CrMoG\22.1541.031\600MW\L=1188</t>
  </si>
  <si>
    <t>【哈电锅炉】后屏过热器入口集箱管接头23正反各半\Φ60*12\15CrMoG\22.1541.031\600MW\L=1280</t>
  </si>
  <si>
    <t>【哈电锅炉】后屏过热器入口集箱管接头24正反各半\Φ60*12\15CrMoG\22.1541.031\600MW\L=1031</t>
  </si>
  <si>
    <t>【哈电锅炉】后屏过热器入口集箱管接头25正反各半\Φ60*12\15CrMoG\22.1541.031\600MW\L=936</t>
  </si>
  <si>
    <t>【哈电锅炉】后屏过热器入口集箱管接头26正反各半\Φ76*10\12Cr1MoVG\22.1541.031\600MW\L=2170</t>
  </si>
  <si>
    <t>【哈电锅炉】后屏过热器入口集箱管接头27正反各半\Φ76*10\12Cr1MoVG\22.1541.031\600MW\L=1718</t>
  </si>
  <si>
    <t>【哈电锅炉】后屏过热器入口集箱管接头28正反各半\Φ60*12\15CrMoG\22.1541.031\600MW\L=1232</t>
  </si>
  <si>
    <t>【哈电锅炉】后屏过热器入口集箱管接头29正反各半\Φ60*12\15CrMoG\22.1541.031\600MW\L=975</t>
  </si>
  <si>
    <t>【哈电锅炉】后屏过热器入口集箱管接头30正反各半\Φ60*12\15CrMoG\22.1541.031\600MW\L=851</t>
  </si>
  <si>
    <t>【哈电锅炉】后屏过热器入口集箱管接头31\Φ42*6\12Cr1MoVG\22.1541.031\600MW\L=87</t>
  </si>
  <si>
    <t>【哈电锅炉】后屏过热器入口集箱管接头32\Φ51*6.5\15CrMoG\22.1541.031\600MW\L=87</t>
  </si>
  <si>
    <t>【哈电锅炉】后屏过热器出口集箱(左)管接头1(正)\Φ60*12\12Cr1MoVG\22.1541.031\600MW\L=2026</t>
  </si>
  <si>
    <t>【哈电锅炉】后屏过热器出口集箱(左)管接头2(正)\Φ63*12\12Cr1MoVG\22.1541.031\600MW\L=1854</t>
  </si>
  <si>
    <t>【哈电锅炉】后屏过热器出口集箱(左)管接头3(正)\Φ42*9\12Cr1MoVG\22.1541.031\600MW\L=2406</t>
  </si>
  <si>
    <t>【哈电锅炉】后屏过热器出口集箱(左)管接头4(正)\Φ42*9\12Cr1MoVG\22.1541.031\600MW\L=2364</t>
  </si>
  <si>
    <t>【哈电锅炉】后屏过热器出口集箱(左)管接头5(正)\Φ60*12\12Cr1MoVG\22.1541.031\600MW\L=2185</t>
  </si>
  <si>
    <t>【哈电锅炉】后屏过热器出口集箱(左)管接头6(正)\Φ42*9\12Cr1MoVG\22.1541.031\600MW\L=2215</t>
  </si>
  <si>
    <t>【哈电锅炉】后屏过热器出口集箱(左)管接头7(正)\Φ51*11\12Cr1MoVG\22.1541.031\600MW\L=2139</t>
  </si>
  <si>
    <t>【哈电锅炉】后屏过热器出口集箱(左)管接头8(正)\Φ60*12\12Cr1MoVG\22.1541.031\600MW\L=1948</t>
  </si>
  <si>
    <t>【哈电锅炉】后屏过热器出口集箱(左)管接头9(正)\Φ42*9\12Cr1MoVG\22.1541.031\600MW\L=2153</t>
  </si>
  <si>
    <t>【哈电锅炉】后屏过热器出口集箱(左)管接头10(正)\Φ42*9\12Cr1MoVG\22.1541.031\600MW\L=2118</t>
  </si>
  <si>
    <t>【哈电锅炉】后屏过热器出口集箱(左)管接头11(正)\Φ42*9\12Cr1MoVG\22.1541.031\600MW\L=1968</t>
  </si>
  <si>
    <t>【哈电锅炉】后屏过热器出口集箱(左)管接头12(正)\Φ51*11\12Cr1MoVG\22.1541.031\600MW\L=2216</t>
  </si>
  <si>
    <t>【哈电锅炉】后屏过热器出口集箱(左)管接头13(正)\Φ60*12\12Cr1MoVG\22.1541.031\600MW\L=2058</t>
  </si>
  <si>
    <t>【哈电锅炉】后屏过热器出口集箱(左)管接头14(正)\Φ60*12\12Cr1MoVG\22.1541.031\600MW\L=1973</t>
  </si>
  <si>
    <t>【哈电锅炉】后屏过热器出口集箱(左)管接头15(正)\Φ42*9\12Cr1MoVG\22.1541.031\600MW\L=2171</t>
  </si>
  <si>
    <t>【哈电锅炉】后屏过热器出口集箱(左)管接头16(正)\Φ42*9\12Cr1MoVG\22.1541.031\600MW\L=2130</t>
  </si>
  <si>
    <t>【哈电锅炉】后屏过热器出口集箱(左)管接头17(正)\Φ42*9\12Cr1MoVG\22.1541.031\600MW\L=1982</t>
  </si>
  <si>
    <t>【哈电锅炉】后屏过热器出口集箱(左)管接头18(正)\Φ51*11\12Cr1MoVG\22.1541.031\600MW\L=2198</t>
  </si>
  <si>
    <t>【哈电锅炉】后屏过热器出口集箱(左)管接头19(正)\Φ60*12\12Cr1MoVG\22.1541.031\600MW\L=2043</t>
  </si>
  <si>
    <t>【哈电锅炉】后屏过热器出口集箱(左)管接头20(正)\Φ60*12\12Cr1MoVG\22.1541.031\600MW\L=1952</t>
  </si>
  <si>
    <t>【哈电锅炉】后屏过热器出口集箱(左)管接头21(正)\Φ42*9\12Cr1MoVG\22.1541.031\600MW\L=2355</t>
  </si>
  <si>
    <t>【哈电锅炉】后屏过热器出口集箱(左)管接头22(正)\Φ42*9\12Cr1MoVG\22.1541.031\600MW\L=2312</t>
  </si>
  <si>
    <t>【哈电锅炉】后屏过热器出口集箱(左)管接头23(正)\Φ60*12\12Cr1MoVG\22.1541.031\600MW\L=2134</t>
  </si>
  <si>
    <t>【哈电锅炉】后屏过热器出口集箱(左)管接头24(正)\Φ42*9\12Cr1MoVG\22.1541.031\600MW\L=2164</t>
  </si>
  <si>
    <t>【哈电锅炉】后屏过热器出口集箱(左)管接头25(正)\Φ51*11\12Cr1MoVG\22.1541.031\600MW\L=2088</t>
  </si>
  <si>
    <t>【哈电锅炉】后屏过热器出口集箱(左)管接头26(正)\Φ60*12\12Cr1MoVG\22.1541.031\600MW\L=1897</t>
  </si>
  <si>
    <t>【哈电锅炉】后屏过热器出口集箱(左)管接头27(正)\Φ42*9\12Cr1MoVG\22.1541.031\600MW\L=2102</t>
  </si>
  <si>
    <t>【哈电锅炉】后屏过热器出口集箱(左)管接头28(正)\Φ42*9\12Cr1MoVG\22.1541.031\600MW\L=2067</t>
  </si>
  <si>
    <t>【哈电锅炉】后屏过热器出口集箱(左)管接头29(正)\Φ42*9\12Cr1MoVG\22.1541.031\600MW\L=1915</t>
  </si>
  <si>
    <t>【哈电锅炉】后屏过热器出口集箱(左)管接头30(正)\Φ51*11\12Cr1MoVG\22.1541.031\600MW\L=2165</t>
  </si>
  <si>
    <t>【哈电锅炉】后屏过热器出口集箱(左)管接头31(正)\Φ60*12\12Cr1MoVG\22.1541.031\600MW\L=2007</t>
  </si>
  <si>
    <t>【哈电锅炉】后屏过热器出口集箱(左)管接头32(正)\Φ60*12\12Cr1MoVG\22.1541.031\600MW\L=1922</t>
  </si>
  <si>
    <t>【哈电锅炉】后屏过热器出口集箱(左)管接头33(正)\Φ63*12\12Cr1MoVG\22.1541.031\600MW\L=1803</t>
  </si>
  <si>
    <t>【哈电锅炉】后屏过热器出口集箱(左)管接头34(正)\Φ42*9\12Cr1MoVG\22.1541.031\600MW\L=2120</t>
  </si>
  <si>
    <t>【哈电锅炉】后屏过热器出口集箱(左)管接头35(正)\Φ42*9\12Cr1MoVG\22.1541.031\600MW\L=2079</t>
  </si>
  <si>
    <t>【哈电锅炉】后屏过热器出口集箱(左)管接头36(正)\Φ42*9\12Cr1MoVG\22.1541.031\600MW\L=1931</t>
  </si>
  <si>
    <t>【哈电锅炉】后屏过热器出口集箱(左)管接头37(正)\Φ51*11\12Cr1MoVG\22.1541.031\600MW\L=2147</t>
  </si>
  <si>
    <t>【哈电锅炉】后屏过热器出口集箱(左)管接头38(正)\Φ60*12\12Cr1MoVG\22.1541.031\600MW\L=1992</t>
  </si>
  <si>
    <t>【哈电锅炉】后屏过热器出口集箱(左)管接头39(正)\Φ60*12\12Cr1MoVG\22.1541.031\600MW\L=1901</t>
  </si>
  <si>
    <t>【哈电锅炉】后屏过热器出口集箱(左)管接头40(正)\Φ42*9\12Cr1MoVG\22.1541.031\600MW\L=2144</t>
  </si>
  <si>
    <t>【哈电锅炉】后屏过热器出口集箱(左)管接头41(正)\Φ42*9\12Cr1MoVG\22.1541.031\600MW\L=2109</t>
  </si>
  <si>
    <t>【哈电锅炉】后屏过热器出口集箱(左)管接头42(正)\Φ42*9\12Cr1MoVG\22.1541.031\600MW\L=1959</t>
  </si>
  <si>
    <t>【哈电锅炉】后屏过热器出口集箱(左)管接头43(正)\Φ42*9\12Cr1MoVG\22.1541.031\600MW\L=2464</t>
  </si>
  <si>
    <t>【哈电锅炉】后屏过热器出口集箱(左)管接头44(正)\Φ42*9\12Cr1MoVG\22.1541.031\600MW\L=2437</t>
  </si>
  <si>
    <t>【哈电锅炉】后屏过热器出口集箱(左)管接头45(正)\Φ60*12\12Cr1MoVG\22.1541.031\600MW\L=2257</t>
  </si>
  <si>
    <t>【哈电锅炉】后屏过热器出口集箱(左)管接头46(正)\Φ42*9\12Cr1MoVG\22.1541.031\600MW\L=2215</t>
  </si>
  <si>
    <t>【哈电锅炉】后屏过热器出口集箱(左)管接头47(正)\Φ42*9\12Cr1MoVG\22.1541.031\600MW\L=2178</t>
  </si>
  <si>
    <t>【哈电锅炉】后屏过热器出口集箱(左)管接头48(正)\Φ42*9\12Cr1MoVG\22.1541.031\600MW\L=2028</t>
  </si>
  <si>
    <t>【哈电锅炉】后屏过热器出口集箱(左)管接头49(正)\Φ51*11\12Cr1MoVG\22.1541.031\600MW\L=2138</t>
  </si>
  <si>
    <t>【哈电锅炉】后屏过热器出口集箱(左)管接头50(正)\Φ42*9\12Cr1MoVG\22.1541.031\600MW\L=2114</t>
  </si>
  <si>
    <t>【哈电锅炉】后屏过热器出口集箱(左)管接头51(正)\Φ42*9\12Cr1MoVG\22.1541.031\600MW\L=1966</t>
  </si>
  <si>
    <t>【哈电锅炉】后屏过热器出口集箱(左)管接头52(正)\Φ60*12\12Cr1MoVG\22.1541.031\600MW\L=1966</t>
  </si>
  <si>
    <t>【哈电锅炉】后屏过热器出口集箱(左)管接头53(正)\Φ42*9\12Cr1MoVG\22.1541.031\600MW\L=2544</t>
  </si>
  <si>
    <t>【哈电锅炉】后屏过热器出口集箱(左)管接头54(正)\Φ42*9\12Cr1MoVG\22.1541.031\600MW\L=2517</t>
  </si>
  <si>
    <t>【哈电锅炉】后屏过热器出口集箱(左)管接头55(正)\Φ60*12\12Cr1MoVG\22.1541.031\600MW\L=2332</t>
  </si>
  <si>
    <t>【哈电锅炉】后屏过热器出口集箱(左)管接头56(正)\Φ42*9\12Cr1MoVG\22.1541.031\600MW\L=2282</t>
  </si>
  <si>
    <t>【哈电锅炉】后屏过热器出口集箱(左)管接头57(正)\Φ42*9\12Cr1MoVG\22.1541.031\600MW\L=2245</t>
  </si>
  <si>
    <t>【哈电锅炉】后屏过热器出口集箱(左)管接头58(正)\Φ42*9\12Cr1MoVG\22.1541.031\600MW\L=2095</t>
  </si>
  <si>
    <t>【哈电锅炉】后屏过热器出口集箱(左)管接头59(正)\Φ51*11\12Cr1MoVG\22.1541.031\600MW\L=2156</t>
  </si>
  <si>
    <t>【哈电锅炉】后屏过热器出口集箱(左)管接头60(正)\Φ42*9\12Cr1MoVG\22.1541.031\600MW\L=2131</t>
  </si>
  <si>
    <t>【哈电锅炉】后屏过热器出口集箱(左)管接头61(正)\Φ42*9\12Cr1MoVG\22.1541.031\600MW\L=1983</t>
  </si>
  <si>
    <t>【哈电锅炉】后屏过热器出口集箱(左)管接头62(正)\Φ60*12\12Cr1MoVG\22.1541.031\600MW\L=1989</t>
  </si>
  <si>
    <t>【哈电锅炉】后屏过热器出口集箱(左)管接头63(正)\Φ60*12\12Cr1MoVG\22.1541.031\600MW\L=1898</t>
  </si>
  <si>
    <t>【哈电锅炉】后屏过热器出口集箱(左)管接头64(正)\Φ63*12\12Cr1MoVG\22.1541.031\600MW\L=1907</t>
  </si>
  <si>
    <t>【哈电锅炉】后屏过热器出口集箱(左)管接头65(正)\Φ51*11\12Cr1MoVG\22.1541.031\600MW\L=2315</t>
  </si>
  <si>
    <t>【哈电锅炉】后屏过热器出口集箱(左)管接头66(正)\Φ60*12\12Cr1MoVG\22.1541.031\600MW\L=2145</t>
  </si>
  <si>
    <t>【哈电锅炉】后屏过热器出口集箱(左)管接头67(正)\Φ60*12\12Cr1MoVG\22.1541.031\600MW\L=2060</t>
  </si>
  <si>
    <t>【哈电锅炉】后屏过热器出口集箱(左)管接头68(正)\Φ42*9\12Cr1MoVG\22.1541.031\600MW\L=2355</t>
  </si>
  <si>
    <t>【哈电锅炉】后屏过热器出口集箱(左)管接头69(正)\Φ51*11\12Cr1MoVG\22.1541.031\600MW\L=2275</t>
  </si>
  <si>
    <t>【哈电锅炉】后屏过热器出口集箱(左)管接头70(正)\Φ60*12\12Cr1MoVG\22.1541.031\600MW\L=2074</t>
  </si>
  <si>
    <t>【哈电锅炉】后屏过热器出口集箱(左)管接头71(正)\Φ60*12\12Cr1MoVG\22.1541.031\600MW\L=2006</t>
  </si>
  <si>
    <t>【哈电锅炉】后屏过热器出口集箱(左)管接头72(正)\Φ60*12\12Cr1MoVG\22.1541.031\600MW\L=1915</t>
  </si>
  <si>
    <t>【哈电锅炉】后屏过热器出口集箱(左)管接头73(正)\Φ63*12\12Cr1MoVG\22.1541.031\600MW\L=1871</t>
  </si>
  <si>
    <t>【哈电锅炉】后屏过热器出口集箱(左)管接头74(正)\Φ51*11\12Cr1MoVG\22.1541.031\600MW\L=2258</t>
  </si>
  <si>
    <t>【哈电锅炉】后屏过热器出口集箱(左)管接头75(正)\Φ60*12\12Cr1MoVG\22.1541.031\600MW\L=2095</t>
  </si>
  <si>
    <t>【哈电锅炉】后屏过热器出口集箱(左)管接头76(正)\Φ60*12\12Cr1MoVG\22.1541.031\600MW\L=201</t>
  </si>
  <si>
    <t>【哈电锅炉】后屏过热器出口集箱(左)管接头77(正)\Φ42*9\12Cr1MoVG\22.1541.031\600MW\L=2282</t>
  </si>
  <si>
    <t>【哈电锅炉】后屏过热器出口集箱(左)管接头78(正)\Φ51*11\12Cr1MoVG\22.1541.031\600MW\L=2205</t>
  </si>
  <si>
    <t>【哈电锅炉】后屏过热器出口集箱(左)管接头79(正)\Φ60*12\12Cr1MoVG\22.1541.031\600MW\L=2006</t>
  </si>
  <si>
    <t>【哈电锅炉】后屏过热器出口集箱(左)管接头80(正)\Φ51*11\12Cr1MoVG\22.1541.031\600MW\L=2190</t>
  </si>
  <si>
    <t>【哈电锅炉】后屏过热器出口集箱(左)管接头81(正)\Φ60*12\12Cr1MoVG\22.1541.031\600MW\L=2034</t>
  </si>
  <si>
    <t>【哈电锅炉】后屏过热器出口集箱(左)管接头82(正)\Φ60*12\12Cr1MoVG\22.1541.031\600MW\L=1943</t>
  </si>
  <si>
    <t>【哈电锅炉】后屏过热器出口集箱(左)管接头83(正)\Φ42*9\12Cr1MoVG\22.1541.031\600MW\L=2155</t>
  </si>
  <si>
    <t>【哈电锅炉】后屏过热器出口集箱(左)管接头84(正)\Φ42*9\12Cr1MoVG\22.1541.031\600MW\L=2172</t>
  </si>
  <si>
    <t>【哈电锅炉】后屏过热器出口集箱(右)管接头1\Φ60*12\12Cr1MoVG\22.1541.031\600MW\L=2026</t>
  </si>
  <si>
    <t>【哈电锅炉】后屏过热器出口集箱(右)管接头2\Φ63*12\12Cr1MoVG\22.1541.031\600MW\L=1854</t>
  </si>
  <si>
    <t>【哈电锅炉】后屏过热器出口集箱(右)管接头3\Φ42*9\12Cr1MoVG\22.1541.031\600MW\L=2406</t>
  </si>
  <si>
    <t>【哈电锅炉】后屏过热器出口集箱(右)管接头4\Φ42*9\12Cr1MoVG\22.1541.031\600MW\L=2364</t>
  </si>
  <si>
    <t>【哈电锅炉】后屏过热器出口集箱(右)管接头5\Φ60*12\12Cr1MoVG\22.1541.031\600MW\L=2185</t>
  </si>
  <si>
    <t>【哈电锅炉】后屏过热器出口集箱(右)管接头6\Φ42*9\12Cr1MoVG\22.1541.031\600MW\L=2215</t>
  </si>
  <si>
    <t>【哈电锅炉】后屏过热器出口集箱(右)管接头7\Φ51*11\12Cr1MoVG\22.1541.031\600MW\L=2139</t>
  </si>
  <si>
    <t>【哈电锅炉】后屏过热器出口集箱(右)管接头8\Φ60*12\12Cr1MoVG\22.1541.031\600MW\L=1948</t>
  </si>
  <si>
    <t>【哈电锅炉】后屏过热器出口集箱(右)管接头9\Φ42*9\12Cr1MoVG\22.1541.031\600MW\L=2153</t>
  </si>
  <si>
    <t>【哈电锅炉】后屏过热器出口集箱(右)管接头10\Φ42*9\12Cr1MoVG\22.1541.031\600MW\L=2118</t>
  </si>
  <si>
    <t>【哈电锅炉】后屏过热器出口集箱(右)管接头11\Φ42*9\12Cr1MoVG\22.1541.031\600MW\L=1968</t>
  </si>
  <si>
    <t>【哈电锅炉】后屏过热器出口集箱(右)管接头12\Φ51*11\12Cr1MoVG\22.1541.031\600MW\L=2216</t>
  </si>
  <si>
    <t>【哈电锅炉】后屏过热器出口集箱(右)管接头13\Φ60*12\12Cr1MoVG\22.1541.031\600MW\L=2058</t>
  </si>
  <si>
    <t>【哈电锅炉】后屏过热器出口集箱(右)管接头14\Φ60*12\12Cr1MoVG\22.1541.031\600MW\L=1973</t>
  </si>
  <si>
    <t>【哈电锅炉】后屏过热器出口集箱(右)管接头15\Φ42*9\12Cr1MoVG\22.1541.031\600MW\L=2171</t>
  </si>
  <si>
    <t>【哈电锅炉】后屏过热器出口集箱(右)管接头16\Φ42*9\12Cr1MoVG\22.1541.031\600MW\L=2130</t>
  </si>
  <si>
    <t>【哈电锅炉】后屏过热器出口集箱(右)管接头17\Φ42*9\12Cr1MoVG\22.1541.031\600MW\L=1982</t>
  </si>
  <si>
    <t>【哈电锅炉】后屏过热器出口集箱(右)管接头18\Φ51*11\12Cr1MoVG\22.1541.031\600MW\L=2198</t>
  </si>
  <si>
    <t>【哈电锅炉】后屏过热器出口集箱(右)管接头19\Φ60*12\12Cr1MoVG\22.1541.031\600MW\L=2043</t>
  </si>
  <si>
    <t>【哈电锅炉】后屏过热器出口集箱(右)管接头20\Φ60*12\12Cr1MoVG\22.1541.031\600MW\L=1952</t>
  </si>
  <si>
    <t>【哈电锅炉】后屏过热器出口集箱(右)管接头21\Φ42*9\12Cr1MoVG\22.1541.031\600MW\L=2355</t>
  </si>
  <si>
    <t>【哈电锅炉】后屏过热器出口集箱(右)管接头22\Φ42*9\12Cr1MoVG\22.1541.031\600MW\L=2312</t>
  </si>
  <si>
    <t>【哈电锅炉】后屏过热器出口集箱(右)管接头23\Φ60*12\12Cr1MoVG\22.1541.031\600MW\L=2134</t>
  </si>
  <si>
    <t>【哈电锅炉】后屏过热器出口集箱(右)管接头24\Φ42*9\12Cr1MoVG\22.1541.031\600MW\L=2164</t>
  </si>
  <si>
    <t>【哈电锅炉】后屏过热器出口集箱(右)管接头25\Φ51*11\12Cr1MoVG\22.1541.031\600MW\L=2088</t>
  </si>
  <si>
    <t>【哈电锅炉】后屏过热器出口集箱(右)管接头26\Φ60*12\12Cr1MoVG\22.1541.031\600MW\L=1897</t>
  </si>
  <si>
    <t>【哈电锅炉】后屏过热器出口集箱(右)管接头27\Φ42*9\12Cr1MoVG\22.1541.031\600MW\L=2102</t>
  </si>
  <si>
    <t>【哈电锅炉】后屏过热器出口集箱(右)管接头28\Φ42*9\12Cr1MoVG\22.1541.031\600MW\L=2067</t>
  </si>
  <si>
    <t>【哈电锅炉】后屏过热器出口集箱(右)管接头29\Φ42*9\12Cr1MoVG\22.1541.031\600MW\L=1915</t>
  </si>
  <si>
    <t>【哈电锅炉】后屏过热器出口集箱(右)管接头30\Φ51*11\12Cr1MoVG\22.1541.031\600MW\L=2165</t>
  </si>
  <si>
    <t>【哈电锅炉】后屏过热器出口集箱(右)管接头31\Φ60*12\12Cr1MoVG\22.1541.031\600MW\L=2007</t>
  </si>
  <si>
    <t>【哈电锅炉】后屏过热器出口集箱(右)管接头32\Φ60*12\12Cr1MoVG\22.1541.031\600MW\L=1922</t>
  </si>
  <si>
    <t>【哈电锅炉】后屏过热器出口集箱(右)管接头33\Φ63*12\12Cr1MoVG\22.1541.031\600MW\L=1803</t>
  </si>
  <si>
    <t>【哈电锅炉】后屏过热器出口集箱(右)管接头34\Φ42*9\12Cr1MoVG\22.1541.031\600MW\L=2120</t>
  </si>
  <si>
    <t>【哈电锅炉】后屏过热器出口集箱(右)管接头35\Φ42*9\12Cr1MoVG\22.1541.031\600MW\L=2079</t>
  </si>
  <si>
    <t>【哈电锅炉】后屏过热器出口集箱(右)管接头36\Φ42*9\12Cr1MoVG\22.1541.031\600MW\L=1931</t>
  </si>
  <si>
    <t>【哈电锅炉】后屏过热器出口集箱(右)管接头37\Φ51*11\12Cr1MoVG\22.1541.031\600MW\L=2147</t>
  </si>
  <si>
    <t>【哈电锅炉】后屏过热器出口集箱(右)管接头38\Φ60*12\12Cr1MoVG\22.1541.031\600MW\L=1992</t>
  </si>
  <si>
    <t>【哈电锅炉】后屏过热器出口集箱(右)管接头39\Φ60*12\12Cr1MoVG\22.1541.031\600MW\L=1901</t>
  </si>
  <si>
    <t>【哈电锅炉】后屏过热器出口集箱(右)管接头40\Φ42*9\12Cr1MoVG\22.1541.031\600MW\L=2144</t>
  </si>
  <si>
    <t>【哈电锅炉】后屏过热器出口集箱(右)管接头41\Φ42*9\12Cr1MoVG\22.1541.031\600MW\L=2109</t>
  </si>
  <si>
    <t>【哈电锅炉】后屏过热器出口集箱(右)管接头42\Φ42*9\12Cr1MoVG\22.1541.031\600MW\L=1959</t>
  </si>
  <si>
    <t>【哈电锅炉】后屏过热器出口集箱(右)管接头43\Φ42*9\12Cr1MoVG\22.1541.031\600MW\L=2464</t>
  </si>
  <si>
    <t>【哈电锅炉】后屏过热器出口集箱(右)管接头44\Φ42*9\12Cr1MoVG\22.1541.031\600MW\L=2437</t>
  </si>
  <si>
    <t>【哈电锅炉】后屏过热器出口集箱(右)管接头45\Φ60*12\12Cr1MoVG\22.1541.031\600MW\L=2257</t>
  </si>
  <si>
    <t>【哈电锅炉】后屏过热器出口集箱(右)管接头46\Φ42*9\12Cr1MoVG\22.1541.031\600MW\L=2215</t>
  </si>
  <si>
    <t>【哈电锅炉】后屏过热器出口集箱(右)管接头47\Φ42*9\12Cr1MoVG\22.1541.031\600MW\L=2178</t>
  </si>
  <si>
    <t>【哈电锅炉】后屏过热器出口集箱(右)管接头48\Φ42*9\12Cr1MoVG\22.1541.031\600MW\L=2028</t>
  </si>
  <si>
    <t>【哈电锅炉】后屏过热器出口集箱(右)管接头49\Φ51*11\12Cr1MoVG\22.1541.031\600MW\L=2138</t>
  </si>
  <si>
    <t>【哈电锅炉】后屏过热器出口集箱(右)管接头50\Φ42*9\12Cr1MoVG\22.1541.031\600MW\L=2114</t>
  </si>
  <si>
    <t>【哈电锅炉】后屏过热器出口集箱(右)管接头51\Φ42*9\12Cr1MoVG\22.1541.031\600MW\L=1966</t>
  </si>
  <si>
    <t>【哈电锅炉】后屏过热器出口集箱(右)管接头52\Φ60*12\12Cr1MoVG\22.1541.031\600MW\L=1966</t>
  </si>
  <si>
    <t>【哈电锅炉】后屏过热器出口集箱(右)管接头53\Φ42*9\12Cr1MoVG\22.1541.031\600MW\L=2544</t>
  </si>
  <si>
    <t>【哈电锅炉】后屏过热器出口集箱(右)管接头54\Φ42*9\12Cr1MoVG\22.1541.031\600MW\L=2517</t>
  </si>
  <si>
    <t>【哈电锅炉】后屏过热器出口集箱(右)管接头55\Φ60*12\12Cr1MoVG\22.1541.031\600MW\L=2332</t>
  </si>
  <si>
    <t>【哈电锅炉】后屏过热器出口集箱(右)管接头56\Φ42*9\12Cr1MoVG\22.1541.031\600MW\L=2282</t>
  </si>
  <si>
    <t>【哈电锅炉】后屏过热器出口集箱(右)管接头57\Φ42*9\12Cr1MoVG\22.1541.031\600MW\L=2245</t>
  </si>
  <si>
    <t>【哈电锅炉】后屏过热器出口集箱(右)管接头58\Φ42*9\12Cr1MoVG\22.1541.031\600MW\L=2095</t>
  </si>
  <si>
    <t>【哈电锅炉】后屏过热器出口集箱(右)管接头59\Φ51*11\12Cr1MoVG\22.1541.031\600MW\L=2156</t>
  </si>
  <si>
    <t>【哈电锅炉】后屏过热器出口集箱(右)管接头60\Φ42*9\12Cr1MoVG\22.1541.031\600MW\L=2131</t>
  </si>
  <si>
    <t>【哈电锅炉】后屏过热器出口集箱(右)管接头61\Φ42*9\12Cr1MoVG\22.1541.031\600MW\L=1983</t>
  </si>
  <si>
    <t>【哈电锅炉】后屏过热器出口集箱(右)管接头62\Φ60*12\12Cr1MoVG\22.1541.031\600MW\L=1989</t>
  </si>
  <si>
    <t>【哈电锅炉】后屏过热器出口集箱(右)管接头63\Φ60*12\12Cr1MoVG\22.1541.031\600MW\L=1898</t>
  </si>
  <si>
    <t>【哈电锅炉】后屏过热器出口集箱(右)管接头64\Φ63*12\12Cr1MoVG\22.1541.031\600MW\L=1907</t>
  </si>
  <si>
    <t>【哈电锅炉】后屏过热器出口集箱(右)管接头65\Φ51*11\12Cr1MoVG\22.1541.031\600MW\L=2315</t>
  </si>
  <si>
    <t>【哈电锅炉】后屏过热器出口集箱(右)管接头66\Φ60*12\12Cr1MoVG\22.1541.031\600MW\L=2145</t>
  </si>
  <si>
    <t>【哈电锅炉】后屏过热器出口集箱(右)管接头67\Φ60*12\12Cr1MoVG\22.1541.031\600MW\L=2060</t>
  </si>
  <si>
    <t>【哈电锅炉】后屏过热器出口集箱(右)管接头68\Φ42*9\12Cr1MoVG\22.1541.031\600MW\L=2355</t>
  </si>
  <si>
    <t>【哈电锅炉】后屏过热器出口集箱(右)管接头69\Φ51*11\12Cr1MoVG\22.1541.031\600MW\L=2275</t>
  </si>
  <si>
    <t>【哈电锅炉】后屏过热器出口集箱(右)管接头70\Φ60*12\12Cr1MoVG\22.1541.031\600MW\L=2074</t>
  </si>
  <si>
    <t>【哈电锅炉】后屏过热器出口集箱(右)管接头71\Φ60*12\12Cr1MoVG\22.1541.031\600MW\L=2006</t>
  </si>
  <si>
    <t>【哈电锅炉】后屏过热器出口集箱(右)管接头72\Φ60*12\12Cr1MoVG\22.1541.031\600MW\L=1915</t>
  </si>
  <si>
    <t>【哈电锅炉】后屏过热器出口集箱(右)管接头73\Φ63*12\12Cr1MoVG\22.1541.031\600MW\L=1871</t>
  </si>
  <si>
    <t>【哈电锅炉】后屏过热器出口集箱(右)管接头74\Φ51*11\12Cr1MoVG\22.1541.031\600MW\L=2258</t>
  </si>
  <si>
    <t>【哈电锅炉】后屏过热器出口集箱(右)管接头75\Φ60*12\12Cr1MoVG\22.1541.031\600MW\L=2095</t>
  </si>
  <si>
    <t>【哈电锅炉】后屏过热器出口集箱(右)管接头76\Φ60*12\12Cr1MoVG\22.1541.031\600MW\L=2010</t>
  </si>
  <si>
    <t>【哈电锅炉】后屏过热器出口集箱(右)管接头77\Φ42*9\12Cr1MoVG\22.1541.031\600MW\L=2282</t>
  </si>
  <si>
    <t>【哈电锅炉】后屏过热器出口集箱(右)管接头78\Φ51*11\12Cr1MoVG\22.1541.031\600MW\L=2205</t>
  </si>
  <si>
    <t>【哈电锅炉】后屏过热器出口集箱(右)管接头79\Φ60*12\12Cr1MoVG\22.1541.031\600MW\L=2006</t>
  </si>
  <si>
    <t>【哈电锅炉】后屏过热器出口集箱(右)管接头80\Φ51*11\12Cr1MoVG\22.1541.031\600MW\L=2190</t>
  </si>
  <si>
    <t>【哈电锅炉】后屏过热器出口集箱(右)管接头81\Φ60*12\12Cr1MoVG\22.1541.031\600MW\L=2034</t>
  </si>
  <si>
    <t>【哈电锅炉】后屏过热器出口集箱(右)管接头82\Φ60*12\12Cr1MoVG\22.1541.031\600MW\L=1943</t>
  </si>
  <si>
    <t>【哈电锅炉】后屏过热器出口集箱(右)管接头83\Φ42*9\12Cr1MoVG\22.1541.031\600MW\L=2155</t>
  </si>
  <si>
    <t>【哈电锅炉】后屏过热器出口集箱(右)管接头84\Φ42*9\12Cr1MoVG\22.1541.031\600MW\L=2172</t>
  </si>
  <si>
    <t>【哈电锅炉】末级过热器入口集箱管接头1\Φ57*11\12Cr1MoVG\22.1545.019\600MW\L=702</t>
  </si>
  <si>
    <t>【哈电锅炉】末级过热器入口集箱管接头2\Φ57*11\12Cr1MoVG\22.1545.019\600MW\L=779</t>
  </si>
  <si>
    <t>【哈电锅炉】末级过热器入口集箱管接头3\Φ57*11\12Cr1MoVG\22.1545.019\600MW\L=903</t>
  </si>
  <si>
    <t>【哈电锅炉】末级过热器入口集箱管接头4\Φ57*11\12Cr1MoVG\22.1545.019\600MW\L=1140</t>
  </si>
  <si>
    <t>【哈电锅炉】末级过热器入口集箱管接头5\Φ57*11\12Cr1MoVG\22.1545.019\600MW\L=704</t>
  </si>
  <si>
    <t>【哈电锅炉】末级过热器入口集箱管接头6\Φ57*11\12Cr1MoVG\22.1545.019\600MW\L=781</t>
  </si>
  <si>
    <t>【哈电锅炉】末级过热器入口集箱管接头7\Φ57*11\12Cr1MoVG\22.1545.019\600MW\L=905</t>
  </si>
  <si>
    <t>【哈电锅炉】末级过热器入口集箱管接头8\Φ57*11\12Cr1MoVG\22.1545.019\600MW\L=1142</t>
  </si>
  <si>
    <t>【哈电锅炉】末级过热器入口集箱管接头9\Φ57*11\12Cr1MoVG\22.1545.019\600MW\L=701</t>
  </si>
  <si>
    <t>【哈电锅炉】末级过热器入口集箱管接头10\Φ57*11\12Cr1MoVG\22.1545.019\600MW\L=779</t>
  </si>
  <si>
    <t>【哈电锅炉】末级过热器入口集箱管接头11\Φ57*11\12Cr1MoVG\22.1545.019\600MW\L=902</t>
  </si>
  <si>
    <t>【哈电锅炉】末级过热器入口集箱管接头12\Φ57*11\12Cr1MoVG\22.1545.019\600MW\L=1139</t>
  </si>
  <si>
    <t>【哈电锅炉】末级过热器入口集箱管接头13\Φ57*11\12Cr1MoVG\22.1545.019\600MW\L=675</t>
  </si>
  <si>
    <t>【哈电锅炉】末级过热器入口集箱管接头14\Φ57*11\12Cr1MoVG\22.1545.019\600MW\L=753</t>
  </si>
  <si>
    <t>【哈电锅炉】末级过热器入口集箱管接头15\Φ57*11\12Cr1MoVG\22.1545.019\600MW\L=877</t>
  </si>
  <si>
    <t>【哈电锅炉】末级过热器入口集箱管接头16\Φ57*11\12Cr1MoVG\22.1545.019\600MW\L=1114</t>
  </si>
  <si>
    <t>【哈电锅炉】末级过热器入口集箱管接头17\Φ57*11\12Cr1MoVG\22.1545.019\600MW\L=701</t>
  </si>
  <si>
    <t>【哈电锅炉】末级过热器入口集箱管接头18\Φ57*11\12Cr1MoVG\22.1545.019\600MW\L=778</t>
  </si>
  <si>
    <t>【哈电锅炉】末级过热器入口集箱管接头19\Φ57*11\12Cr1MoVG\22.1545.019\600MW\L=902</t>
  </si>
  <si>
    <t>【哈电锅炉】末级过热器入口集箱管接头20\Φ57*11\12Cr1MoVG\22.1545.019\600MW\L=1139</t>
  </si>
  <si>
    <t>【哈电锅炉】末级过热器出口集箱管接头1\Φ57*12\12Cr1MoVG\22.1545.019\600MW\L=929</t>
  </si>
  <si>
    <t>【哈电锅炉】末级过热器出口集箱管接头2\Φ57*12\12Cr1MoVG\22.1545.019\600MW\L=1011</t>
  </si>
  <si>
    <t>【哈电锅炉】末级过热器出口集箱管接头3\Φ57*12\12Cr1MoVG\22.1545.019\600MW\L=1044</t>
  </si>
  <si>
    <t>【哈电锅炉】末级过热器出口集箱管接头4\Φ57*12\12Cr1MoVG\22.1545.019\600MW\L=754</t>
  </si>
  <si>
    <t>【哈电锅炉】末级过热器出口集箱管接头5\Φ57*12\12Cr1MoVG\22.1545.019\600MW\L=818</t>
  </si>
  <si>
    <t>【哈电锅炉】末级过热器出口集箱管接头6\Φ57*12\12Cr1MoVG\22.1545.019\600MW\L=920</t>
  </si>
  <si>
    <t>【哈电锅炉】末级过热器出口集箱管接头7\Φ57*12\12Cr1MoVG\22.1545.019\600MW\L=1167</t>
  </si>
  <si>
    <t>【哈电锅炉】末级过热器出口集箱管接头8\Φ57*12\12Cr1MoVG\22.1545.019\600MW\L=764</t>
  </si>
  <si>
    <t>【哈电锅炉】末级过热器出口集箱管接头9\Φ57*12\12Cr1MoVG\22.1545.019\600MW\L=829</t>
  </si>
  <si>
    <t>【哈电锅炉】末级过热器出口集箱管接头10\Φ57*12\12Cr1MoVG\22.1545.019\600MW\L=933</t>
  </si>
  <si>
    <t>【哈电锅炉】末级过热器出口集箱管接头11\Φ57*12\12Cr1MoVG\22.1545.019\600MW\L=1179</t>
  </si>
  <si>
    <t>【哈电锅炉】末级过热器出口集箱管接头12\Φ57*12\12Cr1MoVG\22.1545.019\600MW\L=781</t>
  </si>
  <si>
    <t>【哈电锅炉】末级过热器出口集箱管接头13\Φ57*12\12Cr1MoVG\22.1545.019\600MW\L=846</t>
  </si>
  <si>
    <t>【哈电锅炉】末级过热器出口集箱管接头14\Φ57*12\12Cr1MoVG\22.1545.019\600MW\L=953</t>
  </si>
  <si>
    <t>【哈电锅炉】末级过热器出口集箱管接头15\Φ57*12\12Cr1MoVG\22.1545.019\600MW\L=1194</t>
  </si>
  <si>
    <t>【哈电锅炉】末级过热器出口集箱管接头16\Φ57*12\12Cr1MoVG\22.1545.019\600MW\L=802</t>
  </si>
  <si>
    <t>【哈电锅炉】末级过热器出口集箱管接头17\Φ57*12\12Cr1MoVG\22.1545.019\600MW\L=870</t>
  </si>
  <si>
    <t>【哈电锅炉】末级过热器出口集箱管接头18\Φ57*12\12Cr1MoVG\22.1545.019\600MW\L=980</t>
  </si>
  <si>
    <t>【哈电锅炉】末级过热器出口集箱管接头19\Φ57*12\12Cr1MoVG\22.1545.019\600MW\L=1214</t>
  </si>
  <si>
    <t>【哈电锅炉】末级过热器出口集箱管接头20\Φ57*12\12Cr1MoVG\22.1545.019\600MW\L=828</t>
  </si>
  <si>
    <t>【哈电锅炉】末级过热器出口集箱管接头21\Φ57*12\12Cr1MoVG\22.1545.019\600MW\L=898</t>
  </si>
  <si>
    <t>【哈电锅炉】末级过热器出口集箱管接头22\Φ57*12\12Cr1MoVG\22.1545.019\600MW\L=1010</t>
  </si>
  <si>
    <t>【哈电锅炉】末级过热器出口集箱管接头23\Φ57*12\12Cr1MoVG\22.1545.019\600MW\L=1239</t>
  </si>
  <si>
    <t>【哈电锅炉】末级过热器出口集箱管接头24\Φ57*12\12Cr1MoVG\22.1545.019\600MW\L=857</t>
  </si>
  <si>
    <t>【哈电锅炉】末级过热器出口集箱管接头25\Φ57*12\12Cr1MoVG\22.1545.019\600MW\L=1164</t>
  </si>
  <si>
    <t>【哈电锅炉】末级过热器出口集箱管接头26\Φ57*12\12Cr1MoVG\22.1545.019\600MW\L=915</t>
  </si>
  <si>
    <t>【哈电锅炉】末级过热器出口集箱管接头27\Φ57*12\12Cr1MoVG\22.1545.019\600MW\L=801</t>
  </si>
  <si>
    <t>【哈电锅炉】末级过热器出口集箱管接头28\Φ57*12\12Cr1MoVG\22.1545.019\600MW\L=749</t>
  </si>
  <si>
    <t>【哈电锅炉】水平低温过热器入口集箱管接头1\Φ60*8\20G\22.1541B.034\600MW\L=88.5</t>
  </si>
  <si>
    <t>【哈电锅炉】水平低温过热器入口集箱管接头2\Φ57*8\20G\22.1541B.034\600MW\L=1715</t>
  </si>
  <si>
    <t>【哈电锅炉】水平低温过热器入口集箱管接头3\Φ57*8\20G\22.1541B.034\600MW\L=1388</t>
  </si>
  <si>
    <t>【哈电锅炉】水平低温过热器入口集箱管接头4\Φ57*8\20G\22.1541B.034\600MW\L=1180</t>
  </si>
  <si>
    <t>【哈电锅炉】水平低温过热器入口集箱管接头5\Φ57*8\20G\22.1541B.034\600MW\L=2007</t>
  </si>
  <si>
    <t>【哈电锅炉】水平低温过热器入口集箱管接头6\Φ57*8\20G\22.1541B.034\600MW\L=1680</t>
  </si>
  <si>
    <t>【哈电锅炉】水平低温过热器入口集箱管接头7\Φ57*8\20G\22.1541B.034\600MW\L=1472</t>
  </si>
  <si>
    <t>【哈电锅炉】水平低温过热器入口集箱管接头8\Φ57*8\20G\22.1541B.034\600MW\L=2055</t>
  </si>
  <si>
    <t>【哈电锅炉】水平低温过热器入口集箱管接头9\Φ57*8\20G\22.1541B.034\600MW\L=1728</t>
  </si>
  <si>
    <t>【哈电锅炉】水平低温过热器入口集箱管接头10\Φ57*8\20G\22.1541B.034\600MW\L=1520</t>
  </si>
  <si>
    <t>【哈电锅炉】水平低温过热器入口集箱管接头11\Φ57*8\20G\22.1541B.034\600MW\L=2153</t>
  </si>
  <si>
    <t>【哈电锅炉】水平低温过热器入口集箱管接头12\Φ57*8\20G\22.1541B.034\600MW\L=1826</t>
  </si>
  <si>
    <t>【哈电锅炉】水平低温过热器入口集箱管接头13\Φ57*8\20G\22.1541B.034\600MW\L=1618</t>
  </si>
  <si>
    <t>【哈电锅炉】水平低温过热器入口集箱管接头14\Φ57*8\20G\22.1541B.034\600MW\L=2005</t>
  </si>
  <si>
    <t>【哈电锅炉】水平低温过热器入口集箱管接头15\Φ57*8\20G\22.1541B.034\600MW\L=1678</t>
  </si>
  <si>
    <t>【哈电锅炉】水平低温过热器入口集箱管接头16\Φ57*8\20G\22.1541B.034\600MW\L=1470</t>
  </si>
  <si>
    <t>【哈电锅炉】立式低温过热器出口集箱管接头1\Φ63*9\15CrMoG\22.1541B.034\600MW\L=819</t>
  </si>
  <si>
    <t>【哈电锅炉】立式低温过热器出口集箱管接头2\Φ63*9\15CrMoG\22.1541B.034\600MW\L=935</t>
  </si>
  <si>
    <t>【哈电锅炉】立式低温过热器出口集箱管接头3\Φ63*9\15CrMoG\22.1541B.034\600MW\L=1109</t>
  </si>
  <si>
    <t>【哈电锅炉】立式低温过热器出口集箱管接头4\Φ63*9\15CrMoG\22.1541B.034\600MW\L=792</t>
  </si>
  <si>
    <t>【哈电锅炉】立式低温过热器出口集箱管接头5\Φ63*9\15CrMoG\22.1541B.034\600MW\L=899</t>
  </si>
  <si>
    <t>【哈电锅炉】立式低温过热器出口集箱管接头6\Φ63*9\15CrMoG\22.1541B.034\600MW\L=1069</t>
  </si>
  <si>
    <t>【哈电锅炉】立式低温过热器出口集箱管接头7\Φ63*9\15CrMoG\22.1541B.034\600MW\L=781</t>
  </si>
  <si>
    <t>【哈电锅炉】立式低温过热器出口集箱管接头8\Φ63*9\15CrMoG\22.1541B.034\600MW\L=892</t>
  </si>
  <si>
    <t>【哈电锅炉】立式低温过热器出口集箱管接头9\Φ63*9\15CrMoG\22.1541B.034\600MW\L=1062</t>
  </si>
  <si>
    <t>【哈电锅炉】立式低温过热器出口集箱管接头10\Φ63*9\15CrMoG\22.1541B.034\600MW\L=773</t>
  </si>
  <si>
    <t>【哈电锅炉】立式低温过热器出口集箱管接头11\Φ63*9\15CrMoG\22.1541B.034\600MW\L=889</t>
  </si>
  <si>
    <t>【哈电锅炉】立式低温过热器出口集箱管接头12\Φ63*9\15CrMoG\22.1541B.034\600MW\L=106</t>
  </si>
  <si>
    <t>【哈电锅炉】立式低温过热器出口集箱管接头13\Φ63*9\15CrMoG\22.1541B.034\600MW\L=769</t>
  </si>
  <si>
    <t>【哈电锅炉】立式低温过热器出口集箱管接头14\Φ63*9\15CrMoG\22.1541B.034\600MW\L=885</t>
  </si>
  <si>
    <t>【哈电锅炉】立式低温过热器出口集箱管接头15\Φ63*9\15CrMoG\22.1541B.034\600MW\L=1059</t>
  </si>
  <si>
    <t>【哈电锅炉】立式低温过热器出口集箱管接头16\Φ63*9\15CrMoG\22.1541B.034\600MW\L=823</t>
  </si>
  <si>
    <t>【哈电锅炉】立式低温过热器出口集箱管接头17\Φ63*9\15CrMoG\22.1541B.034\600MW\L=939</t>
  </si>
  <si>
    <t>【哈电锅炉】立式低温过热器出口集箱管接头18\Φ63*9\15CrMoG\22.1541B.034\600MW\L=1110</t>
  </si>
  <si>
    <t>【哈电锅炉】后烟道前包墙中部S型弯管\Φ57*7\SA-210C\22.1538C.027\600MW\L=1571</t>
  </si>
  <si>
    <t>【哈电锅炉】后烟道后包墙顶部90°弯管\Φ57*7\SA-210C\22.1538C.027\600MW\L=1476</t>
  </si>
  <si>
    <t>【哈电锅炉】后烟道侧包墙上部S弯管1\Φ57*7\SA-210C\22.1538C.027\600MW\L=1426</t>
  </si>
  <si>
    <t>【哈电锅炉】后烟道侧包墙上部S弯管2\Φ57*7\SA-210C\22.1538C.027\600MW\L=1360</t>
  </si>
  <si>
    <t>【哈电锅炉】后烟道侧包墙上部S弯管3\Φ57*7\SA-210C\22.1538C.027\600MW\L=1284</t>
  </si>
  <si>
    <t>【哈电锅炉】后烟道侧包墙上部S弯管4\Φ57*7\SA-210C\22.1538C.027\600MW\L=1198</t>
  </si>
  <si>
    <t>【哈电锅炉】上部水平低温过热器90°弯管\φ57*7\15CrMoG\22.1540A.027\600MW\L=1269</t>
  </si>
  <si>
    <t>【哈电锅炉】上部水平低温过热器180°弯管内1\φ57*7\15CrMoG\22.1540A.027\600MW\L=1179</t>
  </si>
  <si>
    <t>【哈电锅炉】上部水平低温过热器180°弯管内2\φ57*7\15CrMoG\22.1540A.027\600MW\L=1537</t>
  </si>
  <si>
    <t>【哈电锅炉】下部水平低温过热器90°弯管\φ57*7\20G\22.1540A.025\600MW\L=1269</t>
  </si>
  <si>
    <t>【哈电锅炉】下部水平低温过热器180°弯管内1\φ57*7\20G\22.1540A.025\600MW\L=1179</t>
  </si>
  <si>
    <t>【哈电锅炉】下部水平低温过热器180°弯管内2\φ57*7\20G\22.1540A.025\600MW\L=1537</t>
  </si>
  <si>
    <t>【哈电锅炉】分隔屏底部90°弯管\φ57*7\SA-213TP347H\22.1541.031\600MW\L=1269</t>
  </si>
  <si>
    <t>【哈电锅炉】后屏过热器底部外1圈90°弯管\φ63*11\SA-213TP347H\22.1548.024\600MW\L=1299</t>
  </si>
  <si>
    <t>【哈电锅炉】后屏过热器外1圈S型弯管\φ63*8\SA-213T91\22.1548.024\600MW\L=1262</t>
  </si>
  <si>
    <t>【哈电锅炉】后屏过热器底部90°弯管1\φ60*9\SA-213T91\22.1548.024\600MW\L=1299</t>
  </si>
  <si>
    <t>【哈电锅炉】后屏过热器底部90°弯管2\φ60*9\SA-213TP347H\22.1548.024\600MW\L=1283.5</t>
  </si>
  <si>
    <t>【哈电锅炉】后屏过热器底部180°弯管\φ60*11\SA-213TP347H\22.1548.024\600MW\L=1349</t>
  </si>
  <si>
    <t>【哈电锅炉】末级过热器底部70°弯管1\φ57*10\12Cr1MoVG\22.1545.019\600MW\L=1213</t>
  </si>
  <si>
    <t>【哈电锅炉】末级过热器底部110°弯管1\φ57*10\12Cr1MoVG\22.1545.019\600MW\L=1334</t>
  </si>
  <si>
    <t>【哈电锅炉】末级过热器底部70°弯管2\φ57*9\SA-213T23\22.1545.019\600MW\L=1213</t>
  </si>
  <si>
    <t>【哈电锅炉】末级过热器底部110°弯管2\φ57*9\SA-213T23\22.1545.019\600MW\L=1334</t>
  </si>
  <si>
    <t>【哈电锅炉】末级过热器外1圈上部U型弯管\φ57*9\SA-213T23\22.1545.019\600MW\L=1598</t>
  </si>
  <si>
    <t>【哈电锅炉】末级过热器外1圈上部S型弯管1\φ57*9\SA-213T23\22.1545.019\600MW\L=1355</t>
  </si>
  <si>
    <t>【哈电锅炉】末级过热器外1圈上部S型弯管2\φ57*10\12Cr1MoVG\22.1545.019\600MW\L=1870</t>
  </si>
  <si>
    <t>【哈电锅炉】末级过热器外2圈上部U型弯管\φ57*9\SA-213T23\22.1545.019\600MW\L=1718</t>
  </si>
  <si>
    <t>【哈电锅炉】末级过热器外2圈上部S型弯管1\φ57*9\SA-213T23\22.1545.019\600MW\L=1891</t>
  </si>
  <si>
    <t>【哈电锅炉】末级过热器外2圈上部S型弯管2\φ57*9\SA-213T23\22.1545.019\600MW\L=1897</t>
  </si>
  <si>
    <t>【哈电锅炉】末级过热器外2圈上部S型弯管3\φ57*10\12Cr1MoVG\22.1545.019\600MW\L=1312</t>
  </si>
  <si>
    <t>【哈电锅炉】末级过热器外3圈上部U型弯管\φ57*9\SA-213T23\22.1545.019\600MW\L=1857</t>
  </si>
  <si>
    <t>【哈电锅炉】末级过热器外3圈上部S型弯管1\φ57*9\SA-213T23\22.1545.019\600MW\L=1897</t>
  </si>
  <si>
    <t>【哈电锅炉】末级过热器外3圈上部S型弯管2\φ57*9\SA-213T23\22.1545.019\600MW\L=1904</t>
  </si>
  <si>
    <t>【哈电锅炉】末级过热器外3圈上部S型弯管3\φ57*10\12Cr1MoVG\22.1545.019\600MW\L=1250</t>
  </si>
  <si>
    <t>【哈电锅炉】末级过热器外4圈上部U型弯管\φ57*9\SA-213T23\22.1545.019\600MW\L=2013</t>
  </si>
  <si>
    <t>【哈电锅炉】末级过热器外4圈上部S型弯管1\φ57*9\SA-213T23\22.1545.019\600MW\L=1897</t>
  </si>
  <si>
    <t>【哈电锅炉】末级过热器外5圈上部S型弯管1\φ57*9\SA-213T23\22.1545.019\600MW\L=1897</t>
  </si>
  <si>
    <t>【哈电锅炉】末级过热器外5圈上部S型弯管2\φ57*10\12Cr1MoVG\22.1545.019\600MW\L=1097</t>
  </si>
  <si>
    <t>【哈电锅炉】末级过热器外5圈底部U型弯管前\φ57*10\12Cr1MoVG\22.1545.019\600MW\L=1537</t>
  </si>
  <si>
    <t>【哈电锅炉】末级过热器外5圈底部U型弯管后\φ57*9\SA-213T23\22.1545.019\600MW\L=1537</t>
  </si>
  <si>
    <t>【哈电锅炉】末级过热器外6圈上部S型弯管\φ57*10\12Cr1MoVG\22.1545.019\600MW\L=2106</t>
  </si>
  <si>
    <t>【哈电锅炉】末级过热器外6圈上部S型弯管\φ57*9\SA-213T23\22.1545.019\600MW\L=1903</t>
  </si>
  <si>
    <t>【哈电锅炉】末级过热器外6圈底部180°弯管\φ57*10\12Cr1MoVG\22.1545.019\600MW\L=1179</t>
  </si>
  <si>
    <t>【哈电锅炉】末级过热器外6圈底部180°弯管\φ57*9\SA-213T23\22.1545.019\600MW\L=1179</t>
  </si>
  <si>
    <t>【哈电锅炉】流体冷却间隔管89°51'弯管\φ42*6\20G\22.1539.020\600MW\L=1125</t>
  </si>
  <si>
    <t>【哈电锅炉】流体冷却间隔管87°弯管\φ42*6\20G\22.1539.020\600MW\L=1121</t>
  </si>
  <si>
    <t>【哈电锅炉】流体冷却间隔管90°弯管\φ51*6.5\15CrMoG\22.1539.020\600MW\L=1251</t>
  </si>
  <si>
    <t>【哈电锅炉】流体冷却间隔管S弯管1\φ51*6.5\15CrMoG\22.1539.020\600MW\L=1244</t>
  </si>
  <si>
    <t>【哈电锅炉】流体冷却间隔管S弯管2\φ51*6.5\15CrMoG\22.1539.020\600MW\L=1206</t>
  </si>
  <si>
    <t>【哈电锅炉】流体冷却间隔管90°弯管1\φ51*6.5\15CrMoG\22.1539.020\600MW\L=1251</t>
  </si>
  <si>
    <t>【哈电锅炉】流体冷却间隔管85°弯管\φ51*6.5\15CrMoG\22.1539.020\600MW\L=1237</t>
  </si>
  <si>
    <t>【哈电锅炉】流体冷却间隔管S弯管3\φ42*6\15CrMoG\22.1539.020\600MW\L=2541</t>
  </si>
  <si>
    <t>【哈电锅炉】流体冷却间隔管S弯管4\φ51*6.5\15CrMoG\22.1539.020\600MW\L=2630</t>
  </si>
  <si>
    <t>【哈电锅炉】流体冷却夹管三叉管\φ63*9\12Cr1MoVG+ SA-213TP347H\22.1560.012\600MW</t>
  </si>
  <si>
    <t>【哈电锅炉】流体冷却夹管弯管1\φ51*7\SA-213TP347H\22.1560.012\600MW\L=1243</t>
  </si>
  <si>
    <t>【哈电锅炉】流体冷却夹管弯管2\φ51*7\SA-213TP347H\22.1560.012\600MW\L=1284</t>
  </si>
  <si>
    <t>【哈电锅炉】壁式辐射再热器前墙入口集箱管接头1\φ60*5\20G\22.1561.034\600MW\L=248</t>
  </si>
  <si>
    <t>【哈电锅炉】壁式辐射再热器前墙入口集箱管接头2\φ60*5\20G\22.1561.034\600MW\L=269</t>
  </si>
  <si>
    <t>【哈电锅炉】壁式辐射再热器前墙入口集箱管接头3\φ60*5\20G\22.1561.034\600MW\L=316</t>
  </si>
  <si>
    <t>【哈电锅炉】壁式辐射再热器前墙入口集箱管接头4\φ60*5\20G\22.1561.034\600MW\L=286</t>
  </si>
  <si>
    <t>【哈电锅炉】壁式辐射再热器侧墙入口集箱管接头1\φ60*5\20G\22.1561.034\600MW\L=316</t>
  </si>
  <si>
    <t>【哈电锅炉】壁式辐射再热器侧墙入口集箱管接头2\φ60*5\20G\22.1561.034\600MW\L=286</t>
  </si>
  <si>
    <t>【哈电锅炉】壁式辐射再热器前墙出口集箱管接头1\φ60*5\20G\22.1561.034\600MW\L=763</t>
  </si>
  <si>
    <t>【哈电锅炉】壁式辐射再热器前墙出口集箱管接头2\φ60*5\20G\22.1561.034\600MW\L=1031</t>
  </si>
  <si>
    <t>【哈电锅炉】壁式辐射再热器前墙出口集箱管接头3\φ60*5\20G\22.1561.034\600MW\L=945</t>
  </si>
  <si>
    <t>【哈电锅炉】壁式辐射再热器前墙出口集箱管接头4\φ60*5\20G\22.1561.034\600MW\L=1035</t>
  </si>
  <si>
    <t>【哈电锅炉】壁式辐射再热器前墙出口集箱管接头5\φ60*5\20G\22.1561.034\600MW\L=1040</t>
  </si>
  <si>
    <t>【哈电锅炉】壁式辐射再热器前墙出口集箱管接头6\φ60*5\20G\22.1561.034\600MW\L=949</t>
  </si>
  <si>
    <t>【哈电锅炉】壁式辐射再热器前墙出口集箱管接头7\φ60*5\20G\22.1561.034\600MW\L=954</t>
  </si>
  <si>
    <t>【哈电锅炉】壁式辐射再热器前墙出口集箱管接头8\φ60*5\20G\22.1561.034\600MW\L=1569</t>
  </si>
  <si>
    <t>【哈电锅炉】壁式辐射再热器前墙出口集箱管接头9\φ60*5\20G\22.1561.034\600MW\L=1683</t>
  </si>
  <si>
    <t>【哈电锅炉】壁式辐射再热器前墙出口集箱管接头10\φ60*5\20G\22.1561.034\600MW\L=1746</t>
  </si>
  <si>
    <t>【哈电锅炉】壁式辐射再热器前墙出口集箱管接头11\φ60*5\20G\22.1561.034\600MW\L=1860</t>
  </si>
  <si>
    <t>【哈电锅炉】壁式辐射再热器前墙出口集箱管接头12\φ60*5\20G\22.1561.034\600MW\L=677</t>
  </si>
  <si>
    <t>【哈电锅炉】壁式辐射再热器侧墙出口集箱管接头1\φ60*5\20G\22.1561.034\600MW</t>
  </si>
  <si>
    <t>【哈电锅炉】壁式辐射再热器侧墙出口集箱管接头2\φ60*5\20G\22.1561.034\600MW\L=677</t>
  </si>
  <si>
    <t>【哈电锅炉】壁式辐射再热器侧墙出口集箱管接头3\φ60*5\20G\22.1561.034\600MW\L=1860</t>
  </si>
  <si>
    <t>【哈电锅炉】壁式辐射再热器侧墙出口集箱管接头4\φ60*5\20G\22.1561.034\600MW\L=1755</t>
  </si>
  <si>
    <t>【哈电锅炉】壁式辐射再热器侧墙出口集箱管接头5\φ60*5\20G\22.1561.034\600MW\L=1683</t>
  </si>
  <si>
    <t>【哈电锅炉】壁式辐射再热器侧墙出口集箱管接头6\φ60*5\20G\22.1561.034\600MW\L=1578</t>
  </si>
  <si>
    <t>【哈电锅炉】壁式辐射再热器侧墙出口集箱管接头7\φ60*5\20G\22.1561.034\600MW\L=951</t>
  </si>
  <si>
    <t>【哈电锅炉】壁式辐射再热器侧墙出口集箱管接头8\φ60*5\20G\22.1561.034\600MW\L=946</t>
  </si>
  <si>
    <t>【哈电锅炉】壁式辐射再热器侧墙出口集箱管接头9\φ60*5\20G\22.1561.034\600MW\L=948</t>
  </si>
  <si>
    <t>【哈电锅炉】壁式辐射再热器侧墙出口集箱管接头10\φ60*5\20G\22.1561.034\600MW\L=953</t>
  </si>
  <si>
    <t>【哈电锅炉】壁式辐射再热器侧墙出口集箱管接头11\φ60*5\20G\22.1561.034\600MW\L=959</t>
  </si>
  <si>
    <t>【哈电锅炉】壁式辐射再热器侧墙出口集箱管接头12\φ60*5\20G\22.1561.034\600MW\L=969</t>
  </si>
  <si>
    <t>【哈电锅炉】壁式辐射再热器侧墙出口集箱管接头13\φ60*5\20G\22.1561.034\600MW\L=1032</t>
  </si>
  <si>
    <t>【哈电锅炉】壁式辐射再热器侧墙出口集箱管接头14\φ60*5\20G\22.1561.034\600MW\L=1029</t>
  </si>
  <si>
    <t>【哈电锅炉】壁式辐射再热器侧墙出口集箱管接头15\φ60*5\20G\22.1561.034\600MW\L=1027</t>
  </si>
  <si>
    <t>【哈电锅炉】壁式辐射再热器侧墙出口集箱管接头16\φ60*5\20G\22.1561.034\600MW\L=1034</t>
  </si>
  <si>
    <t>【哈电锅炉】壁式辐射再热器侧墙出口集箱管接头17\φ60*5\20G\22.1561.034\600MW\L=1040</t>
  </si>
  <si>
    <t>【哈电锅炉】壁式辐射再热器侧墙出口集箱管接头18\φ60*5\20G\22.1561.034\600MW\L=758</t>
  </si>
  <si>
    <t>【哈电锅炉】壁式辐射再热器侧墙出口集箱管接头19\φ60*5\20G\22.1561.034\600MW\L=1050</t>
  </si>
  <si>
    <t>【哈电锅炉】后屏再热器入口集箱管接头1\Φ63*5\15CrMoG\22.1561.034\600MW\L=936</t>
  </si>
  <si>
    <t>【哈电锅炉】后屏再热器入口集箱管接头2\Φ63*5\15CrMoG\22.1561.034\600MW\L=746</t>
  </si>
  <si>
    <t>【哈电锅炉】后屏再热器入口集箱管接头3\Φ63*5\15CrMoG\22.1561.034\600MW\L=614</t>
  </si>
  <si>
    <t>【哈电锅炉】后屏再热器入口集箱管接头4\Φ63*5\15CrMoG\22.1561.034\600MW\L=921</t>
  </si>
  <si>
    <t>【哈电锅炉】后屏再热器入口集箱管接头5\Φ63*5\15CrMoG\22.1561.034\600MW\L=730</t>
  </si>
  <si>
    <t>【哈电锅炉】后屏再热器入口集箱管接头6\Φ63*5\15CrMoG\22.1561.034\600MW\L=599</t>
  </si>
  <si>
    <t>【哈电锅炉】后屏再热器入口集箱管接头7\Φ63*5\15CrMoG\22.1561.034\600MW\L=893</t>
  </si>
  <si>
    <t>【哈电锅炉】后屏再热器入口集箱管接头8\Φ63*5\15CrMoG\22.1561.034\600MW\L=702</t>
  </si>
  <si>
    <t>【哈电锅炉】后屏再热器入口集箱管接头9\Φ63*5\15CrMoG\22.1561.034\600MW\L=571</t>
  </si>
  <si>
    <t>【哈电锅炉】末级再热器出口集箱管接头1(左右各一)\Φ63*4.5\SA-213T91\22.1561.034\600MW\L=969</t>
  </si>
  <si>
    <t>【哈电锅炉】末级再热器出口集箱管接头2正反各半\Φ63*4.5\SA-213T91\22.1561.034\600MW\L=891</t>
  </si>
  <si>
    <t>【哈电锅炉】末级再热器出口集箱管接头3正反各半\Φ63*4.5\SA-213T91\22.1561.034\600MW\L=869</t>
  </si>
  <si>
    <t>【哈电锅炉】末级再热器出口集箱管接头4正反各半\Φ63*4.5\SA-213T91\22.1561.034\600MW\L=794</t>
  </si>
  <si>
    <t>【哈电锅炉】末级再热器出口集箱管接头5正反各半\Φ63*4.5\SA-213T91\22.1561.034\600MW\L=717</t>
  </si>
  <si>
    <t>【哈电锅炉】末级再热器出口集箱管接头6正反各半\Φ63*4.5\SA-213T91\22.1561.034\600MW\L=694</t>
  </si>
  <si>
    <t>【哈电锅炉】末级再热器出口集箱管接头7正反各半\Φ63*4.5\SA-213T91\22.1561.034\600MW\L=672</t>
  </si>
  <si>
    <t>【哈电锅炉】末级再热器出口集箱管接头8正反各半\Φ63*4.5\SA-213T91\22.1561.034\600MW\L=595</t>
  </si>
  <si>
    <t>【哈电锅炉】末级再热器出口集箱管接头9正反各半\Φ63*4.5\SA-213T91\22.1561.034\600MW\L=572</t>
  </si>
  <si>
    <t>【哈电锅炉】后屏再热器外1圈底部前120°弯管\Φ63*4\SA-213TP304H\22.1569.021\600MW\L=1450</t>
  </si>
  <si>
    <t>【哈电锅炉】后屏再热器外1圈底部后60°弯管\Φ63*4\SA-213TP304H\22.1569.021\600MW\L=1225</t>
  </si>
  <si>
    <t>【哈电锅炉】后屏再热器外1圈中部S弯管1\Φ63*4\SA-213TP304H\22.1569.021\600MW\L=1717</t>
  </si>
  <si>
    <t>【哈电锅炉】后屏再热器底部外2圈前120°弯管\Φ63*4\SA-213T91\22.1569.021\600MW\L=1450</t>
  </si>
  <si>
    <t>【哈电锅炉】后屏再热器底部外2圈后60°弯管\Φ63*4\SA-213T92\22.1569.021\600MW\L=1225</t>
  </si>
  <si>
    <t>【哈电锅炉】后屏再热器底部外2/17圈上部S弯管\Φ63*4\12Cr1MoVG\22.1569.021\600MW\L=1722</t>
  </si>
  <si>
    <t>【哈电锅炉】后屏再热器底部外3-16圈前120°弯管\Φ63*4\12Cr1MoVG\22.1569.021\600MW\L=1450</t>
  </si>
  <si>
    <t>【哈电锅炉】后屏再热器底部外3-16圈后60°弯管\Φ63*4\12Cr1MoVG\22.1569.021\600MW\L=1225</t>
  </si>
  <si>
    <t>【哈电锅炉】后屏再热器底部外3/16圈上部S弯管\Φ63*4\12Cr1MoVG\22.1569.021\600MW\L=1722</t>
  </si>
  <si>
    <t>【哈电锅炉】后屏再热器底部外4/15圈上部S弯管\Φ63*4\12Cr1MoVG\22.1569.021\600MW\L=1664</t>
  </si>
  <si>
    <t>【哈电锅炉】后屏再热器底部外5/14圈上部S弯管\Φ63*4\12Cr1MoVG\22.1569.021\600MW\L=1637</t>
  </si>
  <si>
    <t>【哈电锅炉】后屏再热器底部外6/13圈上部S弯管\Φ63*4\12Cr1MoVG\22.1569.021\600MW\L=1665</t>
  </si>
  <si>
    <t>【哈电锅炉】后屏再热器底部外7/12圈上部S弯管\Φ63*4\12Cr1MoVG\22.1569.021\600MW\L=1587</t>
  </si>
  <si>
    <t>【哈电锅炉】后屏再热器底部外8/11圈上部S弯管\Φ63*4\12Cr1MoVG\22.1569.021\600MW\L=1599</t>
  </si>
  <si>
    <t>【哈电锅炉】后屏再热器底部外9/10圈上部S弯管\Φ63*4\12Cr1MoVG\22.1569.021\600MW\L=1657</t>
  </si>
  <si>
    <t>【哈电锅炉】后屏再热器底部外17圈上部U型弯管\Φ63*7\12Cr1MoVG\22.1569.021\600MW\L=1371</t>
  </si>
  <si>
    <t>【哈电锅炉】后屏再热器底部外18圈下部U型弯管\Φ63*7\12Cr1MoVG\22.1569.021\600MW\L=1204</t>
  </si>
  <si>
    <t>【哈电锅炉】后屏再热器底部外19圈下部S弯管1\Φ63*4\12Cr1MoVG\22.1569.021\600MW\L=1266</t>
  </si>
  <si>
    <t>【哈电锅炉】后屏再热器底部外20圈下部S弯管2\Φ63*4\12Cr1MoVG\22.1569.021\600MW\L=1723</t>
  </si>
  <si>
    <t>【哈电锅炉】末级再热器底部60°弯管\Φ63*4\SA-213T91\22.1565.029\600MW\L=1199</t>
  </si>
  <si>
    <t>【哈电锅炉】末级再热器底部120°弯管\Φ63*4\SA-213T91\22.1565.029\600MW\L=1399</t>
  </si>
  <si>
    <t>【哈电锅炉】末级再热器外1-6上部弯管\Φ63*4\12Gr1MoVG\22.1565.029\600MW\L=1140</t>
  </si>
  <si>
    <t>【哈电锅炉】末级再热器外7-12上部S弯管\Φ63*4\12Gr1MoVG\22.1565.029\600MW\L=1448</t>
  </si>
  <si>
    <t>【哈电锅炉】末级再热器外12圈底部180°弯管\Φ63*7\SA-213TP304H\22.1565.029\600MW\L=1179</t>
  </si>
  <si>
    <t>【哈电锅炉】前墙辐射再热器上部S弯管1\Φ50*4\12Gr1MoVG\22.1567.021\600MW\L=1374</t>
  </si>
  <si>
    <t>【哈电锅炉】前墙辐射再热器上部S弯管2\Φ50*4\12Gr1MoVG\22.1567.021\600MW\L=1178</t>
  </si>
  <si>
    <t>【哈电锅炉】前墙辐射再热器下部90°弯管\Φ50*4\12Gr1MoVG\22.1567.021\600MW\L=1236</t>
  </si>
  <si>
    <t>【哈电锅炉】前墙辐射再热器下部S弯管1\Φ50*4\12Gr1MoVG\22.1567.021\600MW\L=1204</t>
  </si>
  <si>
    <t>【哈电锅炉】前墙辐射再热器下部S弯管2\Φ50*4\12Gr1MoVG\22.1567.021\600MW\L=1374</t>
  </si>
  <si>
    <t>【哈电锅炉】省煤器外数第一圈180°弯头管1\Φ32*4\20G\22.1352.043\220MW\L=1283</t>
  </si>
  <si>
    <t>【哈电锅炉】省煤器外数第二圈180°弯头管2\Φ32*4\20G\22.1352.043\220MW\L=1141</t>
  </si>
  <si>
    <t>【哈电锅炉】省煤器90°弯头管\Φ32*4\20G\22.1352.043\220MW\L=500</t>
  </si>
  <si>
    <t>【哈电锅炉】省煤器上集箱管接头\Φ32*4\20G\22.1351.032\220MW\L=110</t>
  </si>
  <si>
    <t>【哈电锅炉】省煤器下集箱管接头\Φ32*4\20G\22.1351.032\220MW\L=110</t>
  </si>
  <si>
    <t>【哈电锅炉】悬吊管上集箱管接头\Φ42*5\20G\22.1351.032\220MW\L=115</t>
  </si>
  <si>
    <t>【哈电锅炉】悬吊管下集箱管接头\Φ42*5\20G\22.1351.032\220MW\L=115</t>
  </si>
  <si>
    <t>【哈电锅炉】省煤器入口集箱管接头\Φ28*4\20G\22.1351.032\220MW\L=80</t>
  </si>
  <si>
    <t>【哈电锅炉】前水冷壁上集箱No.1(正.反) 管接头1\Φ60*6.5\20\22.1324.028\220MW\L=410</t>
  </si>
  <si>
    <t>【哈电锅炉】前水冷壁上集箱No.1(正.反) 管接头2\Φ60*6.5\20\22.1324.028\220MW\L=92</t>
  </si>
  <si>
    <t>【哈电锅炉】前水冷壁上集箱No.2(正.反) 管接头1\Φ60*6.5\20\22.1324.028\220MW\L=410</t>
  </si>
  <si>
    <t>【哈电锅炉】前水冷壁上集箱No.2(正.反) 管接头2\Φ60*6.5\20\22.1324.028\220MW\L=92</t>
  </si>
  <si>
    <t>【哈电锅炉】斜包墙水冷壁上集箱No.1管接头1\Φ60*6.5\20\22.1324.028\220MW\L=410</t>
  </si>
  <si>
    <t>【哈电锅炉】斜包墙水冷壁上集箱No.1管接头2\Φ60*6.5\20\22.1324.028\220MW\L=925</t>
  </si>
  <si>
    <t>【哈电锅炉】斜包墙水冷壁上集箱No.1管接头3\Φ60*6.5\20\22.1324.028\220MW\L=92</t>
  </si>
  <si>
    <t>【哈电锅炉】斜包墙水冷壁上集箱No.2管接头1\Φ60*6.5\20\22.1324.028\220MW\L=410</t>
  </si>
  <si>
    <t>【哈电锅炉】斜包墙水冷壁上集箱No.2管接头2\Φ60*6.5\20\22.1324.028\220MW\L=925</t>
  </si>
  <si>
    <t>【哈电锅炉】斜包墙水冷壁上集箱No.2管接头3\Φ60*6.5\20\22.1324.028\220MW\L=92</t>
  </si>
  <si>
    <t>【哈电锅炉】斜包墙水冷壁上集箱No.3管接头1\Φ60*6.5\20\22.1324.028\220MW\L=410</t>
  </si>
  <si>
    <t>【哈电锅炉】斜包墙水冷壁上集箱No.3管接头2\Φ60*6.5\20\22.1324.028\220MW\L=925</t>
  </si>
  <si>
    <t>【哈电锅炉】斜包墙水冷壁上集箱No.3管接头3\Φ60*6.5\20\22.1324.028\220MW\L=92</t>
  </si>
  <si>
    <t>【哈电锅炉】侧水冷壁上集箱No.1(正.反) 管接头1\Φ60*6.5\20\22.1324.028\220MW\L=410</t>
  </si>
  <si>
    <t>【哈电锅炉】侧水冷壁上集箱No.1(正.反) 管接头2\Φ60*6.5\20\22.1324.028\220MW\L=92</t>
  </si>
  <si>
    <t>【哈电锅炉】侧水冷壁上集箱No.1(正.反) 管接头3\Φ60*6.5\20\22.1324.028\220MW\L=1025</t>
  </si>
  <si>
    <t>【哈电锅炉】侧水冷壁上集箱No.2(正.反) 管接头1\Φ60*6.5\20\22.1324.028\220MW\L=410</t>
  </si>
  <si>
    <t>【哈电锅炉】侧水冷壁上集箱No.2(正.反) 管接头2\Φ60*6.5\20\22.1324.028\220MW\L=92</t>
  </si>
  <si>
    <t>【哈电锅炉】侧水冷壁上集箱No.3(正.反) 管接头1\Φ60*6.5\20\22.1324.028\220MW\L=410</t>
  </si>
  <si>
    <t>【哈电锅炉】侧水冷壁上集箱No.3(正.反) 管接头2\Φ60*6.5\20\22.1324.028\220MW\L=92</t>
  </si>
  <si>
    <t>【哈电锅炉】后水冷壁上集箱No.1 管接头\Φ60*6.5\20\22.1324.028\220MW\L=120</t>
  </si>
  <si>
    <t>【哈电锅炉】后水冷壁上集箱No.2 管接头\Φ60*6.5\20\22.1324.028\220MW\L=120</t>
  </si>
  <si>
    <t>【哈电锅炉】后水冷壁上集箱No.3 管接头\Φ60*6.5\20\22.1324.028\220MW\L=120</t>
  </si>
  <si>
    <t>【哈电锅炉】前后水冷壁下集箱No.1(正.反) 管接头1\Φ60*6.5\20\22.1324.028\220MW\L=410</t>
  </si>
  <si>
    <t>【哈电锅炉】前后水冷壁下集箱No.1(正.反) 管接头2\Φ42*5\20\22.1324.028\220MW\L=115</t>
  </si>
  <si>
    <t>【哈电锅炉】前后水冷壁下集箱No.1(正.反) 管接头3\Φ60*6.5\20\22.1324.028\220MW\L=92</t>
  </si>
  <si>
    <t>【哈电锅炉】前后水冷壁下集箱No.2(正.反) 管接头1\Φ60*6.5\20\22.1324.028\220MW\L=410</t>
  </si>
  <si>
    <t>【哈电锅炉】前后水冷壁下集箱No.2(正.反) 管接头2\Φ42*5\20\22.1324.028\220MW\L=115</t>
  </si>
  <si>
    <t>【哈电锅炉】前后水冷壁下集箱No.2(正.反) 管接头3\Φ60*6.5\20\22.1324.028\220MW\L=92</t>
  </si>
  <si>
    <t>【哈电锅炉】侧水冷壁下集箱No.1 管接头1\Φ60*6.5\20\22.1324.028\220MW\L=410</t>
  </si>
  <si>
    <t>【哈电锅炉】侧水冷壁下集箱No.1 管接头2\Φ60*6.5\20\22.1324.028\220MW\L=92</t>
  </si>
  <si>
    <t>【哈电锅炉】侧水冷壁下集箱No.1 管接头3\Φ42*5\20\22.1324.028\220MW\L=115</t>
  </si>
  <si>
    <t>【哈电锅炉】侧水冷壁下集箱No.2 管接头1\Φ60*6.5\20\22.1324.028\220MW\L=410</t>
  </si>
  <si>
    <t>【哈电锅炉】侧水冷壁下集箱No.2 管接头2\Φ60*6.5\20\22.1324.028\220MW\L=92</t>
  </si>
  <si>
    <t>【哈电锅炉】侧水冷壁下集箱No.2 管接头3\Φ42*5\20\22.1324.028\220MW\L=115</t>
  </si>
  <si>
    <t>【哈电锅炉】上部侧水冷壁No.7吹灰口弯管1\Φ60*6.5\20G\22.1321.051\220MW\L=1035</t>
  </si>
  <si>
    <t>【哈电锅炉】上部侧水冷壁No.7吹灰口弯管2\Φ60*6.5\20G\22.1321.051\220MW\L=1026</t>
  </si>
  <si>
    <t>【哈电锅炉】上部侧水冷壁No.8吹灰口弯管1\Φ60*6.5\20G\22.1321.051\220MW\L=1035</t>
  </si>
  <si>
    <t>【哈电锅炉】上部侧水冷壁No.8吹灰口弯管2\Φ60*6.5\20G\22.1321.051\220MW\L=1026</t>
  </si>
  <si>
    <t>【哈电锅炉】上部侧水冷壁No.9防爆门弯管1\Φ60*6.5\20G\22.1321.051\220MW\L=1988</t>
  </si>
  <si>
    <t>【哈电锅炉】上部侧水冷壁No.9防爆门弯管2\Φ60*6.5\20G\22.1321.051\220MW\L=1836</t>
  </si>
  <si>
    <t>【哈电锅炉】上部侧水冷壁No.9人孔弯管1\Φ60*6.5\20G\22.1321.051\220MW\L=1554</t>
  </si>
  <si>
    <t>【哈电锅炉】上部侧水冷壁No.9人孔弯管2\Φ60*6.5\20G\22.1321.051\220MW\L=1346</t>
  </si>
  <si>
    <t>【哈电锅炉】上部侧水冷壁No.11吹灰口弯管1\Φ60*6.5\20G\22.1321.051\220MW\L=1246</t>
  </si>
  <si>
    <t>【哈电锅炉】上部侧水冷壁No.11吹灰口弯管2\Φ60*6.5\20G\22.1321.051\220MW\L=1255</t>
  </si>
  <si>
    <t>【哈电锅炉】上部侧水冷壁No.11吹灰口弯管3\Φ60*6.5\20G\22.1321.051\220MW\L=1276</t>
  </si>
  <si>
    <t>【哈电锅炉】上部侧水冷壁No.11吹灰口弯管4\Φ60*6.5\20G\22.1321.051\220MW\L=1285</t>
  </si>
  <si>
    <t>【哈电锅炉】上部前水冷壁No.1吹灰口弯管1\Φ60*6.5\20G\22.1321.051\220MW\L=1035</t>
  </si>
  <si>
    <t>【哈电锅炉】上部前水冷壁No.1吹灰口弯管2\Φ60*6.5\20G\22.1321.051\220MW\L=1026</t>
  </si>
  <si>
    <t>【哈电锅炉】上部前水冷壁No.3吹灰口弯管1\Φ60*6.5\20G\22.1321.051\220MW\L=1035</t>
  </si>
  <si>
    <t>【哈电锅炉】上部前水冷壁No.3吹灰口弯管2\Φ60*6.5\20G\22.1321.051\220MW\L=1026</t>
  </si>
  <si>
    <t>【哈电锅炉】上部前水冷壁No.4吹灰口弯管1\Φ60*6.5\20G\22.1321.051\220MW\L=1246</t>
  </si>
  <si>
    <t>【哈电锅炉】上部前水冷壁No.4吹灰口弯管2\Φ60*6.5\20G\22.1321.051\220MW\L=1255</t>
  </si>
  <si>
    <t>【哈电锅炉】上部前水冷壁No.4吹灰口弯管3\Φ60*6.5\20G\22.1321.051\220MW\L=1276</t>
  </si>
  <si>
    <t>【哈电锅炉】上部前水冷壁No.4吹灰口弯管4\Φ60*6.5\20G\22.1321.051\220MW\L=1285</t>
  </si>
  <si>
    <t>【哈电锅炉】上部前水冷壁No。6吹灰口弯管1\Φ60*6.5\20G\22.1321.051\220MW\L=1246</t>
  </si>
  <si>
    <t>【哈电锅炉】上部前水冷壁No.6吹灰口弯管2\Φ60*6.5\20G\22.1321.051\220MW\L=1255</t>
  </si>
  <si>
    <t>【哈电锅炉】上部前水冷壁No.6吹灰口弯管3\Φ60*6.5\20G\22.1321.051\220MW\L=1276</t>
  </si>
  <si>
    <t>【哈电锅炉】上部前水冷壁No.6吹灰口弯管4\Φ60*6.5\20G\22.1321.051\220MW\L=1285</t>
  </si>
  <si>
    <t>【哈电锅炉】上部后水冷壁No.12吹灰口弯管1\Φ60*6.5\20G\22.1321.051\220MW\L=1246</t>
  </si>
  <si>
    <t>【哈电锅炉】上部后水冷壁No.12吹灰口弯管2\Φ60*6.5\20G\22.1321.051\220MW\L=1255</t>
  </si>
  <si>
    <t>【哈电锅炉】上部后水冷壁No.12吹灰口弯管3\Φ60*6.5\20G\22.1321.051\220MW\L=1276</t>
  </si>
  <si>
    <t>【哈电锅炉】上部后水冷壁No.12吹灰口弯管4\Φ60*6.5\20G\22.1321.051\220MW\L=1285</t>
  </si>
  <si>
    <t>【哈电锅炉】上部后水冷壁No.14吹灰口弯管1\Φ60*6.5\20G\22.1321.051\220MW\L=1246</t>
  </si>
  <si>
    <t>【哈电锅炉】上部后水冷壁No.14吹灰口弯管2\Φ60*6.5\20G\22.1321.051\220MW\L=1255</t>
  </si>
  <si>
    <t>【哈电锅炉】上部后水冷壁No.14灰口弯管3\Φ60*6.5\20G\22.1321.051\220MW\L=1276</t>
  </si>
  <si>
    <t>【哈电锅炉】上部后水冷壁No.14吹灰口弯管4\Φ60*6.5\20G\22.1321.051\220MW\L=1285</t>
  </si>
  <si>
    <t>【哈电锅炉】上部后水冷壁遮掩角125°弯头\Φ60*6.5\20G\22.1321.051\220MW\L=1665</t>
  </si>
  <si>
    <t>【哈电锅炉】上部后水冷壁遮掩角75°弯头\Φ60*6.5\20G\22.1321.051\220MW\L=1399</t>
  </si>
  <si>
    <t>【哈电锅炉】上部斜坡水冷壁No.15弯管\Φ60*6.5\20\22.1321.051\220MW\L=5639</t>
  </si>
  <si>
    <t>【哈电锅炉】上部斜坡水冷壁No.16弯管\Φ60*6.5\20\22.1321.051\220MW\L=5639</t>
  </si>
  <si>
    <t>【哈电锅炉】上部斜坡水冷壁No.17弯管\Φ60*6.5\20\22.1321.051\220MW\L=5639</t>
  </si>
  <si>
    <t>【哈电锅炉】中部前后水冷壁组件No.1燃烧器喷口弯管1\Φ60*6.5\20G\22.1322.051\220MW\L=11487</t>
  </si>
  <si>
    <t>【哈电锅炉】中部前后水冷壁组件No.1燃烧器喷口弯管2\Φ60*6.5\20G\22.1322.051\220MW\L=11413</t>
  </si>
  <si>
    <t>【哈电锅炉】中部前后水冷壁组件No.1燃烧器喷口弯管3\Φ60*6.5\20G\22.1322.051\220MW\L=11332</t>
  </si>
  <si>
    <t>【哈电锅炉】中部前后水冷壁组件No.1燃烧器喷口弯管4\Φ60*6.5\20G\22.1322.051\220MW\L=11504</t>
  </si>
  <si>
    <t>【哈电锅炉】中部前后水冷壁组件No.1燃烧器喷口弯管5\Φ60*6.5\20G\22.1322.051\220MW\L=11414</t>
  </si>
  <si>
    <t>【哈电锅炉】中部前后水冷壁组件No.1燃烧器喷口弯管6\Φ60*6.5\20G\22.1322.051\220MW\L=11430</t>
  </si>
  <si>
    <t>【哈电锅炉】中部前后水冷壁组件No.1燃烧器喷口弯管7\Φ60*6.5\20G\22.1322.051\220MW\L=11385</t>
  </si>
  <si>
    <t>【哈电锅炉】中部前后水冷壁组件No.1吹灰口弯管1\Φ60*6.5\20G\22.1322.051\220MW\L=1805</t>
  </si>
  <si>
    <t>【哈电锅炉】中部前后水冷壁组件No.1吹灰口弯管2\Φ60*6.5\20G\22.1322.051\220MW\L=1796</t>
  </si>
  <si>
    <t>【哈电锅炉】中部前后水冷壁组件No.1看火孔弯管\Φ60*6.5\20G\22.1322.051\220MW\L=1300</t>
  </si>
  <si>
    <t>【哈电锅炉】中部前后水冷壁组件No.3吹灰口弯管\Φ60*6.5\20G\22.1322.051\220MW\L=1860</t>
  </si>
  <si>
    <t>【哈电锅炉】中部前后水冷壁组件No.3看火孔弯管\Φ60*6.5\20G\22.1322.051\220MW\L=1300</t>
  </si>
  <si>
    <t>【哈电锅炉】中部前后水冷壁组件No.4燃烧器喷口弯管1\Φ60*6.5\20G\22.1322.051\220MW\L=11496</t>
  </si>
  <si>
    <t>【哈电锅炉】中部前后水冷壁组件No.4燃烧器喷口弯管2\Φ60*6.5\20G\22.1322.051\220MW\L=11421</t>
  </si>
  <si>
    <t>【哈电锅炉】中部前后水冷壁组件No.4燃烧器喷口弯管3\Φ60*6.5\20G\22.1322.051\220MW\L=11351</t>
  </si>
  <si>
    <t>【哈电锅炉】中部前后水冷壁组件No.4燃烧器喷口弯管4\Φ60*6.5\20G\22.1322.051\220MW\L=11527</t>
  </si>
  <si>
    <t>【哈电锅炉】中部前后水冷壁组件No.4燃烧器喷口弯管5\Φ60*6.5\20G\22.1322.051\220MW\L=11436</t>
  </si>
  <si>
    <t>【哈电锅炉】中部前后水冷壁组件No.4燃烧器喷口弯管6\Φ60*6.5\20G\22.1322.051\220MW\L=11394</t>
  </si>
  <si>
    <t>【哈电锅炉】中部前后水冷壁组件No.4燃烧器喷口弯管7\Φ60*6.5\20G\22.1322.051\220MW\L=11385</t>
  </si>
  <si>
    <t>【哈电锅炉】中部前后水冷壁组件No.4吹灰口弯管1\Φ60*6.5\20G\22.1322.051\220MW\L=1805</t>
  </si>
  <si>
    <t>【哈电锅炉】中部前后水冷壁组件No.4吹灰口弯管2\Φ60*6.5\20G\22.1322.051\220MW\L=1796</t>
  </si>
  <si>
    <t>【哈电锅炉】中部前后水冷壁组件No.4看火孔弯管\Φ60*6.5\20G\22.1322.051\220MW\L=1300</t>
  </si>
  <si>
    <t>【哈电锅炉】中部侧水冷壁组件No.5燃烧器喷口弯管1\Φ60*6.5\20G\22.1322.051\220MW\L=11496</t>
  </si>
  <si>
    <t>【哈电锅炉】中部侧水冷壁组件No.5燃烧器喷口弯管2\Φ60*6.5\20G\22.1322.051\220MW\L=11421</t>
  </si>
  <si>
    <t>【哈电锅炉】中部侧水冷壁组件No.5燃烧器喷口弯管3\Φ60*6.5\20G\22.1322.051\220MW\L=11351</t>
  </si>
  <si>
    <t>【哈电锅炉】中部侧水冷壁组件No.5燃烧器喷口弯管4\Φ60*6.5\20G\22.1322.051\220MW\L=11287</t>
  </si>
  <si>
    <t>【哈电锅炉】中部侧水冷壁组件No.5燃烧器喷口弯管5\Φ60*6.5\20G\22.1322.051\220MW\L=11253</t>
  </si>
  <si>
    <t>【哈电锅炉】中部侧水冷壁组件No.5燃烧器喷口弯管6\Φ60*6.5\20G\22.1322.051\220MW\L=11220</t>
  </si>
  <si>
    <t>【哈电锅炉】中部侧水冷壁组件No.5吹灰口弯管1\Φ60*6.5\20G\22.1322.051\220MW\L=1805</t>
  </si>
  <si>
    <t>【哈电锅炉】中部侧水冷壁组件No.5吹灰口弯管2\Φ60*6.5\20G\22.1322.051\220MW\L=1796</t>
  </si>
  <si>
    <t>【哈电锅炉】中部侧水冷壁组件No.6看火孔弯管1\Φ60*6.5\20G\22.1322.051\220MW\L=1300</t>
  </si>
  <si>
    <t>【哈电锅炉】中部侧水冷壁组件No.6看火孔弯管2\Φ60*6.5\20G\22.1322.051\220MW\L=1860</t>
  </si>
  <si>
    <t>【哈电锅炉】中部侧水冷壁组件No.7燃烧器喷口弯管1\Φ60*6.5\20G\22.1322.051\220MW\L=11487</t>
  </si>
  <si>
    <t>【哈电锅炉】中部侧水冷壁组件No.7燃烧器喷口弯管2\Φ60*6.5\20G\22.1322.051\220MW\L=11413</t>
  </si>
  <si>
    <t>【哈电锅炉】中部侧水冷壁组件No.7燃烧器喷口弯管3\Φ60*6.5\20G\22.1322.051\220MW\L=11332</t>
  </si>
  <si>
    <t>【哈电锅炉】中部侧水冷壁组件No.7燃烧器喷口弯管4\Φ60*6.5\20G\22.1322.051\220MW\L=11268</t>
  </si>
  <si>
    <t>【哈电锅炉】中部侧水冷壁组件No.7燃烧器喷口弯管5\Φ60*6.5\20G\22.1322.051\220MW\L=11226</t>
  </si>
  <si>
    <t>【哈电锅炉】中部侧水冷壁组件No.7吹灰口弯管1\Φ60*6.5\20G\22.1322.051\220MW\L=1805</t>
  </si>
  <si>
    <t>【哈电锅炉】中部侧水冷壁组件No.7吹灰口弯管2\Φ60*6.5\20G\22.1322.051\220MW\L=1796</t>
  </si>
  <si>
    <t>【哈电锅炉】下部侧水冷壁组件No.2 弯头90°\Φ60*6.5\20G\22.1323.038\220MW\L=1479</t>
  </si>
  <si>
    <t>【哈电锅炉】下部侧水冷壁组件No.3 弯头90°\Φ60*6.5\20G\22.1323.038\220MW\L=1479</t>
  </si>
  <si>
    <t>【哈电锅炉】下部侧水冷壁组件No.4 弯头90°\Φ60*6.5\20G\22.1323.038\220MW\L=1479</t>
  </si>
  <si>
    <t>【哈电锅炉】下部前(后)水冷壁组件 弯头20°\Φ60*6.5\20G\22.1323.038\220MW\L=1106</t>
  </si>
  <si>
    <t>【哈电锅炉】下部前(后)水冷壁组件 弯头40°\Φ60*6.5\20G\22.1323.038\220MW\L=1213</t>
  </si>
  <si>
    <t>【哈电锅炉】下部前(后)水冷壁组件 弯头110°\Φ60*6.5\20G\22.1323.038\220MW\L=1585</t>
  </si>
  <si>
    <t>【哈电锅炉】顶棚管及包墙管弯管1\Φ51*5.5\20G\22.1345.051\220MW\L=1321</t>
  </si>
  <si>
    <t>【哈电锅炉】顶棚管及包墙管弯管2\Φ51*5.5\20G\22.1345.051\220MW\L=991</t>
  </si>
  <si>
    <t>【哈电锅炉】顶棚管及包墙管弯管3\Φ51*5.5\20G\22.1345.051\220MW\L=1021</t>
  </si>
  <si>
    <t>【哈电锅炉】顶棚管及包墙管弯管4\Φ51*5.5\20G\22.1345.051\220MW\L=1135</t>
  </si>
  <si>
    <t>【哈电锅炉】顶棚管及包墙管弯管5\Φ51*5.5\20G\22.1345.051\220MW\L=1076</t>
  </si>
  <si>
    <t>【哈电锅炉】顶棚管63°弯管\Φ51*5.5\20G\22.1345.051\220MW\L=1352</t>
  </si>
  <si>
    <t>【哈电锅炉】侧包墙管组件No.2弯管\Φ51*5.5\20G\22.1345.051\220MW\L=1706</t>
  </si>
  <si>
    <t>【哈电锅炉】侧包墙管组件No.4弯管1\Φ51*5.5\20G\22.1345.051\220MW\L=2997</t>
  </si>
  <si>
    <t>【哈电锅炉】侧包墙管组件No.4弯管2\Φ51*5.5\20G\22.1345.051\220MW\L=3149</t>
  </si>
  <si>
    <t>【哈电锅炉】侧包墙管组件No.4弯管3\Φ51*5.5\20G\22.1345.051\220MW\L=3009</t>
  </si>
  <si>
    <t>【哈电锅炉】侧包墙管组件No.5弯管1\Φ51*5.5\20G\22.1345.051\220MW\L=1514</t>
  </si>
  <si>
    <t>【哈电锅炉】侧包墙管组件No.5弯管2\Φ51*5.5\20G\22.1345.051\220MW\L=1706</t>
  </si>
  <si>
    <t>【哈电锅炉】后包墙管组件No.2弯管\Φ51*5.5\20G\22.1345.051\220MW\L=3605</t>
  </si>
  <si>
    <t>【哈电锅炉】顶棚管入口集箱管接头1\Φ51*5.5\20G\22.1341.041\220MW\L=120</t>
  </si>
  <si>
    <t>【哈电锅炉】顶棚管入口集箱管接头2\Φ51*5.5\20G\22.1341.041\220MW\L=468</t>
  </si>
  <si>
    <t>【哈电锅炉】顶棚管入口集箱管接头3\Φ42*5\20G\22.1341.041\220MW\L=115</t>
  </si>
  <si>
    <t>【哈电锅炉】顶棚管中间集箱管接头1\Φ51*5.5\12Cr1MoV\22.1341.041\220MW\L=120</t>
  </si>
  <si>
    <t>【哈电锅炉】顶棚管中间集箱管接头2\Φ51*5.5\12Cr1MoV\22.1341.041\220MW\L=298</t>
  </si>
  <si>
    <t>【哈电锅炉】前包墙管下集箱管接头1\Φ51*5.5\20G\22.1341.041\220MW\L=120</t>
  </si>
  <si>
    <t>【哈电锅炉】前包墙管下集箱管接头2\Φ28*4\20G\22.1341.041\220MW\L=80</t>
  </si>
  <si>
    <t>【哈电锅炉】后包墙管下集箱管接头1\Φ51*5.5\20G\22.1341.041\220MW\L=120</t>
  </si>
  <si>
    <t>【哈电锅炉】后包墙管下集箱管接头2\Φ28*4\20G\22.1341.041\220MW\L=80</t>
  </si>
  <si>
    <t>【哈电锅炉】侧包墙管下集箱No.1管接1\Φ28*4\20G\22.1341.041\220MW\L=80</t>
  </si>
  <si>
    <t>【哈电锅炉】侧包墙管下集箱No.1管接2\Φ51*5.5\20G\22.1341.041\220MW\L=120</t>
  </si>
  <si>
    <t>【哈电锅炉】侧包墙管下集箱No.2管接1\Φ51*5.5\20G\22.1341.041\220MW\L=120</t>
  </si>
  <si>
    <t>【哈电锅炉】侧包墙管下集箱No.2管接2\Φ28*4\20G\22.1341.041\220MW\L=80</t>
  </si>
  <si>
    <t>【哈电锅炉】侧包墙管上集箱管接头1\Φ51*5.5\20G\22.1341.041\220MW\L=411</t>
  </si>
  <si>
    <t>【哈电锅炉】侧包墙管上集箱管接头2\Φ51*5.5\20G\22.1341.041\220MW\L=120</t>
  </si>
  <si>
    <t>【哈电锅炉】对流过热器120°弯管\Φ42*5.5\12Cr1MoV\22.1342.058\220MW\L=1168</t>
  </si>
  <si>
    <t>【哈电锅炉】对流过热器90°弯管\Φ42*5.5\12Cr1MoV\22.1342.058\220MW\L=1126</t>
  </si>
  <si>
    <t>【哈电锅炉】对流过热器33°S弯管\Φ42*5.5\12Cr1MoV\22.1342.058\220MW\L=1228</t>
  </si>
  <si>
    <t>【哈电锅炉】对流过热器24°S弯管\Φ42*5.5\12Cr1MoV\22.1342.058\220MW\L=1215</t>
  </si>
  <si>
    <t>【哈电锅炉】对流过热器15°S弯管\Φ42*5.5\12Cr1MoV\22.1342.058\220MW\L=1207</t>
  </si>
  <si>
    <t>【哈电锅炉】对流过热器7°S弯管\Φ42*5.5\12Cr1MoV\22.1342.058\220MW\L=1203</t>
  </si>
  <si>
    <t>【哈电锅炉】对流过热器内数第一圈180°弯管1\Φ42*5.5\12Cr1MoV\22.1342.058\220MW\L=1251</t>
  </si>
  <si>
    <t>【哈电锅炉】对流过热器内数第二圈180°弯管2\Φ42*5.5\12Cr1MoV\22.1342.058\220MW\L=1440</t>
  </si>
  <si>
    <t>【哈电锅炉】对流过热器内数第三圈180°弯管3\Φ42*5.5\12Cr1MoV\22.1342.058\220MW\L=1628</t>
  </si>
  <si>
    <t>【哈电锅炉】对流过热器60°弯管1\Φ42*5.5\12Cr1MoV\22.1342.058\220MW\L=1084</t>
  </si>
  <si>
    <t>【哈电锅炉】对流过热器60°弯管2\Φ42*5.5\12Cr1MoV\22.1342.058\220MW\L=1042</t>
  </si>
  <si>
    <t>【哈电锅炉】对流过热器入口集箱管接头\Φ42*5.5\12Cr1MoV\22.1341.041\220MW\L=115</t>
  </si>
  <si>
    <t>【哈电锅炉】对流过热器出口集箱管接头\Φ42*5.5\12Cr1MoV\22.1341.041\220MW\L=115</t>
  </si>
  <si>
    <t>【哈电锅炉】集汽联箱管接头1\Φ28*4\12Cr1MoV\22.1341.041\220MW\L=78.5</t>
  </si>
  <si>
    <t>【哈电锅炉】集汽联箱管接头2\Φ16*3\12Cr1MoV\22.1341.041\220MW\L=78</t>
  </si>
  <si>
    <t>【哈电锅炉】前屏过热器(左)外数第一根U型夹屏管\Φ38*4.5\12Cr2MoWVB\22.1347.024\220MW\L=3370</t>
  </si>
  <si>
    <t>【哈电锅炉】前屏过热器(左)外数第二根U型夹屏管\Φ38*4.5\12Cr2MoWVB\22.1347.024\220MW\L=3278</t>
  </si>
  <si>
    <t>【哈电锅炉】前屏过热器(左)底部90°弯头\Φ38*4.5\12Cr2MoWVB\22.1347.024\220MW\L=1118</t>
  </si>
  <si>
    <t>【哈电锅炉】前屏过热器(左)内数第一圈180°U型弯头\Φ38*4.5\12Cr1MoV\22.1347.024\220MW\L=1236</t>
  </si>
  <si>
    <t>【哈电锅炉】前屏过热器(左)内数第二圈180°U型弯头\Φ38*4.5\12Cr1MoV\22.1347.024\220MW\L=1328</t>
  </si>
  <si>
    <t>【哈电锅炉】前屏过热器(左)底部90°弯头\Φ38*4.5\12Cr1MoV\22.1347.024\220MW\L=1118</t>
  </si>
  <si>
    <t>【哈电锅炉】前屏过热器(右)外数第一根U型夹屏管\Φ38*4.5\12Cr2MoWVB\22.1347.024\220MW\L=3370</t>
  </si>
  <si>
    <t>【哈电锅炉】前屏过热器(右)外数第二根U型夹屏管\Φ38*4.5\12Cr2MoWVB\22.1347.024\220MW\L=3278</t>
  </si>
  <si>
    <t>【哈电锅炉】前屏过热器(右)底部90°弯头\Φ38*4.5\12Cr2MoWVB\22.1347.024\220MW\L=1118</t>
  </si>
  <si>
    <t>【哈电锅炉】前屏过热器(右)内数第一圈180°U型弯头\Φ38*4.5\12Cr1MoV\22.1347.024\220MW\L=1236</t>
  </si>
  <si>
    <t>【哈电锅炉】前屏过热器(右)内数第二圈180°U型弯头\Φ38*4.5\12Cr1MoV\22.1347.024\220MW\L=1328</t>
  </si>
  <si>
    <t>【哈电锅炉】前屏过热器(右)底部90°弯头\Φ38*4.5\12Cr1MoV\22.1347.024\220MW\L=1118</t>
  </si>
  <si>
    <t>【哈电锅炉】后屏过热器一外数第一根U型夹屏管\Φ42*5\12Cr2MoWVB\22.1347.024\220MW\L=4588</t>
  </si>
  <si>
    <t>【哈电锅炉】后屏过热器一外数第二根U型夹屏管\Φ42*5\12Cr2MoWVB\22.1347.024\220MW\L=4488</t>
  </si>
  <si>
    <t>【哈电锅炉】后屏过热器一底部90°弯头\Φ42*5\12Cr2MoWVB\22.1347.024\220MW\L=1126</t>
  </si>
  <si>
    <t>【哈电锅炉】后屏过热器一内数第一圈180°U型弯头\Φ42*5\12Cr1MoV\22.1347.024\220MW\L=1251</t>
  </si>
  <si>
    <t>【哈电锅炉】后屏过热器一内数第二圈180°U型弯头\Φ42*5\12Cr1MoV\22.1347.024\220MW\L=1352</t>
  </si>
  <si>
    <t>【哈电锅炉】后屏过热器一底部90°弯头\Φ42*5\12Cr1MoV\22.1347.024\220MW\L=1126</t>
  </si>
  <si>
    <t>【哈电锅炉】后屏过热器二外数第一根U型夹屏管\Φ42*5\12Cr2MoWVB\22.1347.024\220MW\L=4588</t>
  </si>
  <si>
    <t>【哈电锅炉】后屏过热器二外数第二根U型夹屏管\Φ42*5\12Cr2MoWVB\22.1347.024\220MW\L=4488</t>
  </si>
  <si>
    <t>【哈电锅炉】后屏过热器二底部90°弯头\Φ42*5\12Cr2MoWVB\22.1347.024\220MW\L=1126</t>
  </si>
  <si>
    <t>【哈电锅炉】后屏过热器二内数第一圈180°U型弯头\Φ42*5\12Cr1MoV\22.1347.024\220MW\L=1251</t>
  </si>
  <si>
    <t>【哈电锅炉】后屏过热器二内数第二圈180°U型弯头\Φ42*5\12Cr1MoV\22.1347.024\220MW\L=1352</t>
  </si>
  <si>
    <t>【哈电锅炉】后屏过热器二底部90°弯头\Φ42*5\12Cr1MoV\22.1347.024\220MW\L=1126</t>
  </si>
  <si>
    <t>【哈电锅炉】再热器冷段90°弯管\Φ42*3.5\20\22.1348.049\220MW\L=1126</t>
  </si>
  <si>
    <t>【哈电锅炉】再热器热段入口内数第一圈180°U型弯头\Φ42*3.5\12Cr1MoV\22.1348.028\220MW\L=1251</t>
  </si>
  <si>
    <t>【哈电锅炉】再热器热段入口10°弯头\Φ42*3.5\12Cr1MoV\22.1348.028\220MW\L=1014</t>
  </si>
  <si>
    <t>【哈电锅炉】再热器热段入口90°弯头\Φ42*3.5\12Cr1MoV\22.1348.028\220MW\L=1126</t>
  </si>
  <si>
    <t>【哈电锅炉】再热器热段出口内数第一圈180°U型弯头\Φ42*3.5\12Cr2MoWVB\22.1348.028\220MW\L=1251</t>
  </si>
  <si>
    <t>【哈电锅炉】再热器热段出口90°弯头\Φ42*3.5\12Cr2MoWVB\22.1348.028\220MW\L=1126</t>
  </si>
  <si>
    <t>【哈电锅炉】上部前水冷壁吹灰孔典型弯管II型A=B=410\Φ60*6.5\20G\T15-228\220MW</t>
  </si>
  <si>
    <t>【哈电锅炉】上部侧水冷壁吹灰孔典型弯管II型A=B=410\Φ60*6.5\20G\T15-228\220MW</t>
  </si>
  <si>
    <t>【哈电锅炉】上部侧水冷壁吹灰孔典型弯管II型A=B=430\Φ60*6.5\20G\T15-227\220MW</t>
  </si>
  <si>
    <t>【哈电锅炉】上部后水冷壁吹灰孔典型弯管II型A=B=410\Φ60*6.5\20G\T15-228\220MW</t>
  </si>
  <si>
    <t>【哈电锅炉】中部前后水冷壁看火孔典型弯管II型A=B=430\Φ60*6.5\20G\T15-227\220MW</t>
  </si>
  <si>
    <t>【哈电锅炉】中部前后水冷壁看火孔典型弯管II型A=B=600\Φ60*6.5\20G\T15-226\220MW</t>
  </si>
  <si>
    <t>【哈电锅炉】中部前后水冷壁看火孔典型弯管II型A=B=750\Φ60*6.5\20G\T15-225\220MW</t>
  </si>
  <si>
    <t>【哈电锅炉】顶棚管及包墙管典型弯管A=B=550\Φ51*5.5\20G\T15-229\220MW</t>
  </si>
  <si>
    <t>【哈电锅炉】顶棚管及包墙管典型弯管A=B=470\Φ51*5.5\20G\T15-230\220MW</t>
  </si>
  <si>
    <t>【哈电锅炉】顶棚管及包墙管典型弯管A=B=400\Φ51*5.5\20G\T15-243\220MW</t>
  </si>
  <si>
    <t>【哈电锅炉】顶棚管及包墙管典型弯管A=B=330\Φ51*5.5\20G\T15-231\220MW</t>
  </si>
  <si>
    <t>【哈电锅炉】侧水冷壁上集箱No.1(正.反)手孔端盖\R=137*\20\HG1041-2011\220MW</t>
  </si>
  <si>
    <t>【哈电锅炉】侧水冷壁上集箱No.2(正.反)手孔端盖\R=137*\20\HG1041-2011\220MW</t>
  </si>
  <si>
    <t>【哈电锅炉】后水冷壁上集箱手孔端盖\R=137*\20\HG1041-2011\220MW</t>
  </si>
  <si>
    <t>【哈电锅炉】前后水冷壁下集箱 手孔端盖\R=137*\20\HG1041-2011\220MW</t>
  </si>
  <si>
    <t>【哈电锅炉】侧水冷壁下集箱 手孔端盖\R=137*\20\HG1041-2011\220MW</t>
  </si>
  <si>
    <t>【哈电锅炉】一级减温器(上,下) 手孔端盖\R=189*\12Cr1MoV\HG1041-2011\220MW</t>
  </si>
  <si>
    <t>【哈电锅炉】二级减温器 (上,下) 手孔端盖\R=189*\12Cr1MoV\HG1041-2011\220MW</t>
  </si>
  <si>
    <t>【哈电锅炉】前屏过热器异种钢管接头\Φ38*4.5\Φ38\22.1347.024\220MW</t>
  </si>
  <si>
    <t>【哈电锅炉】后屏过热器异种钢管接头\Φ42*5\Φ42\22.1347.024\220MW</t>
  </si>
  <si>
    <t>【哈电锅炉】省煤器出口集箱左侧向左2管接头\Φ44.5*7\SA-210C\F022EHD001Q331\350MW\L=856</t>
  </si>
  <si>
    <t>【哈电锅炉】省煤器出口集箱左侧向左1管接头\Φ44.5*7\SA-210C\F022EHD001Q331\350MW\L=553</t>
  </si>
  <si>
    <t>【哈电锅炉】省煤器入口集箱管接头\Φ44.5*7\SA-210C\F022EHE001Q331\350MW\L=107.5</t>
  </si>
  <si>
    <t>【哈电锅炉】侧水冷壁上集箱(左No.1)管接头1\Φ31.8*6.2\15CrMoG\F022BEB001Q331\350MW\L=270.4</t>
  </si>
  <si>
    <t>【哈电锅炉】侧水冷壁上集箱(左No.1)管接头2\Φ31.8*6.2\15CrMoG\F022BEB001Q331\350MW\L=618</t>
  </si>
  <si>
    <t>【哈电锅炉】侧水冷壁上集箱(左No.1)管接头3\Φ31.8*6.2\15CrMoG\F022BEB001Q331\350MW\L=510</t>
  </si>
  <si>
    <t>【哈电锅炉】侧水冷壁上集箱(左No.1)管接头4\Φ31.8*6.2\15CrMoG\F022BEB001Q331\350MW\L=624</t>
  </si>
  <si>
    <t>【哈电锅炉】侧水冷壁上集箱(左No.1)管接头5\Φ31.8*6.2\15CrMoG\F022BEB001Q331\350MW\L=531</t>
  </si>
  <si>
    <t>【哈电锅炉】侧水冷壁上集箱(左No.2)管接头1\Φ31.8*6.2\15CrMoG\F022BEB001Q331\350MW\L=270.4</t>
  </si>
  <si>
    <t>【哈电锅炉】侧水冷壁上集箱(左No.2)管接头2\Φ31.8*6.2\15CrMoG\F022BEB001Q331\350MW\L=618</t>
  </si>
  <si>
    <t>【哈电锅炉】侧水冷壁上集箱(左No.2)管接头3\Φ31.8*6.2\15CrMoG\F022BEB001Q331\350MW\L=510</t>
  </si>
  <si>
    <t>【哈电锅炉】侧水冷壁上集箱(左No.2)管接头4\Φ31.8*6.2\15CrMoG\F022BEB001Q331\350MW\L=624</t>
  </si>
  <si>
    <t>【哈电锅炉】侧水冷壁上集箱(左No.2)管接头5\Φ31.8*6.2\15CrMoG\F022BEB001Q331\350MW\L=531</t>
  </si>
  <si>
    <t>【哈电锅炉】侧水冷壁上集箱(左No.3)管接头1\Φ31.8*6.2\15CrMoG\F022BEB001Q331\350MW\L=270.4</t>
  </si>
  <si>
    <t>【哈电锅炉】侧水冷壁上集箱(左No.3)管接头2\Φ31.8*6.2\15CrMoG\F022BEB001Q331\350MW\L=618</t>
  </si>
  <si>
    <t>【哈电锅炉】侧水冷壁上集箱(左No.3)管接头3\Φ31.8*6.2\15CrMoG\F022BEB001Q331\350MW\L=510</t>
  </si>
  <si>
    <t>【哈电锅炉】侧水冷壁上集箱(右No.1)管接头1\Φ31.8*6.2\15CrMoG\F022BEB001Q331\350MW\L=270.4</t>
  </si>
  <si>
    <t>【哈电锅炉】侧水冷壁上集箱(右No.1)管接头2\Φ31.8*6.2\15CrMoG\F022BEB001Q331\350MW\L=618</t>
  </si>
  <si>
    <t>【哈电锅炉】侧水冷壁上集箱(右No.1)管接头3\Φ31.8*6.2\15CrMoG\F022BEB001Q331\350MW\L=510</t>
  </si>
  <si>
    <t>【哈电锅炉】侧水冷壁上集箱(右No.1)管接头4\Φ31.8*6.2\15CrMoG\F022BEB001Q331\350MW\L=624</t>
  </si>
  <si>
    <t>【哈电锅炉】侧水冷壁上集箱(右No.1)管接头5\Φ31.8*6.2\15CrMoG\F022BEB001Q331\350MW\L=531</t>
  </si>
  <si>
    <t>【哈电锅炉】侧水冷壁上集箱(右No.2)管接头1\Φ31.8*6.2\15CrMoG\F022BEB001Q331\350MW\L=270.4</t>
  </si>
  <si>
    <t>【哈电锅炉】侧水冷壁上集箱(右No.2)管接头2\Φ31.8*6.2\15CrMoG\F022BEB001Q331\350MW\L=618</t>
  </si>
  <si>
    <t>【哈电锅炉】侧水冷壁上集箱(右No.2)管接头3\Φ31.8*6.2\15CrMoG\F022BEB001Q331\350MW\L=510</t>
  </si>
  <si>
    <t>【哈电锅炉】侧水冷壁上集箱(右No.2)管接头4\Φ31.8*6.2\15CrMoG\F022BEB001Q331\350MW\L=624</t>
  </si>
  <si>
    <t>【哈电锅炉】侧水冷壁上集箱(右No.2)管接头5\Φ31.8*6.2\15CrMoG\F022BEB001Q331\350MW\L=531</t>
  </si>
  <si>
    <t>【哈电锅炉】侧水冷壁上集箱(右No.3)管接头1\Φ31.8*6.2\15CrMoG\F022BEB001Q331\350MW\L=270.4</t>
  </si>
  <si>
    <t>【哈电锅炉】侧水冷壁上集箱(右No.3)管接头2\Φ31.8*6.2\15CrMoG\F022BEB001Q331\350MW\L=618</t>
  </si>
  <si>
    <t>【哈电锅炉】侧水冷壁上集箱(右No.3)管接头3\Φ31.8*6.2\15CrMoG\F022BEB001Q331\350MW\L=510</t>
  </si>
  <si>
    <t>【哈电锅炉】水冷壁延伸侧墙上集箱(左)管接头1\φ44.5*7\15CrMoG\F022BEB001Q331\350MW\L=301.5</t>
  </si>
  <si>
    <t>【哈电锅炉】水冷壁延伸侧墙上集箱(左)管接头2\φ44.5*7\15CrMoG\F022BEB001Q331\350MW\L=642</t>
  </si>
  <si>
    <t>【哈电锅炉】水冷壁延伸侧墙上集箱(左)管接头3\φ44.5*7\15CrMoG\F022BEB001Q331\350MW\L=538</t>
  </si>
  <si>
    <t>【哈电锅炉】水冷壁延伸侧墙上集箱(左)管接头4\φ44.5*7\15CrMoG\F022BEB001Q331\350MW\L=302</t>
  </si>
  <si>
    <t>【哈电锅炉】水冷壁延伸侧墙上集箱(左)管接头5\φ44.5*7\15CrMoG\F022BEB001Q331\350MW\L=304</t>
  </si>
  <si>
    <t>【哈电锅炉】水冷壁延伸侧墙上集箱(右)管接头1\φ44.5*7\15CrMoG\F022BEB001Q331\350MW\L=301.5</t>
  </si>
  <si>
    <t>【哈电锅炉】水冷壁延伸侧墙上集箱(右)管接头2\φ44.5*7\15CrMoG\F022BEB001Q331\350MW\L=642</t>
  </si>
  <si>
    <t>【哈电锅炉】水冷壁延伸侧墙上集箱(右)管接头3\φ44.5*7\15CrMoG\F022BEB001Q331\350MW\L=538</t>
  </si>
  <si>
    <t>【哈电锅炉】水冷壁延伸侧墙上集箱(右)管接头4\φ44.5*7\15CrMoG\F022BEB001Q331\350MW\L=302</t>
  </si>
  <si>
    <t>【哈电锅炉】水冷壁延伸侧墙上集箱(右)管接头5\φ44.5*7\15CrMoG\F022BEB001Q331\350MW\L=304</t>
  </si>
  <si>
    <t>【哈电锅炉】前水冷壁上集箱(左)管接头1\Φ31.8*6.2\15CrMoG\F022BEB001Q331\350MW\L=270.4</t>
  </si>
  <si>
    <t>【哈电锅炉】前水冷壁上集箱(左)管接头2\Φ31.8*6.2\15CrMoG\F022BEB001Q331\350MW\L=624</t>
  </si>
  <si>
    <t>【哈电锅炉】前水冷壁上集箱(左)管接头3\Φ31.8*6.2\15CrMoG\F022BEB001Q331\350MW\L=513</t>
  </si>
  <si>
    <t>【哈电锅炉】前水冷壁上集箱(右)管接头1\Φ31.8*6.2\15CrMoG\F022BEB001Q331\350MW\L=270.4</t>
  </si>
  <si>
    <t>【哈电锅炉】前水冷壁上集箱(右)管接头2\Φ31.8*6.2\15CrMoG\F022BEB001Q331\350MW\L=618</t>
  </si>
  <si>
    <t>【哈电锅炉】前水冷壁上集箱(右)管接头3\Φ31.8*6.2\15CrMoG\F022BEB001Q331\350MW\L=510</t>
  </si>
  <si>
    <t>【哈电锅炉】水冷壁后墙吊挂管出口集箱下部管接头\Φ63.5*14\15CrMoG\F022BEB001Q331\350MW\L=114</t>
  </si>
  <si>
    <t>【哈电锅炉】水冷壁排管出口集箱管接头1\Φ44.5*7\15CrMoG\F022BEB001Q331\350MW\L=601.5</t>
  </si>
  <si>
    <t>【哈电锅炉】水冷壁排管出口集箱管接头2\Φ44.5*7\15CrMoG\F022BEB001Q331\350MW\L=699</t>
  </si>
  <si>
    <t>【哈电锅炉】水冷壁排管出口集箱管接头3\Φ44.5*7\15CrMoG\F022BEB001Q331\350MW\L=687</t>
  </si>
  <si>
    <t>【哈电锅炉】水冷壁排管出口集箱管接头4\Φ44.5*7\15CrMoG\F022BEB001Q331\350MW\L=951</t>
  </si>
  <si>
    <t>【哈电锅炉】水冷壁排管出口集箱管接头5\Φ44.5*7\15CrMoG\F022BEB001Q331\350MW\L=724</t>
  </si>
  <si>
    <t>【哈电锅炉】折焰角入口集箱右管接头1\Φ44.5*8.5\15CrMoG\F022BEG001Q331\350MW\L=15CrMoG</t>
  </si>
  <si>
    <t>【哈电锅炉】折焰角入口集箱右管接头2\Φ44.5*8.5\15CrMoG\F022BEG001Q331\350MW\L=15CrMoG</t>
  </si>
  <si>
    <t>【哈电锅炉】折焰角入口集箱右管接头3\Φ44.5*8.5\15CrMoG\F022BEG001Q331\350MW\L=15CrMoG</t>
  </si>
  <si>
    <t>【哈电锅炉】折焰角入口集箱右管接头4\Φ44.5*8.5\15CrMoG\F022BEG001Q331\350MW\L=15CrMoG</t>
  </si>
  <si>
    <t>【哈电锅炉】折焰角入口集箱右管接头5\Φ44.5*8.5\15CrMoG\F022BEG001Q331\350MW\L=15CrMoG</t>
  </si>
  <si>
    <t>【哈电锅炉】折焰角入口汇集集箱No.1(正反)管接头1\φ44.5*7\12Cr1MoVG\F022BEG001Q331\350MW\L=945</t>
  </si>
  <si>
    <t>【哈电锅炉】折焰角入口汇集集箱No.1(正反)管接头2\φ44.5*7\12Cr1MoVG\F022BEG001Q331\350MW\L=247.5</t>
  </si>
  <si>
    <t>【哈电锅炉】折焰角入口汇集集箱No.1(正反)管接头3\φ44.5*7\12Cr1MoVG\F022BEG001Q331\350MW\L=485</t>
  </si>
  <si>
    <t>【哈电锅炉】水平烟道入口集箱No.2(右)管接头1\φ44.5*7\12Cr1MoVG\F022BEG001Q331\350MW\L=751.5</t>
  </si>
  <si>
    <t>【哈电锅炉】水平烟道入口集箱No.2(右)管接头2\φ44.5*7\12Cr1MoVG\F022BEG001Q331\350MW\L=247.5</t>
  </si>
  <si>
    <t>【哈电锅炉】水平烟道入口集箱No.3(左)管接头1\φ44.5*7\12Cr1MoVG\F022BEG001Q331\350MW\L=751.5</t>
  </si>
  <si>
    <t>【哈电锅炉】水平烟道入口集箱No.3(左)管接头2\φ44.5*7\12Cr1MoVG\F022BEG001Q331\350MW\L=247.5</t>
  </si>
  <si>
    <t>【哈电锅炉】前水冷壁下集箱(左)管接头\φ38*7.3\15CrMoG\F022BEC001Q331\350MW\L=89</t>
  </si>
  <si>
    <t>【哈电锅炉】前水冷壁下集箱(右)管接头\φ38*7.3\15CrMoG\F022BEC001Q331\350MW\L=89</t>
  </si>
  <si>
    <t>【哈电锅炉】后水冷壁下集箱(左)管接头\φ38*7.3\15CrMoG\F022BEC001Q331\350MW\L=89</t>
  </si>
  <si>
    <t>【哈电锅炉】后水冷壁下集箱(右)管接头\φ38*7.3\15CrMoG\F022BEC001Q331\350MW\L=89</t>
  </si>
  <si>
    <t>【哈电锅炉】前水冷壁螺旋管圈出口集箱管接头1\Φ31.8*6.2\15CrMoG\F022BED001Q331\350MW\L=87.5</t>
  </si>
  <si>
    <t>【哈电锅炉】前水冷壁螺旋管圈出口集箱管接头2\Φ38*7.3\15CrMoG\F022BED001Q331\350MW\L=88.5</t>
  </si>
  <si>
    <t>【哈电锅炉】前水冷壁螺旋管圈出口集箱管接头3\Φ27*\15CrMo\F022BED001Q331\350MW</t>
  </si>
  <si>
    <t>【哈电锅炉】前水冷壁螺旋管圈出口集箱管接头4\Φ89*\15CrMo\F022BED001Q331\350MW</t>
  </si>
  <si>
    <t>【哈电锅炉】后水冷壁螺旋管圈出口集箱上部管接头1\Φ31.8*6.2\15CrMoG\F022BED001Q331\350MW\L=87.5</t>
  </si>
  <si>
    <t>【哈电锅炉】后水冷壁螺旋管圈出口集箱上部管接头2\Φ38*7.3\15CrMoG\F022BED001Q331\350MW\L=88.5</t>
  </si>
  <si>
    <t>【哈电锅炉】后水冷壁螺旋管圈出口集箱上部管接头3\Φ89*\15CrMo\F022BED001Q331\350MW</t>
  </si>
  <si>
    <t>【哈电锅炉】后水冷壁螺旋管圈出口集箱上部管接头4\Φ51*\15CrMo\F022BED001Q331\350MW</t>
  </si>
  <si>
    <t>【哈电锅炉】水冷壁后墙出口集箱管接头1\Φ31.8*6.2\12Cr1MoVG\F022BED001Q331\350MW\L=107.5</t>
  </si>
  <si>
    <t>【哈电锅炉】水冷壁后墙出口集箱管接头2\Φ63.5*14\12Cr1MoVG\F022BED001Q331\350MW\L=115</t>
  </si>
  <si>
    <t>【哈电锅炉】水冷壁后墙出口集箱管接头3\Φ31.8*6.2\12Cr1MoVG\F022BED001Q331\350MW\L=1246</t>
  </si>
  <si>
    <t>【哈电锅炉】侧水冷壁螺旋管圈出口集箱(左、右)管接头1\Φ31.8*6.2\15CrMoG\F022BED001Q331\350MW\L=87.5</t>
  </si>
  <si>
    <t>【哈电锅炉】侧水冷壁螺旋管圈出口集箱(左、右)管接头2\Φ38*7.3\15CrMoG\F022BED001Q331\350MW\L=88.8</t>
  </si>
  <si>
    <t>【哈电锅炉】侧水冷壁螺旋管圈出口集箱(左、右)管接头3\Φ89*\15CrMo\F022BED001Q331\350MW</t>
  </si>
  <si>
    <t>【哈电锅炉】侧水冷壁螺旋管圈出口集箱(左、右)管接头4\Φ51*\15CrMo\F022BED001Q331\350MW</t>
  </si>
  <si>
    <t>【哈电锅炉】尾部侧包墙出口集箱(右,左)管接头1\Φ63.5*10.5\12Cr1MoVG\F022CMD001Q331\350MW\L=697</t>
  </si>
  <si>
    <t>【哈电锅炉】尾部侧包墙出口集箱(右,左)管接头2\Φ63.5*10.5\12Cr1MoVG\F022CMD001Q331\350MW\L=680</t>
  </si>
  <si>
    <t>【哈电锅炉】尾部侧包墙出口集箱(右,左)管接头3\Φ63.5*10.5\12Cr1MoVG\F022CMD001Q331\350MW\L=94.5</t>
  </si>
  <si>
    <t>【哈电锅炉】尾部包墙环形下集箱(前)管接头1\Φ51*9\15CrMoG\F022CME001Q331\350MW\L=551</t>
  </si>
  <si>
    <t>【哈电锅炉】尾部包墙环形下集箱(前)管接头2\Φ51*9\15CrMoG\F022CME001Q331\350MW\L=638</t>
  </si>
  <si>
    <t>【哈电锅炉】尾部包墙环形下集箱(前)管接头3\Φ51*9\15CrMoG\F022CME001Q331\350MW\L=560</t>
  </si>
  <si>
    <t>【哈电锅炉】尾部包墙环形下集箱(前)管接头4\Φ51*9\15CrMoG\F022CME001Q331\350MW\L=616</t>
  </si>
  <si>
    <t>【哈电锅炉】尾部包墙环形下集箱(前)管接头5\Φ63.5*11\15CrMoG\F022CME001Q331\350MW\L=568</t>
  </si>
  <si>
    <t>【哈电锅炉】尾部包墙环形下集箱(前)管接头6\Φ63.5*11\15CrMoG\F022CME001Q331\350MW\L=638</t>
  </si>
  <si>
    <t>【哈电锅炉】尾部包墙环形下集箱(后)管接头1\Φ44.5*8.5\15CrMoG\F022CME001Q331\350MW\L=549.5</t>
  </si>
  <si>
    <t>【哈电锅炉】尾部包墙环形下集箱(后)管接头2\Φ44.5*8.5\15CrMoG\F022CME001Q331\350MW\L=642</t>
  </si>
  <si>
    <t>【哈电锅炉】尾部包墙环形下集箱(后)管接头3\Φ44.5*8.5\15CrMoG\F022CME001Q331\350MW\L=635</t>
  </si>
  <si>
    <t>【哈电锅炉】尾部包墙环形下集箱(后)管接头4\Φ44.5*8.5\15CrMoG\F022CME001Q331\350MW\L=571</t>
  </si>
  <si>
    <t>【哈电锅炉】尾部包墙环形下集箱(后)管接头5\Φ63.5*11\15CrMoG\F022CME001Q331\350MW\L=568</t>
  </si>
  <si>
    <t>【哈电锅炉】尾部包墙环形下集箱(后)管接头6\Φ63.5*11\15CrMoG\F022CME001Q331\350MW\L=638</t>
  </si>
  <si>
    <t>【哈电锅炉】尾部包墙环形下集箱(左右)管接头1\Φ63.5*11\12Cr1MoVG\F022CME001Q331\350MW\L=553.5</t>
  </si>
  <si>
    <t>【哈电锅炉】尾部包墙环形下集箱(左右)管接头2\Φ63.5*11\12Cr1MoVG\F022CME001Q331\350MW\L=642</t>
  </si>
  <si>
    <t>【哈电锅炉】中间隔墙下集箱管接头1\Φ57*10\12Cr1MoVG\F022CMZ001Q331\350MW\L=1281</t>
  </si>
  <si>
    <t>【哈电锅炉】中间隔墙下集箱管接头2\Φ57*10\12Cr1MoVG\F022CMZ001Q331\350MW\L=577.5</t>
  </si>
  <si>
    <t>【哈电锅炉】中间隔墙下集箱管接头3\Φ51*9\12Cr1MoVG\F022CMZ001Q331\350MW\L=173</t>
  </si>
  <si>
    <t>【哈电锅炉】中间隔墙下集箱管接头4\Φ57*12.5\12Cr1MoVG\F022CMZ001Q331\350MW\L=176.5</t>
  </si>
  <si>
    <t>【哈电锅炉】中间隔墙下集箱管接头5\Φ57*10\12Cr1MoVG\F022CMZ001Q331\350MW\L=1281</t>
  </si>
  <si>
    <t>【哈电锅炉】中间隔墙上集箱管接头1\Φ44.5*10\15CrMoG\F022CMZ001Q331\350MW\L=579</t>
  </si>
  <si>
    <t>【哈电锅炉】中间隔墙上集箱管接头2\Φ44.5*10\15CrMoG\F022CMZ001Q331\350MW\L=508</t>
  </si>
  <si>
    <t>【哈电锅炉】中间隔墙上集箱管接头3\Φ51*9\15CrMoG\F022CMZ001Q331\350MW\L=570</t>
  </si>
  <si>
    <t>【哈电锅炉】中间隔墙上集箱管接头4\Φ51*9\15CrMoG\F022CMZ001Q331\350MW\L=510</t>
  </si>
  <si>
    <t>【哈电锅炉】中间隔墙上集箱管接头5\Φ57*12.5\15CrMoG\F022CMZ001Q331\350MW\L=573</t>
  </si>
  <si>
    <t>【哈电锅炉】中间隔墙上集箱管接头6\Φ57*12.5\15CrMoG\F022CMZ001Q331\350MW\L=513.5</t>
  </si>
  <si>
    <t>【哈电锅炉】顶棚入口集箱管接头1\Φ63.5*10\12Cr1MoVG\F022CMA001Q331\350MW\L=3110</t>
  </si>
  <si>
    <t>【哈电锅炉】顶棚入口集箱管接头2\Φ63.5*10\12Cr1MoVG\F022CMA001Q331\350MW\L=1969.5</t>
  </si>
  <si>
    <t>【哈电锅炉】顶棚入口集箱管接头3\Φ63.5*10\12Cr1MoVG\F022CMA001Q331\350MW\L=3144.5</t>
  </si>
  <si>
    <t>【哈电锅炉】顶棚入口集箱管接头4\Φ63.5*10\12Cr1MoVG\F022CMA001Q331\350MW\L=3095</t>
  </si>
  <si>
    <t>【哈电锅炉】尾部包墙入口集箱管接头1\Φ51*9\15CrMoG\F022CMA001Q331\350MW\L=576.5</t>
  </si>
  <si>
    <t>【哈电锅炉】尾部包墙入口集箱管接头2\Φ51*9\15CrMoG\F022CMA001Q331\350MW\L=690.5</t>
  </si>
  <si>
    <t>【哈电锅炉】尾部包墙入口集箱管接头3\Φ51*9\15CrMoG\F022CMA001Q331\350MW\L=1254.5</t>
  </si>
  <si>
    <t>【哈电锅炉】尾部包墙入口集箱管接头4\Φ63.5*11\15CrMoG\F022CMA001Q331\350MW\L=628.5</t>
  </si>
  <si>
    <t>【哈电锅炉】尾部包墙入口集箱管接头5\Φ63.5*11\15CrMoG\F022CMA001Q331\350MW\L=789</t>
  </si>
  <si>
    <t>【哈电锅炉】尾部包墙入口集箱管接头6\Φ63.5*11\15CrMoG\F022CMA001Q331\350MW\L=1158</t>
  </si>
  <si>
    <t>【哈电锅炉】尾部包墙入口集箱管接头7\Φ44.5*8.5\15CrMoG\F022CMA001Q331\350MW\L=182</t>
  </si>
  <si>
    <t>【哈电锅炉】一过入口集箱管接头1\Φ57*10\12Cr1MoVG\F022CMZ001Q331\350MW\L=302</t>
  </si>
  <si>
    <t>【哈电锅炉】一过入口集箱管接头2\Φ57*10\12Cr1MoVG\F022CMZ001Q331\350MW\L=402</t>
  </si>
  <si>
    <t>【哈电锅炉】一过入口集箱管接头3\Φ57*10\12Cr1MoVG\F022CMZ001Q331\350MW\L=405</t>
  </si>
  <si>
    <t>【哈电锅炉】一过入口集箱管接头4\Φ44.5*10\12Cr1MoVG\F022CMZ001Q331\350MW\L=148.5</t>
  </si>
  <si>
    <t>【哈电锅炉】一过入口集箱管接头5\Φ44.5*10\12Cr1MoVG\F022CMZ001Q331\350MW\L=353</t>
  </si>
  <si>
    <t>【哈电锅炉】一过入口集箱管接头6\Φ44.5*10\12Cr1MoVG\F022CMZ001Q331\350MW\L=365</t>
  </si>
  <si>
    <t>【哈电锅炉】一过入口集箱管接头7\Φ57*10\12Cr1MoVG\F022CMZ001Q331\350MW\L=433</t>
  </si>
  <si>
    <t>【哈电锅炉】一过入口集箱管接头8\Φ57*10\12Cr1MoVG\F022CMZ001Q331\350MW\L=369</t>
  </si>
  <si>
    <t>【哈电锅炉】一过入口集箱管接头9\Φ57*10\12Cr1MoVG\F022CMZ001Q331\350MW\L=527</t>
  </si>
  <si>
    <t>【哈电锅炉】立式低温过热器135°弯管\Φ51*10\12Cr1MoVG\F022CFE001Q331\350MW\L=1538</t>
  </si>
  <si>
    <t>【哈电锅炉】立式低温过热器90°弯管\Φ51*10\12Cr1MoVG\F022CFE001Q331\350MW\L=1204</t>
  </si>
  <si>
    <t>【哈电锅炉】水平低温过热器悬吊管90°弯管\Φ57*12.5\12Cr1MoVG\F002CFB001Q331\350MW\L=1185</t>
  </si>
  <si>
    <t>【哈电锅炉】上部水平低温过热器U型弯管外1\Φ51*9.5\12Cr1MoVG\F002CFB001Q331\350MW\L=1477</t>
  </si>
  <si>
    <t>【哈电锅炉】上部水平低温过热器U型弯管外2\Φ51*9.5\12Cr1MoVG\F002CFB001Q331\350MW\L=1335</t>
  </si>
  <si>
    <t>【哈电锅炉】上部水平低温过热器U型弯管外3\Φ51*9.5\12Cr1MoVG\F002CFB001Q331\350MW\L=1112</t>
  </si>
  <si>
    <t>【哈电锅炉】上部水平低温过热器90°弯管\Φ51*9.5\12Cr1MoVG\F002CFB001Q331\350MW\L=1167</t>
  </si>
  <si>
    <t>【哈电锅炉】下部水平低温过热器U型弯管外1\Φ57*10\15CrMoVG\F022CFD001Q331\350MW\L=1529</t>
  </si>
  <si>
    <t>【哈电锅炉】下部水平低温过热器U型弯管外2\Φ57*10\15CrMoVG\F022CFD001Q331\350MW\L=1372</t>
  </si>
  <si>
    <t>【哈电锅炉】下部水平低温过热器U型弯管外3\Φ57*10\15CrMoVG\F022CFD001Q331\350MW\L=1124</t>
  </si>
  <si>
    <t>【哈电锅炉】下部水平低温过热器90°弯管\Φ57*10\15CrMoVG\F022CFD001Q331\350MW\L=1134</t>
  </si>
  <si>
    <t>【哈电锅炉】屏式过热器弯管90°\φ45*8.5\SA-213TP347HFG\F022CGA001Q331\350MW\L=1283</t>
  </si>
  <si>
    <t>【哈电锅炉】屏式过热器弯管16.30°\φ45*8.5\SA-213TP347HFG\F022CGA001Q331\350MW\L=1235</t>
  </si>
  <si>
    <t>【哈电锅炉】屏式过热器管屏上部弯管24.20°\φ45*8.5\SA-213T91\F022CGA001Q331\350MW\L=1354</t>
  </si>
  <si>
    <t>【哈电锅炉】屏式过热器间隔管弯管45°\Φ38*7.5\SA-213T91\F022CGC001Q331\350MW\L=1079</t>
  </si>
  <si>
    <t>【哈电锅炉】屏式过热器间隔管S弯管45°\Φ38*7.5\SA-213T91\F022CGC001Q331\350MW\L=1241</t>
  </si>
  <si>
    <t>【哈电锅炉】屏式过热器间隔管弯管90°\Φ38*7.5\SA-213T91\F022CGC001Q331\350MW\L=1157</t>
  </si>
  <si>
    <t>【哈电锅炉】屏式过热器间隔管S弯管30°\Φ38*7.5\SA-213T91\F022CGC001Q331\350MW\L=1205</t>
  </si>
  <si>
    <t>【哈电锅炉】屏式过热器间隔管弯管69°\Φ38*7.5\SA-213TP347HFG\F022CGC001Q331\350MW\L=1157</t>
  </si>
  <si>
    <t>【哈电锅炉】屏式过热器间隔管弯管90°\Φ38*7.5\SA-213TP347HFG\F022CGC001Q331\350MW\L=1204</t>
  </si>
  <si>
    <t>【哈电锅炉】屏式过热器间隔管S弯管50°\Φ38*7.5\SA-213TP347HFG\F022CGC001Q331\350MW\L=1405</t>
  </si>
  <si>
    <t>【哈电锅炉】屏式过热器间隔管弯管45°\Φ38*7.5\SA-213TP347HFG\F022CGC001Q331\350MW\L=1102</t>
  </si>
  <si>
    <t>【哈电锅炉】末级过热器S型弯管28°\φ44.5*8.5\SA-213T91\F022CHD001Q331\350MW\L=1331</t>
  </si>
  <si>
    <t>【哈电锅炉】末级过热器管屏弯管90°\φ44.5*9\SA-213T91\F022CHD001Q331\350MW\L=1283</t>
  </si>
  <si>
    <t>【哈电锅炉】一级过热器出口集箱管接头1\Φ51*10\12Cr1MoVG\F022CMK001Q331\350MW\L=1005</t>
  </si>
  <si>
    <t>【哈电锅炉】一级过热器出口集箱管接头2\Φ51*10\12Cr1MoVG\F022CMK001Q331\350MW\L=793</t>
  </si>
  <si>
    <t>【哈电锅炉】一级过热器出口集箱管接头3\Φ51*10\12Cr1MoVG\F022CMK001Q331\350MW\L=666</t>
  </si>
  <si>
    <t>【哈电锅炉】末级过热器入口汇集集箱(左)管接头1\Φ198*40\SA-182F91\F022CMK001Q331\350MW\L=177</t>
  </si>
  <si>
    <t>【哈电锅炉】末级过热器入口汇集集箱(右)管接头1\Φ198*40\SA-182F91\F022CMK001Q331\350MW\L=177</t>
  </si>
  <si>
    <t>【哈电锅炉】末级过热器入口汇集集箱(右)管接头2\Φ120*35.5\12Cr1MoV\F022CMK001Q331\350MW\L=220.53</t>
  </si>
  <si>
    <t>【哈电锅炉】再热器入口集箱管接头1\Φ63*4\20G\F022DJA001Q331\350MW\L=1223.5</t>
  </si>
  <si>
    <t>【哈电锅炉】再热器入口集箱管接头2\Φ63*4\20G\F022DJA001Q331\350MW\L=1021.5</t>
  </si>
  <si>
    <t>【哈电锅炉】再热器入口集箱管接头3\Φ63*4\20G\F022DJA001Q331\350MW\L=868</t>
  </si>
  <si>
    <t>【哈电锅炉】再热器入口集箱管接头4\Φ63*4\20G\F022DJA001Q331\350MW\L=753</t>
  </si>
  <si>
    <t>【哈电锅炉】再热器入口集箱管接头5\Φ63*4\20G\F022DJA001Q331\350MW\L=1250</t>
  </si>
  <si>
    <t>【哈电锅炉】再热器入口集箱管接头6\Φ63*4\20G\F022DJA001Q331\350MW\L=1048</t>
  </si>
  <si>
    <t>【哈电锅炉】再热器入口集箱管接头7\Φ63*4\20G\F022DJA001Q331\350MW\L=885</t>
  </si>
  <si>
    <t>【哈电锅炉】再热器入口集箱管接头8\Φ63*4\20G\F022DJA001Q331\350MW\L=775</t>
  </si>
  <si>
    <t>【哈电锅炉】上部水平低温再热器弯管90°\φ57*4\15CrMoG\F022DCB001Q331\350MW\L=785</t>
  </si>
  <si>
    <t>【哈电锅炉】上部水平低温再热器U型弯管外1\φ57*4\15CrMoG\F022DCB001Q331\350MW\L=1687</t>
  </si>
  <si>
    <t>【哈电锅炉】上部水平低温再热器U型弯管外2\φ57*4\15CrMoG\F022DCB001Q331\350MW\L=1529</t>
  </si>
  <si>
    <t>【哈电锅炉】上部水平低温再热器U型弯管外3\φ57*4\15CrMoG\F022DCB001Q331\350MW\L=1372</t>
  </si>
  <si>
    <t>【哈电锅炉】上部水平低温再热器U型弯管外4\φ57*4\15CrMoG\F022DCB001Q331\350MW\L=1124</t>
  </si>
  <si>
    <t>【哈电锅炉】上部水平低温再热器U型弯管外4\φ57*7.5\15CrMoG\F022DCB001Q331\350MW\L=1124</t>
  </si>
  <si>
    <t>【哈电锅炉】上部水平低温再热器悬吊管90°\φ51*9\15CrMoG\F022DCB001Q331\350MW\L=1200</t>
  </si>
  <si>
    <t>【哈电锅炉】中部水平低温再热器弯管90外1\φ63*4.5\15CrMoG\F022DCC001Q331\350MW\L=1210</t>
  </si>
  <si>
    <t>【哈电锅炉】中部水平低温再热器U型弯管外2\φ63*4.5\15CrMoG\F022DCC001Q331\350MW\L=1598</t>
  </si>
  <si>
    <t>【哈电锅炉】中部水平低温再热器U型弯管外3\φ63*4.5\15CrMoG\F022DCC001Q331\350MW\L=1419</t>
  </si>
  <si>
    <t>【哈电锅炉】中部水平低温再热器U型弯管外4\φ63*4.5\15CrMoG\F022DCC001Q331\350MW\L=640</t>
  </si>
  <si>
    <t>【哈电锅炉】中部水平低温再热器U型弯管外4\φ63*7\15CrMoG\F022DCC001Q331\350MW\L=1140</t>
  </si>
  <si>
    <t>【哈电锅炉】下部水平低温再热器弯管90°\φ63*4.5\20G\F022DCC001Q331\350MW\L=1210</t>
  </si>
  <si>
    <t>【哈电锅炉】下部水平低温再热器弯管90°\φ63*4.5\15CrMoG\F022DCD001Q331\350MW\L=1114</t>
  </si>
  <si>
    <t>【哈电锅炉】下部水平低温再热器U型弯管外1\φ63*4.5\20G\F022DCC001Q331\350MW\L=1776</t>
  </si>
  <si>
    <t>【哈电锅炉】下部水平低温再热器U型弯管外1\φ63*7\15CrMoG\F022DCD001Q331\350MW\L=1776</t>
  </si>
  <si>
    <t>【哈电锅炉】下部水平低温再热器U型弯管外2\φ63*4.5\15CrMoG\F022DCD001Q331\350MW\L=1598</t>
  </si>
  <si>
    <t>【哈电锅炉】下部水平低温再热器U型弯管外3\φ63*4.5\20G\F022DCD001Q331\350MW\L=1419</t>
  </si>
  <si>
    <t>【哈电锅炉】下部水平低温再热器U型弯管外4\φ63*4.5\15CrMoG\F022DCD001Q331\350MW\L=1140</t>
  </si>
  <si>
    <t>【哈电锅炉】下部水平低温再热器U型弯管外4\φ63*7.5\20G\F022DCD001Q331\350MW\L=1140</t>
  </si>
  <si>
    <t>【哈电锅炉】再热器入口集箱 侧向左4、右4管接头\φ63*4.5\20G\F022DJA001Q331\350MW\L=755</t>
  </si>
  <si>
    <t>【哈电锅炉】再热器入口集箱 侧向左3、右3管接头\φ63*4.5\20G\F022DJA001Q331\350MW\L=875</t>
  </si>
  <si>
    <t>【哈电锅炉】再热器入口集箱 侧向左2、右2管接头\φ63*4.5\20G\F022DJA001Q331\350MW\L=1035</t>
  </si>
  <si>
    <t>【哈电锅炉】再热器入口集箱 侧向左1、右1管接头\φ63*4.5\20G\F022DJA001Q331\350MW\L=1245.5</t>
  </si>
  <si>
    <t>【哈电锅炉】高温再热器上部U型弯管90°\φ51*4.5\SA-213T91\F022DCH001Q331\350MW\L=1157</t>
  </si>
  <si>
    <t>【哈电锅炉】高温再热器上部U型弯管180°内2\φ51*4.5\SA-213T91\F022DCH001Q331\350MW\L=1456</t>
  </si>
  <si>
    <t>【哈电锅炉】高温再热器上部U型弯管180°内1\φ51*4.5\SA-213T91\F022DCH001Q331\350MW\L=1314</t>
  </si>
  <si>
    <t>【哈电锅炉】高温再热器U型弯管90°\φ51*4.5\SA-213TP347H\F022DCH001Q331\350MW\L=1267</t>
  </si>
  <si>
    <t>【哈电锅炉】高温再热器U型弯管55°\φ51*4.5\SA-213T91\F022DCH001Q331\350MW\L=1218</t>
  </si>
  <si>
    <t>【哈电锅炉】高温再热器U型弯管125°\φ51*4.5\SA-213T91\F022DCH001Q331\350MW\L=1096</t>
  </si>
  <si>
    <t>【哈电锅炉】高温再热器弯管1\φ57*4.5\12Cr1MoVG\F022DCH001Q331\350MW\L=1574</t>
  </si>
  <si>
    <t>【哈电锅炉】高温再热器弯管2\φ57*4.5\12Cr1MoVG\F022DCH001Q331\350MW\L=1495</t>
  </si>
  <si>
    <t>【哈电锅炉】高温再热器弯管90°\φ57*4.5\12Cr1MoVG\F022DCH001Q331\350MW\L=1185</t>
  </si>
  <si>
    <t>【哈电锅炉】屏式过热器异种钢接头\φ44*9.5\φ44\F022CGA001Q331\350MW</t>
  </si>
  <si>
    <t>【哈电锅炉】末级过热器异种钢接头\φ44.5*8.5\φ44.5\F022CHD001Q331\350MW</t>
  </si>
  <si>
    <t>【哈电锅炉】高温再热器异种钢接头\φ51*4.5\φ51\F022DCH001Q331\350MW</t>
  </si>
  <si>
    <t>【哈电锅炉】省煤器入口集箱管接头1\Φ51*6.5\20G\22.1551.007\300MW\L=1564</t>
  </si>
  <si>
    <t>【哈电锅炉】省煤器入口集箱管接头2\Φ51*6.5\20G\22.1551.007\300MW\L=1608</t>
  </si>
  <si>
    <t>【哈电锅炉】省煤器入口集箱管接头3\Φ51*6.5\20G\22.1551.007\300MW\L=1814</t>
  </si>
  <si>
    <t>【哈电锅炉】省煤器入口集箱管接头4\Φ51*6.5\20G\22.1551.007\300MW\L=1814</t>
  </si>
  <si>
    <t>【哈电锅炉】省煤器入口集箱管接头5\Φ51*6.5\20G\22.1551.007\300MW\L=2095</t>
  </si>
  <si>
    <t>【哈电锅炉】省煤器入口集箱管接头6\Φ51*6.5\20G\22.1551.007\300MW\L=2095</t>
  </si>
  <si>
    <t>【哈电锅炉】省煤器入口集箱管接头7\Φ51*6.5\20G\22.1551.007\300MW\L=282</t>
  </si>
  <si>
    <t>【哈电锅炉】省煤器入口集箱管接头8\Φ51*6.5\20G\22.1551.007\300MW\L=326</t>
  </si>
  <si>
    <t>【哈电锅炉】省煤器入口集箱管接头9\Φ51*6.5\20G\22.1551.007\300MW\L=418</t>
  </si>
  <si>
    <t>【哈电锅炉】省煤器180°弯头管外数1圈\Φ51*6.5\20G\22.1552.008\300MW\L=1684</t>
  </si>
  <si>
    <t>【哈电锅炉】省煤器180°弯头管外数2圈\Φ51*6.5\20G\22.1552.008\300MW\L=1480</t>
  </si>
  <si>
    <t>【哈电锅炉】省煤器180°弯头管外数3圈\Φ51*6.5\20G\22.1552.008\300MW\L=1160</t>
  </si>
  <si>
    <t>【哈电锅炉】省煤器90度弯头管\Φ51*6.5\20G\22.1552.008\300MW\L=1240</t>
  </si>
  <si>
    <t>【哈电锅炉】前水冷壁上集箱(两侧)管接头1\Φ63.5*8\20G\0288-22.24A\300MW\L=356</t>
  </si>
  <si>
    <t>【哈电锅炉】前水冷壁上集箱(两侧)管接头2\Φ63.5*8\20G\0288-22.24A\300MW\L=329</t>
  </si>
  <si>
    <t>【哈电锅炉】前水冷壁上集箱(两侧)管接头3\Φ63.5*8\20G\0288-22.24A\300MW\L=406</t>
  </si>
  <si>
    <t>【哈电锅炉】前水冷壁上集箱(中)管接头1\Φ63.5*8\20G\0288-22.24A\300MW\L=406</t>
  </si>
  <si>
    <t>【哈电锅炉】前水冷壁上集箱(中)管接头2\Φ63.5*8\20G\0288-22.24A\300MW\L=329</t>
  </si>
  <si>
    <t>【哈电锅炉】后水冷壁吊挂管出口集箱管接头\Φ76*13\20G\0288-22.24A\300MW\L=210</t>
  </si>
  <si>
    <t>【哈电锅炉】后水冷壁上集箱管接头1\Φ63.5*8\20G\0288-22.24A\300MW\L=550</t>
  </si>
  <si>
    <t>【哈电锅炉】后水冷壁上集箱管接头2\Φ63.5*8\20G\0288-22.24A\300MW\L=719</t>
  </si>
  <si>
    <t>【哈电锅炉】侧水冷壁上集箱(前)管接头1\Φ63.5*8\20G\0288-22.24A\300MW\L=560</t>
  </si>
  <si>
    <t>【哈电锅炉】侧水冷壁上集箱(前)管接头2\Φ63.5*8\20G\0288-22.24A\300MW\L=650</t>
  </si>
  <si>
    <t>【哈电锅炉】侧水冷壁上集箱(前)管接头3\Φ63.5*8\20G\0288-22.24A\300MW\L=1247</t>
  </si>
  <si>
    <t>【哈电锅炉】侧水冷壁上集箱(前)管接头4\Φ63.5*8\20G\0288-22.24A\300MW\L=1279</t>
  </si>
  <si>
    <t>【哈电锅炉】侧水冷壁上集箱(前)管接头5\Φ63.5*8\20G\0288-22.24A\300MW\L=560</t>
  </si>
  <si>
    <t>【哈电锅炉】侧水冷壁上集箱(前)管接头6\Φ63.5*8\20G\0288-22.24A\300MW\L=650</t>
  </si>
  <si>
    <t>【哈电锅炉】侧水冷壁上集箱(前)管接头7\Φ63.5*8\20G\0288-22.24A\300MW\L=1247</t>
  </si>
  <si>
    <t>【哈电锅炉】侧水冷壁上集箱(前)管接头8\Φ63.5*8\20G\0288-22.24A\300MW\L=1279</t>
  </si>
  <si>
    <t>【哈电锅炉】侧水冷壁上集箱(前)管接头9\Φ63.5*3\20G\0288-22.24A\300MW\L=1319</t>
  </si>
  <si>
    <t>【哈电锅炉】侧水冷壁上集箱(前)管接头10\Φ63.5*3\20G\0288-22.24A\300MW\L=560</t>
  </si>
  <si>
    <t>【哈电锅炉】侧水冷壁上集箱(前)管接头11\Φ76*13\20G\0288-22.24A\300MW\L=565</t>
  </si>
  <si>
    <t>【哈电锅炉】右侧水冷壁下集箱管接头1\Φ63.5*8\20G\0288-22.24A\300MW\L=600</t>
  </si>
  <si>
    <t>【哈电锅炉】右侧水冷壁下集箱管接头2\Φ63.5*8\20G\0288-22.24A\300MW\L=674</t>
  </si>
  <si>
    <t>【哈电锅炉】右侧水冷壁下集箱管接头3\Φ60*8\20G\0288-22.24A\300MW\L=111.7</t>
  </si>
  <si>
    <t>【哈电锅炉】右侧水冷壁下集箱管接头4\Φ32*5\20G\0288-22.24A\300MW\L=58</t>
  </si>
  <si>
    <t>【哈电锅炉】右侧水冷壁下集箱管接头5\Φ63.5*8\20G\0288-22.24A\300MW\L=566</t>
  </si>
  <si>
    <t>【哈电锅炉】右侧水冷壁下集箱管接头6\Φ63.5*8\20G\0288-22.24A\300MW\L=602</t>
  </si>
  <si>
    <t>【哈电锅炉】右侧水冷壁下集箱管接头7\Φ60*8\20G\0288-22.24A\300MW\L=111.7</t>
  </si>
  <si>
    <t>【哈电锅炉】右侧水冷壁下集箱管接头8\Φ63.5*8\20G\0288-22.24A\300MW\L=450</t>
  </si>
  <si>
    <t>【哈电锅炉】右侧水冷壁下集箱管接头9\Φ63.5*8\20G\0288-22.24A\300MW\L=462</t>
  </si>
  <si>
    <t>【哈电锅炉】右侧水冷壁下集箱管接头10\Φ63.5*8\20G\0288-22.24A\300MW\L=91.2</t>
  </si>
  <si>
    <t>【哈电锅炉】右侧水冷壁下集箱管接头11\Φ63.5*8\20G\0288-22.24A\300MW\L=656</t>
  </si>
  <si>
    <t>【哈电锅炉】右侧水冷壁下集箱管接头12\Φ63.5*8\20G\0288-22.24A\300MW\L=723</t>
  </si>
  <si>
    <t>【哈电锅炉】右侧水冷壁下集箱管接头13\Φ60*8\20G\0288-22.24A\300MW\L=111.7</t>
  </si>
  <si>
    <t>【哈电锅炉】右侧水冷壁下集箱管接头14\Φ63.5*8\20G\0288-22.24A\300MW\L=515</t>
  </si>
  <si>
    <t>【哈电锅炉】右侧水冷壁下集箱管接头15\Φ63.5*8\20G\0288-22.24A\300MW\L=510</t>
  </si>
  <si>
    <t>【哈电锅炉】右侧水冷壁下集箱管接头16\Φ63.5*8\20G\0288-22.24A\300MW\L=704</t>
  </si>
  <si>
    <t>【哈电锅炉】右侧水冷壁下集箱管接头17\Φ63.5*8\20G\0288-22.24A\300MW\L=762</t>
  </si>
  <si>
    <t>【哈电锅炉】右侧水冷壁下集箱管接头18\Φ63.5*8\20G\0288-22.24A\300MW\L=91.2</t>
  </si>
  <si>
    <t>【哈电锅炉】右侧水冷壁下集箱管接头19\Φ63.5*8\20G\0288-22.24A\300MW\L=656</t>
  </si>
  <si>
    <t>【哈电锅炉】右侧水冷壁下集箱管接头20\Φ63.5*8\20G\0288-22.24A\300MW\L=723</t>
  </si>
  <si>
    <t>【哈电锅炉】右侧水冷壁下集箱管接头21\Φ60*8\20G\0288-22.24A\300MW\L=111.7</t>
  </si>
  <si>
    <t>【哈电锅炉】右侧水冷壁下集箱管接头22\Φ63.5*8\20G\0288-22.24A\300MW\L=510</t>
  </si>
  <si>
    <t>【哈电锅炉】右侧水冷壁下集箱管接头23\Φ63.5*8\20G\0288-22.24A\300MW\L=515</t>
  </si>
  <si>
    <t>【哈电锅炉】右侧水冷壁下集箱管接头24\Φ63.5*8\20G\0288-22.24A\300MW\L=704</t>
  </si>
  <si>
    <t>【哈电锅炉】右侧水冷壁下集箱管接头25\Φ63.5*8\20G\0288-22.24A\300MW\L=762</t>
  </si>
  <si>
    <t>【哈电锅炉】燃烧器喷口弯管外数1圈S弯头\内螺纹φ44.5*5.5MWT\SA-210A1\22.1522C.009\300MW\L=1205</t>
  </si>
  <si>
    <t>【哈电锅炉】燃烧器喷口弯管外数2圈S弯头\内螺纹φ44.5*5.5MWT\SA-210A1\22.1522C.009\300MW\L=1188</t>
  </si>
  <si>
    <t>【哈电锅炉】燃烧器喷口弯管外数3圈S弯头\内螺纹φ44.5*5.5MWT\SA-210A1\22.1522C.009\300MW\L=1255</t>
  </si>
  <si>
    <t>【哈电锅炉】燃烧器喷口弯管外数4圈S弯头\内螺纹φ44.5*5.5MWT\SA-210A1\22.1522C.009\300MW\L=1327</t>
  </si>
  <si>
    <t>【哈电锅炉】燃烧器喷口弯管外数5圈S弯头\内螺纹φ44.5*5.5MWT\SA-210A1\22.1522C.009\300MW\L=1396</t>
  </si>
  <si>
    <t>【哈电锅炉】燃烧器喷口弯管外数6圈90度弯头\内螺纹φ44.5*5.5MWT\SA-210A1\22.1522C.009\300MW\L=1079</t>
  </si>
  <si>
    <t>【哈电锅炉】顶棚管入口集箱管接头\Φ60*7\20G\22.1541A.008\300MW\L=484</t>
  </si>
  <si>
    <t>【哈电锅炉】顶棚管入口集箱管接头\Φ60*9\20G\22.1541A.008\300MW\L=92</t>
  </si>
  <si>
    <t>【哈电锅炉】顶棚管出口集箱管接头\Φ60*7\20G\22.1541A.008\300MW\L=152</t>
  </si>
  <si>
    <t>【哈电锅炉】前侧包墙上集箱(右左后)管接头1\Φ51*6.5\20G\22.1541A.008\300MW\L=428</t>
  </si>
  <si>
    <t>【哈电锅炉】前侧包墙上集箱(右左后)管接头2\Φ51*6.5\20G\22.1541A.008\300MW\L=1068</t>
  </si>
  <si>
    <t>【哈电锅炉】前侧包墙上集箱(右左后)管接头3\Φ54*7\20G\22.1541A.008\300MW\L=1068</t>
  </si>
  <si>
    <t>【哈电锅炉】前侧包墙上集箱(右左后)管接头4\Φ54*7\20G\22.1541A.008\300MW\L=1078</t>
  </si>
  <si>
    <t>【哈电锅炉】前侧包墙上集箱(右左后)管接头5\Φ54*7\20G\22.1541A.008\300MW\L=428</t>
  </si>
  <si>
    <t>【哈电锅炉】前侧包墙上集箱(右左后)管接头6\Φ51*6.5\20G\22.1541A.008\300MW\L=428.5</t>
  </si>
  <si>
    <t>【哈电锅炉】前侧包墙上集箱(右左后)管接头7\Φ51*6.5\20G\22.1541A.008\300MW\L=1127</t>
  </si>
  <si>
    <t>【哈电锅炉】前侧包墙上集箱(右左后)管接头8\Φ51*6.5\20G\22.1541A.008\300MW\L=1074</t>
  </si>
  <si>
    <t>【哈电锅炉】前侧包墙上集箱(右左后)管接头9\Φ60*12\20G\22.1541A.008\300MW\L=95</t>
  </si>
  <si>
    <t>【哈电锅炉】后烟道前墙下集箱管接头1\Φ42*5.5\20G\22.1541A.008\300MW\L=282</t>
  </si>
  <si>
    <t>【哈电锅炉】后烟道前墙下集箱管接头2\Φ42*5.5\20G\22.1541A.008\300MW\L=284</t>
  </si>
  <si>
    <t>【哈电锅炉】后烟道前墙下集箱管接头3\Φ42*5.5\20G\22.1541A.008\300MW\L=292</t>
  </si>
  <si>
    <t>【哈电锅炉】后烟道前墙下集箱管接头4\Φ54*7\20G\22.1541A.008\300MW\L=515</t>
  </si>
  <si>
    <t>【哈电锅炉】后烟道前墙下集箱管接头5\Φ54*7\20G\22.1541A.008\300MW\L=490</t>
  </si>
  <si>
    <t>【哈电锅炉】后烟道前墙下集箱管接头6\Φ54*7\20G\22.1541A.008\300MW\L=599</t>
  </si>
  <si>
    <t>【哈电锅炉】后烟道前墙下集箱管接头7\Φ54*7\20G\22.1541A.008\300MW\L=516</t>
  </si>
  <si>
    <t>【哈电锅炉】后烟道前墙下集箱管接头8\Φ38*6\20G\22.1541A.008\300MW\L=232</t>
  </si>
  <si>
    <t>【哈电锅炉】后烟道前墙下集箱管接头9\Φ38*6\20G\22.1541A.008\300MW\L=271</t>
  </si>
  <si>
    <t>【哈电锅炉】后烟道前墙下集箱管接头10\Φ38*6\20G\22.1541A.008\300MW\L=398</t>
  </si>
  <si>
    <t>【哈电锅炉】后烟道前墙下集箱管接头11\Φ42*5.5\20G\22.1541A.008\300MW\L=282</t>
  </si>
  <si>
    <t>【哈电锅炉】后烟道前墙下集箱管接头12\Φ42*5.5\20G\22.1541A.008\300MW\L=284</t>
  </si>
  <si>
    <t>【哈电锅炉】后烟道前墙下集箱管接头13\Φ42*5.5\20G\22.1541A.008\300MW\L=292</t>
  </si>
  <si>
    <t>【哈电锅炉】后烟道前墙下集箱管接头14\Φ54*7\20G\22.1541A.008\300MW\L=515</t>
  </si>
  <si>
    <t>【哈电锅炉】后烟道前墙下集箱管接头15\Φ54*7\20G\22.1541A.008\300MW\L=490</t>
  </si>
  <si>
    <t>【哈电锅炉】后烟道前墙下集箱管接头16\Φ54*7\20G\22.1541A.008\300MW\L=599</t>
  </si>
  <si>
    <t>【哈电锅炉】后烟道前墙下集箱管接头17\Φ54*7\20G\22.1541A.008\300MW\L=516</t>
  </si>
  <si>
    <t>【哈电锅炉】后烟道侧墙下集箱(左右)管接头\Φ54*7\20G\22.1541A.008\300MW\L=282</t>
  </si>
  <si>
    <t>【哈电锅炉】后烟道侧墙下集箱(左右)管接头\Φ54*7\20G\22.1541A.008\300MW\L=576</t>
  </si>
  <si>
    <t>【哈电锅炉】后烟道侧墙下集箱(左右)管接头\Φ54*7\20G\22.1541A.008\300MW\L=501</t>
  </si>
  <si>
    <t>【哈电锅炉】省煤器吊挂集箱NO.1管接头\Φ60*12\20G\22.1541A.008\300MW\L=741</t>
  </si>
  <si>
    <t>【哈电锅炉】省煤器吊挂集箱NO.1管接头\Φ38*6\20G\22.1541A.008\300MW\L=300</t>
  </si>
  <si>
    <t>【哈电锅炉】省煤器吊挂集箱NO.2管接头\Φ38*6\20G\22.1541A.008\300MW\L=300</t>
  </si>
  <si>
    <t>【哈电锅炉】省煤器吊挂集箱NO.2管接头\Φ60*12\20G\22.1541A.008\300MW\L=578</t>
  </si>
  <si>
    <t>【哈电锅炉】省煤器吊挂集箱NO.2管接头\Φ60*12\20G\22.1541A.008\300MW\L=655</t>
  </si>
  <si>
    <t>【哈电锅炉】省煤器吊挂集箱NO.3管接头\Φ38*6\20G\22.1541A.008\300MW\L=300</t>
  </si>
  <si>
    <t>【哈电锅炉】省煤器吊挂集箱NO.3管接头\Φ60*12\20G\22.1541A.008\300MW\L=464</t>
  </si>
  <si>
    <t>【哈电锅炉】省煤器吊挂集箱NO.3管接头\Φ60*12\20G\22.1541A.008\300MW\L=95</t>
  </si>
  <si>
    <t>【哈电锅炉】后烟道后侧墙上集箱(左右)管接头1\Φ60*12\20G\22.1541A.008\300MW\L=95</t>
  </si>
  <si>
    <t>【哈电锅炉】后烟道后侧墙上集箱(左右)管接头2\Φ54*7\20G\22.1541A.008\300MW\L=454</t>
  </si>
  <si>
    <t>【哈电锅炉】后烟道后侧墙上集箱(左右)管接头3\Φ54*7\20G\22.1541A.008\300MW\L=1104</t>
  </si>
  <si>
    <t>【哈电锅炉】后烟道后侧墙上集箱(左右)管接头4\Φ54*7\20G\22.1541A.008\300MW\L=1154</t>
  </si>
  <si>
    <t>【哈电锅炉】后烟道后侧墙上集箱(左右)管接头5\Φ54*7\20G\22.1541A.008\300MW\L=1087</t>
  </si>
  <si>
    <t>【哈电锅炉】水平烟道侧包墙下集箱管接头1\Φ51*6.5\20G\22.1541A.008\300MW\L=438</t>
  </si>
  <si>
    <t>【哈电锅炉】水平烟道侧包墙下集箱管接头2\Φ51*6.5\20G\22.1541A.008\300MW\L=438</t>
  </si>
  <si>
    <t>【哈电锅炉】水平烟道侧包墙下集箱管接头3\Φ51*6.5\20G\22.1541A.008\300MW\L=441</t>
  </si>
  <si>
    <t>【哈电锅炉】水平烟道侧包墙下集箱管接头4\Φ51*6.5\20G\22.1541A.008\300MW\L=446</t>
  </si>
  <si>
    <t>【哈电锅炉】水平烟道侧包墙下集箱管接头5\Φ51*6.5\20G\22.1541A.008\300MW\L=451</t>
  </si>
  <si>
    <t>【哈电锅炉】水平烟道侧包墙下集箱管接头6\Φ51*6.5\20G\22.1541A.008\300MW\L=459</t>
  </si>
  <si>
    <t>【哈电锅炉】立式低温过热器上部弯头\Φ57*7\15CrMo\22.1542.004\300MW\L=1452</t>
  </si>
  <si>
    <t>【哈电锅炉】立式低温过热器下部最内圈180°弯头管\Φ57*7\15CrMo\22.1542.004\300MW\L=1160</t>
  </si>
  <si>
    <t>【哈电锅炉】立式低温过热器90度弯头管\Φ57*7\15CrMo\22.1542.004\300MW\L=1126</t>
  </si>
  <si>
    <t>【哈电锅炉】水平低温过热器管弯头180°\Φ57*8.5\20G\22.1540A.009\300MW\L=1160</t>
  </si>
  <si>
    <t>【哈电锅炉】水平低温过热器管弯头180°\Φ57*7\20G\22.1540A.009\300MW\L=1160</t>
  </si>
  <si>
    <t>【哈电锅炉】水平低温过热器管弯头180°\Φ57*8.5\20G\22.1540A.009\300MW\L=1480</t>
  </si>
  <si>
    <t>【哈电锅炉】水平低温过热器管弯头180°\Φ57*7\20G\22.1540A.009\300MW\L=1480</t>
  </si>
  <si>
    <t>【哈电锅炉】水平低温过热器管弯头45°\Φ57*7\20G\22.1540A.009\300MW\L=1900</t>
  </si>
  <si>
    <t>【哈电锅炉】水平低温过热器管弯头45°\Φ57*7\20G\22.1540A.009\300MW\L=1700</t>
  </si>
  <si>
    <t>【哈电锅炉】水平低温过热器90°弯头管\Φ57*7\20G\22.1540A.009\300MW\L=1240</t>
  </si>
  <si>
    <t>【哈电锅炉】水平低温过热器90°弯头管\Φ57*8.5\20G\22.1540A.009\300MW\L=1240</t>
  </si>
  <si>
    <t>【哈电锅炉】卧式低温过热器入口集箱管接头1\Φ51*6.5\20G\22.1541B.009\300MW\L=507</t>
  </si>
  <si>
    <t>【哈电锅炉】卧式低温过热器入口集箱管接头2\Φ51*6.5\20G\22.1541B.009\300MW\L=509</t>
  </si>
  <si>
    <t>【哈电锅炉】卧式低温过热器入口集箱管接头3\Φ51*6.5\20G\22.1541B.009\300MW\L=512</t>
  </si>
  <si>
    <t>【哈电锅炉】卧式低温过热器入口集箱管接头4\Φ51*6.5\20G\22.1541B.009\300MW\L=519</t>
  </si>
  <si>
    <t>【哈电锅炉】卧式低温过热器入口集箱管接头5\Φ42*5.5\20G\22.1541B.009\300MW\L=282</t>
  </si>
  <si>
    <t>【哈电锅炉】卧式低温过热器入口集箱管接头6\Φ42*5.5\20G\22.1541B.009\300MW\L=535</t>
  </si>
  <si>
    <t>【哈电锅炉】卧式低温过热器入口集箱管接头7\Φ42*5.5\20G\22.1541B.009\300MW\L=537</t>
  </si>
  <si>
    <t>【哈电锅炉】卧式低温过热器入口集箱管接头8\Φ42*5.5\20G\22.1541B.009\300MW\L=544</t>
  </si>
  <si>
    <t>【哈电锅炉】卧式低温过热器入口集箱管接头9\Φ63*9\20G\22.1541B.009\300MW\L=966</t>
  </si>
  <si>
    <t>【哈电锅炉】卧式低温过热器入口集箱管接头10\Φ63*9\20G\22.1541B.009\300MW\L=829</t>
  </si>
  <si>
    <t>【哈电锅炉】卧式低温过热器入口集箱管接头11\Φ57*7\20G\22.1541B.009\300MW\L=782</t>
  </si>
  <si>
    <t>【哈电锅炉】卧式低温过热器入口集箱管接头12\Φ63*9\20G\22.1541B.009\300MW\L=671</t>
  </si>
  <si>
    <t>【哈电锅炉】卧式低温过热器入口集箱管接头13\Φ63*9\20G\22.1541B.009\300MW\L=713</t>
  </si>
  <si>
    <t>【哈电锅炉】卧式低温过热器入口集箱管接头14\Φ63*9\20G\22.1541B.009\300MW\L=879</t>
  </si>
  <si>
    <t>【哈电锅炉】立式低温过热器出口集箱管接头1\Φ57*8\15CrMo\22.1541B.009\300MW\L=868</t>
  </si>
  <si>
    <t>【哈电锅炉】立式低温过热器出口集箱管接头2\Φ57*8\15CrMo\22.1541B.009\300MW\L=681</t>
  </si>
  <si>
    <t>【哈电锅炉】立式低温过热器出口集箱管接头3\Φ57*8\15CrMo\22.1541B.009\300MW\L=568</t>
  </si>
  <si>
    <t>【哈电锅炉】立式低温过热器出口集箱管接头4\Φ57*8\15CrMo\22.1541B.009\300MW\L=867</t>
  </si>
  <si>
    <t>【哈电锅炉】立式低温过热器出口集箱管接头5\Φ57*8\15CrMo\22.1541B.009\300MW\L=683</t>
  </si>
  <si>
    <t>【哈电锅炉】立式低温过热器出口集箱管接头6\Φ57*8\15CrMo\22.1541B.009\300MW\L=568</t>
  </si>
  <si>
    <t>【哈电锅炉】立式低温过热器出口集箱管接头7\Φ57*8\15CrMo\22.1541B.009\300MW\L=871</t>
  </si>
  <si>
    <t>【哈电锅炉】立式低温过热器出口集箱管接头8\Φ57*8\15CrMo\22.1541B.009\300MW\L=686</t>
  </si>
  <si>
    <t>【哈电锅炉】立式低温过热器出口集箱管接头9\Φ57*8\15CrMo\22.1541B.009\300MW\L=572</t>
  </si>
  <si>
    <t>【哈电锅炉】立式低温过热器出口集箱管接头10\Φ57*8\15CrMo\22.1541B.009\300MW\L=926</t>
  </si>
  <si>
    <t>【哈电锅炉】立式低温过热器出口集箱管接头11\Φ57*8\15CrMo\22.1541B.009\300MW\L=740</t>
  </si>
  <si>
    <t>【哈电锅炉】立式低温过热器出口集箱管接头12\Φ57*8\15CrMo\22.1541B.009\300MW\L=628</t>
  </si>
  <si>
    <t>【哈电锅炉】立式低温过热器出口集箱管接头13\Φ57*8\15CrMo\22.1541B.009\300MW\L=923</t>
  </si>
  <si>
    <t>【哈电锅炉】立式低温过热器出口集箱管接头14\Φ57*8\15CrMo\22.1541B.009\300MW\L=736</t>
  </si>
  <si>
    <t>【哈电锅炉】立式低温过热器出口集箱管接头15\Φ57*8\15CrMo\22.1541B.009\300MW\L=623</t>
  </si>
  <si>
    <t>【哈电锅炉】立式低温过热器出口集箱管接头16\Φ57*8\15CrMo\22.1541B.009\300MW\L=919</t>
  </si>
  <si>
    <t>【哈电锅炉】立式低温过热器出口集箱管接头17\Φ57*8\15CrMo\22.1541B.009\300MW\L=734</t>
  </si>
  <si>
    <t>【哈电锅炉】立式低温过热器出口集箱管接头18\Φ57*8\15CrMo\22.1541B.009\300MW\L=619</t>
  </si>
  <si>
    <t>【哈电锅炉】立式低温过热器出口集箱管接头19\Φ57*8\15CrMo\22.1541B.009\300MW\L=789</t>
  </si>
  <si>
    <t>【哈电锅炉】立式低温过热器出口集箱管接头20\Φ57*8\15CrMo\22.1541B.009\300MW\L=602</t>
  </si>
  <si>
    <t>【哈电锅炉】立式低温过热器出口集箱管接头21\Φ57*8\15CrMo\22.1541B.009\300MW\L=489</t>
  </si>
  <si>
    <t>【哈电锅炉】分隔屏过热器管90度弯头\Φ51*7\SA-213TP304H\22.1547.006\300MW\L=1240</t>
  </si>
  <si>
    <t>【哈电锅炉】分隔屏过热器管180度弯头\Φ51*7\SA-213TP304H\22.1547.006\300MW\L=1285</t>
  </si>
  <si>
    <t>【哈电锅炉】分隔屏过热器最内圈180度弯头\Φ51*7\SA-213TP304H\22.1547.006\300MW\L=2673</t>
  </si>
  <si>
    <t>【哈电锅炉】分隔屏左上部S型弯头外3圈\Φ60*9\15CrMo\22.1547.006\300MW\L=1460</t>
  </si>
  <si>
    <t>【哈电锅炉】分隔屏左上部S型弯头外4-7圈\Φ60*9\15CrMo\22.1547.006\300MW\L=2226</t>
  </si>
  <si>
    <t>【哈电锅炉】分隔屏入口集箱管接头1\Φ51*8\20G\22.1541.009\300MW\L=349</t>
  </si>
  <si>
    <t>【哈电锅炉】分隔屏入口集箱管接头2\Φ51*8\20G\22.1541.009\300MW\L=393</t>
  </si>
  <si>
    <t>【哈电锅炉】分隔屏入口集箱管接头3\Φ51*8\20G\22.1541.009\300MW\L=1037</t>
  </si>
  <si>
    <t>【哈电锅炉】分隔屏入口集箱管接头4\Φ51*8\20G\22.1541.009\300MW\L=1250</t>
  </si>
  <si>
    <t>【哈电锅炉】分隔屏入口集箱管接头5\Φ51*8\20G\22.1541.009\300MW\L=435</t>
  </si>
  <si>
    <t>【哈电锅炉】分隔屏入口集箱管接头6\Φ51*8\20G\22.1541.009\300MW\L=779</t>
  </si>
  <si>
    <t>【哈电锅炉】分隔屏入口集箱管接头7\Φ51*8\20G\22.1541.009\300MW\L=941</t>
  </si>
  <si>
    <t>【哈电锅炉】分隔屏入口集箱管接头8\Φ51*8\20G\22.1541.009\300MW\L=913</t>
  </si>
  <si>
    <t>【哈电锅炉】分隔屏入口集箱管接头9\Φ51*8\20G\22.1541.009\300MW\L=1067</t>
  </si>
  <si>
    <t>【哈电锅炉】分隔屏入口集箱管接头10\Φ51*8\20G\22.1541.009\300MW\L=1281</t>
  </si>
  <si>
    <t>【哈电锅炉】分隔屏入口集箱管接头11\Φ57*9.5\20G\22.1541.009\300MW\L=433</t>
  </si>
  <si>
    <t>【哈电锅炉】分隔屏入口集箱管接头12\Φ57*9.5\20G\22.1541.009\300MW\L=774</t>
  </si>
  <si>
    <t>【哈电锅炉】分隔屏入口集箱管接头13\Φ51*8\20G\22.1541.009\300MW\L=878</t>
  </si>
  <si>
    <t>【哈电锅炉】分隔屏入口集箱管接头14\Φ51*8\20G\22.1541.009\300MW\L=849</t>
  </si>
  <si>
    <t>【哈电锅炉】分隔屏入口集箱管接头15\Φ51*7\15CrMo\22.1541.009\300MW\L=307</t>
  </si>
  <si>
    <t>【哈电锅炉】分隔屏入口集箱管接头16\Φ51*7\15CrMo\22.1541.009\300MW\L=351</t>
  </si>
  <si>
    <t>【哈电锅炉】分隔屏入口集箱管接头17\Φ51*7\15CrMo\22.1541.009\300MW\L=1010</t>
  </si>
  <si>
    <t>【哈电锅炉】分隔屏入口集箱管接头18\Φ51*7\15CrMo\22.1541.009\300MW\L=884</t>
  </si>
  <si>
    <t>【哈电锅炉】分隔屏入口集箱管接头19\Φ51*7\15CrMo\22.1541.009\300MW\L=724</t>
  </si>
  <si>
    <t>【哈电锅炉】分隔屏入口集箱管接头20\Φ51*7\15CrMo\22.1541.009\300MW\L=393</t>
  </si>
  <si>
    <t>【哈电锅炉】分隔屏入口集箱管接头21\Φ51*7\15CrMo\22.1541.009\300MW\L=856</t>
  </si>
  <si>
    <t>【哈电锅炉】后屏过热器管90度弯头\Φ60*9.5\SA-213TP347H\22.1548.009\300MW\L=1255</t>
  </si>
  <si>
    <t>【哈电锅炉】后屏过热器管90度弯头\Φ54*9\SA-213TP304H\22.1548.009\300MW\L=1255</t>
  </si>
  <si>
    <t>【哈电锅炉】后屏过热器管90度弯头\Φ54*10\12Cr1MoWVTiB\22.1548.009\300MW\L=1255</t>
  </si>
  <si>
    <t>【哈电锅炉】后屏过热器管90度弯头\Φ54*10\12Cr1MoV\22.1548.009\300MW\L=1255</t>
  </si>
  <si>
    <t>【哈电锅炉】后屏过热器管180度弯头\Φ54*10\12Cr1MoV\22.1548.009\300MW\L=1309</t>
  </si>
  <si>
    <t>【哈电锅炉】后屏过热器180度弯头\Φ54*8\SA-213TP347H\22.1548.009\300MW\L=1509</t>
  </si>
  <si>
    <t>【哈电锅炉】后屏过热器入口集箱管接头1\Φ54*10\15CrMo\22.1541.009\300MW\L=1301</t>
  </si>
  <si>
    <t>【哈电锅炉】后屏过热器入口集箱管接头2\Φ54*10\15CrMo\22.1541.009\300MW\L=1140</t>
  </si>
  <si>
    <t>【哈电锅炉】后屏过热器入口集箱管接头3\Φ54*10\15CrMo\22.1541.009\300MW\L=1165</t>
  </si>
  <si>
    <t>【哈电锅炉】后屏过热器入口集箱管接头4\Φ54*10\15CrMo\22.1541.009\300MW\L=1171</t>
  </si>
  <si>
    <t>【哈电锅炉】后屏过热器入口集箱管接头5\Φ54*10\15CrMo\22.1541.009\300MW\L=1013</t>
  </si>
  <si>
    <t>【哈电锅炉】后屏过热器入口集箱管接头6\Φ54*10\15CrMo\22.1541.009\300MW\L=1056</t>
  </si>
  <si>
    <t>【哈电锅炉】后屏过热器入口集箱管接头7\Φ54*10\15CrMo\22.1541.009\300MW\L=1073</t>
  </si>
  <si>
    <t>【哈电锅炉】后屏过热器入口集箱管接头8\Φ60*10\15CrMo\22.1541.009\300MW\L=1306</t>
  </si>
  <si>
    <t>【哈电锅炉】后屏过热器入口集箱管接头9\Φ54*10\15CrMo\22.1541.009\300MW\L=1322</t>
  </si>
  <si>
    <t>【哈电锅炉】后屏过热器入口集箱管接头10\Φ54*10\15CrMo\22.1541.009\300MW\L=1099</t>
  </si>
  <si>
    <t>【哈电锅炉】后屏过热器入口集箱管接头11\Φ54*10\15CrMo\22.1541.009\300MW\L=1124</t>
  </si>
  <si>
    <t>【哈电锅炉】后屏过热器入口集箱管接头12\Φ54*10\15CrMo\22.1541.009\300MW\L=1130</t>
  </si>
  <si>
    <t>【哈电锅炉】后屏过热器入口集箱管接头13\Φ54*10\15CrMo\22.1541.009\300MW\L=972</t>
  </si>
  <si>
    <t>【哈电锅炉】后屏过热器入口集箱管接头14\Φ54*10\15CrMo\22.1541.009\300MW\L=1015</t>
  </si>
  <si>
    <t>【哈电锅炉】后屏过热器入口集箱管接头15\Φ54*10\15CrMo\22.1541.009\300MW\L=1032</t>
  </si>
  <si>
    <t>【哈电锅炉】后屏过热器入口集箱管接头16\Φ60*10\15CrMo\22.1541.009\300MW\L=1328</t>
  </si>
  <si>
    <t>【哈电锅炉】后屏过热器入口集箱管接头17\Φ54*10\15CrMo\22.1541.009\300MW\L=1179</t>
  </si>
  <si>
    <t>【哈电锅炉】后屏过热器入口集箱管接头18\Φ54*10\15CrMo\22.1541.009\300MW\L=1093</t>
  </si>
  <si>
    <t>【哈电锅炉】后屏过热器入口集箱管接头19\Φ54*10\15CrMo\22.1541.009\300MW\L=1187</t>
  </si>
  <si>
    <t>【哈电锅炉】后屏过热器入口集箱管接头20\Φ54*10\15CrMo\22.1541.009\300MW\L=1109</t>
  </si>
  <si>
    <t>【哈电锅炉】后屏过热器入口集箱管接头21\Φ54*13\12Cr1MoV\22.1541.009\300MW\L=1956</t>
  </si>
  <si>
    <t>【哈电锅炉】后屏过热器入口集箱管接头22\Φ42*10\12Cr1MoV\22.1541.009\300MW\L=2122</t>
  </si>
  <si>
    <t>【哈电锅炉】后屏过热器入口集箱管接头23\Φ54*13\12Cr1MoV\22.1541.009\300MW\L=1874</t>
  </si>
  <si>
    <t>【哈电锅炉】后屏过热器入口集箱管接头24\Φ54*13\12Cr1MoV\22.1541.009\300MW\L=1739</t>
  </si>
  <si>
    <t>【哈电锅炉】后屏过热器入口集箱管接头25\Φ42*10\12Cr1MoV\22.1541.009\300MW\L=1748</t>
  </si>
  <si>
    <t>【哈电锅炉】后屏过热器入口集箱管接头26\Φ54*13\12Cr1MoV\22.1541.009\300MW\L=1870</t>
  </si>
  <si>
    <t>【哈电锅炉】后屏过热器入口集箱管接头27\Φ54*13\12Cr1MoV\22.1541.009\300MW\L=1884</t>
  </si>
  <si>
    <t>【哈电锅炉】后屏过热器入口集箱管接头28\Φ54*13\12Cr1MoV\22.1541.009\300MW\L=1749</t>
  </si>
  <si>
    <t>【哈电锅炉】后屏过热器入口集箱管接头29\Φ60*13\12Cr1MoV\22.1541.009\300MW\L=1593</t>
  </si>
  <si>
    <t>【哈电锅炉】后屏过热器入口集箱管接头30\Φ54*13\12Cr1MoV\22.1541.009\300MW\L=1831</t>
  </si>
  <si>
    <t>【哈电锅炉】后屏过热器入口集箱管接头31\Φ54*13\12Cr1MoV\22.1541.009\300MW\L=1698</t>
  </si>
  <si>
    <t>【哈电锅炉】后屏过热器入口集箱管接头32\Φ42*10\12Cr1MoV\22.1541.009\300MW\L=1801</t>
  </si>
  <si>
    <t>【哈电锅炉】后屏过热器入口集箱管接头33\Φ42*10\12Cr1MoV\22.1541.009\300MW\L=1938</t>
  </si>
  <si>
    <t>【哈电锅炉】后屏过热器入口集箱管接头34\Φ54*13\12Cr1MoV\22.1541.009\300MW\L=2079</t>
  </si>
  <si>
    <t>【哈电锅炉】后屏过热器入口集箱管接头35\Φ42*10\12Cr1MoV\22.1541.009\300MW\L=1750</t>
  </si>
  <si>
    <t>【哈电锅炉】后屏过热器入口集箱管接头36\Φ42*10\12Cr1MoV\22.1541.009\300MW\L=1887</t>
  </si>
  <si>
    <t>【哈电锅炉】后屏过热器入口集箱管接头37\Φ54*13\12Cr1MoV\22.1541.009\300MW\L=2088</t>
  </si>
  <si>
    <t>【哈电锅炉】后屏过热器入口集箱管接头38\Φ54*13\12Cr1MoV\22.1541.009\300MW\L=1780</t>
  </si>
  <si>
    <t>【哈电锅炉】后屏过热器入口集箱管接头39\Φ54*13\12Cr1MoV\22.1541.009\300MW\L=1647</t>
  </si>
  <si>
    <t>【哈电锅炉】后屏过热器入口集箱管接头40\Φ60*13\12Cr1MoV\22.1541.009\300MW\L=1560</t>
  </si>
  <si>
    <t>【哈电锅炉】后屏过热器入口集箱管接头41\Φ54*13\12Cr1MoV\22.1541.009\300MW\L=1873</t>
  </si>
  <si>
    <t>【哈电锅炉】后屏过热器入口集箱管接头42\Φ54*13\12Cr1MoV\22.1541.009\300MW\L=1738</t>
  </si>
  <si>
    <t>【哈电锅炉】后屏过热器入口集箱管接头43\Φ60*13\12Cr1MoV\22.1541.009\300MW\L=116</t>
  </si>
  <si>
    <t>【哈电锅炉】后屏过热器入口集箱管接头44\Φ60*13\12Cr1MoV\22.1541.009\300MW\L=116</t>
  </si>
  <si>
    <t>【哈电锅炉】末过左下部U型弯头外数第1圈\Φ54*9\12Cr1MoV\22.1545.002\300MW\L=1892</t>
  </si>
  <si>
    <t>【哈电锅炉】末过左下部U型弯头外数第2圈\Φ54*9\12Cr1MoV\22.1545.002\300MW\L=1675</t>
  </si>
  <si>
    <t>【哈电锅炉】末过左下部U型弯头外数第3圈\Φ54*9\12Cr1MoV\22.1545.002\300MW\L=1572</t>
  </si>
  <si>
    <t>【哈电锅炉】末过左下部U型弯头外数第4圈\Φ54*9\12Cr1MoV\22.1545.002\300MW\L=1160</t>
  </si>
  <si>
    <t>【哈电锅炉】末过右下部U型弯头外数第1圈\Φ54*8\12Cr1MoWVTiB\22.1545.002\300MW\L=1892</t>
  </si>
  <si>
    <t>【哈电锅炉】末过右下部U型弯头外数第2圈\Φ54*8\12Cr1MoWVTiB\22.1545.002\300MW\L=1675</t>
  </si>
  <si>
    <t>【哈电锅炉】末过右下部U型弯头外数第3圈\Φ54*8\12Cr1MoWVTiB\22.1545.002\300MW\L=1572</t>
  </si>
  <si>
    <t>【哈电锅炉】末过右下部U型弯头外数第4圈\Φ54*8\12Cr1MoWVTiB\22.1545.002\300MW\L=1160</t>
  </si>
  <si>
    <t>【哈电锅炉】末过上部U型弯头里数第1圈\Φ54*10\12Cr1MoV\22.1545.002\300MW\L=1408</t>
  </si>
  <si>
    <t>【哈电锅炉】末过上部U型弯头里数第2圈\Φ54*10\12Cr1MoV\22.1545.002\300MW\L=1540</t>
  </si>
  <si>
    <t>【哈电锅炉】末过上部U型弯头里数第2圈\Φ54*10\12Cr1MoV\22.1545.002\300MW\L=1700</t>
  </si>
  <si>
    <t>【哈电锅炉】末过右上部外数第1圈S弯管\Φ54*8\12Cr1MoWVTiB\22.1545.002\300MW\L=2556</t>
  </si>
  <si>
    <t>【哈电锅炉】末过右上部外数第2圈S弯管\Φ54*8\12Cr1MoWVTiB\22.1545.002\300MW\L=2037</t>
  </si>
  <si>
    <t>【哈电锅炉】末过右上部外数第3圈S弯管\Φ54*8\12Cr1MoWVTiB\22.1545.002\300MW\L=1720</t>
  </si>
  <si>
    <t>【哈电锅炉】末过右上部外数第4圈S弯管\Φ54*8\12Cr1MoWVTiB\22.1545.002\300MW\L=1740</t>
  </si>
  <si>
    <t>【哈电锅炉】末过上部45度弯头\Φ51*9\12Cr1MoVG\22.1545.002\300MW\L=1452</t>
  </si>
  <si>
    <t>【哈电锅炉】末过上部U型弯头\Φ54*10\12Cr1MoV\22.1545.002\300MW\L=2000</t>
  </si>
  <si>
    <t>【哈电锅炉】末级过热器入口集箱管接头1\Φ51*10\12Cr1MoV\22.1541B.009\300MW\L=651</t>
  </si>
  <si>
    <t>【哈电锅炉】末级过热器入口集箱管接头2\Φ51*10\12Cr1MoV\22.1541B.009\300MW\L=790</t>
  </si>
  <si>
    <t>【哈电锅炉】末级过热器入口集箱管接头3\Φ51*10\12Cr1MoV\22.1541B.009\300MW\L=866</t>
  </si>
  <si>
    <t>【哈电锅炉】末级过热器入口集箱管接头4\Φ51*10\12Cr1MoV\22.1541B.009\300MW\L=985</t>
  </si>
  <si>
    <t>【哈电锅炉】末级过热器入口集箱管接头5\Φ51*10\12Cr1MoV\22.1541B.009\300MW\L=847</t>
  </si>
  <si>
    <t>【哈电锅炉】末级过热器入口集箱管接头6\Φ51*10\12Cr1MoV\22.1541B.009\300MW\L=968</t>
  </si>
  <si>
    <t>【哈电锅炉】末级过热器入口集箱管接头7\Φ51*10\12Cr1MoV\22.1541B.009\300MW\L=829</t>
  </si>
  <si>
    <t>【哈电锅炉】末级过热器入口集箱管接头8\Φ51*10\12Cr1MoV\22.1541B.009\300MW\L=951</t>
  </si>
  <si>
    <t>【哈电锅炉】末级过热器入口集箱管接头9\Φ51*10\12Cr1MoV\22.1541B.009\300MW\L=811</t>
  </si>
  <si>
    <t>【哈电锅炉】末级过热器入口集箱管接头10\Φ51*10\12Cr1MoV\22.1541B.009\300MW\L=937</t>
  </si>
  <si>
    <t>【哈电锅炉】末级过热器入口集箱管接头11\Φ51*10\12Cr1MoV\22.1541B.009\300MW\L=795</t>
  </si>
  <si>
    <t>【哈电锅炉】末级过热器入口集箱管接头12\Φ51*10\12Cr1MoV\22.1541B.009\300MW\L=924</t>
  </si>
  <si>
    <t>【哈电锅炉】末级过热器入口集箱管接头13\Φ51*10\12Cr1MoV\22.1541B.009\300MW\L=781</t>
  </si>
  <si>
    <t>【哈电锅炉】末级过热器入口集箱管接头14\Φ51*10\12Cr1MoV\22.1541B.009\300MW\L=912</t>
  </si>
  <si>
    <t>【哈电锅炉】末级过热器入口集箱管接头15\Φ51*10\12Cr1MoV\22.1541B.009\300MW\L=769</t>
  </si>
  <si>
    <t>【哈电锅炉】末级过热器入口集箱管接头16\Φ51*10\12Cr1MoV\22.1541B.009\300MW\L=904</t>
  </si>
  <si>
    <t>【哈电锅炉】末级过热器入口集箱管接头17\Φ51*10\12Cr1MoV\22.1541B.009\300MW\L=761</t>
  </si>
  <si>
    <t>【哈电锅炉】末级过热器入口集箱管接头18\Φ51*10\12Cr1MoV\22.1541B.009\300MW\L=898</t>
  </si>
  <si>
    <t>【哈电锅炉】末级过热器入口集箱管接头19\Φ51*10\12Cr1MoV\22.1541B.009\300MW\L=756</t>
  </si>
  <si>
    <t>【哈电锅炉】末级过热器入口集箱管接头20\Φ51*10\12Cr1MoV\22.1541B.009\300MW\L=895</t>
  </si>
  <si>
    <t>【哈电锅炉】末级过热器入口集箱管接头21\Φ51*10\12Cr1MoV\22.1541B.009\300MW\L=753</t>
  </si>
  <si>
    <t>【哈电锅炉】末级过热器入口集箱管接头22\Φ51*10\12Cr1MoV\22.1541B.009\300MW\L=892</t>
  </si>
  <si>
    <t>【哈电锅炉】末级过热器入口集箱管接头23\Φ51*11\12Cr1MoV\22.1541B.009\300MW\L=1151</t>
  </si>
  <si>
    <t>【哈电锅炉】末级过热器入口集箱管接头24\Φ51*11\12Cr1MoV\22.1541B.009\300MW\L=1014</t>
  </si>
  <si>
    <t>【哈电锅炉】末级过热器入口集箱管接头25\Φ51*11\12Cr1MoV\22.1541B.009\300MW\L=1161</t>
  </si>
  <si>
    <t>【哈电锅炉】末级过热器入口集箱管接头26\Φ51*11\12Cr1MoV\22.1541B.009\300MW\L=1022</t>
  </si>
  <si>
    <t>【哈电锅炉】壁式辐射再热器前墙入口集箱管接头1\Φ63*4.5\20G\22.1561.011\300MW\L=467</t>
  </si>
  <si>
    <t>【哈电锅炉】壁式辐射再热器前墙入口集箱管接头2\Φ63*4.5\20G\22.1561.011\300MW\L=517</t>
  </si>
  <si>
    <t>【哈电锅炉】壁式辐射再热器前墙入口集箱管接头3\Φ63*4.5\20G\22.1561.011\300MW\L=670</t>
  </si>
  <si>
    <t>【哈电锅炉】壁式辐射再热器前墙入口集箱管接头4\Φ63*4.5\20G\22.1561.011\300MW\L=467</t>
  </si>
  <si>
    <t>【哈电锅炉】壁式辐射再热器前墙入口集箱管接头5\Φ63*4.5\20G\22.1561.011\300MW\L=517</t>
  </si>
  <si>
    <t>【哈电锅炉】壁式辐射再热器前墙入口集箱管接头6\Φ63*4.5\20G\22.1561.011\300MW\L=670</t>
  </si>
  <si>
    <t>【哈电锅炉】壁式辐射再热器前墙入口集箱管接头7\Φ50*4.5\15CrMo\22.1561.011\300MW\L=563</t>
  </si>
  <si>
    <t>【哈电锅炉】壁式辐射再热器前墙入口集箱管接头8\Φ50*4.5\15CrMo\22.1561.011\300MW\L=617</t>
  </si>
  <si>
    <t>【哈电锅炉】壁式辐射再热器前墙入口集箱管接头9\Φ50*4.5\15CrMo\22.1561.011\300MW\L=657</t>
  </si>
  <si>
    <t>【哈电锅炉】壁式辐射再热器前墙入口集箱管接头10\Φ50*4.5\15CrMo\22.1561.011\300MW\L=524</t>
  </si>
  <si>
    <t>【哈电锅炉】壁式辐射再热器前墙入口集箱管接头11\Φ50*4.5\15CrMo\22.1561.011\300MW\L=584</t>
  </si>
  <si>
    <t>【哈电锅炉】壁式辐射再热器前墙入口集箱管接头12\Φ50*4.5\15CrMo\22.1561.011\300MW\L=617</t>
  </si>
  <si>
    <t>【哈电锅炉】壁式辐射再热器前墙入口集箱管接头13\Φ50*4.5\15CrMo\22.1561.011\300MW\L=563</t>
  </si>
  <si>
    <t>【哈电锅炉】壁式辐射再热器前墙入口集箱管接头14\Φ50*4.5\15CrMo\22.1561.011\300MW\L=617</t>
  </si>
  <si>
    <t>【哈电锅炉】壁式辐射再热器前墙入口集箱管接头15\Φ50*4.5\15CrMo\22.1561.011\300MW\L=774</t>
  </si>
  <si>
    <t>【哈电锅炉】壁式辐射再热器前墙入口集箱管接头16\Φ50*4.5\15CrMo\22.1561.011\300MW\L=845</t>
  </si>
  <si>
    <t>【哈电锅炉】壁式辐射再热器前墙入口集箱管接头17\Φ50*4.5\15CrMo\22.1561.011\300MW\L=1281.4</t>
  </si>
  <si>
    <t>【哈电锅炉】壁式辐射再热器前墙入口集箱管接头18\Φ50*4.5\15CrMo\22.1561.011\300MW\L=1361</t>
  </si>
  <si>
    <t>【哈电锅炉】壁式辐射再热器前墙入口集箱管接头19\Φ50*4.5\15CrMo\22.1561.011\300MW\L=1424</t>
  </si>
  <si>
    <t>【哈电锅炉】壁式辐射再热器前墙入口集箱管接头20\Φ50*4.5\15CrMo\22.1561.011\300MW\L=1503.6</t>
  </si>
  <si>
    <t>【哈电锅炉】屏再下部60°弯头外1圈\Φ63*4\12Cr1MoWVTiB\22.1569.008\300MW\L=1356</t>
  </si>
  <si>
    <t>【哈电锅炉】屏再下部60°弯头外2-11圈\Φ63*4\12Cr1MoV\22.1569.008\300MW\L=1356</t>
  </si>
  <si>
    <t>【哈电锅炉】屏再下部120°弯头外1圈\Φ63*4\12Cr1MoWVTiB\22.1569.008\300MW\L=1178</t>
  </si>
  <si>
    <t>【哈电锅炉】屏再下部120°弯头外2-11圈\Φ63*4\12Cr1MoV\22.1569.008\300MW\L=1178</t>
  </si>
  <si>
    <t>【哈电锅炉】后屏再热器外数12圈180°弯管\Φ63*4\12Cr1MoV\22.1569.008\300MW\L=1600</t>
  </si>
  <si>
    <t>【哈电锅炉】后屏再热器外数13圈180°弯管\Φ63*4\12Cr1MoV\22.1569.008\300MW\L=1370</t>
  </si>
  <si>
    <t>【哈电锅炉】后屏再热器外数14圈180°弯管\Φ63*4\12Cr1MoV\22.1569.008\300MW\L=4125</t>
  </si>
  <si>
    <t>【哈电锅炉】后屏再热器外一圈S弯管\Φ63*4\12Cr1MoWVTiB\22.1569.008\300MW\L=1158</t>
  </si>
  <si>
    <t>【哈电锅炉】后屏再热器入口集箱管接头1\Φ63*4.5\20G\22.1561.011\300MW\L=2227</t>
  </si>
  <si>
    <t>【哈电锅炉】后屏再热器入口集箱管接头2\Φ63*4.5\20G\22.1561.011\300MW\L=2092</t>
  </si>
  <si>
    <t>【哈电锅炉】后屏再热器入口集箱管接头3\Φ63*4.5\20G\22.1561.011\300MW\L=1923</t>
  </si>
  <si>
    <t>【哈电锅炉】后屏再热器入口集箱管接头4\Φ63*4.5\20G\22.1561.011\300MW\L=2135</t>
  </si>
  <si>
    <t>【哈电锅炉】后屏再热器入口集箱管接头5\Φ63*4.5\20G\22.1561.011\300MW\L=2001</t>
  </si>
  <si>
    <t>【哈电锅炉】后屏再热器入口集箱管接头6\Φ63*4.5\20G\22.1561.011\300MW\L=1832</t>
  </si>
  <si>
    <t>【哈电锅炉】后屏再热器入口集箱管接头7\Φ63*4.5\20G\22.1561.011\300MW\L=1745</t>
  </si>
  <si>
    <t>【哈电锅炉】后屏再热器入口集箱管接头8\Φ63*4.5\20G\22.1561.011\300MW\L=2266</t>
  </si>
  <si>
    <t>【哈电锅炉】后屏再热器入口集箱管接头9\Φ63*4.5\20G\22.1561.011\300MW\L=2131</t>
  </si>
  <si>
    <t>【哈电锅炉】后屏再热器入口集箱管接头10\Φ63*4.5\20G\22.1561.011\300MW\L=1962</t>
  </si>
  <si>
    <t>【哈电锅炉】后屏再热器入口集箱管接头11\Φ63*4.5\20G\22.1561.011\300MW\L=2084</t>
  </si>
  <si>
    <t>【哈电锅炉】后屏再热器入口集箱管接头12\Φ63*4.5\20G\22.1561.011\300MW\L=1963</t>
  </si>
  <si>
    <t>【哈电锅炉】后屏再热器入口集箱管接头13\Φ63*4.5\20G\22.1561.011\300MW\L=1803</t>
  </si>
  <si>
    <t>【哈电锅炉】后屏再热器入口集箱管接头14\Φ63*4.5\20G\22.1561.011\300MW\L=1720</t>
  </si>
  <si>
    <t>【哈电锅炉】后屏再热器入口集箱管接头15\Φ63*4.5\20G\22.1561.011\300MW\L=2176</t>
  </si>
  <si>
    <t>【哈电锅炉】后屏再热器入口集箱管接头16\Φ63*4.5\20G\22.1561.011\300MW\L=2054</t>
  </si>
  <si>
    <t>【哈电锅炉】后屏再热器入口集箱管接头17\Φ63*4.5\20G\22.1561.011\300MW\L=1895</t>
  </si>
  <si>
    <t>【哈电锅炉】后屏再热器入口集箱管接头18\Φ63*4.5\12Cr1MoV\22.1561.011\300MW\L=2180</t>
  </si>
  <si>
    <t>【哈电锅炉】后屏再热器入口集箱管接头19\Φ63*4.5\12Cr1MoV\22.1561.011\300MW\L=2026</t>
  </si>
  <si>
    <t>【哈电锅炉】后屏再热器入口集箱管接头20\Φ63*4.5\12Cr1MoV\22.1561.011\300MW\L=1856</t>
  </si>
  <si>
    <t>【哈电锅炉】后屏再热器入口集箱管接头21\Φ63*4.5\12Cr1MoV\22.1561.011\300MW\L=1770</t>
  </si>
  <si>
    <t>【哈电锅炉】后屏再热器入口集箱管接头22\Φ63*4.5\12Cr1MoV\22.1561.011\300MW\L=2272</t>
  </si>
  <si>
    <t>【哈电锅炉】后屏再热器入口集箱管接头23\Φ63*4.5\12Cr1MoV\22.1561.011\300MW\L=2117</t>
  </si>
  <si>
    <t>【哈电锅炉】后屏再热器入口集箱管接头24\Φ63*4.5\12Cr1MoV\22.1561.011\300MW\L=1947</t>
  </si>
  <si>
    <t>【哈电锅炉】后屏再热器入口集箱管接头25\Φ63*4.5\12Cr1MoV\22.1561.011\300MW\L=2030</t>
  </si>
  <si>
    <t>【哈电锅炉】后屏再热器入口集箱管接头26\Φ63*4.5\12Cr1MoV\22.1561.011\300MW\L=1924</t>
  </si>
  <si>
    <t>【哈电锅炉】后屏再热器入口集箱管接头27\Φ63*4.5\12Cr1MoV\22.1561.011\300MW\L=1792</t>
  </si>
  <si>
    <t>【哈电锅炉】后屏再热器入口集箱管接头28\Φ63*4.5\12Cr1MoV\22.1561.011\300MW\L=1719</t>
  </si>
  <si>
    <t>【哈电锅炉】后屏再热器入口集箱管接头29\Φ63*4.5\12Cr1MoV\22.1561.011\300MW\L=2018</t>
  </si>
  <si>
    <t>【哈电锅炉】后屏再热器入口集箱管接头30\Φ63*4.5\12Cr1MoV\22.1561.011\300MW\L=1952</t>
  </si>
  <si>
    <t>【哈电锅炉】后屏再热器入口集箱管接头31\Φ63*4.5\12Cr1MoV\22.1561.011\300MW\L=1857</t>
  </si>
  <si>
    <t>【哈电锅炉】后屏再热器入口集箱管接头32\Φ63*4.5\12Cr1MoV\22.1561.011\300MW\L=2245</t>
  </si>
  <si>
    <t>【哈电锅炉】后屏再热器入口集箱管接头33\Φ63*4.5\12Cr1MoV\22.1561.011\300MW\L=2091</t>
  </si>
  <si>
    <t>【哈电锅炉】后屏再热器入口集箱管接头34\Φ63*4.5\12Cr1MoV\22.1561.011\300MW\L=1921</t>
  </si>
  <si>
    <t>【哈电锅炉】后屏再热器入口集箱管接头35\Φ63*4.5\12Cr1MoV\22.1561.011\300MW\L=1835</t>
  </si>
  <si>
    <t>【哈电锅炉】后屏再热器入口集箱管接头36\Φ63*4.5\12Cr1MoV\22.1561.011\300MW\L=2360</t>
  </si>
  <si>
    <t>【哈电锅炉】后屏再热器入口集箱管接头37\Φ63*4.5\12Cr1MoV\22.1561.011\300MW\L=2205</t>
  </si>
  <si>
    <t>【哈电锅炉】后屏再热器入口集箱管接头38\Φ63*4.5\12Cr1MoV\22.1561.011\300MW\L=2035</t>
  </si>
  <si>
    <t>【哈电锅炉】后屏再热器入口集箱管接头39\Φ63*4.5\12Cr1MoV\22.1561.011\300MW\L=2311</t>
  </si>
  <si>
    <t>【哈电锅炉】后屏再热器入口集箱管接头40\Φ63*4.5\12Cr1MoV\22.1561.011\300MW\L=2156</t>
  </si>
  <si>
    <t>【哈电锅炉】后屏再热器入口集箱管接头41\Φ63*4.5\12Cr1MoV\22.1561.011\300MW\L=1986</t>
  </si>
  <si>
    <t>【哈电锅炉】末再下部弯头外圈第1圈\φ63*4\12Cr1MoWVTiB\22.1565.012\300MW\L=2853</t>
  </si>
  <si>
    <t>【哈电锅炉】末再下部弯头外圈第2圈\φ63*4\12Cr1MoV\22.1565.012\300MW\L=2590</t>
  </si>
  <si>
    <t>【哈电锅炉】末再下部弯头外圈第3圈\φ63*4\12Cr1MoV\22.1565.012\300MW\L=2327</t>
  </si>
  <si>
    <t>【哈电锅炉】末再下部弯头外圈第4圈\φ63*4\12Cr1MoV\22.1565.012\300MW\L=2064</t>
  </si>
  <si>
    <t>【哈电锅炉】末再下部弯头外圈第5圈\φ63*4\12Cr1MoV\22.1565.012\300MW\L=1901</t>
  </si>
  <si>
    <t>【哈电锅炉】末再下部弯头外圈第6圈\φ63*4\12Cr1MoV\22.1565.012\300MW\L=1537</t>
  </si>
  <si>
    <t>【哈电锅炉】末再下部弯头外圈第7圈\φ63*4\12Cr1MoV\22.1565.012\300MW\L=1180</t>
  </si>
  <si>
    <t>【哈电锅炉】末再上部左侧S型弯头1外数第1圈\φ63*4.5\12Cr1MoV\22.1565.012\300MW\L=2200</t>
  </si>
  <si>
    <t>【哈电锅炉】末再上部左侧S型弯头1外数2、3圈\φ63*4\12Cr1MoV\22.1565.012\300MW\L=2200</t>
  </si>
  <si>
    <t>【哈电锅炉】末再上部左侧S型弯头2\φ63*4\12Cr1MoV\22.1565.012\300MW\L=2400</t>
  </si>
  <si>
    <t>【哈电锅炉】末再上部右侧S型弯头\φ63*4\12Cr1MoV\22.1565.012\300MW\L=2300</t>
  </si>
  <si>
    <t>【哈电锅炉】末级再热器入口集箱管接头1\Φ63*4.5\12Cr1MoV\22.1561.011\300MW\L=717</t>
  </si>
  <si>
    <t>【哈电锅炉】末级再热器入口集箱管接头2\Φ63*4.5\12Cr1MoV\22.1561.011\300MW\L=666</t>
  </si>
  <si>
    <t>【哈电锅炉】末级再热器入口集箱管接头3\Φ63*4.5\12Cr1MoV\22.1561.011\300MW\L=793</t>
  </si>
  <si>
    <t>【哈电锅炉】末级再热器入口集箱管接头4\Φ63*4.5\12Cr1MoV\22.1561.011\300MW\L=742</t>
  </si>
  <si>
    <t>【哈电锅炉】末级再热器入口集箱管接头5\Φ63*4.5\12Cr1MoV\22.1561.011\300MW\L=936</t>
  </si>
  <si>
    <t>【哈电锅炉】末级再热器入口集箱管接头6\Φ63*4.5\12Cr1MoV\22.1561.011\300MW\L=885</t>
  </si>
  <si>
    <t>【哈电锅炉】末级再热器入口集箱管接头7\Φ63*4.5\12Cr1MoV\22.1561.011\300MW\L=1138</t>
  </si>
  <si>
    <t>【哈电锅炉】末级再热器入口集箱管接头8\Φ63*4.5\12Cr1MoV\22.1561.011\300MW\L=1087</t>
  </si>
  <si>
    <t>【哈电锅炉】末级再热器入口集箱管接头9\Φ63*4.5\12Cr1MoV\22.1561.011\300MW\L=930</t>
  </si>
  <si>
    <t>【哈电锅炉】末级再热器入口集箱管接头10\Φ63*4.5\12Cr1MoV\22.1561.011\300MW\L=879</t>
  </si>
  <si>
    <t>【哈电锅炉】末级再热器入口集箱管接头11\Φ63*4.5\12Cr1MoV\22.1561.011\300MW\L=815</t>
  </si>
  <si>
    <t>【哈电锅炉】末级再热器入口集箱管接头12\Φ63*4.5\12Cr1MoV\22.1561.011\300MW\L=764</t>
  </si>
  <si>
    <t>【哈电锅炉】末级再热器入口集箱管接头13\Φ63*4.5\12Cr1MoV\22.1561.011\300MW\L=786</t>
  </si>
  <si>
    <t>【哈电锅炉】末级再热器入口集箱管接头14\Φ63*4.5\12Cr1MoV\22.1561.011\300MW\L=735</t>
  </si>
  <si>
    <t>【哈电锅炉】末级再热器入口集箱管接头15\Φ63*4.5\12Cr1MoV\22.1561.011\300MW\L=1081</t>
  </si>
  <si>
    <t>【哈电锅炉】末级再热器入口集箱管接头16\Φ63*4.5\12Cr1MoV\22.1561.011\300MW\L=873</t>
  </si>
  <si>
    <t>【哈电锅炉】末级再热器入口集箱管接头17\Φ63*4.5\12Cr1MoV\22.1561.011\300MW\L=768</t>
  </si>
  <si>
    <t>【哈电锅炉】末级再热器入口集箱管接头18\Φ63*4.5\12Cr1MoV\22.1561.011\300MW\L=713</t>
  </si>
  <si>
    <t>【哈电锅炉】末级再热器入口集箱管接头19\Φ63*4.5\12Cr1MoV\22.1561.011\300MW\L=569</t>
  </si>
  <si>
    <t>【哈电锅炉】末级再热器入口集箱管接头20\Φ63*4.5\12Cr1MoV\22.1561.011\300MW\L=636</t>
  </si>
  <si>
    <t>【哈电锅炉】末级再热器入口集箱管接头21\Φ63*4.5\12Cr1MoV\22.1561.011\300MW\L=761</t>
  </si>
  <si>
    <t>【哈电锅炉】末级再热器入口集箱管接头22\Φ63*4.5\12Cr1MoV\22.1561.011\300MW\L=1104</t>
  </si>
  <si>
    <t>【哈电锅炉】末级再热器入口集箱管接头23\Φ63*4.5\12Cr1MoV\22.1561.011\300MW\L=884</t>
  </si>
  <si>
    <t>【哈电锅炉】末级再热器入口集箱管接头24\Φ63*4.5\12Cr1MoV\22.1561.011\300MW\L=778</t>
  </si>
  <si>
    <t>【哈电锅炉】末级再热器入口集箱管接头25\Φ63*4.5\12Cr1MoV\22.1561.011\300MW\L=722</t>
  </si>
  <si>
    <t>【哈电锅炉】末级再热器入口集箱管接头26\Φ63*4.5\12Cr1MoV\22.1561.011\300MW\L=578</t>
  </si>
  <si>
    <t>【哈电锅炉】末级再热器入口集箱管接头27\Φ63*4.5\12Cr1MoV\22.1561.011\300MW\L=641</t>
  </si>
  <si>
    <t>【哈电锅炉】末级再热器入口集箱管接头28\Φ63*4.5\12Cr1MoV\22.1561.011\300MW\L=772</t>
  </si>
  <si>
    <t>【哈电锅炉】过热器异种钢接头\φ57*7\φ57*7／φ57*8.5/20G/L=300+300\22.1540A.009\300MW</t>
  </si>
  <si>
    <t>【哈电锅炉】过热器异种钢接头\φ51*7\φ51\22.1547.006\300MW</t>
  </si>
  <si>
    <t>【哈电锅炉】过热器异种钢接头\φ60*9\φ60*9／φ51*7/12Cr1Mo-   SA-213TP304H /L=300+300\22.1547.006\300MW</t>
  </si>
  <si>
    <t>【哈电锅炉】过热器异种钢接头\φ51*7\12Cr1Mo-   SA-213TP304H\22.1547.006\300MW\L=300+300</t>
  </si>
  <si>
    <t>【哈电锅炉】过热器异种钢接头\φ60*8\φ60*8／φ60*9.5/12Cr1MoWVTiB- SA-213TP347H/L=300+300\22.1548.009\300MW</t>
  </si>
  <si>
    <t>【哈电锅炉】过热器异种钢接头\φ60*9\φ60*9／φ60*9.5/12Cr1MoWVTiB- SA-213TP347H/L=300+300\22.1548.009\300MW</t>
  </si>
  <si>
    <t>【哈电锅炉】过热器异种钢接头\φ54*9\12Cr1MoV  -12Cr1MoWVTiB\22.1548.009\300MW\L=300+300</t>
  </si>
  <si>
    <t>【哈电锅炉】过热器异种钢接头\φ54*9\φ54\22.1548.009\300MW</t>
  </si>
  <si>
    <t>【哈电锅炉】过热器异种钢接头\φ54*9\φ54*9／φ54*10/12Cr1MoV /L=300+300\22.1545.002\300MW</t>
  </si>
  <si>
    <t>【哈电锅炉】过热器异种钢接头\φ54*10\φ54*10／φ54*8/12Cr1MoV -12Cr1MoWVTiB/L=300+300\22.1545.002\300MW</t>
  </si>
  <si>
    <t>【哈电锅炉】再热器异种钢接头\φ63*4\12Cr1MoV- 12Cr1MoWVTiB\22.1569.008\300MW\L=300+300</t>
  </si>
  <si>
    <t>【哈电锅炉】再热器异种钢接头\φ63*4\12Cr1MoWVTiB-SA-213TP304H\22.1569.008\300MW\L=300+300</t>
  </si>
  <si>
    <t>【哈电锅炉】再热器异种钢接头\φ63*4.5\12Cr1MoV- 12Cr1MoWVTiB\22.1565.012\300MW\L=300+300</t>
  </si>
  <si>
    <t>【哈电锅炉】再热器异种钢接头\φ63*4\12Cr1MoV- 12Cr1MoWVTiB\22.1565.012\300MW\L=300+300</t>
  </si>
  <si>
    <t>【哈电锅炉】再热器异种钢接头\φ63*4\12Cr1MoWVTiB-SA-213TP304H\22.1565.012\300MW\L=300+300</t>
  </si>
  <si>
    <t>【哈电锅炉】省煤器出口集箱左侧向左2管接头\φ51*6.5MWT\SA-210C\F022EHD001Q051\300MW\L=552</t>
  </si>
  <si>
    <t>【哈电锅炉】省煤器出口集箱左侧向左1管接头\φ51*6.5MWT\SA-210C\F022EHD001Q051\300MW\L=855.5</t>
  </si>
  <si>
    <t>【哈电锅炉】省煤器入口集箱管接头\φ51*6.5MWT\SA-210C\F022EHE001Q051\300MW\L=107</t>
  </si>
  <si>
    <t>【哈电锅炉】侧水冷壁上集箱(左)右2管接头\Φ31.8*6.2\15CrMoG\F022BEB001Q051\300MW\L=510</t>
  </si>
  <si>
    <t>【哈电锅炉】侧水冷壁上集箱(左)右4管接头\Φ31.8*6.2\15CrMoG\F022BEB001Q051\300MW\L=617</t>
  </si>
  <si>
    <t>【哈电锅炉】侧水冷壁上集箱(左)右23管接头\Φ31.8*6.2\15CrMoG\F022BEB001Q051\300MW\L=270.5</t>
  </si>
  <si>
    <t>【哈电锅炉】侧水冷壁上集箱(右)左2管接头\Φ31.8*6.2\15CrMoG\F022BEB001Q051\300MW\L=510</t>
  </si>
  <si>
    <t>【哈电锅炉】侧水冷壁上集箱(右)左4管接头\Φ31.8*6.2\15CrMoG\F022BEB001Q051\300MW\L=617</t>
  </si>
  <si>
    <t>【哈电锅炉】侧水冷壁上集箱(右)左23管接头\Φ31.8*6.2\15CrMoG\F022BEB001Q051\300MW\L=270.5</t>
  </si>
  <si>
    <t>【哈电锅炉】水冷壁延伸侧墙上集箱(左)管接头1\φ44.5*7\15CrMoG\F022BEB001Q051\300MW\L=301.5</t>
  </si>
  <si>
    <t>【哈电锅炉】水冷壁延伸侧墙上集箱(左)管接头2\φ44.5*7\15CrMoG\F022BEB001Q051\300MW\L=641</t>
  </si>
  <si>
    <t>【哈电锅炉】水冷壁延伸侧墙上集箱(左)管接头3\φ44.5*7\15CrMoG\F022BEB001Q051\300MW\L=538</t>
  </si>
  <si>
    <t>【哈电锅炉】水冷壁延伸侧墙上集箱(左)管接头4\φ44.5*7\15CrMoG\F022BEB001Q051\300MW\L=303</t>
  </si>
  <si>
    <t>【哈电锅炉】水冷壁延伸侧墙上集箱(左)管接头5\φ44.5*7\15CrMoG\F022BEB001Q051\300MW\L=304</t>
  </si>
  <si>
    <t>【哈电锅炉】水冷壁延伸侧墙上集箱(右)管接头1\φ44.5*7\15CrMoG\F022BEB001Q051\300MW\L=301.5</t>
  </si>
  <si>
    <t>【哈电锅炉】水冷壁延伸侧墙上集箱(右)管接头2\φ44.5*7\15CrMoG\F022BEB001Q051\300MW\L=641</t>
  </si>
  <si>
    <t>【哈电锅炉】水冷壁延伸侧墙上集箱(右)管接头3\φ44.5*7\15CrMoG\F022BEB001Q051\300MW\L=538</t>
  </si>
  <si>
    <t>【哈电锅炉】水冷壁延伸侧墙上集箱(右)管接头4\φ44.5*7\15CrMoG\F022BEB001Q051\300MW\L=303</t>
  </si>
  <si>
    <t>【哈电锅炉】水冷壁延伸侧墙上集箱(右)管接头5\φ44.5*7\15CrMoG\F022BEB001Q051\300MW\L=304</t>
  </si>
  <si>
    <t>【哈电锅炉】前水冷壁上集箱下部管接头\Φ31.8*6.2\15CrMoG\F022BEB001Q051\300MW\L=270.5</t>
  </si>
  <si>
    <t>【哈电锅炉】水冷壁后墙吊挂管出口集箱下部管接头\Φ63.5*14\15CrMoG\F022BEB001Q051\300MW\L=115</t>
  </si>
  <si>
    <t>【哈电锅炉】水冷壁排管出口集箱左1管接头\φ44.5*7\15CrMoG\F022BEB001Q051\300MW\L=953</t>
  </si>
  <si>
    <t>【哈电锅炉】水冷壁排管出口集箱左2管接头\φ44.5*7\15CrMoG\F022BEB001Q051\300MW\L=687</t>
  </si>
  <si>
    <t>【哈电锅炉】水冷壁排管出口集箱右1管接头\φ44.5*7\15CrMoG\F022BEB001Q051\300MW\L=699</t>
  </si>
  <si>
    <t>【哈电锅炉】水冷壁排管出口集箱右2管接头\φ44.5*7\15CrMoG\F022BEB001Q051\300MW\L=601</t>
  </si>
  <si>
    <t>【哈电锅炉】折焰角入口集箱右反3管接头\φ44.5*8.5\15CrMoG\F022BEG001Q051\300MW\L=2544.5</t>
  </si>
  <si>
    <t>【哈电锅炉】折焰角入口集箱右反2管接头\φ44.5*8.5\15CrMoG\F022BEG001Q051\300MW\L=2515</t>
  </si>
  <si>
    <t>【哈电锅炉】折焰角入口集箱右正1管接头\φ44.5*8.5\15CrMoG\F022BEG001Q051\300MW\L=2499.5</t>
  </si>
  <si>
    <t>【哈电锅炉】折焰角入口集箱右下部中间管接头\φ44.5*8.5\15CrMoG\F022BEG001Q051\300MW\L=1731</t>
  </si>
  <si>
    <t>【哈电锅炉】折焰角入口集箱下部右侧管接头\φ44.5*8.5\15CrMoG\F022BEG001Q051\300MW\L=1841.5</t>
  </si>
  <si>
    <t>【哈电锅炉】折焰角入口汇集集箱No.1(正反)管接头1\φ44.5*7\12Cr1MoVG\F022BEG001Q051\300MW\L=940.5</t>
  </si>
  <si>
    <t>【哈电锅炉】折焰角入口汇集集箱No.1(正反)管接头2\φ44.5*7\12Cr1MoVG\F022BEG001Q051\300MW\L=247.5</t>
  </si>
  <si>
    <t>【哈电锅炉】折焰角入口汇集集箱No.1(正反)管接头3\φ44.5*7\12Cr1MoVG\F022BEG001Q051\300MW\L=431</t>
  </si>
  <si>
    <t>【哈电锅炉】水平烟道入口集箱No.2(右)管接头1\φ44.5*7\12Cr1MoVG\F022BEG001Q051\300MW\L=747.5</t>
  </si>
  <si>
    <t>【哈电锅炉】水平烟道入口集箱No.2(右)管接头2\φ44.5*7\12Cr1MoVG\F022BEG001Q051\300MW\L=247.5</t>
  </si>
  <si>
    <t>【哈电锅炉】水平烟道入口集箱No.3(左)管接头1\φ44.5*7\12Cr1MoVG\F022BEG001Q051\300MW\L=747.5</t>
  </si>
  <si>
    <t>【哈电锅炉】水平烟道入口集箱No.3(左)管接头2\φ44.5*7\12Cr1MoVG\F022BEG001Q051\300MW\L=247.5</t>
  </si>
  <si>
    <t>【哈电锅炉】水冷壁下集箱NO.1(前、后)管接头\φ38*7.3\15CrMoG\F022BEC001Q051\300MW\L=89</t>
  </si>
  <si>
    <t>【哈电锅炉】水冷壁下集箱NO.2(前、后)管接头\φ38*7.3\15CrMoG\F022BEC001Q051\300MW\L=89</t>
  </si>
  <si>
    <t>【哈电锅炉】前水冷壁螺旋管圈出口集箱管接头1\Φ38*6.5\15CrMoG\F022BED001Q051\300MW\L=87</t>
  </si>
  <si>
    <t>【哈电锅炉】前水冷壁螺旋管圈出口集箱管接头2\Φ27*5\15CrMo\F022BED001Q051\300MW\L=87</t>
  </si>
  <si>
    <t>【哈电锅炉】前水冷壁螺旋管圈出口集箱管接头3\Φ83*15\15CrMoG\F022BED001Q051\300MW\L=91</t>
  </si>
  <si>
    <t>【哈电锅炉】前水冷壁螺旋管圈出口集箱管接头4\Φ60*11\15CrMo\F022BED001Q051\300MW\L=92</t>
  </si>
  <si>
    <t>【哈电锅炉】后水冷壁螺旋管圈出口集箱上部管接头1\Φ31.8*6.2\15CrMoG\F022BED001Q051\300MW\L=87</t>
  </si>
  <si>
    <t>【哈电锅炉】后水冷壁螺旋管圈出口集箱上部管接头2\Φ38*6.5MWT\15CrMoG\F022BED001Q051\300MW\L=87</t>
  </si>
  <si>
    <t>【哈电锅炉】后水冷壁螺旋管圈出口集箱上部管接头3\Φ83*15\15CrMoG\F022BED001Q051\300MW\L=91</t>
  </si>
  <si>
    <t>【哈电锅炉】后水冷壁螺旋管圈出口集箱上部管接头4\Φ60*11\15CrMo\F022BED001Q051\300MW\L=92</t>
  </si>
  <si>
    <t>【哈电锅炉】水冷壁后墙出口集箱管接头1\Φ31.8*6.2\12Cr1MoVG\F022BED001Q051\300MW\L=107</t>
  </si>
  <si>
    <t>【哈电锅炉】水冷壁后墙出口集箱管接头2\Φ63.5*14\12Cr1MoVG\F022BED001Q051\300MW\L=115</t>
  </si>
  <si>
    <t>【哈电锅炉】水冷壁后墙出口集箱管接头3\Φ31.8*6.2\12Cr1MoVG\F022BED001Q051\300MW\L=1246</t>
  </si>
  <si>
    <t>【哈电锅炉】侧水冷壁螺旋管圈出口集箱管接头1\Φ31.8*6.2\12Cr1MoVG\F022BED001Q051\300MW\L=87</t>
  </si>
  <si>
    <t>【哈电锅炉】侧水冷壁螺旋管圈出口集箱管接头2\Φ38*6.5MWT\15CrMoG\F022BED001Q051\300MW\L=87</t>
  </si>
  <si>
    <t>【哈电锅炉】侧水冷壁螺旋管圈出口集箱管接头3\Φ83*15\15CrMoG\F022BED001Q051\300MW\L=91</t>
  </si>
  <si>
    <t>【哈电锅炉】侧水冷壁螺旋管圈出口集箱管接头4\Φ60*11\15CrMo\F022BED001Q051\300MW\L=92</t>
  </si>
  <si>
    <t>【哈电锅炉】尾部侧包墙出口集箱(右,左)管接头1\Φ63.5*10.5\12Cr1MoVG\F022CMD001Q051\300MW\L=694</t>
  </si>
  <si>
    <t>【哈电锅炉】尾部侧包墙出口集箱(右,左)管接头2\Φ63.5*10.5\12Cr1MoVG\F022CMD001Q051\300MW\L=660</t>
  </si>
  <si>
    <t>【哈电锅炉】尾部侧包墙出口集箱(右,左)管接头3\Φ63.5*10.5\12Cr1MoVG\F022CMD001Q051\300MW\L=95</t>
  </si>
  <si>
    <t>【哈电锅炉】中间隔墙入口集箱管接头1\Φ44.5*10\12Cr1MoVG\F022CMD001Q051\300MW\L=582</t>
  </si>
  <si>
    <t>【哈电锅炉】中间隔墙入口集箱管接头2\Φ44.5*10\12Cr1MoVG\F022CMD001Q051\300MW\L=511</t>
  </si>
  <si>
    <t>【哈电锅炉】中间隔墙入口集箱管接头3\Φ51*9\12Cr1MoVG\F022CMD001Q051\300MW\L=570</t>
  </si>
  <si>
    <t>【哈电锅炉】中间隔墙入口集箱管接头4\Φ51*9\12Cr1MoVG\F022CMD001Q051\300MW\L=510</t>
  </si>
  <si>
    <t>【哈电锅炉】中间隔墙入口集箱管接头5\Φ57*12.5\12Cr1MoVG\F022CMD001Q051\300MW\L=573</t>
  </si>
  <si>
    <t>【哈电锅炉】中间隔墙入口集箱管接头6\Φ57*12.5\12Cr1MoVG\F022CMD001Q051\300MW\L=513.5</t>
  </si>
  <si>
    <t>【哈电锅炉】尾部包墙环形下集箱(前)管接头1\Φ51*8.5\12Cr1MoVG\F022CME001Q051\300MW\L=550.5</t>
  </si>
  <si>
    <t>【哈电锅炉】尾部包墙环形下集箱(前)管接头2\Φ51*8.5\12Cr1MoVG\F022CME001Q051\300MW\L=638</t>
  </si>
  <si>
    <t>【哈电锅炉】尾部包墙环形下集箱(前)管接头3\Φ51*8.5\12Cr1MoVG\F022CME001Q051\300MW\L=559</t>
  </si>
  <si>
    <t>【哈电锅炉】尾部包墙环形下集箱(前)管接头4\Φ51*8.5\12Cr1MoVG\F022CME001Q051\300MW\L=615</t>
  </si>
  <si>
    <t>【哈电锅炉】尾部包墙环形下集箱(前)管接头5\Φ63.5*10.5\12Cr1MoVG\F022CME001Q051\300MW\L=568</t>
  </si>
  <si>
    <t>【哈电锅炉】尾部包墙环形下集箱(前)管接头6\Φ63.5*10.5\12Cr1MoVG\F022CME001Q051\300MW\L=639</t>
  </si>
  <si>
    <t>【哈电锅炉】尾部包墙环形下集箱(后)管接头1\Φ44.5*7.5\12Cr1MoVG\F022CME001Q051\300MW\L=549.5</t>
  </si>
  <si>
    <t>【哈电锅炉】尾部包墙环形下集箱(后)管接头2\Φ44.5*7.5\12Cr1MoVG\F022CME001Q051\300MW\L=639</t>
  </si>
  <si>
    <t>【哈电锅炉】尾部包墙环形下集箱(后)管接头3\Φ44.5*7.5\12Cr1MoVG\F022CME001Q051\300MW\L=632</t>
  </si>
  <si>
    <t>【哈电锅炉】尾部包墙环形下集箱(后)管接头4\Φ44.5*7.5\12Cr1MoVG\F022CME001Q051\300MW\L=570</t>
  </si>
  <si>
    <t>【哈电锅炉】尾部包墙环形下集箱(后)管接头5\Φ63.5*10.5\12Cr1MoVG\F022CME001Q051\300MW\L=568</t>
  </si>
  <si>
    <t>【哈电锅炉】尾部包墙环形下集箱(后)管接头6\Φ63.5*10.5\12Cr1MoVG\F022CME001Q051\300MW\L=639</t>
  </si>
  <si>
    <t>【哈电锅炉】尾部包墙环形下集箱(左右)管接头1\Φ63.5*10.5\12Cr1MoVG\F022CME001Q051\300MW\L=552.5</t>
  </si>
  <si>
    <t>【哈电锅炉】尾部包墙环形下集箱(左右)管接头2\Φ63.5*10.5\12Cr1MoVG\F022CME001Q051\300MW\L=642</t>
  </si>
  <si>
    <t>【哈电锅炉】中间隔墙下集箱管接头1\Φ57*10\12Cr1MoVG\F022CME001Q051\300MW\L=1281</t>
  </si>
  <si>
    <t>【哈电锅炉】中间隔墙下集箱管接头2\Φ57*10\12Cr1MoVG\F022CME001Q051\300MW\L=577.5</t>
  </si>
  <si>
    <t>【哈电锅炉】中间隔墙下集箱管接头3\Φ51*9\12Cr1MoVG\F022CME001Q051\300MW\L=173</t>
  </si>
  <si>
    <t>【哈电锅炉】中间隔墙下集箱管接头4\Φ57*12.5\12Cr1MoVG\F022CME001Q051\300MW\L=176.5</t>
  </si>
  <si>
    <t>【哈电锅炉】中间隔墙下集箱管接头5\Φ57*10\12Cr1MoVG\F022CME001Q051\300MW\L=1281</t>
  </si>
  <si>
    <t>【哈电锅炉】顶棚入口集箱管接头1\Φ63.5*10\12Cr1MoVG\F022CMA001Q051\300MW\L=3110</t>
  </si>
  <si>
    <t>【哈电锅炉】顶棚入口集箱管接头2\Φ63.5*10\12Cr1MoVG\F022CMA001Q051\300MW\L=1969.5</t>
  </si>
  <si>
    <t>【哈电锅炉】顶棚入口集箱管接头3\Φ63.5*10\12Cr1MoVG\F022CMA001Q051\300MW\L=3144.5</t>
  </si>
  <si>
    <t>【哈电锅炉】顶棚入口集箱管接头4\Φ63.5*10\12Cr1MoVG\F022CMA001Q051\300MW\L=3095</t>
  </si>
  <si>
    <t>【哈电锅炉】尾部包墙入口集箱管接头1\Φ51*8.5\12Cr1MoVG\F022CMA001Q051\300MW\L=576</t>
  </si>
  <si>
    <t>【哈电锅炉】尾部包墙入口集箱管接头2\Φ51*8.5\12Cr1MoVG\F022CMA001Q051\300MW\L=689</t>
  </si>
  <si>
    <t>【哈电锅炉】尾部包墙入口集箱管接头3\Φ51*8.5\12Cr1MoVG\F022CMA001Q051\300MW\L=1253</t>
  </si>
  <si>
    <t>【哈电锅炉】尾部包墙入口集箱管接头4\Φ63.5*10\12Cr1MoVG\F022CMA001Q051\300MW\L=627.5</t>
  </si>
  <si>
    <t>【哈电锅炉】尾部包墙入口集箱管接头5\Φ63.5*10\12Cr1MoVG\F022CMA001Q051\300MW\L=788</t>
  </si>
  <si>
    <t>【哈电锅炉】尾部包墙入口集箱管接头6\Φ63.5*10\12Cr1MoVG\F022CMA001Q051\300MW\L=1157</t>
  </si>
  <si>
    <t>【哈电锅炉】尾部包墙入口集箱管接头7\Φ44.5*7.5\12Cr1MoVG\F022CMA001Q051\300MW\L=181.5</t>
  </si>
  <si>
    <t>【哈电锅炉】一过入口集箱管接头1\Φ57*10\12Cr1MoVG\F022CMZ001Q051\300MW\L=302</t>
  </si>
  <si>
    <t>【哈电锅炉】一过入口集箱管接头2\Φ57*10\12Cr1MoVG\F022CMZ001Q051\300MW\L=402</t>
  </si>
  <si>
    <t>【哈电锅炉】一过入口集箱管接头3\Φ57*10\12Cr1MoVG\F022CMZ001Q051\300MW\L=405</t>
  </si>
  <si>
    <t>【哈电锅炉】一过入口集箱管接头4\Φ44.5*10\12Cr1MoVG\F022CMZ001Q051\300MW\L=148.5</t>
  </si>
  <si>
    <t>【哈电锅炉】一过入口集箱管接头5\Φ44.5*10\12Cr1MoVG\F022CMZ001Q051\300MW\L=356</t>
  </si>
  <si>
    <t>【哈电锅炉】一过入口集箱管接头6\Φ44.5*10\12Cr1MoVG\F022CMZ001Q051\300MW\L=365</t>
  </si>
  <si>
    <t>【哈电锅炉】一过入口集箱管接头7\Φ57*10\12Cr1MoVG\F022CMZ001Q051\300MW\L=433</t>
  </si>
  <si>
    <t>【哈电锅炉】一过入口集箱管接头8\Φ57*10\12Cr1MoVG\F022CMZ001Q051\300MW\L=369</t>
  </si>
  <si>
    <t>【哈电锅炉】一过入口集箱管接头9\Φ57*10\12Cr1MoVG\F022CMZ001Q051\300MW\L=527</t>
  </si>
  <si>
    <t>【哈电锅炉】立式低温过热器135°弯管\Φ51*10\12Cr1MoVG\F022CFE001Q051\300MW\L=1538</t>
  </si>
  <si>
    <t>【哈电锅炉】立式低温过热器90°弯管\Φ51*10\12Cr1MoVG\F022CFE001Q051\300MW\L=1204</t>
  </si>
  <si>
    <t>【哈电锅炉】水平低温过热器悬吊管90°弯管\Φ57*12.5\12Cr1MoVG\F002CFB001Q051\300MW\L=1185</t>
  </si>
  <si>
    <t>【哈电锅炉】上部水平低温过热器U型弯管外1\Φ51*9.5\12Cr1MoVG\F002CFB001Q051\300MW\L=1477</t>
  </si>
  <si>
    <t>【哈电锅炉】上部水平低温过热器U型弯管外2\Φ51*9.5\12Cr1MoVG\F002CFB001Q051\300MW\L=1335</t>
  </si>
  <si>
    <t>【哈电锅炉】上部水平低温过热器U型弯管外3\Φ51*9.5\12Cr1MoVG\F002CFB001Q051\300MW\L=1112</t>
  </si>
  <si>
    <t>【哈电锅炉】上部水平低温过热器90°弯管\Φ51*9.5\12Cr1MoVG\F002CFB001Q051\300MW\L=1167</t>
  </si>
  <si>
    <t>【哈电锅炉】下部水平低温过热器U型弯管外1\Φ57*10\15CrMoVG\F022CFD001Q051\300MW\L=1529</t>
  </si>
  <si>
    <t>【哈电锅炉】下部水平低温过热器U型弯管外2\Φ57*10\15CrMoVG\F022CFD001Q051\300MW\L=1372</t>
  </si>
  <si>
    <t>【哈电锅炉】下部水平低温过热器U型弯管外3\Φ57*10\15CrMoVG\F022CFD001Q051\300MW\L=1124</t>
  </si>
  <si>
    <t>【哈电锅炉】下部水平低温过热器90°弯管\Φ57*10\15CrMoVG\F022CFD001Q051\300MW\L=1134</t>
  </si>
  <si>
    <t>【哈电锅炉】屏式过热器弯管90°\φ38*7.5\SA-213TP347HFG\F022CGA001Q051\300MW\L=1204</t>
  </si>
  <si>
    <t>【哈电锅炉】屏式过热器弯管18°\φ38*6.5\SA-213TP347HFG\F022CGA001Q051\300MW\L=1582</t>
  </si>
  <si>
    <t>【哈电锅炉】屏式过热器管屏上部弯管30°\φ38*6.5\SA-213T91\F022CGA001Q051\300MW\L=1296</t>
  </si>
  <si>
    <t>【哈电锅炉】屏式过热器管屏缠绕管6\φ38*6.5\SA-213T91\F022CGA001Q051\300MW\L=3400</t>
  </si>
  <si>
    <t>【哈电锅炉】屏式过热器管屏缠绕管7\φ38*6.5\SA-213T91\F022CGA001Q051\300MW\L=3300</t>
  </si>
  <si>
    <t>【哈电锅炉】屏式过热器管屏缠绕管8\φ38*6.5\SA-213T91\F022CGA001Q051\300MW\L=2500</t>
  </si>
  <si>
    <t>【哈电锅炉】屏式过热器管屏缠绕管9\φ38*6.5\SA-213T91\F022CGA001Q051\300MW\L=2600</t>
  </si>
  <si>
    <t>【哈电锅炉】屏式过热器管屏缠绕管11\φ38*6.5\SA-213T91\F022CGA001Q051\300MW\L=2900</t>
  </si>
  <si>
    <t>【哈电锅炉】屏式过热器管屏缠绕管12\φ38*6.5\SA-213T91\F022CGA001Q051\300MW\L=2826</t>
  </si>
  <si>
    <t>【哈电锅炉】屏式过热器管屏缠绕管13\φ38*6.5\SA-213T91\F022CGA001Q051\300MW\L=2700</t>
  </si>
  <si>
    <t>【哈电锅炉】屏式过热器管屏缠绕管14\φ38*6.5\SA-213T91\F022CGA001Q051\300MW\L=2650</t>
  </si>
  <si>
    <t>【哈电锅炉】屏式过热器管屏缠绕管16\φ38*6.5\SA-213T91\F022CGA001Q051\300MW\L=3300</t>
  </si>
  <si>
    <t>【哈电锅炉】屏式过热器管屏缠绕管17\φ38*6.5\SA-213T91\F022CGA001Q051\300MW\L=3200</t>
  </si>
  <si>
    <t>【哈电锅炉】屏式过热器管屏缠绕管18\φ38*6.5\SA-213T91\F022CGA001Q051\300MW\L=3400</t>
  </si>
  <si>
    <t>【哈电锅炉】屏式过热器管屏缠绕管19\φ38*6.5\SA-213T91\F022CGA001Q051\300MW\L=3300</t>
  </si>
  <si>
    <t>【哈电锅炉】屏式过热器间隔管弯管45°\Φ38*6.5\SA-213T91\F022CGC001Q051\300MW\L=1079</t>
  </si>
  <si>
    <t>【哈电锅炉】屏式过热器间隔管S弯管45°\Φ38*6.5\SA-213T91\F022CGC001Q051\300MW\L=1241</t>
  </si>
  <si>
    <t>【哈电锅炉】屏式过热器间隔管弯管90°\Φ38*6.5\SA-213T91\F022CGC001Q051\300MW\L=1157</t>
  </si>
  <si>
    <t>【哈电锅炉】屏式过热器间隔管S弯管30°\Φ38*6.5\SA-213T91\F022CGC001Q051\300MW\L=1205</t>
  </si>
  <si>
    <t>【哈电锅炉】屏式过热器间隔管弯管69°\Φ38*7.5\SA-213TP347HFG\F022CGC001Q051\300MW\L=1157</t>
  </si>
  <si>
    <t>【哈电锅炉】屏式过热器间隔管弯管90°\Φ38*7.5\SA-213TP347HFG\F022CGC001Q051\300MW\L=1204</t>
  </si>
  <si>
    <t>【哈电锅炉】屏式过热器间隔管S弯管50°\Φ38*7.5\SA-213TP347HFG\F022CGC001Q051\300MW\L=1405</t>
  </si>
  <si>
    <t>【哈电锅炉】屏式过热器间隔管弯管45°\Φ38*7.5\SA-213TP347HFG\F022CGC001Q051\300MW\L=1102</t>
  </si>
  <si>
    <t>【哈电锅炉】末级过热器S型弯管125°\φ44.5*9\SA-213T91\F022CHD001Q051\300MW\L=1327</t>
  </si>
  <si>
    <t>【哈电锅炉】末级过热器S型弯管55°\φ44.5*9\SA-213T91\F022CHD001Q051\300MW\L=1144</t>
  </si>
  <si>
    <t>【哈电锅炉】末级过热器最内圈U型弯管\φ44.5*9\SA-213TP347HFG\F022CHD001Q051\300MW\L=1126</t>
  </si>
  <si>
    <t>【哈电锅炉】末级过热器管屏上部弯管30°\φ44.5*8.5\SA-213T91\F022CHD001Q051\300MW\L=1296</t>
  </si>
  <si>
    <t>【哈电锅炉】一级过热器出口集箱管接头1\Φ51*10\12Cr1MoVG\F022CMK001Q051\300MW\L=832</t>
  </si>
  <si>
    <t>【哈电锅炉】一级过热器出口集箱管接头2\Φ51*10\12Cr1MoVG\F022CMK001Q051\300MW\L=692</t>
  </si>
  <si>
    <t>【哈电锅炉】一级过热器出口集箱管接头3\Φ51*10\12Cr1MoVG\F022CMK001Q051\300MW\L=612</t>
  </si>
  <si>
    <t>【哈电锅炉】末级过热器入口汇集集箱(左)管接头1\Φ198*40\SA-182F91\F022CMK001Q051\300MW\L=150.86</t>
  </si>
  <si>
    <t>【哈电锅炉】末级过热器入口汇集集箱(左)管接头2\Φ156*36.5\12Cr1MoVL=101.22\F022CMK001Q051\300MW</t>
  </si>
  <si>
    <t>【哈电锅炉】末级过热器入口汇集集箱(右)管接头1\Φ198*40\SA-182F91\F022CMK001Q051\300MW\L=150.86</t>
  </si>
  <si>
    <t>【哈电锅炉】末级过热器入口汇集集箱(右)管接头2\Φ156*36.5\12Cr1MoVL=101.22\F022CMK001Q051\300MW</t>
  </si>
  <si>
    <t>【哈电锅炉】再热器入口集箱管接头1\Φ63*4.5\20G\F022DJA001Q051\300MW\L=1245.5</t>
  </si>
  <si>
    <t>【哈电锅炉】再热器入口集箱管接头2\Φ63*4.5\20G\F022DJA001Q051\300MW\L=1035</t>
  </si>
  <si>
    <t>【哈电锅炉】再热器入口集箱管接头3\Φ63*4.5\20G\F022DJA001Q051\300MW\L=875</t>
  </si>
  <si>
    <t>【哈电锅炉】再热器入口集箱管接头4\Φ63*4.5\20G\F022DJA001Q051\300MW\L=55</t>
  </si>
  <si>
    <t>【哈电锅炉】上部水平低温再热器弯管90°\φ57*4.5\15CrMoG\F022DCB001Q051\300MW\L=785</t>
  </si>
  <si>
    <t>【哈电锅炉】上部水平低温再热器U型弯管外1\φ57*4.5\15CrMoG\F022DCB001Q051\300MW\L=1687</t>
  </si>
  <si>
    <t>【哈电锅炉】上部水平低温再热器U型弯管外2\φ57*4.5\15CrMoG\F022DCB001Q051\300MW\L=1529</t>
  </si>
  <si>
    <t>【哈电锅炉】上部水平低温再热器U型弯管外3\φ57*4.5\15CrMoG\F022DCB001Q051\300MW\L=1372</t>
  </si>
  <si>
    <t>【哈电锅炉】上部水平低温再热器U型弯管外4\φ57*4.5\15CrMoG\F022DCB001Q051\300MW\L=1124</t>
  </si>
  <si>
    <t>【哈电锅炉】上部水平低温再热器U型弯管外4\φ57*7.5\15CrMoG\F022DCB001Q051\300MW\L=1124</t>
  </si>
  <si>
    <t>【哈电锅炉】上部水平低温再热器悬吊管90°\φ51*9\15CrMoG\F022DCB001Q051\300MW\L=1200</t>
  </si>
  <si>
    <t>【哈电锅炉】中部水平低温再热器弯管90外1\φ63*4.5\15CrMoG\F022DCC001Q051\300MW\L=888</t>
  </si>
  <si>
    <t>【哈电锅炉】中部水平低温再热器U型弯管外2\φ63*4.5\15CrMoG\F022DCC001Q051\300MW\L=1598</t>
  </si>
  <si>
    <t>【哈电锅炉】中部水平低温再热器U型弯管外3\φ63*4.5\15CrMoG\F022DCC001Q051\300MW\L=1419</t>
  </si>
  <si>
    <t>【哈电锅炉】中部水平低温再热器U型弯管外4\φ63*4.5\15CrMoG\F022DCC001Q051\300MW\L=640</t>
  </si>
  <si>
    <t>【哈电锅炉】中部水平低温再热器U型弯管外4\φ63*7\15CrMoG\F022DCC001Q051\300MW\L=640</t>
  </si>
  <si>
    <t>【哈电锅炉】下部水平低温再热器弯管90°\φ63*4.5\20G\F022DCC001Q051\300MW\L=1210</t>
  </si>
  <si>
    <t>【哈电锅炉】下部水平低温再热器弯管90°\φ63*4.5\15CrMoG\F022DCD001Q051\300MW\L=1114</t>
  </si>
  <si>
    <t>【哈电锅炉】下部水平低温再热器U型弯管外1\φ63*4.5\20G\F022DCC001Q051\300MW\L=1776</t>
  </si>
  <si>
    <t>【哈电锅炉】下部水平低温再热器U型弯管外1\φ63*7\15CrMoG\F022DCD001Q051\300MW\L=1776</t>
  </si>
  <si>
    <t>【哈电锅炉】下部水平低温再热器U型弯管外2\φ63*4.5\15CrMoG\F022DCD001Q051\300MW\L=1598</t>
  </si>
  <si>
    <t>【哈电锅炉】下部水平低温再热器U型弯管外3\φ63*4.5\20G\F022DCD001Q051\300MW\L=1419</t>
  </si>
  <si>
    <t>【哈电锅炉】下部水平低温再热器U型弯管外4\φ63*4.5\15CrMoG\F022DCD001Q051\300MW\L=1140</t>
  </si>
  <si>
    <t>【哈电锅炉】下部水平低温再热器U型弯管外4\φ63*7.5\20G\F022DCD001Q051\300MW\L=1140</t>
  </si>
  <si>
    <t>【哈电锅炉】再热器入口集箱 侧向左4、右4管接头\φ63*4.5\20G\F022DJA001Q051\300MW\L=755</t>
  </si>
  <si>
    <t>【哈电锅炉】再热器入口集箱 侧向左3、右3管接头\φ63*4.5\20G\F022DJA001Q051\300MW\L=875</t>
  </si>
  <si>
    <t>【哈电锅炉】再热器入口集箱 侧向左2、右2管接头\φ63*4.5\20G\F022DJA001Q051\300MW\L=1035</t>
  </si>
  <si>
    <t>【哈电锅炉】再热器入口集箱 侧向左1、右1管接头\φ63*4.5\20G\F022DJA001Q051\300MW\L=1245.5</t>
  </si>
  <si>
    <t>【哈电锅炉】高温再热器上部U型弯管90°\φ51*4.5\SA-213T91\F022DCH001Q051\300MW\L=1157</t>
  </si>
  <si>
    <t>【哈电锅炉】高温再热器上部U型弯管180°内2\φ51*4.5\SA-213T91\F022DCH001Q051\300MW\L=1456</t>
  </si>
  <si>
    <t>【哈电锅炉】高温再热器上部U型弯管180°内1\φ51*4.5\SA-213T91\F022DCH001Q051\300MW\L=1314</t>
  </si>
  <si>
    <t>【哈电锅炉】高温再热器U型弯管90°\φ51*4.5\SA-213TP347H\F022DCH001Q051\300MW\L=1267</t>
  </si>
  <si>
    <t>【哈电锅炉】高温再热器U型弯管55°\φ51*4.5\SA-213T91\F022DCH001Q051\300MW\L=1218</t>
  </si>
  <si>
    <t>【哈电锅炉】高温再热器U型弯管125°\φ51*4.5\SA-213T91\F022DCH001Q051\300MW\L=1096</t>
  </si>
  <si>
    <t>【哈电锅炉】高温再热器弯管1\φ57*4.5\12Cr1MoVG\F022DCH001Q051\300MW\L=1574</t>
  </si>
  <si>
    <t>【哈电锅炉】高温再热器弯管2\φ57*4.5\12Cr1MoVG\F022DCH001Q051\300MW\L=1495</t>
  </si>
  <si>
    <t>【哈电锅炉】高温再热器弯管90°\φ57*4.5\12Cr1MoVG\F022DCH001Q051\300MW\L=1185</t>
  </si>
  <si>
    <t>【哈电锅炉】屏式过热器异种钢接头\φ38*6.5\φ38\F022CGA001Q051\300MW</t>
  </si>
  <si>
    <t>【哈电锅炉】屏式过热器异种钢接头\φ38*7.5\φ38\F022CGA002Q051\300MW</t>
  </si>
  <si>
    <t>【哈电锅炉】末级过热器异种钢接头\φ44.5*9.5\φ44.5\F022CHD001Q051\300MW</t>
  </si>
  <si>
    <t>【哈电锅炉】高温再热器异种钢接头\φ51*4.5\φ51\F022DCH001Q051\300MW</t>
  </si>
  <si>
    <t>【哈电锅炉】测量孔弯管\Φ31.8*6.2\15CrMoG\YT15-4100\300MW\L=A=348;B=748</t>
  </si>
  <si>
    <t>【哈电锅炉】伸缩式吹灰孔弯管\Φ31.8*6.2\15CrMoG\YT15-4116\300MW\L=A=364;B=364</t>
  </si>
  <si>
    <t>【哈电锅炉】压力测量孔弯管\Φ31.8*6.2\15CrMoG\YT15-4240\300MW\L=A=198;B=198</t>
  </si>
  <si>
    <t>【哈电锅炉】电视摄像孔弯管\Φ31.8*6.2\15CrMoG\YT15-4131\300MW\L=A=241;B=241</t>
  </si>
  <si>
    <t>【哈电锅炉】人孔弯管\Φ31.8*6.2\15CrMoG\YT15-4121\300MW\L=A=680;B=680</t>
  </si>
  <si>
    <t>【哈电锅炉】斜向观察孔弯管\Φ31.8*6.2\15CrMoG\YT15-4093\300MW\L=A=390;B=390</t>
  </si>
  <si>
    <t>【哈电锅炉】看火孔弯管\Φ31.8*6.2\15CrMoG\YT15-4097\300MW\L=A=390;B=390</t>
  </si>
  <si>
    <t>【哈电锅炉】观察孔弯管\Φ38*7.3\15CrMoG\YT15-4442\300MW\L=A=256;B=256</t>
  </si>
  <si>
    <t>【哈电锅炉】炉膛吹灰孔弯管\Φ38*6.5MET\15CrMoG\YT15-4619\300MW\L=A=266;B=266</t>
  </si>
  <si>
    <t>【哈电锅炉】观察口弯管\Φ38*6.5MET\15CrMoG\YT15-4621\300MW\L=A=830;B=305</t>
  </si>
  <si>
    <t>【哈电锅炉】燃烬风喷口弯管\Φ38*6.5MET\15CrMoG\YT15-4640\300MW\L=A=580;B=580</t>
  </si>
  <si>
    <t>【哈电锅炉】煤粉燃烧器喷口弯管\Φ38*6.5MET\15CrMoG\YT15-4601\300MW\L=A=1150;B=1150</t>
  </si>
  <si>
    <t>【哈电锅炉】省煤器入口集箱管接头1\Φ51*6\20G\F002EHE002L071\300MW\L=1014</t>
  </si>
  <si>
    <t>【哈电锅炉】省煤器入口集箱管接头2\Φ51*6\20G\F002EHE003L071\300MW\L=639</t>
  </si>
  <si>
    <t>【哈电锅炉】省煤器入口集箱管接头3\Φ32*5\20G\F002EHE004L071\300MW\L=80</t>
  </si>
  <si>
    <t>【哈电锅炉】省煤器入口集箱管接头4\Φ28*7\20\F002EHE005L071\300MW\L=80</t>
  </si>
  <si>
    <t>【哈电锅炉】省煤器入口集箱管接头5\Φ108*20\20\F002EHE007L071\300MW\L=80</t>
  </si>
  <si>
    <t>【哈电锅炉】省煤器入口集箱管接头6\Φ108*19.5\20\F002EHE008L071\300MW\L=100</t>
  </si>
  <si>
    <t>【哈电锅炉】省煤器出口集箱管接头1\Φ51*8\15CrMoG\F001EHD001L071\300MW\L=152</t>
  </si>
  <si>
    <t>【哈电锅炉】省煤器出口集箱管接头2\Φ32*5\15CrMoG\F001EHD001L071\300MW\L=80</t>
  </si>
  <si>
    <t>【哈电锅炉】省煤器吊挂集箱 No.1管接头1\Φ51*8.5\SA-210C\F002EHA003L071\300MW\L=495</t>
  </si>
  <si>
    <t>【哈电锅炉】省煤器吊挂集箱 No.1管接头2\Φ51*8.5\SA-210C\F002EHA004L071\300MW\L=479</t>
  </si>
  <si>
    <t>【哈电锅炉】省煤器吊挂集箱 No.1管接头3\Φ51*8\20G\F002EHA005L071\300MW\L=100</t>
  </si>
  <si>
    <t>【哈电锅炉】省煤器吊挂集箱 No.2管接头1\Φ51*8.5\SA-210C\F002EHA003L071\300MW\L=495</t>
  </si>
  <si>
    <t>【哈电锅炉】省煤器吊挂集箱 No.2管接头2\Φ51*8.5\SA-210C\F002EHA004L071\300MW\L=479</t>
  </si>
  <si>
    <t>【哈电锅炉】省煤器吊挂集箱 No.2管接头3\Φ51*8\20G\F002EHA005L071\300MW\L=100</t>
  </si>
  <si>
    <t>【哈电锅炉】中过I穿顶棚让管(正弯)\Φ57*6.5\SA-210C\F002BHH027L071\300MW\L=3543</t>
  </si>
  <si>
    <t>【哈电锅炉】中过I穿顶棚让管(反弯)\Φ57*6.5\SA-210C\F002BHH027L071\300MW\L=3543</t>
  </si>
  <si>
    <t>【哈电锅炉】中过II穿顶棚让管(正弯)\Φ57*6.5\SA-210C\F002BHH034L071\300MW\L=3548</t>
  </si>
  <si>
    <t>【哈电锅炉】中过II穿顶棚让管(反弯)\Φ57*6.5\SA-210C\F002BHH034L071\300MW\L=3548</t>
  </si>
  <si>
    <t>【哈电锅炉】水冷屏穿顶棚让管(正弯)\Φ57*6.5\SA-210C\F002BHH022L071\300MW\L=2603</t>
  </si>
  <si>
    <t>【哈电锅炉】水冷屏穿顶棚让管(反弯)\Φ57*6.5\SA-210C\F002BHH022L071\300MW\L=2603</t>
  </si>
  <si>
    <t>【哈电锅炉】高温再热器穿顶棚让管(正弯)\Φ57*6.5\SA-210C\F002BHH031L071\300MW\L=2388</t>
  </si>
  <si>
    <t>【哈电锅炉】高温再热器穿顶棚让管(反弯)\Φ57*6.5\SA-210C\F002BHH031L071\300MW\L=2388</t>
  </si>
  <si>
    <t>【哈电锅炉】顶部集箱(左)管接头1\Φ57*6.5\SA-210C\F002BEB002L071\300MW\L=104</t>
  </si>
  <si>
    <t>【哈电锅炉】顶部集箱(右)管接头1\Φ57*6.5\SA-210C\F002BEB002L071\300MW\L=104</t>
  </si>
  <si>
    <t>【哈电锅炉】左(右)侧水冷壁上集箱管接头1正反各半\Φ57*6.5\SA-210C\F002BEB006L071\300MW\L=637</t>
  </si>
  <si>
    <t>【哈电锅炉】左(右)侧水冷壁上集箱管接头2\Φ57*6.5\SA-210C\F002BEB007L071\300MW\L=470.4</t>
  </si>
  <si>
    <t>【哈电锅炉】上二次风口让管1\Φ76*8\SA-210C\F002BHL034L071\300MW\L=1754</t>
  </si>
  <si>
    <t>【哈电锅炉】上二次风口让管2\Φ76*8\SA-210C\F002BHL035L071\300MW\L=1642</t>
  </si>
  <si>
    <t>【哈电锅炉】下二次风口让管1\Φ76*8\SA-210C\F002BHL025L071\300MW\L=2042</t>
  </si>
  <si>
    <t>【哈电锅炉】下二次风口让管2\Φ76*8\SA-210C\F002BHL026L071\300MW\L=2893</t>
  </si>
  <si>
    <t>【哈电锅炉】下二次风口让管3\Φ76*8\SA-210C\F002BHL027L071\300MW\L=2134</t>
  </si>
  <si>
    <t>【哈电锅炉】下二次风口让管4\Φ76*8\SA-210C\F002BHL032L071\300MW\L=1788</t>
  </si>
  <si>
    <t>【哈电锅炉】下二次风口让管5\Φ76*8\SA-210C\F002BHL033L071\300MW\L=1682</t>
  </si>
  <si>
    <t>【哈电锅炉】排渣口让管1\Φ76*8\SA-210C\F002BHH044L071\300MW\L=1815</t>
  </si>
  <si>
    <t>【哈电锅炉】排渣口让管2\Φ76*8\SA-210C\F002BHH045L071\300MW\L=2177</t>
  </si>
  <si>
    <t>【哈电锅炉】排渣口让管3\Φ76*8\SA-210C\F002BHH055L071\300MW\L=2142</t>
  </si>
  <si>
    <t>【哈电锅炉】排渣口让管4\Φ76*8\SA-210C\F002BHH054L071\300MW\L=2070</t>
  </si>
  <si>
    <t>【哈电锅炉】上二次风口让管1\Φ76*8\SA-210C\F002BFH008L071\300MW\L=1719</t>
  </si>
  <si>
    <t>【哈电锅炉】上二次风口让管2\Φ76*8\SA-210C\F002BFH009L071\300MW\L=1647</t>
  </si>
  <si>
    <t>【哈电锅炉】上二次风口让管3\Φ76*8\SA-210C\F002BFH010L071\300MW\L=1571</t>
  </si>
  <si>
    <t>【哈电锅炉】下二次风口让管1\Φ76*8\SA-210C\F002BFH008L071\300MW\L=1719</t>
  </si>
  <si>
    <t>【哈电锅炉】下二次风口让管2\Φ76*8\SA-210C\F002BFH009L071\300MW\L=1647</t>
  </si>
  <si>
    <t>【哈电锅炉】下二次风口让管3\Φ76*8\SA-210C\F002BFH010L071\300MW\L=1571</t>
  </si>
  <si>
    <t>【哈电锅炉】启动燃烧器口和人孔让管1(正反各半)\Φ76*8\SA-210C\F002BFH002L071\300MW\L=3850</t>
  </si>
  <si>
    <t>【哈电锅炉】启动燃烧器口和人孔让管2(正反各半)\Φ76*8\SA-210C\F002BFH003L071\300MW\L=3500</t>
  </si>
  <si>
    <t>【哈电锅炉】启动燃烧器口和人孔让管3(正反各半)\Φ76*8\SA-210C\F002BFH004L071\300MW\L=3360</t>
  </si>
  <si>
    <t>【哈电锅炉】前水冷壁入口集箱管接头1\Φ76*8\SA-210C\F002BEC003L071\300MW\L=159</t>
  </si>
  <si>
    <t>【哈电锅炉】前水冷壁入口集箱管接头2\Φ89*11\SA-210C\F002BEC007L071\300MW\L=159</t>
  </si>
  <si>
    <t>【哈电锅炉】上二次风口让管1\Φ76*8\SA-210C\F002BFM008L071\300MW\L=1719</t>
  </si>
  <si>
    <t>【哈电锅炉】上二次风口让管2\Φ76*8\SA-210C\F002BFM009L071\300MW\L=1647</t>
  </si>
  <si>
    <t>【哈电锅炉】上二次风口让管3\Φ76*8\SA-210C\F002BFM010L071\300MW\L=1571</t>
  </si>
  <si>
    <t>【哈电锅炉】下二次风口让管1\Φ76*8\SA-210C\F002BFM008L071\300MW\L=1719</t>
  </si>
  <si>
    <t>【哈电锅炉】下二次风口让管2\Φ76*8\SA-210C\F002BFM009L071\300MW\L=1647</t>
  </si>
  <si>
    <t>【哈电锅炉】下二次风口让管3\Φ76*8\SA-210C\F002BFM010L071\300MW\L=1571</t>
  </si>
  <si>
    <t>【哈电锅炉】启动燃烧器口和人孔让管1正反各半\Φ76*8\SA-210C\F002BFH002L071\300MW\L=3850</t>
  </si>
  <si>
    <t>【哈电锅炉】启动燃烧器口和人孔让管2正反各半\Φ76*8\SA-210C\F002BFH003L071\300MW\L=3500</t>
  </si>
  <si>
    <t>【哈电锅炉】启动燃烧器口和人孔让管3正反各半\Φ76*8\SA-210C\F002BFH004L071\300MW\L=3360</t>
  </si>
  <si>
    <t>【哈电锅炉】水冷壁前后上部中间集箱Ⅰ管接头1\Φ76*8\SA-210C\F002BEC003L071\300MW\L=159</t>
  </si>
  <si>
    <t>【哈电锅炉】水冷壁前后上部中间集箱Ⅱ管接头1\Φ76*8\SA-210C\F002BEC003L071\300MW\L=159</t>
  </si>
  <si>
    <t>【哈电锅炉】后水冷壁入口集箱管接头1\Φ76*8\SA-210C\F002BEC003L071\300MW\L=159</t>
  </si>
  <si>
    <t>【哈电锅炉】后水冷壁入口集箱管接头2\Φ89*11\SA-210C\F002BEC007L071\300MW\L=159</t>
  </si>
  <si>
    <t>【哈电锅炉】二次风口让管1\Φ76*8\SA-210C\F002BFK013L071\300MW\L=1442</t>
  </si>
  <si>
    <t>【哈电锅炉】二次风口让管2\Φ76*8\SA-210C\F002BFK014L071\300MW\L=1401</t>
  </si>
  <si>
    <t>【哈电锅炉】二次风口让管3\Φ76*8\SA-210C\F002BFK015L071\300MW\L=1378</t>
  </si>
  <si>
    <t>【哈电锅炉】启动燃烧器口让管1\Φ76*8\SA-210C\F002BFK023L071\300MW\L=2142</t>
  </si>
  <si>
    <t>【哈电锅炉】启动燃烧器口让管2\Φ76*8\SA-210C\F002BFK024L071\300MW\L=2100</t>
  </si>
  <si>
    <t>【哈电锅炉】启动燃烧器口让管3\Φ76*8\SA-210C\F002BFK025L071\300MW\L=1978</t>
  </si>
  <si>
    <t>【哈电锅炉】启动燃烧器口让管4\Φ76*8\SA-210C\F002BFK026L071\300MW\L=1930</t>
  </si>
  <si>
    <t>【哈电锅炉】给煤回料斜腿口让管1\Φ76*8\SA-210C\F002BFK018L071\300MW\L=3310</t>
  </si>
  <si>
    <t>【哈电锅炉】给煤回料斜腿口让管2\Φ76*8\SA-210C\F002BFK019L071\300MW\L=3260</t>
  </si>
  <si>
    <t>【哈电锅炉】给煤回料斜腿口让管3\Φ76*8\SA-210C\F002BFK020L071\300MW\L=3210</t>
  </si>
  <si>
    <t>【哈电锅炉】给煤回料斜腿口让管4\Φ76*8\SA-210C\F002BFK021L071\300MW\L=3008</t>
  </si>
  <si>
    <t>【哈电锅炉】给煤回料斜腿口让管5\Φ76*8\SA-210C\F002BFK022L071\300MW\L=3008</t>
  </si>
  <si>
    <t>【哈电锅炉】左右水冷壁入口集箱管接头1\Φ76*8\SA-210C\F002BEC003L071\300MW\L=159</t>
  </si>
  <si>
    <t>【哈电锅炉】左右水冷壁入口集箱管接头2\Φ89*11\SA-210C\F002BEC007L071\300MW\L=159</t>
  </si>
  <si>
    <t>【哈电锅炉】二次风口让管1\Φ76*8\SA-210C\F002BFL013L071\300MW\L=1442</t>
  </si>
  <si>
    <t>【哈电锅炉】二次风口让管2\Φ76*8\SA-210C\F002BFL014L071\300MW\L=1401</t>
  </si>
  <si>
    <t>【哈电锅炉】二次风口让管3\Φ76*8\SA-210C\F002BFL015L071\300MW\L=1378</t>
  </si>
  <si>
    <t>【哈电锅炉】启动燃烧器口让管1\Φ76*8\SA-210C\F002BFL023L071\300MW\L=2142</t>
  </si>
  <si>
    <t>【哈电锅炉】启动燃烧器口让管2\Φ76*8\SA-210C\F002BFL024L071\300MW\L=2100</t>
  </si>
  <si>
    <t>【哈电锅炉】启动燃烧器口让管3\Φ76*8\SA-210C\F002BFL025L071\300MW\L=1978</t>
  </si>
  <si>
    <t>【哈电锅炉】启动燃烧器口让管4\Φ76*8\SA-210C\F002BFL026L071\300MW\L=1930</t>
  </si>
  <si>
    <t>【哈电锅炉】给煤回料斜腿口让管1\Φ76*8\SA-210C\F002BFL018L071\300MW\L=3310</t>
  </si>
  <si>
    <t>【哈电锅炉】给煤回料斜腿口让管2\Φ76*8\SA-210C\F002BFL019L071\300MW\L=3260</t>
  </si>
  <si>
    <t>【哈电锅炉】给煤回料斜腿口让管3\Φ76*8\SA-210C\F002BFL020L071\300MW\L=3210</t>
  </si>
  <si>
    <t>【哈电锅炉】给煤回料斜腿口让管4\Φ76*8\SA-210C\F002BFL021L071\300MW\L=3008</t>
  </si>
  <si>
    <t>【哈电锅炉】给煤回料斜腿口让管5\Φ76*8\SA-210C\F002BFL022L071\300MW\L=3008</t>
  </si>
  <si>
    <t>【哈电锅炉】入口"L"弯1\Φ63.5*7\SA-210C\F002BHK007L071\300MW\L=1529</t>
  </si>
  <si>
    <t>【哈电锅炉】入口"L"弯2\φ63.5*7\SA-210C\F002BHK008L071\300MW\L=1669</t>
  </si>
  <si>
    <t>【哈电锅炉】入口"L"弯3\φ63.5*7\SA-210C\F002BHK009L071\300MW\L=1809</t>
  </si>
  <si>
    <t>【哈电锅炉】入口"L"弯4\φ63.5*7\SA-210C\F002BHK010L071\300MW\L=1949</t>
  </si>
  <si>
    <t>【哈电锅炉】入口"L"弯5\φ63.5*7\SA-210C\F002BHK011L071\300MW\L=2089</t>
  </si>
  <si>
    <t>【哈电锅炉】入口"L"弯6\φ63.5*7\SA-210C\F002BHK012L071\300MW\L=2230</t>
  </si>
  <si>
    <t>【哈电锅炉】入口"L"弯7\φ63.5*7\SA-210C\F002BHK013L071\300MW\L=2370</t>
  </si>
  <si>
    <t>【哈电锅炉】入口"L"弯8\φ63.5*7\SA-210C\F002BHK014L071\300MW\L=2510</t>
  </si>
  <si>
    <t>【哈电锅炉】入口"L"弯9\φ63.5*7\SA-210C\F002BHK015L071\300MW\L=2650</t>
  </si>
  <si>
    <t>【哈电锅炉】入口"L"弯10\φ63.5*7\SA-210C\F002BHK016L071\300MW\L=2790</t>
  </si>
  <si>
    <t>【哈电锅炉】入口"L"弯11\φ63.5*7\SA-210C\F002BHK017L071\300MW\L=2930</t>
  </si>
  <si>
    <t>【哈电锅炉】入口"L"弯12\φ63.5*7\SA-210C\F002BHK024L071\300MW\L=3070</t>
  </si>
  <si>
    <t>【哈电锅炉】入口"L"弯13\φ63.5*7\SA-210C\F002BHK025L071\300MW\L=3210</t>
  </si>
  <si>
    <t>【哈电锅炉】入口"L"弯14\φ63.5*7\SA-210C\F002BHK026L071\300MW\L=3350</t>
  </si>
  <si>
    <t>【哈电锅炉】入口"L"弯15\φ63.5*7\SA-210C\F002BHK027L071\300MW\L=3490</t>
  </si>
  <si>
    <t>【哈电锅炉】入口"L"弯16\φ63.5*7\SA-210C\F002BHK028L071\300MW\L=3630</t>
  </si>
  <si>
    <t>【哈电锅炉】入口"L"弯17\φ63.5*7\SA-210C\F002BHK029L071\300MW\L=3770</t>
  </si>
  <si>
    <t>【哈电锅炉】入口"L"弯18\φ63.5*7\SA-210C\F002BHK030L071\300MW\L=3910</t>
  </si>
  <si>
    <t>【哈电锅炉】入口"L"弯19\φ63.5*7\SA-210C\F002BHK031L071\300MW\L=4050</t>
  </si>
  <si>
    <t>【哈电锅炉】入口"L"弯20\φ63.5*7\SA-210C\F002BHK032L071\300MW\L=4190</t>
  </si>
  <si>
    <t>【哈电锅炉】入口"L"弯21\φ63.5*7\SA-210C\F002BHK033L071\300MW\L=4330</t>
  </si>
  <si>
    <t>【哈电锅炉】入口"L"弯22\φ63.5*7\SA-210C\F002BHK034L071\300MW\L=4470</t>
  </si>
  <si>
    <t>【哈电锅炉】入口"L"弯23\φ63.5*7\SA-210C\F002BHK036L071\300MW\L=4610</t>
  </si>
  <si>
    <t>【哈电锅炉】入口"L"弯24\φ63.5*7\SA-210C\F002BHK037L071\300MW\L=4750</t>
  </si>
  <si>
    <t>【哈电锅炉】入口"L"弯25\φ63.5*7\SA-210C\F002BHK038L071\300MW\L=4890</t>
  </si>
  <si>
    <t>【哈电锅炉】入口"L"弯26\φ63.5*7\SA-210C\F002BHK039L071\300MW\L=5033</t>
  </si>
  <si>
    <t>【哈电锅炉】入口"L"弯27\φ63.5*7\SA-210C\F002BHK040L071\300MW\L=5174</t>
  </si>
  <si>
    <t>【哈电锅炉】入口"L"弯28\φ63.5*7\SA-210C\F002BHK041L071\300MW\L=5314</t>
  </si>
  <si>
    <t>【哈电锅炉】入口"L"弯1\Φ63.5*7\SA-210C\F002BHX007L071\300MW\L=1529</t>
  </si>
  <si>
    <t>【哈电锅炉】入口"L"弯2\φ63.5*7\SA-210C\F002BHX008L071\300MW\L=1669</t>
  </si>
  <si>
    <t>【哈电锅炉】入口"L"弯3\φ63.5*7\SA-210C\F002BHX009L071\300MW\L=1809</t>
  </si>
  <si>
    <t>【哈电锅炉】入口"L"弯4\φ63.5*7\SA-210C\F002BHX010L071\300MW\L=1949</t>
  </si>
  <si>
    <t>【哈电锅炉】入口"L"弯5\φ63.5*7\SA-210C\F002BHX011L071\300MW\L=2089</t>
  </si>
  <si>
    <t>【哈电锅炉】入口"L"弯6\φ63.5*7\SA-210C\F002BHX012L071\300MW\L=2230</t>
  </si>
  <si>
    <t>【哈电锅炉】入口"L"弯7\φ63.5*7\SA-210C\F002BHX013L071\300MW\L=2370</t>
  </si>
  <si>
    <t>【哈电锅炉】入口"L"弯8\φ63.5*7\SA-210C\F002BHX014L071\300MW\L=2510</t>
  </si>
  <si>
    <t>【哈电锅炉】入口"L"弯9\φ63.5*7\SA-210C\F002BHX015L071\300MW\L=2650</t>
  </si>
  <si>
    <t>【哈电锅炉】入口"L"弯10\φ63.5*7\SA-210C\F002BHX016L071\300MW\L=2790</t>
  </si>
  <si>
    <t>【哈电锅炉】入口"L"弯11\φ63.5*7\SA-210C\F002BHX017L071\300MW\L=2930</t>
  </si>
  <si>
    <t>【哈电锅炉】入口"L"弯12\φ63.5*7\SA-210C\F002BHX024L071\300MW\L=3070</t>
  </si>
  <si>
    <t>【哈电锅炉】入口"L"弯13\φ63.5*7\SA-210C\F002BHX025L071\300MW\L=3210</t>
  </si>
  <si>
    <t>【哈电锅炉】入口"L"弯14\φ63.5*7\SA-210C\F002BHX026L071\300MW\L=3350</t>
  </si>
  <si>
    <t>【哈电锅炉】入口"L"弯15\φ63.5*7\SA-210C\F002BHX027L071\300MW\L=3490</t>
  </si>
  <si>
    <t>【哈电锅炉】入口"L"弯16\φ63.5*7\SA-210C\F002BHX028L071\300MW\L=3630</t>
  </si>
  <si>
    <t>【哈电锅炉】入口"L"弯17\φ63.5*7\SA-210C\F002BHX029L071\300MW\L=3770</t>
  </si>
  <si>
    <t>【哈电锅炉】入口"L"弯18\φ63.5*7\SA-210C\F002BHX030L071\300MW\L=3910</t>
  </si>
  <si>
    <t>【哈电锅炉】入口"L"弯19\φ63.5*7\SA-210C\F002BHX031L071\300MW\L=4050</t>
  </si>
  <si>
    <t>【哈电锅炉】入口"L"弯20\φ63.5*7\SA-210C\F002BHX032L071\300MW\L=4190</t>
  </si>
  <si>
    <t>【哈电锅炉】入口"L"弯21\φ63.5*7\SA-210C\F002BHX033L071\300MW\L=4330</t>
  </si>
  <si>
    <t>【哈电锅炉】入口"L"弯22\φ63.5*7\SA-210C\F002BHX034L071\300MW\L=4470</t>
  </si>
  <si>
    <t>【哈电锅炉】入口"L"弯23\φ63.5*7\SA-210C\F002BHX036L071\300MW\L=4610</t>
  </si>
  <si>
    <t>【哈电锅炉】入口弯头1\φ51*8\12Cr1MoVG\F002CFR022L071\300MW\L=2321</t>
  </si>
  <si>
    <t>【哈电锅炉】入口弯头2\φ51*8\12Cr1MoVG\FOO2CFRO23L071\300MW\L=2540</t>
  </si>
  <si>
    <t>【哈电锅炉】入口弯头3\φ51*8\12Cr1MoVG\FOO2CFRO24L071\300MW\L=2892</t>
  </si>
  <si>
    <t>【哈电锅炉】入口弯头4\φ51*8\12Cr1MoVG\FOO2CFRO25L071\300MW\L=3377</t>
  </si>
  <si>
    <t>【哈电锅炉】出口弯头1\φ51*8\SA-213T91\FOO2CFRO26L071\300MW\L=1458</t>
  </si>
  <si>
    <t>【哈电锅炉】出口弯头2\φ51*8\SA-213T91\FOO2CFRO27L071\300MW\L=1669</t>
  </si>
  <si>
    <t>【哈电锅炉】出口弯头3\φ51*8\SA-213T91\FOO2CFRO28L071\300MW\L=2030</t>
  </si>
  <si>
    <t>【哈电锅炉】出口弯头4\φ51*8\SA-213T91\FOO2CFRO29L071\300MW\L=2444</t>
  </si>
  <si>
    <t>【哈电锅炉】过热器高温入口集箱管接头1\Φ51*8\12Cr1MoVG\F001CMJ007L071\300MW\L=160.5</t>
  </si>
  <si>
    <t>【哈电锅炉】过热器高温入口集箱管接头2\Φ32*5\15CrMoG\F001CMJ007L071\300MW\L=156.9</t>
  </si>
  <si>
    <t>【哈电锅炉】过热器高温出口集箱管接头1\Φ51*8\SA-213T91\F001CMJ008L071\300MW\L=160.5</t>
  </si>
  <si>
    <t>【哈电锅炉】过热器高温出口集箱管接头2\Φ60*10\12Cr1MoVG\F001CMJ008L071\300MW\L=185.5</t>
  </si>
  <si>
    <t>【哈电锅炉】入口弯头1\φ51*6.5\SA-210C\FOO2CFF025L071\300MW\L=1481</t>
  </si>
  <si>
    <t>【哈电锅炉】入口弯头2\φ51*6.5\SA-210C\FOO2CFF026L071\300MW\L=1700</t>
  </si>
  <si>
    <t>【哈电锅炉】入口弯头3\φ51*6.5\SA-210C\FOO2CFF027L071\300MW\L=2052</t>
  </si>
  <si>
    <t>【哈电锅炉】入口弯头4\φ51*6.5\SA-210C\FOO2CFF028L071\300MW\L=2537</t>
  </si>
  <si>
    <t>【哈电锅炉】出口弯头1\φ51*6.5\15CrMoG\FOO2CFF029L071\300MW\L=2444</t>
  </si>
  <si>
    <t>【哈电锅炉】出口弯头2\φ51*6.5\15CrMoG\FOO2CFF030L071\300MW\L=2030</t>
  </si>
  <si>
    <t>【哈电锅炉】出口弯头3\φ51*6.5\15CrMoG\FOO2CFF031L071\300MW\L=1668</t>
  </si>
  <si>
    <t>【哈电锅炉】出口弯头4\φ51*6.5\15CrMoG\FOO2CFF032L071\300MW\L=1458</t>
  </si>
  <si>
    <t>【哈电锅炉】前后包墙上集箱管接头1\Φ57*10\15CrMoG\F001CMH001L071\300MW\L=152.5</t>
  </si>
  <si>
    <t>【哈电锅炉】前后包墙上集箱管接头2\Φ60*8\20G\F001CMH001L071\300MW\L=153</t>
  </si>
  <si>
    <t>【哈电锅炉】侧包墙上集箱右(左)管接头1\Φ57*7\15CrMoG\F001CMH002L071\300MW\L=153</t>
  </si>
  <si>
    <t>【哈电锅炉】侧包墙上集箱右(左)管接头2\Φ60*8\20G\F001CMH002L071\300MW\L=153</t>
  </si>
  <si>
    <t>【哈电锅炉】过热器包墙下集箱(右)管接头1\Φ57*7\SA-210C\F001CMH003L071\300MW\L=149</t>
  </si>
  <si>
    <t>【哈电锅炉】过热器包墙下集箱(右)管接头2\Φ32*5\20G\F001CMH003L071\300MW\L=150</t>
  </si>
  <si>
    <t>【哈电锅炉】过热器包墙下集箱(左)管接头1\Φ57*7\SA-210C\F001CMH004L071\300MW\L=149</t>
  </si>
  <si>
    <t>【哈电锅炉】过热器包墙下集箱(左)管接头2\Φ32*5\20G\F001CMH004L071\300MW\L=150</t>
  </si>
  <si>
    <t>【哈电锅炉】过热器包墙下集箱(前后)管接头1\Φ57*7\SA-210C\F001CMH005L071\300MW\L=149</t>
  </si>
  <si>
    <t>【哈电锅炉】过热器包墙下集箱(前后)管接头1\Φ32*5\20G\F001CMH005L071\300MW\L=150</t>
  </si>
  <si>
    <t>【哈电锅炉】隔墙下集箱管接头1\Φ57*7\SA-210C\F001CMH006L071\300MW\L=149</t>
  </si>
  <si>
    <t>【哈电锅炉】隔墙下集箱管接头1\Φ32*5\20G\F001CMH006L071\300MW\L=150</t>
  </si>
  <si>
    <t>【哈电锅炉】低温过热器入口集箱管接头1\Φ51*6.5\SA-210C\F001CMJ001L071\300MW\L=159</t>
  </si>
  <si>
    <t>【哈电锅炉】低温过热器入口集箱管接头2\Φ76*10\20G\F001CMJ001L071\300MW\L=160.5</t>
  </si>
  <si>
    <t>【哈电锅炉】低温过热器出口集箱管接头1\Φ51*6.5\15CrMoG\F001CMJ002L071\300MW\L=159</t>
  </si>
  <si>
    <t>【哈电锅炉】低温过热器出口集箱管接头2\Φ76*10\20G\F001CMJ002L071\300MW\L=185.5</t>
  </si>
  <si>
    <t>【哈电锅炉】入口"L"弯1\Φ51*13\12Cr1MoVG\F002CFP010L071\300MW\L=474</t>
  </si>
  <si>
    <t>【哈电锅炉】入口"L"弯2\Φ51*7\12Cr1MoVG\F002CFP010L071\300MW\L=1597</t>
  </si>
  <si>
    <t>【哈电锅炉】入口"L"弯3\φ51*7\12Cr1MoVG\F002CFP012L071\300MW\L=1724</t>
  </si>
  <si>
    <t>【哈电锅炉】入口"L"弯4\φ51*7\12Cr1MoVG\F002CFP013L071\300MW\L=1853</t>
  </si>
  <si>
    <t>【哈电锅炉】入口"L"弯5\φ51*7\12Cr1MoVG\F002CFP014L071\300MW\L=1982</t>
  </si>
  <si>
    <t>【哈电锅炉】入口"L"弯6\φ51*7\12Cr1MoVG\F002CFP015L071\300MW\L=2110</t>
  </si>
  <si>
    <t>【哈电锅炉】入口"L"弯7\φ51*7\12Cr1MoVG\F002CFP016L071\300MW\L=2238</t>
  </si>
  <si>
    <t>【哈电锅炉】入口"L"弯8\φ51*7\12Cr1MoVG\F002CFP017L071\300MW\L=2367</t>
  </si>
  <si>
    <t>【哈电锅炉】入口"L"弯9\φ51*7\12Cr1MoVG\F002CFP018L071\300MW\L=2495</t>
  </si>
  <si>
    <t>【哈电锅炉】入口"L"弯10\φ51*7\12Cr1MoVG\F002CFP019L071\300MW\L=2623</t>
  </si>
  <si>
    <t>【哈电锅炉】入口"L"弯11\φ51*7\12Cr1MoVG\F002CFP020L071\300MW\L=2751</t>
  </si>
  <si>
    <t>【哈电锅炉】入口"L"弯12\φ51*7\12Cr1MoVG\F002CFP021L071\300MW\L=2880</t>
  </si>
  <si>
    <t>【哈电锅炉】入口"L"弯13\φ51*7\12Cr1MoVG\F002CFP022L071\300MW\L=3008</t>
  </si>
  <si>
    <t>【哈电锅炉】入口"L"弯14\φ51*7\12Cr1MoVG\F002CFP023L071\300MW\L=3136</t>
  </si>
  <si>
    <t>【哈电锅炉】入口"L"弯15\φ51*7\12Cr1MoVG\F002CFP024L071\300MW\L=3265</t>
  </si>
  <si>
    <t>【哈电锅炉】入口"L"弯16\φ51*7\12Cr1MoVG\F002CFP025L071\300MW\L=3393</t>
  </si>
  <si>
    <t>【哈电锅炉】入口"L"弯17\φ51*7\12Cr1MoVG\F002CFP026L071\300MW\L=3521</t>
  </si>
  <si>
    <t>【哈电锅炉】入口"L"弯18\φ51*7\12Cr1MoVG\F002CFP027L071\300MW\L=3649</t>
  </si>
  <si>
    <t>【哈电锅炉】入口"L"弯19\φ51*7\12Cr1MoVG\F002CFP028L071\300MW\L=3778</t>
  </si>
  <si>
    <t>【哈电锅炉】入口"L"弯20\φ51*7\12Cr1MoVG\F002CFP029L071\300MW\L=3906</t>
  </si>
  <si>
    <t>【哈电锅炉】入口"L"弯21\φ51*7\12Cr1MoVG\F002CFP030L071\300MW\L=4034</t>
  </si>
  <si>
    <t>【哈电锅炉】入口"L"弯22\φ51*7\12Cr1MoVG\F002CFP031L071\300MW\L=4163</t>
  </si>
  <si>
    <t>【哈电锅炉】入口"L"弯23\φ51*7\12Cr1MoVG\F002CFP032L071\300MW\L=4291</t>
  </si>
  <si>
    <t>【哈电锅炉】入口"L"弯24\φ51*7\12Cr1MoVG\F002CFP033L071\300MW\L=4419</t>
  </si>
  <si>
    <t>【哈电锅炉】入口"L"弯25\φ51*7\12Cr1MoVG\F002CFP034L071\300MW\L=4547</t>
  </si>
  <si>
    <t>【哈电锅炉】入口"L"弯26\φ51*7\12Cr1MoVG\F002CFP035L071\300MW\L=4676</t>
  </si>
  <si>
    <t>【哈电锅炉】入口"L"弯27\φ51*7\12Cr1MoVG\F002CFP036L071\300MW\L=4804</t>
  </si>
  <si>
    <t>【哈电锅炉】入口"L"弯28\φ51*7\12Cr1MoVG\F002CFP037L071\300MW\L=4932</t>
  </si>
  <si>
    <t>【哈电锅炉】入口"L"弯29\φ51*7\12Cr1MoVG\F002CFP038L071\300MW\L=5061</t>
  </si>
  <si>
    <t>【哈电锅炉】入口"L"弯30\φ51*7\12Cr1MoVG\F002CFP039L071\300MW\L=5189</t>
  </si>
  <si>
    <t>【哈电锅炉】入口"L"弯31\φ51*7\12Cr1MoVG\F002CFP040L071\300MW\L=5317</t>
  </si>
  <si>
    <t>【哈电锅炉】入口"L"弯32\φ51*7\12Cr1MoVG\F002CFP041L071\300MW\L=5445</t>
  </si>
  <si>
    <t>【哈电锅炉】入口"L"弯33\φ51*7\12Cr1MoVG\F002CFP042L071\300MW\L=5574</t>
  </si>
  <si>
    <t>【哈电锅炉】入口"L"弯34\φ51*7\12Cr1MoVG\F002CFP043L071\300MW\L=5702</t>
  </si>
  <si>
    <t>【哈电锅炉】入口"L"弯35\φ51*7\12Cr1MoVG\F002CFP044L071\300MW\L=5830</t>
  </si>
  <si>
    <t>【哈电锅炉】入口"L"弯36\φ51*7\12Cr1MoVG\F002CFP045L071\300MW\L=5959</t>
  </si>
  <si>
    <t>【哈电锅炉】入口"L"弯37\φ51*7\12Cr1MoVG\F002CFP046L071\300MW\L=6087</t>
  </si>
  <si>
    <t>【哈电锅炉】入口"L"弯38\φ51*7\12Cr1MoVG\F002CFP047L071\300MW\L=6215</t>
  </si>
  <si>
    <t>【哈电锅炉】入口"L"弯1\Φ51*13\12Cr1MoVG\F002CFQ010L071\300MW\L=474</t>
  </si>
  <si>
    <t>【哈电锅炉】入口"L"弯2\Φ51*7\12Cr1MoVG\F002CFQ010L071\300MW\L=1597</t>
  </si>
  <si>
    <t>【哈电锅炉】入口"L"弯3\φ51*7\12Cr1MoVG\F002CFQ012L071\300MW\L=1724</t>
  </si>
  <si>
    <t>【哈电锅炉】入口"L"弯4\φ51*7\12Cr1MoVG\F002CFQ013L071\300MW\L=1853</t>
  </si>
  <si>
    <t>【哈电锅炉】入口"L"弯5\φ51*7\12Cr1MoVG\F002CFQ014L071\300MW\L=1982</t>
  </si>
  <si>
    <t>【哈电锅炉】入口"L"弯6\φ51*7\12Cr1MoVG\F002CFQ015L071\300MW\L=2110</t>
  </si>
  <si>
    <t>【哈电锅炉】入口"L"弯7\φ51*7\12Cr1MoVG\F002CFQ016L071\300MW\L=2238</t>
  </si>
  <si>
    <t>【哈电锅炉】入口"L"弯8\φ51*7\12Cr1MoVG\F002CFQ017L071\300MW\L=2367</t>
  </si>
  <si>
    <t>【哈电锅炉】入口"L"弯9\φ51*7\12Cr1MoVG\F002CFQ018L071\300MW\L=2495</t>
  </si>
  <si>
    <t>【哈电锅炉】入口"L"弯10\φ51*7\12Cr1MoVG\F002CFQ019L071\300MW\L=2623</t>
  </si>
  <si>
    <t>【哈电锅炉】入口"L"弯11\φ51*7\12Cr1MoVG\F002CFQ020L071\300MW\L=2751</t>
  </si>
  <si>
    <t>【哈电锅炉】入口"L"弯12\φ51*7\12Cr1MoVG\F002CFQ021L071\300MW\L=2880</t>
  </si>
  <si>
    <t>【哈电锅炉】入口"L"弯13\φ51*7\12Cr1MoVG\F002CFQ022L071\300MW\L=3008</t>
  </si>
  <si>
    <t>【哈电锅炉】入口"L"弯14\φ51*7\12Cr1MoVG\F002CFQ023L071\300MW\L=3136</t>
  </si>
  <si>
    <t>【哈电锅炉】入口"L"弯15\φ51*7\12Cr1MoVG\F002CFQ024L071\300MW\L=3265</t>
  </si>
  <si>
    <t>【哈电锅炉】入口"L"弯16\φ51*7\12Cr1MoVG\F002CFQ025L071\300MW\L=3393</t>
  </si>
  <si>
    <t>【哈电锅炉】入口"L"弯17\φ51*7\12Cr1MoVG\F002CFQ026L071\300MW\L=3521</t>
  </si>
  <si>
    <t>【哈电锅炉】入口"L"弯18\φ51*7\12Cr1MoVG\F002CFQ027L071\300MW\L=3649</t>
  </si>
  <si>
    <t>【哈电锅炉】入口"L"弯19\φ51*7\12Cr1MoVG\F002CFQ028L071\300MW\L=3778</t>
  </si>
  <si>
    <t>【哈电锅炉】入口"L"弯20\φ51*7\12Cr1MoVG\F002CFQ029L071\300MW\L=3906</t>
  </si>
  <si>
    <t>【哈电锅炉】入口"L"弯21\φ51*7\12Cr1MoVG\F002CFQ030L071\300MW\L=4034</t>
  </si>
  <si>
    <t>【哈电锅炉】入口"L"弯22\φ51*7\12Cr1MoVG\F002CFQ031L071\300MW\L=4163</t>
  </si>
  <si>
    <t>【哈电锅炉】入口"L"弯23\φ51*7\12Cr1MoVG\F002CFQ032L071\300MW\L=4291</t>
  </si>
  <si>
    <t>【哈电锅炉】入口"L"弯24\φ51*7\12Cr1MoVG\F002CFQ033L071\300MW\L=4419</t>
  </si>
  <si>
    <t>【哈电锅炉】入口"L"弯25\φ51*7\12Cr1MoVG\F002CFQ034L071\300MW\L=4547</t>
  </si>
  <si>
    <t>【哈电锅炉】入口"L"弯26\φ51*7\12Cr1MoVG\F002CFQ035L071\300MW\L=4676</t>
  </si>
  <si>
    <t>【哈电锅炉】入口"L"弯27\φ51*7\12Cr1MoVG\F002CFQ036L071\300MW\L=4804</t>
  </si>
  <si>
    <t>【哈电锅炉】入口"L"弯28\φ51*7\12Cr1MoVG\F002CFQ037L071\300MW\L=4932</t>
  </si>
  <si>
    <t>【哈电锅炉】入口"L"弯29\φ51*7\12Cr1MoVG\F002CFQ038L071\300MW\L=5061</t>
  </si>
  <si>
    <t>【哈电锅炉】入口"L"弯30\φ51*7\12Cr1MoVG\F002CFQ039L071\300MW\L=5189</t>
  </si>
  <si>
    <t>【哈电锅炉】入口"L"弯31\φ51*7\12Cr1MoVG\F002CFQ040L071\300MW\L=5317</t>
  </si>
  <si>
    <t>【哈电锅炉】入口"L"弯32\φ51*7\12Cr1MoVG\F002CFQ041L071\300MW\L=5445</t>
  </si>
  <si>
    <t>【哈电锅炉】入口"L"弯33\φ51*7\12Cr1MoVG\F002CFQ042L071\300MW\L=5574</t>
  </si>
  <si>
    <t>【哈电锅炉】入口"L"弯34\φ51*7\12Cr1MoVG\F002CFQ043L071\300MW\L=5702</t>
  </si>
  <si>
    <t>【哈电锅炉】入口"L"弯35\φ51*7\12Cr1MoVG\F002CFQ044L071\300MW\L=5830</t>
  </si>
  <si>
    <t>【哈电锅炉】入口"L"弯36\φ51*7\12Cr1MoVG\F002CFQ045L071\300MW\L=5959</t>
  </si>
  <si>
    <t>【哈电锅炉】入口"L"弯37\φ51*7\12Cr1MoVG\F002CFQ046L071\300MW\L=6087</t>
  </si>
  <si>
    <t>【哈电锅炉】入口"L"弯38\φ51*7\12Cr1MoVG\F002CFQ047L071\300MW\L=6215</t>
  </si>
  <si>
    <t>【哈电锅炉】过热器包墙(顶)让管1\Φ57*10\15CrMoG\F002CDJ011L071\300MW\L=720</t>
  </si>
  <si>
    <t>【哈电锅炉】过热器包墙(左)吹灰口让管1\Φ57*7\SA-210C\F002CDG014L071\300MW\L=1290</t>
  </si>
  <si>
    <t>【哈电锅炉】过热器包墙(左)吹灰口让管2\Φ57*7\15CrMoG\F002CDG033L071\300MW\L=1290</t>
  </si>
  <si>
    <t>【哈电锅炉】过热器包墙(左)人孔让管1\Φ57*7\SA-210C\F002CDG028L071\300MW\L=1732</t>
  </si>
  <si>
    <t>【哈电锅炉】过热器包墙(左)人孔让管2\Φ57*7\SA-210C\F002CDG029L071\300MW\L=1796</t>
  </si>
  <si>
    <t>【哈电锅炉】过热器包墙(左)人孔让管3\Φ57*7\SA-210C\F002CDG023L071\300MW\L=2573</t>
  </si>
  <si>
    <t>【哈电锅炉】过热器包墙(左)人孔让管4\Φ57*7\SA-210C\F002CDG024L071\300MW\L=2701</t>
  </si>
  <si>
    <t>【哈电锅炉】过热器包墙(左)人孔让管5\Φ57*7\SA-210C\F002CDG017L071\300MW\L=1342</t>
  </si>
  <si>
    <t>【哈电锅炉】过热器包墙(左)人孔让管6\Φ57*7\SA-210C\F002CDG018L071\300MW\L=1457</t>
  </si>
  <si>
    <t>【哈电锅炉】过热器包墙(左)人孔让管7\Φ57*7\15CrMoG\F002CDG040L071\300MW\L=1342</t>
  </si>
  <si>
    <t>【哈电锅炉】过热器包墙(左)人孔让管8\Φ57*7\15CrMoG\F002CDG035L071\300MW\L=1457</t>
  </si>
  <si>
    <t>【哈电锅炉】过热器包墙(左)人孔让管9\Φ57*7\15CrMoG\F002CDG041L071\300MW\L=1510</t>
  </si>
  <si>
    <t>【哈电锅炉】过热器包墙(左)人孔让管10\Φ57*7\15CrMoG\F002CDG042L071\300MW\L=1574</t>
  </si>
  <si>
    <t>【哈电锅炉】过热器包墙(右)吹灰口让管1\Φ57*7\SA-210C\F002CDH014L071\300MW\L=1290</t>
  </si>
  <si>
    <t>【哈电锅炉】过热器包墙(右)吹灰口让管2\Φ57*7\15CrMoG\F002CDH033L071\300MW\L=1290</t>
  </si>
  <si>
    <t>【哈电锅炉】过热器包墙(右)人孔让管1\Φ57*7\SA-210C\F002CDH028L071\300MW\L=1732</t>
  </si>
  <si>
    <t>【哈电锅炉】过热器包墙(右)人孔让管2\Φ57*7\SA-210C\F002CDH029L071\300MW\L=1796</t>
  </si>
  <si>
    <t>【哈电锅炉】过热器包墙(右)人孔让管3\Φ57*7\SA-210C\F002CDH023L071\300MW\L=2573</t>
  </si>
  <si>
    <t>【哈电锅炉】过热器包墙(右)人孔让管4\Φ57*7\SA-210C\F002CDH024L071\300MW\L=2701</t>
  </si>
  <si>
    <t>【哈电锅炉】过热器包墙(右)人孔让管5\Φ57*7\SA-210C\F002CDH017L071\300MW\L=1342</t>
  </si>
  <si>
    <t>【哈电锅炉】过热器包墙(右)人孔让管6\Φ57*7\SA-210C\F002CDH018L071\300MW\L=1457</t>
  </si>
  <si>
    <t>【哈电锅炉】过热器包墙(右)人孔让管7\Φ57*7\15CrMoG\F002CDH040L071\300MW\L=1342</t>
  </si>
  <si>
    <t>【哈电锅炉】过热器包墙(右)人孔让管8\Φ57*7\15CrMoG\F002CDH035L071\300MW\L=1457</t>
  </si>
  <si>
    <t>【哈电锅炉】过热器包墙(右)人孔让管9\Φ57*7\15CrMoG\F002CDH041L071\300MW\L=1510</t>
  </si>
  <si>
    <t>【哈电锅炉】过热器包墙(右)人孔让管10\Φ57*7\15CrMoG\F002CDH042L071\300MW\L=1574</t>
  </si>
  <si>
    <t>【哈电锅炉】过热器包墙(前)烟窗让管1\Φ57*10\15CrMoG\F002CDD016L071\300MW\L=8951</t>
  </si>
  <si>
    <t>【哈电锅炉】过热器包墙(中)烟窗让管1\φ57*10\15CrMoG\F002CDQ024L071\300MW\L=10894</t>
  </si>
  <si>
    <t>【哈电锅炉】入口"L"弯1\Φ57*5\12Cr1MoVG\F002DCH010L071\300MW\L=518</t>
  </si>
  <si>
    <t>【哈电锅炉】入口"L"弯2\Φ57*5\SA-213TP304H\F002DCH010L071\300MW\L=1420</t>
  </si>
  <si>
    <t>【哈电锅炉】入口"L"弯3\Φ57*5\SA-213TP304H\F002DCH012L071\300MW\L=1547</t>
  </si>
  <si>
    <t>【哈电锅炉】入口"L"弯4\Φ57*5\SA-213TP304H\F002DCH013L071\300MW\L=1674</t>
  </si>
  <si>
    <t>【哈电锅炉】入口"L"弯5\Φ57*5\SA-213TP304H\F002DCH014L071\300MW\L=1802</t>
  </si>
  <si>
    <t>【哈电锅炉】入口"L"弯6\Φ57*5\SA-213TP304H\F002DCH015L071\300MW\L=1929</t>
  </si>
  <si>
    <t>【哈电锅炉】入口"L"弯7\Φ57*5\SA-213TP304H\F002DCH016L071\300MW\L=2056</t>
  </si>
  <si>
    <t>【哈电锅炉】入口"L"弯8\Φ57*5\SA-213TP304H\F002DCH017L071\300MW\L=2184</t>
  </si>
  <si>
    <t>【哈电锅炉】入口"L"弯9\Φ57*5\SA-213TP304H\F002DCH018L071\300MW\L=2312</t>
  </si>
  <si>
    <t>【哈电锅炉】入口"L"弯10\Φ57*5\SA-213TP304H\F002DCH019L071\300MW\L=2439</t>
  </si>
  <si>
    <t>【哈电锅炉】入口"L"弯11\Φ57*5\SA-213TP304H\F002DCH020L071\300MW\L=2566</t>
  </si>
  <si>
    <t>【哈电锅炉】入口"L"弯12\Φ57*5\SA-213TP304H\F002DCH021L071\300MW\L=2693</t>
  </si>
  <si>
    <t>【哈电锅炉】入口"L"弯13\Φ57*5\SA-213TP304H\F002DCH022L071\300MW\L=2821</t>
  </si>
  <si>
    <t>【哈电锅炉】入口"L"弯14\Φ57*5\SA-213TP304H\F002DCH023L071\300MW\L=2948</t>
  </si>
  <si>
    <t>【哈电锅炉】入口"L"弯15\Φ57*5\SA-213TP304H\F002DCH024L071\300MW\L=3075</t>
  </si>
  <si>
    <t>【哈电锅炉】入口"L"弯16\Φ57*5\SA-213TP304H\F002DCH025L071\300MW\L=3202</t>
  </si>
  <si>
    <t>【哈电锅炉】入口"L"弯17\Φ57*5\SA-213TP304H\F002DCH026L071\300MW\L=3330</t>
  </si>
  <si>
    <t>【哈电锅炉】入口"L"弯18\Φ57*5\SA-213TP304H\F002DCH027L071\300MW\L=3457</t>
  </si>
  <si>
    <t>【哈电锅炉】入口"L"弯19\Φ57*5\SA-213TP304H\F002DCH028L071\300MW\L=3584</t>
  </si>
  <si>
    <t>【哈电锅炉】入口"L"弯20\Φ57*5\SA-213TP304H\F002DCH029L071\300MW\L=3711</t>
  </si>
  <si>
    <t>【哈电锅炉】入口"L"弯21\Φ57*5\SA-213TP304H\F002DCH030L071\300MW\L=3839</t>
  </si>
  <si>
    <t>【哈电锅炉】入口"L"弯22\Φ57*5\SA-213TP304H\F002DCH031L071\300MW\L=3967</t>
  </si>
  <si>
    <t>【哈电锅炉】入口"L"弯23\Φ57*5\SA-213TP304H\F002DCH032L071\300MW\L=4094</t>
  </si>
  <si>
    <t>【哈电锅炉】入口"L"弯24\Φ57*5\SA-213TP304H\F002DCH033L071\300MW\L=4221</t>
  </si>
  <si>
    <t>【哈电锅炉】入口"L"弯25\Φ57*5\SA-213TP304H\F002DCH034L071\300MW\L=4348</t>
  </si>
  <si>
    <t>【哈电锅炉】入口弯头1\φ70*5\20G\F002DCF048L071\300MW\L=675</t>
  </si>
  <si>
    <t>【哈电锅炉】入口弯头2\φ70*5\20G\F002DCF049L071\300MW\L=567</t>
  </si>
  <si>
    <t>【哈电锅炉】出口弯头1\φ70*5\12Cr1MoVG\F002DCF055L071\300MW\L=1084</t>
  </si>
  <si>
    <t>【哈电锅炉】出口弯头2\φ70*5\12Cr1MoVG\F002DCF056L071\300MW\L=1414</t>
  </si>
  <si>
    <t>【哈电锅炉】出口弯头3\φ70*5\12Cr1MoVG\F002DCF057L071\300MW\L=1845</t>
  </si>
  <si>
    <t>【哈电锅炉】出口弯头4\φ70*5\12Cr1MoVG\F002DCF058L071\300MW\L=2377</t>
  </si>
  <si>
    <t>【哈电锅炉】再热器低温入口集箱管接头1\Φ70*5\20G\F002DJA001L071\300MW\L=107.4</t>
  </si>
  <si>
    <t>【哈电锅炉】再热器低温入口集箱管接头2\Φ60*8\20G\F001DJA001L071\300MW\L=108.5</t>
  </si>
  <si>
    <t>【哈电锅炉】再热器低温出口集箱管接头1\Φ70*5\15CrMoG\F002DJA010L071\300MW\L=107.4</t>
  </si>
  <si>
    <t>【哈电锅炉】再热器低温出口集箱管接头2\Φ76*10\15CrMoG\F001DJA002L071\300MW\L=110.5</t>
  </si>
  <si>
    <t>【哈电锅炉】再热器高温出口集箱右(左)管接头1\Φ60*8\12Cr1MoVG\F001DJA004L071\300MW\L=158.5</t>
  </si>
  <si>
    <t>【哈电锅炉】前后包墙上集箱端盖1\DH =273*\SA-105\F002CMH001L071\300MW</t>
  </si>
  <si>
    <t>【哈电锅炉】前后包墙上集箱手孔端盖2\BⅠR=137*\20\HG1041-2011\300MW</t>
  </si>
  <si>
    <t>【哈电锅炉】侧包墙上集箱右(左)手孔端盖1\BⅠR=137*\20\HG1041-2011\300MW</t>
  </si>
  <si>
    <t>【哈电锅炉】过热器包墙下集箱(前后)手孔端盖1\BⅠR=178*\20\HG1041-2011\300MW</t>
  </si>
  <si>
    <t>【哈电锅炉】省煤器入口集箱端盖1\DH =406*\WB36\F002EHE001L071\300MW</t>
  </si>
  <si>
    <t>【哈电锅炉】省煤器入口集箱手孔端盖2\BⅠR=203*\20\HG1041-2011\300MW</t>
  </si>
  <si>
    <t>【哈电锅炉】省煤器吊挂集箱 No.1端盖3\DH =273*\SA-105\F002EHA001L071\300MW</t>
  </si>
  <si>
    <t>【哈电锅炉】省煤器吊挂集箱 No.1手孔端盖4\AⅠR=137*\20\HG1041-2011\300MW</t>
  </si>
  <si>
    <t>【哈电锅炉】省煤器吊挂集箱 No.2端盖5\DH =273*\SA-105\F002EHA001L071\300MW</t>
  </si>
  <si>
    <t>【哈电锅炉】省煤器吊挂集箱 No.2手孔端盖6\AⅠR=137*\20\HG1041-2011\300MW</t>
  </si>
  <si>
    <t>【哈电锅炉】顶部集箱(左)集箱端盖1\DH =273*\SA-105\F002BEB001L071\300MW</t>
  </si>
  <si>
    <t>【哈电锅炉】顶部集箱(左)手孔端盖2\BⅠ*\20\HG1039-2010\300MW</t>
  </si>
  <si>
    <t>【哈电锅炉】顶部集箱(右)集箱端盖3\DH =273*\SA-105\F002BEB001L071\300MW</t>
  </si>
  <si>
    <t>【哈电锅炉】顶部集箱(右)手孔端盖4\BⅠ*\20\HG1039-2010\300MW</t>
  </si>
  <si>
    <t>【哈电锅炉】左(右)侧水冷壁上集箱端盖1\DH =273*\SA-105\F002BEB005L071\300MW</t>
  </si>
  <si>
    <t>【哈电锅炉】左(右)侧水冷壁上集箱手孔端盖2\BⅠ*\20\HG1039-2010\300MW</t>
  </si>
  <si>
    <t>【哈电锅炉】前水冷壁入口集箱端盖1\DH =457*\SA-105\F002BEC002L071\300MW</t>
  </si>
  <si>
    <t>【哈电锅炉】前水冷壁入口集箱手孔端盖2\BⅠ*\20\HG1041-2011\300MW</t>
  </si>
  <si>
    <t>【哈电锅炉】水冷壁前后上部中间集箱Ⅰ端盖1\DH =219*\SA-105\F002BEC011L071\300MW</t>
  </si>
  <si>
    <t>【哈电锅炉】水冷壁前后上部中间集箱Ⅱ端盖2\DH =219*\SA-105\F002BEC011L071\300MW</t>
  </si>
  <si>
    <t>【哈电锅炉】后水冷壁入口集箱端盖1\DH =457*\SA-105\F002BEC002L071\300MW</t>
  </si>
  <si>
    <t>【哈电锅炉】后水冷壁入口集箱手孔端盖2\BⅠ*\20\HG1041-2011\300MW</t>
  </si>
  <si>
    <t>【哈电锅炉】再热器高温出口集箱右(左)集箱端盖\DH =610*\12Cr1MoV\F002DJA011L071\300MW</t>
  </si>
  <si>
    <t>【哈电锅炉】省煤器入口集箱管接头\Φ32*4\20G\22.1352.077\135MW</t>
  </si>
  <si>
    <t>【哈电锅炉】省煤器中间集箱管接头1\Φ32*4\20G\22.1352.077\135MW</t>
  </si>
  <si>
    <t>【哈电锅炉】省煤器中间集箱管接头2\Φ42*8\20G\22.1352.077\135MW</t>
  </si>
  <si>
    <t>【哈电锅炉】省煤器出口集箱管接头\Φ51*8\20G\22.1352.077\135MW</t>
  </si>
  <si>
    <t>【哈电锅炉】省煤器蛇形管90°小R弯管1\Φ32*4\20G\22.1352.089\135MW</t>
  </si>
  <si>
    <t>【哈电锅炉】省煤器蛇形管90°大R弯管2\Φ32*4\20G\22.1352.089\135MW</t>
  </si>
  <si>
    <t>【哈电锅炉】省煤器蛇形管180°弯管1\Φ32*4\20G\22.1352.089\135MW</t>
  </si>
  <si>
    <t>【哈电锅炉】省煤器蛇形管180°弯管2\Φ32*4\20G\22.1352.089\135MW</t>
  </si>
  <si>
    <t>【哈电锅炉】省煤器蛇形管30°弯管\Φ32*4\20G\22.1352.089\135MW</t>
  </si>
  <si>
    <t>【哈电锅炉】省煤器蛇形管45°弯管\Φ32*4\20G\22.1352.089\135MW</t>
  </si>
  <si>
    <t>【哈电锅炉】省煤器蛇形管50°弯管\Φ32*4\20G\22.1352.089\135MW</t>
  </si>
  <si>
    <t>【哈电锅炉】省煤器蛇形管70°弯管\Φ32*4\20G\22.1352.089\135MW</t>
  </si>
  <si>
    <t>【哈电锅炉】二过穿顶棚弯管\φ60*6.5\20G\22.1322.124\135MW</t>
  </si>
  <si>
    <t>【哈电锅炉】高再穿顶棚弯管\φ60*6.5\20G\22.1322.124\135MW</t>
  </si>
  <si>
    <t>【哈电锅炉】炉膛绳孔穿顶棚弯管\φ60*6.5\20G\22.1322.124\135MW</t>
  </si>
  <si>
    <t>【哈电锅炉】二过穿前水冷壁弯管\φ60*6.5\20G\22.1322.124\135MW</t>
  </si>
  <si>
    <t>【哈电锅炉】高再穿前水冷壁弯管\φ60*6.5\20G\22.1322.124\135MW</t>
  </si>
  <si>
    <t>【哈电锅炉】前水下部二次风和排渣口双S弯管1\φ60*6.5\20G\22.1323.150\135MW</t>
  </si>
  <si>
    <t>【哈电锅炉】前水下部二次风和排渣口双S弯管2\φ60*6.5\20G\22.1323.150\135MW</t>
  </si>
  <si>
    <t>【哈电锅炉】前水下部二次风和排渣口双S弯管3\φ60*6.5\20G\22.1323.150\135MW</t>
  </si>
  <si>
    <t>【哈电锅炉】前水下部二次风和排渣口双S弯管4\φ60*6.5\20G\22.1323.150\135MW</t>
  </si>
  <si>
    <t>【哈电锅炉】前水下部二次风和排渣口双S弯管5\φ60*6.5\20G\22.1323.150\135MW</t>
  </si>
  <si>
    <t>【哈电锅炉】前水下部二次风和排渣口双S弯管6\φ60*6.5\20G\22.1323.150\135MW</t>
  </si>
  <si>
    <t>【哈电锅炉】前水下部二次风和排渣口双S弯管7\φ60*6.5\20G\22.1323.150\135MW</t>
  </si>
  <si>
    <t>【哈电锅炉】水冷风室前下部S弯管1\φ60*6.5\20G\22.1323.140\135MW</t>
  </si>
  <si>
    <t>【哈电锅炉】水冷风室前下部S弯管2\φ60*6.5\20G\22.1323.140\135MW</t>
  </si>
  <si>
    <t>【哈电锅炉】水冷风室前下部S弯管3\φ60*6.5\20G\22.1323.140\135MW</t>
  </si>
  <si>
    <t>【哈电锅炉】水冷风室前下部S弯管4\φ60*6.5\20G\22.1323.140\135MW</t>
  </si>
  <si>
    <t>【哈电锅炉】水冷风室后下部S弯管1\φ60*6.5\20G\22.1323.140\135MW</t>
  </si>
  <si>
    <t>【哈电锅炉】水冷风室后下部S弯管2\φ60*6.5\20G\22.1323.140\135MW</t>
  </si>
  <si>
    <t>【哈电锅炉】水冷风室后下部S弯管3\φ60*6.5\20G\22.1323.140\135MW</t>
  </si>
  <si>
    <t>【哈电锅炉】水冷风室后下部S弯管4\φ60*6.5\20G\22.1323.140\135MW</t>
  </si>
  <si>
    <t>【哈电锅炉】水冷风室底部人孔S弯管1\φ60*6.5\20G\22.1323.140\135MW</t>
  </si>
  <si>
    <t>【哈电锅炉】水冷风室底部人孔S弯管2\φ60*6.5\20G\22.1323.140\135MW</t>
  </si>
  <si>
    <t>【哈电锅炉】水冷风室底部人孔S弯管3\φ60*6.5\20G\22.1323.140\135MW</t>
  </si>
  <si>
    <t>【哈电锅炉】水冷风室底部人孔S弯管4\φ60*6.5\20G\22.1323.140\135MW</t>
  </si>
  <si>
    <t>【哈电锅炉】下部侧后水冷壁二次风管弯管1\φ60*6.5\20G\22.1323.149\135MW</t>
  </si>
  <si>
    <t>【哈电锅炉】下部侧后水冷壁二次风管弯管2\φ60*6.5\20G\22.1323.149\135MW</t>
  </si>
  <si>
    <t>【哈电锅炉】下部侧后水冷壁二次风管弯管3\φ60*6.5\20G\22.1323.149\135MW</t>
  </si>
  <si>
    <t>【哈电锅炉】下部后水冷壁回料阀弯管1\φ60*6.5\20G\22.1323.149\135MW</t>
  </si>
  <si>
    <t>【哈电锅炉】下部后水冷壁回料阀弯管2\φ60*6.5\20G\22.1323.149\135MW</t>
  </si>
  <si>
    <t>【哈电锅炉】下部后水冷壁回料阀弯管3\φ60*6.5\20G\22.1323.149\135MW</t>
  </si>
  <si>
    <t>【哈电锅炉】下部后水冷壁回料阀弯管4\φ60*6.5\20G\22.1323.149\135MW</t>
  </si>
  <si>
    <t>【哈电锅炉】下部后水冷壁回料阀弯管5\φ60*6.5\20G\22.1323.149\135MW</t>
  </si>
  <si>
    <t>【哈电锅炉】侧水冷壁上集箱管接头\φ60*6.5\20G\22.1324.077\135MW</t>
  </si>
  <si>
    <t>【哈电锅炉】前水冷壁上集箱(左)管接头\φ60*6.5\20G\22.1324.077\135MW</t>
  </si>
  <si>
    <t>【哈电锅炉】前水冷壁上集箱(右)管接头\φ60*6.5\20G\22.1324.077\135MW</t>
  </si>
  <si>
    <t>【哈电锅炉】双面水冷壁上集箱管接头\φ60*6.5\20G\22.1324.077\135MW</t>
  </si>
  <si>
    <t>【哈电锅炉】双面水冷壁下集箱管接头\φ60*6.5\20G\22.1324.077\135MW</t>
  </si>
  <si>
    <t>【哈电锅炉】前水冷壁下集箱(左)管接头\φ60*6.5\20G\22.1324.077\135MW</t>
  </si>
  <si>
    <t>【哈电锅炉】前水冷壁下集箱(右)管接头\φ60*6.5\20G\22.1324.077\135MW</t>
  </si>
  <si>
    <t>【哈电锅炉】后水冷壁下集箱(左)管接头\φ60*6.5\20G\22.1324.077\135MW</t>
  </si>
  <si>
    <t>【哈电锅炉】后水冷壁下集箱(右)管接头\φ60*6.5\20G\22.1324.077\135MW</t>
  </si>
  <si>
    <t>【哈电锅炉】侧水冷壁下集箱管接头\φ60*6.5\20G\22.1324.077\135MW</t>
  </si>
  <si>
    <t>【哈电锅炉】二级过热器出口集箱弯管\φ51*5.5\12Cr1MoVG\22.1347.067\135MW</t>
  </si>
  <si>
    <t>【哈电锅炉】二级过热器入口弯管1\φ51*5.5\12Cr1MoVG\22.1347.067\135MW</t>
  </si>
  <si>
    <t>【哈电锅炉】二级过热器入口弯管2\φ51*5.5\12Cr1MoVG\22.1347.067\135MW</t>
  </si>
  <si>
    <t>【哈电锅炉】二级过热器入口弯管3\φ51*5.5\12Cr1MoVG\22.1347.067\135MW</t>
  </si>
  <si>
    <t>【哈电锅炉】二级过热器入口弯管4\φ51*5.5\12Cr1MoVG\22.1347.067\135MW</t>
  </si>
  <si>
    <t>【哈电锅炉】二级过热器入口弯管5\φ51*5.5\12Cr1MoVG\22.1347.067\135MW</t>
  </si>
  <si>
    <t>【哈电锅炉】二级过热器入口弯管6\φ51*5.5\12Cr1MoVG\22.1347.067\135MW</t>
  </si>
  <si>
    <t>【哈电锅炉】二级过热器入口弯管7\φ51*5.5\12Cr1MoVG\22.1347.067\135MW</t>
  </si>
  <si>
    <t>【哈电锅炉】二级过热器入口弯管8\φ51*5.5\12Cr1MoVG\22.1347.067\135MW</t>
  </si>
  <si>
    <t>【哈电锅炉】二级过热器入口弯管9\φ51*5.5\12Cr1MoVG\22.1347.067\135MW</t>
  </si>
  <si>
    <t>【哈电锅炉】二级过热器入口弯管10\φ51*5.5\12Cr1MoVG\22.1347.067\135MW</t>
  </si>
  <si>
    <t>【哈电锅炉】二级过热器入口弯管11\φ51*5.5\12Cr1MoVG\22.1347.067\135MW</t>
  </si>
  <si>
    <t>【哈电锅炉】二级过热器入口弯管12\φ51*5.5\12Cr1MoVG\22.1347.067\135MW</t>
  </si>
  <si>
    <t>【哈电锅炉】二级过热器入口弯管13\φ51*5.5\12Cr1MoVG\22.1347.067\135MW</t>
  </si>
  <si>
    <t>【哈电锅炉】二级过热器入口弯管14\φ51*5.5\12Cr1MoVG\22.1347.067\135MW</t>
  </si>
  <si>
    <t>【哈电锅炉】二级过热器入口弯管15\φ51*5.5\12Cr1MoVG\22.1347.067\135MW</t>
  </si>
  <si>
    <t>【哈电锅炉】二级过热器入口弯管16\φ51*5.5\12Cr1MoVG\22.1347.067\135MW</t>
  </si>
  <si>
    <t>【哈电锅炉】二级过热器入口弯管17\φ51*5.5\12Cr1MoVG\22.1347.067\135MW</t>
  </si>
  <si>
    <t>【哈电锅炉】二级过热器入口弯管18\φ51*5.5\12Cr1MoVG\22.1347.067\135MW</t>
  </si>
  <si>
    <t>【哈电锅炉】二级过热器入口弯管19\φ51*5.5\12Cr1MoVG\22.1347.067\135MW</t>
  </si>
  <si>
    <t>【哈电锅炉】二级过热器入口弯管20\φ51*5.5\12Cr1MoVG\22.1347.067\135MW</t>
  </si>
  <si>
    <t>【哈电锅炉】二级过热器入口弯管21\φ51*5.5\12Cr1MoVG\22.1347.067\135MW</t>
  </si>
  <si>
    <t>【哈电锅炉】二级过热器入口弯管22\φ51*5.5\12Cr1MoVG\22.1347.067\135MW</t>
  </si>
  <si>
    <t>【哈电锅炉】二级过热器入口弯管23\φ51*5.5\12Cr1MoVG\22.1347.067\135MW</t>
  </si>
  <si>
    <t>【哈电锅炉】二级过热器入口弯管24\φ51*5.5\12Cr1MoVG\22.1347.067\135MW</t>
  </si>
  <si>
    <t>【哈电锅炉】二级过热器入口弯管25\φ51*5.5\12Cr1MoVG\22.1347.067\135MW</t>
  </si>
  <si>
    <t>【哈电锅炉】二级过热器入口弯管26\φ51*5.5\12Cr1MoVG\22.1347.067\135MW</t>
  </si>
  <si>
    <t>【哈电锅炉】二级过热器入口弯管27\φ51*5.5\12Cr1MoVG\22.1347.067\135MW</t>
  </si>
  <si>
    <t>【哈电锅炉】一级过热器弯管90°弯管\φ38*5\15CrMoG\22.1342.136\135MW</t>
  </si>
  <si>
    <t>【哈电锅炉】一级过热器弯管180°弯管\φ38*5\15CrMoG\22.1342.136\135MW</t>
  </si>
  <si>
    <t>【哈电锅炉】三级过热器弯管90°弯管\φ38*5\12Cr1MoVG\22.1342.135\135MW</t>
  </si>
  <si>
    <t>【哈电锅炉】三级过热器弯管180°弯管\φ38*5\12Cr1MoVG\22.1342.135\135MW</t>
  </si>
  <si>
    <t>【哈电锅炉】Ⅰ级过热器出口集箱管接头1\φ16*3\12Cr1MoV\22.1341.092\135MW</t>
  </si>
  <si>
    <t>【哈电锅炉】Ⅰ级过热器出口集箱管接头2\φ38*5\15CrMoG\22.1341.092\135MW</t>
  </si>
  <si>
    <t>【哈电锅炉】Ⅰ级过热器出口集箱管接头3\φ38*5\15CrMoG\22.1341.092\135MW</t>
  </si>
  <si>
    <t>【哈电锅炉】Ⅰ级过热器出口集箱管接头4\φ38*5\15CrMoG\22.1341.092\135MW</t>
  </si>
  <si>
    <t>【哈电锅炉】Ⅰ级过热器入口集箱管接头1\φ28*4\20\22.1341.092\135MW</t>
  </si>
  <si>
    <t>【哈电锅炉】Ⅰ级过热器入口集箱管接头2\φ38*5\20G\22.1341.092\135MW</t>
  </si>
  <si>
    <t>【哈电锅炉】Ⅰ级过热器入口集箱管接头3\φ38*5\20G\22.1341.092\135MW</t>
  </si>
  <si>
    <t>【哈电锅炉】Ⅰ级过热器入口集箱管接头4\φ38*5\20G\22.1341.092\135MW</t>
  </si>
  <si>
    <t>【哈电锅炉】Ⅲ级过热器出口集箱管接头1\φ38*5\12Cr1MoVG\22.1341.092\135MW</t>
  </si>
  <si>
    <t>【哈电锅炉】Ⅲ级过热器出口集箱管接头2\φ38*5\12Cr1MoVG\22.1341.092\135MW</t>
  </si>
  <si>
    <t>【哈电锅炉】Ⅲ级过热器出口集箱管接头3\φ38*5\12Cr1MoVG\22.1341.092\135MW</t>
  </si>
  <si>
    <t>【哈电锅炉】Ⅲ级过热器出口集箱管接头4\φ38*5\12Cr1MoVG\22.1341.092\135MW</t>
  </si>
  <si>
    <t>【哈电锅炉】Ⅲ级过热器出口集箱管接头5\φ38*5\12Cr1MoVG\22.1341.092\135MW</t>
  </si>
  <si>
    <t>【哈电锅炉】Ⅲ级过热器出口集箱管接头6\φ38*5\12Cr1MoVG\22.1341.092\135MW</t>
  </si>
  <si>
    <t>【哈电锅炉】Ⅲ级过热器入口集箱管接头1\φ38*5\12Cr1MoVG\22.1341.092\135MW</t>
  </si>
  <si>
    <t>【哈电锅炉】Ⅲ级过热器入口集箱管接头2\φ38*5\12Cr1MoVG\22.1341.092\135MW</t>
  </si>
  <si>
    <t>【哈电锅炉】Ⅲ级过热器入口集箱管接头3\φ38*5\12Cr1MoVG\22.1341.092\135MW</t>
  </si>
  <si>
    <t>【哈电锅炉】Ⅲ级过热器入口集箱管接头4\φ38*5\12Cr1MoVG\22.1341.092\135MW</t>
  </si>
  <si>
    <t>【哈电锅炉】Ⅲ级过热器入口集箱管接头5\φ38*5\12Cr1MoVG\22.1341.092\135MW</t>
  </si>
  <si>
    <t>【哈电锅炉】Ⅲ级过热器入口集箱管接头6\φ38*5\12Cr1MoVG\22.1341.092\135MW</t>
  </si>
  <si>
    <t>【哈电锅炉】Ⅲ级过热器入口集箱管接头7\φ28*4\12Cr1MoVG\22.1341.092\135MW</t>
  </si>
  <si>
    <t>【哈电锅炉】包墙管下集箱(前，后)管接头B\φ42*5\20G\22.1341.092\135MW</t>
  </si>
  <si>
    <t>【哈电锅炉】包墙管下集箱(前，后)管接头\φ28*4\20\22.1341.092\135MW</t>
  </si>
  <si>
    <t>【哈电锅炉】侧包墙上集箱(右)管接头B\φ42*5\20G\22.1341.092\135MW</t>
  </si>
  <si>
    <t>【哈电锅炉】侧包墙上集箱(左)管接头B\φ42*5\20G\22.1341.092\135MW</t>
  </si>
  <si>
    <t>【哈电锅炉】顶棚包墙出口集箱管接头B\φ42*5\20G\22.1341.092\135MW</t>
  </si>
  <si>
    <t>【哈电锅炉】顶棚包墙出口集箱管接头\φ16*3\20\22.1341.092\135MW</t>
  </si>
  <si>
    <t>【哈电锅炉】混合集箱(右)管接头1\φ16*3\12Cr1MoV\22.1341.092\135MW</t>
  </si>
  <si>
    <t>【哈电锅炉】混合集箱(右)管接头2\φ16*3\12Cr1MoV\22.1341.092\135MW</t>
  </si>
  <si>
    <t>【哈电锅炉】混合集箱(左)管接头\φ28*4\12Cr1MoV\22.1341.092\135MW</t>
  </si>
  <si>
    <t>【哈电锅炉】前包墙出口集箱管接头B\φ42*5\20G\22.1341.092\135MW</t>
  </si>
  <si>
    <t>【哈电锅炉】侧包墙下集箱(左)管接头B\φ42*5\20G\22.1341.092\135MW</t>
  </si>
  <si>
    <t>【哈电锅炉】侧包墙下集箱(左)管接头\φ28*4\20\22.1341.092\135MW</t>
  </si>
  <si>
    <t>【哈电锅炉】侧包墙下集箱(右)管接头B\φ42*5\20G\22.1341.092\135MW</t>
  </si>
  <si>
    <t>【哈电锅炉】侧包墙下集箱(右)管接头\φ28*4\20\22.1341.092\135MW</t>
  </si>
  <si>
    <t>【哈电锅炉】冷段再热器入口集箱管接头1\φ51*4\20G\22.1348.120\135MW</t>
  </si>
  <si>
    <t>【哈电锅炉】冷段再热器入口集箱管接头2\φ51*4\20G\22.1348.120\135MW</t>
  </si>
  <si>
    <t>【哈电锅炉】冷段再热器入口集箱管接头3\φ51*4\20G\22.1348.120\135MW</t>
  </si>
  <si>
    <t>【哈电锅炉】冷段再热器出口集箱管接头1\φ51*4\12Cr1MoVG\22.1348.120\135MW</t>
  </si>
  <si>
    <t>【哈电锅炉】冷段再热器出口集箱管接头2\φ51*4\12Cr1MoVG\22.1348.120\135MW</t>
  </si>
  <si>
    <t>【哈电锅炉】冷段再热器出口集箱管接头3\φ51*4\12Cr1MoVG\22.1348.120\135MW</t>
  </si>
  <si>
    <t>【哈电锅炉】热段再热器出口集箱管接头1\φ57*5\12Cr1MoVG\22.1348.119\135MW</t>
  </si>
  <si>
    <t>【哈电锅炉】热段再热器出口集箱管接头2\φ57*5\12Cr1MoVG\22.1348.119\135MW</t>
  </si>
  <si>
    <t>【哈电锅炉】热段再热器出口集箱管接头3\φ57*5\12Cr1MoVG\22.1348.119\135MW</t>
  </si>
  <si>
    <t>【哈电锅炉】热段再热器出口集箱管接头4\φ57*5\12Cr1MoVG\22.1348.119\135MW</t>
  </si>
  <si>
    <t>【哈电锅炉】热段再热器出口集箱管接头5\φ57*5\12Cr1MoVG\22.1348.119\135MW</t>
  </si>
  <si>
    <t>【哈电锅炉】热段再热器出口集箱管接头6\φ57*5\12Cr1MoVG\22.1348.119\135MW</t>
  </si>
  <si>
    <t>【哈电锅炉】热段再热器出口集箱管接头7\φ57*5\12Cr1MoVG\22.1348.119\135MW</t>
  </si>
  <si>
    <t>【哈电锅炉】热段再热器出口集箱管接头8\φ57*5\12Cr1MoVG\22.1348.119\135MW</t>
  </si>
  <si>
    <t>【哈电锅炉】热段再热器出口集箱管接头9\φ57*5\12Cr1MoVG\22.1348.119\135MW</t>
  </si>
  <si>
    <t>【哈电锅炉】热段再热器出口集箱管接头10\φ57*5\12Cr1MoVG\22.1348.119\135MW</t>
  </si>
  <si>
    <t>【哈电锅炉】热段再热器出口集箱管接头11\φ57*5\12Cr1MoVG\22.1348.119\135MW</t>
  </si>
  <si>
    <t>【哈电锅炉】热段再热器出口集箱管接头12\φ57*5\12Cr1MoVG\22.1348.119\135MW</t>
  </si>
  <si>
    <t>【哈电锅炉】热段再热器出口集箱管接头13\φ57*5\12Cr1MoVG\22.1348.119\135MW</t>
  </si>
  <si>
    <t>【哈电锅炉】热段再热器出口集箱管接头14\φ57*5\12Cr1MoVG\22.1348.119\135MW</t>
  </si>
  <si>
    <t>【哈电锅炉】热段再热器出口集箱管接头15\φ57*5\12Cr1MoVG\22.1348.119\135MW</t>
  </si>
  <si>
    <t>【哈电锅炉】热段再热器出口集箱管接头16\φ57*5\12Cr1MoVG\22.1348.119\135MW</t>
  </si>
  <si>
    <t>【哈电锅炉】热段再热器出口集箱管接头17\φ57*5\12Cr1MoVG\22.1348.119\135MW</t>
  </si>
  <si>
    <t>【哈电锅炉】热段再热器出口集箱管接头18\φ57*5\12Cr1MoVG\22.1348.119\135MW</t>
  </si>
  <si>
    <t>【哈电锅炉】热段再热器出口集箱管接头19\φ57*5\12Cr1MoVG\22.1348.119\135MW</t>
  </si>
  <si>
    <t>【哈电锅炉】热段再热器出口集箱管接头20\φ57*5\12Cr1MoVG\22.1348.119\135MW</t>
  </si>
  <si>
    <t>【哈电锅炉】热段再热器出口集箱管接头21\φ57*5\12Cr1MoVG\22.1348.119\135MW</t>
  </si>
  <si>
    <t>【哈电锅炉】热段再热器出口集箱管接头22\φ57*5\12Cr1MoVG\22.1348.119\135MW</t>
  </si>
  <si>
    <t>【哈电锅炉】热段再热器出口集箱管接头23\φ57*5\12Cr1MoVG\22.1348.119\135MW</t>
  </si>
  <si>
    <t>【哈电锅炉】热段再热器出口集箱管接头24\φ57*5\12Cr1MoVG\22.1348.119\135MW</t>
  </si>
  <si>
    <t>【哈电锅炉】热段再热器出口集箱管接头25\φ57*5\12Cr1MoVG\22.1348.119\135MW</t>
  </si>
  <si>
    <t>【哈电锅炉】热段再热器出口集箱管接头26\φ57*5\12Cr1MoVG\22.1348.119\135MW</t>
  </si>
  <si>
    <t>【哈电锅炉】热段再热器出口集箱管接头27\φ57*5\12Cr1MoVG\22.1348.119\135MW</t>
  </si>
  <si>
    <t>【哈电锅炉】冷段再热器弯管90°弯管\φ51*4\15CrMoG\22.1348.120\135MW</t>
  </si>
  <si>
    <t>【哈电锅炉】冷段再热器弯管180°大R弯管\φ51*4\15CrMoG\22.1348.120\135MW</t>
  </si>
  <si>
    <t>【哈电锅炉】冷段再热器弯管180°小R弯管\φ51*5.5\15CrMoG\22.1348.120\135MW</t>
  </si>
  <si>
    <t>【哈电锅炉】冷段再热器弯管U弯管\φ51*4\15CrMoG\22.1348.120\135MW</t>
  </si>
  <si>
    <t>【哈电锅炉】省煤器入口集箱 管接头(用于手孔)\φ273*40\20\5351.067\135MW</t>
  </si>
  <si>
    <t>【哈电锅炉】省煤器入口集箱 管接头\BΦ32*4\20G\2000-3473\135MW</t>
  </si>
  <si>
    <t>【哈电锅炉】省煤器中间集箱 管接头(用于手孔)\φ273*40\20\5351.067\135MW</t>
  </si>
  <si>
    <t>【哈电锅炉】省煤器中间集箱 管接头1\BΦ32*4\20G\2000-3473\135MW</t>
  </si>
  <si>
    <t>【哈电锅炉】省煤器中间集箱 管接头2\BΦ48*8\20G\5351.055\135MW</t>
  </si>
  <si>
    <t>【哈电锅炉】省煤器出口集箱 管接头(用于手孔)\端盖φ273*\20\95-5457\135MW</t>
  </si>
  <si>
    <t>【哈电锅炉】省煤器出口集箱 管接头\φ51*8\20G\118\135MW</t>
  </si>
  <si>
    <t>【哈电锅炉】右侧包墙上集箱端盖Ⅰ型\φ273*38\20\22.1341.092\135MW</t>
  </si>
  <si>
    <t>【哈电锅炉】右侧包墙上集箱端盖Ⅱ型\φ273*38\20\22.1341.092\135MW</t>
  </si>
  <si>
    <t>【哈电锅炉】左侧包墙上集箱端盖Ⅰ型\φ273*38\20G\22.1341.092\135MW</t>
  </si>
  <si>
    <t>【哈电锅炉】左侧包墙上集箱端盖Ⅱ型\φ273*38\20G\22.1341.092\135MW</t>
  </si>
  <si>
    <t>【哈电锅炉】省煤器入口集箱管接头1\Φ51*6\20G\F002EHE002L041\330MW\L=1014</t>
  </si>
  <si>
    <t>【哈电锅炉】省煤器入口集箱管接头2\Φ51*6\20G\F002EHE003L041\330MW\L=639</t>
  </si>
  <si>
    <t>【哈电锅炉】省煤器入口集箱管接头3\Φ32*5\20G\F002EHE004L041\330MW\L=80</t>
  </si>
  <si>
    <t>【哈电锅炉】省煤器入口集箱管接头4\Φ28*7\20\F002EHE005L041\330MW\L=80</t>
  </si>
  <si>
    <t>【哈电锅炉】省煤器入口集箱管接头5\Φ108*20\20\F002EHE007L041\330MW\L=80</t>
  </si>
  <si>
    <t>【哈电锅炉】省煤器入口集箱管接头6\Φ108*19.5\20\F002EHE008L041\330MW\L=100</t>
  </si>
  <si>
    <t>【哈电锅炉】省煤器出口集箱管接头1\Φ51*8\15CrMoG\F001EHD001L041\330MW\L=152</t>
  </si>
  <si>
    <t>【哈电锅炉】省煤器出口集箱管接头2\Φ32*5\15CrMoG\F001EHD001L041\330MW\L=80</t>
  </si>
  <si>
    <t>【哈电锅炉】省煤器吊挂集箱 No.1管接头1\Φ51*8.5\SA-210C\F002EHA003L041\330MW\L=495</t>
  </si>
  <si>
    <t>【哈电锅炉】省煤器吊挂集箱 No.1管接头2\Φ51*8.5\SA-210C\F002EHA004L041\330MW\L=479</t>
  </si>
  <si>
    <t>【哈电锅炉】省煤器吊挂集箱 No.1管接头3\Φ51*8\20G\F002EHA005L041\330MW\L=100</t>
  </si>
  <si>
    <t>【哈电锅炉】省煤器吊挂集箱 No.2管接头1\Φ51*8.5\SA-210C\F002EHA003L041\330MW\L=495</t>
  </si>
  <si>
    <t>【哈电锅炉】省煤器吊挂集箱 No.2管接头2\Φ51*8.5\SA-210C\F002EHA004L041\330MW\L=479</t>
  </si>
  <si>
    <t>【哈电锅炉】省煤器吊挂集箱 No.2管接头3\Φ51*8\20G\F002EHA005L041\330MW\L=100</t>
  </si>
  <si>
    <t>【哈电锅炉】中过I穿顶棚让管(正弯)\Φ57*6.5\SA-210C\F002BHH027L041\330MW\L=3543</t>
  </si>
  <si>
    <t>【哈电锅炉】中过I穿顶棚让管(反弯)\Φ57*6.5\SA-210C\F002BHH027L041\330MW\L=3543</t>
  </si>
  <si>
    <t>【哈电锅炉】中过II穿顶棚让管(正弯)\Φ57*6.5\SA-210C\F002BHH034L041\330MW\L=3548</t>
  </si>
  <si>
    <t>【哈电锅炉】中过II穿顶棚让管(反弯)\Φ57*6.5\SA-210C\F002BHH034L041\330MW\L=3548</t>
  </si>
  <si>
    <t>【哈电锅炉】水冷屏穿顶棚让管(正弯)\Φ57*6.5\SA-210C\F002BHH022L041\330MW\L=2603</t>
  </si>
  <si>
    <t>【哈电锅炉】水冷屏穿顶棚让管(反弯)\Φ57*6.5\SA-210C\F002BHH022L041\330MW\L=2603</t>
  </si>
  <si>
    <t>【哈电锅炉】高温再热器穿顶棚让管(正弯)\Φ57*6.5\SA-210C\F002BHH031L041\330MW\L=2388</t>
  </si>
  <si>
    <t>【哈电锅炉】高温再热器穿顶棚让管(反弯)\Φ57*6.5\SA-210C\F002BHH031L041\330MW\L=2388</t>
  </si>
  <si>
    <t>【哈电锅炉】顶部集箱(左)管接头1\Φ57*6.5\SA-210C\F002BEB002L041\330MW\L=104</t>
  </si>
  <si>
    <t>【哈电锅炉】顶部集箱(右)管接头1\Φ57*6.5\SA-210C\F002BEB002L041\330MW\L=104</t>
  </si>
  <si>
    <t>【哈电锅炉】左(右)侧水冷壁上集箱管接头1正反各半\Φ57*6.5\SA-210C\F002BEB006L041\330MW\L=637</t>
  </si>
  <si>
    <t>【哈电锅炉】左(右)侧水冷壁上集箱管接头2\Φ57*6.5\SA-210C\F002BEB007L041\330MW\L=470.4</t>
  </si>
  <si>
    <t>【哈电锅炉】上二次风口让管1\Φ76*8\SA-210C\F002BHL034L041\330MW\L=1754</t>
  </si>
  <si>
    <t>【哈电锅炉】上二次风口让管2\Φ76*8\SA-210C\F002BHL035L041\330MW\L=1642</t>
  </si>
  <si>
    <t>【哈电锅炉】下二次风口让管1\Φ76*8\SA-210C\F002BHL025L041\330MW\L=2042</t>
  </si>
  <si>
    <t>【哈电锅炉】下二次风口让管2\Φ76*8\SA-210C\F002BHL026L041\330MW\L=2893</t>
  </si>
  <si>
    <t>【哈电锅炉】下二次风口让管3\Φ76*8\SA-210C\F002BHL027L041\330MW\L=2134</t>
  </si>
  <si>
    <t>【哈电锅炉】下二次风口让管4\Φ76*8\SA-210C\F002BHL032L041\330MW\L=1788</t>
  </si>
  <si>
    <t>【哈电锅炉】下二次风口让管5\Φ76*8\SA-210C\F002BHL033L041\330MW\L=1682</t>
  </si>
  <si>
    <t>【哈电锅炉】排渣口让管1\Φ76*8\SA-210C\F002BHH044L041\330MW\L=1815</t>
  </si>
  <si>
    <t>【哈电锅炉】排渣口让管2\Φ76*8\SA-210C\F002BHH045L041\330MW\L=2177</t>
  </si>
  <si>
    <t>【哈电锅炉】排渣口让管3\Φ76*8\SA-210C\F002BHH055L041\330MW\L=2142</t>
  </si>
  <si>
    <t>【哈电锅炉】排渣口让管4\Φ76*8\SA-210C\F002BHH054L041\330MW\L=2070</t>
  </si>
  <si>
    <t>【哈电锅炉】上二次风口让管1\Φ76*8\SA-210C\F002BFH008L041\330MW\L=1719</t>
  </si>
  <si>
    <t>【哈电锅炉】上二次风口让管2\Φ76*8\SA-210C\F002BFH009L041\330MW\L=1647</t>
  </si>
  <si>
    <t>【哈电锅炉】上二次风口让管3\Φ76*8\SA-210C\F002BFH010L041\330MW\L=1571</t>
  </si>
  <si>
    <t>【哈电锅炉】下二次风口让管1\Φ76*8\SA-210C\F002BFH008L041\330MW\L=1719</t>
  </si>
  <si>
    <t>【哈电锅炉】下二次风口让管2\Φ76*8\SA-210C\F002BFH009L041\330MW\L=1647</t>
  </si>
  <si>
    <t>【哈电锅炉】下二次风口让管3\Φ76*8\SA-210C\F002BFH010L041\330MW\L=1571</t>
  </si>
  <si>
    <t>【哈电锅炉】启动燃烧器口和人孔让管1正反各半1\Φ76*8\SA-210C\F002BFH002L041\330MW\L=3850</t>
  </si>
  <si>
    <t>【哈电锅炉】启动燃烧器口和人孔让管2正反各半2\Φ76*8\SA-210C\F002BFH003L041\330MW\L=3500</t>
  </si>
  <si>
    <t>【哈电锅炉】启动燃烧器口和人孔让管3正反各半3\Φ76*8\SA-210C\F002BFH004L041\330MW\L=3360</t>
  </si>
  <si>
    <t>【哈电锅炉】前水冷壁入口集箱管接头1\Φ76*8\SA-210C\F002BEC003L041\330MW\L=159</t>
  </si>
  <si>
    <t>【哈电锅炉】前水冷壁入口集箱管接头2\Φ89*11\SA-210C\F002BEC007L041\330MW\L=159</t>
  </si>
  <si>
    <t>【哈电锅炉】上二次风口让管1\Φ76*8\SA-210C\F002BFM008L041\330MW\L=1719</t>
  </si>
  <si>
    <t>【哈电锅炉】上二次风口让管2\Φ76*8\SA-210C\F002BFM009L041\330MW\L=1647</t>
  </si>
  <si>
    <t>【哈电锅炉】上二次风口让管3\Φ76*8\SA-210C\F002BFM010L041\330MW\L=1571</t>
  </si>
  <si>
    <t>【哈电锅炉】下二次风口让管1\Φ76*8\SA-210C\F002BFM008L041\330MW\L=1719</t>
  </si>
  <si>
    <t>【哈电锅炉】下二次风口让管2\Φ76*8\SA-210C\F002BFM009L041\330MW\L=1647</t>
  </si>
  <si>
    <t>【哈电锅炉】下二次风口让管3\Φ76*8\SA-210C\F002BFM010L041\330MW\L=1571</t>
  </si>
  <si>
    <t>【哈电锅炉】启动燃烧器口和人孔让管1正反各半\Φ76*8\SA-210C\F002BFH002L041\330MW\L=3850</t>
  </si>
  <si>
    <t>【哈电锅炉】启动燃烧器口和人孔让管2正反各半\Φ76*8\SA-210C\F002BFH003L041\330MW\L=3500</t>
  </si>
  <si>
    <t>【哈电锅炉】启动燃烧器口和人孔让管3正反各半\Φ76*8\SA-210C\F002BFH004L041\330MW\L=3360</t>
  </si>
  <si>
    <t>【哈电锅炉】水冷壁前后上部中间集箱Ⅰ管接头1\Φ76*8\SA-210C\F002BEC003L041\330MW\L=159</t>
  </si>
  <si>
    <t>【哈电锅炉】水冷壁前后上部中间集箱Ⅱ管接头1\Φ76*8\SA-210C\F002BEC003L041\330MW\L=159</t>
  </si>
  <si>
    <t>【哈电锅炉】后水冷壁入口集箱管接头1\Φ76*8\SA-210C\F002BEC003L041\330MW\L=159</t>
  </si>
  <si>
    <t>【哈电锅炉】后水冷壁入口集箱管接头2\Φ89*11\SA-210C\F002BEC007L041\330MW\L=159</t>
  </si>
  <si>
    <t>【哈电锅炉】二次风口让管1\Φ76*8\SA-210C\F002BFK013L041\330MW\L=1442</t>
  </si>
  <si>
    <t>【哈电锅炉】二次风口让管2\Φ76*8\SA-210C\F002BFK014L041\330MW\L=1401</t>
  </si>
  <si>
    <t>【哈电锅炉】二次风口让管3\Φ76*8\SA-210C\F002BFK015L041\330MW\L=1378</t>
  </si>
  <si>
    <t>【哈电锅炉】启动燃烧器口让管1\Φ76*8\SA-210C\F002BFK023L041\330MW\L=2142</t>
  </si>
  <si>
    <t>【哈电锅炉】启动燃烧器口让管2\Φ76*8\SA-210C\F002BFK024L041\330MW\L=2100</t>
  </si>
  <si>
    <t>【哈电锅炉】启动燃烧器口让管3\Φ76*8\SA-210C\F002BFK025L041\330MW\L=1978</t>
  </si>
  <si>
    <t>【哈电锅炉】启动燃烧器口让管4\Φ76*8\SA-210C\F002BFK026L041\330MW\L=1930</t>
  </si>
  <si>
    <t>【哈电锅炉】给煤回料斜腿口让管1\Φ76*8\SA-210C\F002BFK018L041\330MW\L=3310</t>
  </si>
  <si>
    <t>【哈电锅炉】给煤回料斜腿口让管2\Φ76*8\SA-210C\F002BFK019L041\330MW\L=3260</t>
  </si>
  <si>
    <t>【哈电锅炉】给煤回料斜腿口让管3\Φ76*8\SA-210C\F002BFK020L041\330MW\L=3210</t>
  </si>
  <si>
    <t>【哈电锅炉】给煤回料斜腿口让管4\Φ76*8\SA-210C\F002BFK021L041\330MW\L=3008</t>
  </si>
  <si>
    <t>【哈电锅炉】给煤回料斜腿口让管5\Φ76*8\SA-210C\F002BFK022L041\330MW\L=3008</t>
  </si>
  <si>
    <t>【哈电锅炉】左右水冷壁入口集箱管接头1\Φ76*8\SA-210C\F002BEC003L041\330MW\L=159</t>
  </si>
  <si>
    <t>【哈电锅炉】左右水冷壁入口集箱管接头2\Φ89*11\SA-210C\F002BEC007L041\330MW\L=159</t>
  </si>
  <si>
    <t>【哈电锅炉】二次风口让管1\Φ76*8\SA-210C\F002BFL013L041\330MW\L=1442</t>
  </si>
  <si>
    <t>【哈电锅炉】二次风口让管2\Φ76*8\SA-210C\F002BFL014L041\330MW\L=1401</t>
  </si>
  <si>
    <t>【哈电锅炉】二次风口让管3\Φ76*8\SA-210C\F002BFL015L041\330MW\L=1378</t>
  </si>
  <si>
    <t>【哈电锅炉】启动燃烧器口让管1\Φ76*8\SA-210C\F002BFL023L041\330MW\L=2142</t>
  </si>
  <si>
    <t>【哈电锅炉】启动燃烧器口让管2\Φ76*8\SA-210C\F002BFL024L041\330MW\L=2100</t>
  </si>
  <si>
    <t>【哈电锅炉】启动燃烧器口让管3\Φ76*8\SA-210C\F002BFL025L041\330MW\L=1978</t>
  </si>
  <si>
    <t>【哈电锅炉】启动燃烧器口让管4\Φ76*8\SA-210C\F002BFL026L041\330MW\L=1930</t>
  </si>
  <si>
    <t>【哈电锅炉】给煤回料斜腿口让管1\Φ76*8\SA-210C\F002BFL018L041\330MW\L=3310</t>
  </si>
  <si>
    <t>【哈电锅炉】给煤回料斜腿口让管2\Φ76*8\SA-210C\F002BFL019L041\330MW\L=3260</t>
  </si>
  <si>
    <t>【哈电锅炉】给煤回料斜腿口让管3\Φ76*8\SA-210C\F002BFL020L041\330MW\L=3210</t>
  </si>
  <si>
    <t>【哈电锅炉】给煤回料斜腿口让管4\Φ76*8\SA-210C\F002BFL021L041\330MW\L=3008</t>
  </si>
  <si>
    <t>【哈电锅炉】给煤回料斜腿口让管5\Φ76*8\SA-210C\F002BFL022L041\330MW\L=3008</t>
  </si>
  <si>
    <t>【哈电锅炉】入口"L"弯1\Φ63.5*7\SA-210C\F002BHK007L041\330MW\L=1529</t>
  </si>
  <si>
    <t>【哈电锅炉】入口"L"弯2\φ63.5*7\SA-210C\F002BHK008L041\330MW\L=1669</t>
  </si>
  <si>
    <t>【哈电锅炉】入口"L"弯3\φ63.5*7\SA-210C\F002BHK009L041\330MW\L=1809</t>
  </si>
  <si>
    <t>【哈电锅炉】入口"L"弯4\φ63.5*7\SA-210C\F002BHK010L041\330MW\L=1949</t>
  </si>
  <si>
    <t>【哈电锅炉】入口"L"弯5\φ63.5*7\SA-210C\F002BHK011L041\330MW\L=2089</t>
  </si>
  <si>
    <t>【哈电锅炉】入口"L"弯6\φ63.5*7\SA-210C\F002BHK012L041\330MW\L=2230</t>
  </si>
  <si>
    <t>【哈电锅炉】入口"L"弯7\φ63.5*7\SA-210C\F002BHK013L041\330MW\L=2370</t>
  </si>
  <si>
    <t>【哈电锅炉】入口"L"弯8\φ63.5*7\SA-210C\F002BHK014L041\330MW\L=2510</t>
  </si>
  <si>
    <t>【哈电锅炉】入口"L"弯9\φ63.5*7\SA-210C\F002BHK015L041\330MW\L=2650</t>
  </si>
  <si>
    <t>【哈电锅炉】入口"L"弯10\φ63.5*7\SA-210C\F002BHK016L041\330MW\L=2790</t>
  </si>
  <si>
    <t>【哈电锅炉】入口"L"弯11\φ63.5*7\SA-210C\F002BHK017L041\330MW\L=2930</t>
  </si>
  <si>
    <t>【哈电锅炉】入口"L"弯12\φ63.5*7\SA-210C\F002BHK024L041\330MW\L=3070</t>
  </si>
  <si>
    <t>【哈电锅炉】入口"L"弯13\φ63.5*7\SA-210C\F002BHK025L041\330MW\L=3210</t>
  </si>
  <si>
    <t>【哈电锅炉】入口"L"弯14\φ63.5*7\SA-210C\F002BHK026L041\330MW\L=3350</t>
  </si>
  <si>
    <t>【哈电锅炉】入口"L"弯15\φ63.5*7\SA-210C\F002BHK027L041\330MW\L=3490</t>
  </si>
  <si>
    <t>【哈电锅炉】入口"L"弯16\φ63.5*7\SA-210C\F002BHK028L041\330MW\L=3630</t>
  </si>
  <si>
    <t>【哈电锅炉】入口"L"弯17\φ63.5*7\SA-210C\F002BHK029L041\330MW\L=3770</t>
  </si>
  <si>
    <t>【哈电锅炉】入口"L"弯18\φ63.5*7\SA-210C\F002BHK030L041\330MW\L=3910</t>
  </si>
  <si>
    <t>【哈电锅炉】入口"L"弯19\φ63.5*7\SA-210C\F002BHK031L041\330MW\L=4050</t>
  </si>
  <si>
    <t>【哈电锅炉】入口"L"弯20\φ63.5*7\SA-210C\F002BHK032L041\330MW\L=4190</t>
  </si>
  <si>
    <t>【哈电锅炉】入口"L"弯21\φ63.5*7\SA-210C\F002BHK033L041\330MW\L=4330</t>
  </si>
  <si>
    <t>【哈电锅炉】入口"L"弯22\φ63.5*7\SA-210C\F002BHK034L041\330MW\L=4470</t>
  </si>
  <si>
    <t>【哈电锅炉】入口"L"弯23\φ63.5*7\SA-210C\F002BHK036L041\330MW\L=4610</t>
  </si>
  <si>
    <t>【哈电锅炉】入口"L"弯24\φ63.5*7\SA-210C\F002BHK037L041\330MW\L=4750</t>
  </si>
  <si>
    <t>【哈电锅炉】入口"L"弯25\φ63.5*7\SA-210C\F002BHK038L041\330MW\L=4890</t>
  </si>
  <si>
    <t>【哈电锅炉】入口"L"弯26\φ63.5*7\SA-210C\F002BHK039L041\330MW\L=5033</t>
  </si>
  <si>
    <t>【哈电锅炉】入口"L"弯27\φ63.5*7\SA-210C\F002BHK040L041\330MW\L=5174</t>
  </si>
  <si>
    <t>【哈电锅炉】入口"L"弯28\φ63.5*7\SA-210C\F002BHK041L041\330MW\L=5314</t>
  </si>
  <si>
    <t>【哈电锅炉】入口"L"弯1\Φ63.5*7\SA-210C\F002BHX007L041\330MW\L=1529</t>
  </si>
  <si>
    <t>【哈电锅炉】入口"L"弯2\φ63.5*7\SA-210C\F002BHX008L041\330MW\L=1669</t>
  </si>
  <si>
    <t>【哈电锅炉】入口"L"弯3\φ63.5*7\SA-210C\F002BHX009L041\330MW\L=1809</t>
  </si>
  <si>
    <t>【哈电锅炉】入口"L"弯4\φ63.5*7\SA-210C\F002BHX010L041\330MW\L=1949</t>
  </si>
  <si>
    <t>【哈电锅炉】入口"L"弯5\φ63.5*7\SA-210C\F002BHX011L041\330MW\L=2089</t>
  </si>
  <si>
    <t>【哈电锅炉】入口"L"弯6\φ63.5*7\SA-210C\F002BHX012L041\330MW\L=2230</t>
  </si>
  <si>
    <t>【哈电锅炉】入口"L"弯7\φ63.5*7\SA-210C\F002BHX013L041\330MW\L=2370</t>
  </si>
  <si>
    <t>【哈电锅炉】入口"L"弯8\φ63.5*7\SA-210C\F002BHX014L041\330MW\L=2510</t>
  </si>
  <si>
    <t>【哈电锅炉】入口"L"弯9\φ63.5*7\SA-210C\F002BHX015L041\330MW\L=2650</t>
  </si>
  <si>
    <t>【哈电锅炉】入口"L"弯10\φ63.5*7\SA-210C\F002BHX016L041\330MW\L=2790</t>
  </si>
  <si>
    <t>【哈电锅炉】入口"L"弯11\φ63.5*7\SA-210C\F002BHX017L041\330MW\L=2930</t>
  </si>
  <si>
    <t>【哈电锅炉】入口"L"弯12\φ63.5*7\SA-210C\F002BHX024L041\330MW\L=3070</t>
  </si>
  <si>
    <t>【哈电锅炉】入口"L"弯13\φ63.5*7\SA-210C\F002BHX025L041\330MW\L=3210</t>
  </si>
  <si>
    <t>【哈电锅炉】入口"L"弯14\φ63.5*7\SA-210C\F002BHX026L041\330MW\L=3350</t>
  </si>
  <si>
    <t>【哈电锅炉】入口"L"弯15\φ63.5*7\SA-210C\F002BHX027L041\330MW\L=3490</t>
  </si>
  <si>
    <t>【哈电锅炉】入口"L"弯16\φ63.5*7\SA-210C\F002BHX028L041\330MW\L=3630</t>
  </si>
  <si>
    <t>【哈电锅炉】入口"L"弯17\φ63.5*7\SA-210C\F002BHX029L041\330MW\L=3770</t>
  </si>
  <si>
    <t>【哈电锅炉】入口"L"弯18\φ63.5*7\SA-210C\F002BHX030L041\330MW\L=3910</t>
  </si>
  <si>
    <t>【哈电锅炉】入口"L"弯19\φ63.5*7\SA-210C\F002BHX031L041\330MW\L=4050</t>
  </si>
  <si>
    <t>【哈电锅炉】入口"L"弯20\φ63.5*7\SA-210C\F002BHX032L041\330MW\L=4190</t>
  </si>
  <si>
    <t>【哈电锅炉】入口"L"弯21\φ63.5*7\SA-210C\F002BHX033L041\330MW\L=4330</t>
  </si>
  <si>
    <t>【哈电锅炉】入口"L"弯22\φ63.5*7\SA-210C\F002BHX034L041\330MW\L=4470</t>
  </si>
  <si>
    <t>【哈电锅炉】入口"L"弯23\φ63.5*7\SA-210C\F002BHX036L041\330MW\L=4610</t>
  </si>
  <si>
    <t>【哈电锅炉】入口弯头1\φ51*8\12Cr1MoVG\F002CFR022L041\330MW\L=2321</t>
  </si>
  <si>
    <t>【哈电锅炉】入口弯头2\φ51*8\12Cr1MoVG\FOO2CFRO23L041\330MW\L=2540</t>
  </si>
  <si>
    <t>【哈电锅炉】入口弯头3\φ51*8\12Cr1MoVG\FOO2CFRO24L041\330MW\L=2892</t>
  </si>
  <si>
    <t>【哈电锅炉】入口弯头4\φ51*8\12Cr1MoVG\FOO2CFRO25L041\330MW\L=3377</t>
  </si>
  <si>
    <t>【哈电锅炉】出口弯头1\φ51*8\SA-213T91\FOO2CFRO26L041\330MW\L=1458</t>
  </si>
  <si>
    <t>【哈电锅炉】出口弯头2\φ51*8\SA-213T91\FOO2CFRO27L041\330MW\L=1669</t>
  </si>
  <si>
    <t>【哈电锅炉】出口弯头3\φ51*8\SA-213T91\FOO2CFRO28L041\330MW\L=2030</t>
  </si>
  <si>
    <t>【哈电锅炉】出口弯头4\φ51*8\SA-213T91\FOO2CFRO29L041\330MW\L=2444</t>
  </si>
  <si>
    <t>【哈电锅炉】过热器高温入口集箱管接头1\Φ51*8\12Cr1MoVG\F001CMJ007L041\330MW\L=160.5</t>
  </si>
  <si>
    <t>【哈电锅炉】过热器高温入口集箱管接头2\Φ32*5\15CrMoG\F001CMJ007L041\330MW\L=156.9</t>
  </si>
  <si>
    <t>【哈电锅炉】过热器高温出口集箱管接头1\Φ51*8\SA-213T91\F001CMJ008L041\330MW\L=160.5</t>
  </si>
  <si>
    <t>【哈电锅炉】过热器高温出口集箱管接头2\Φ60*10\12Cr1MoVG\F001CMJ008L041\330MW\L=185.5</t>
  </si>
  <si>
    <t>【哈电锅炉】入口弯头1\φ51*6.5\SA-210C\FOO2CFF025L041\330MW\L=1481</t>
  </si>
  <si>
    <t>【哈电锅炉】入口弯头2\φ51*6.5\SA-210C\FOO2CFF026L041\330MW\L=1700</t>
  </si>
  <si>
    <t>【哈电锅炉】入口弯头3\φ51*6.5\SA-210C\FOO2CFF027L041\330MW\L=2052</t>
  </si>
  <si>
    <t>【哈电锅炉】入口弯头4\φ51*6.5\SA-210C\FOO2CFF028L041\330MW\L=2537</t>
  </si>
  <si>
    <t>【哈电锅炉】出口弯头1\φ51*6.5\15CrMoG\FOO2CFF029L041\330MW\L=2444</t>
  </si>
  <si>
    <t>【哈电锅炉】出口弯头2\φ51*6.5\15CrMoG\FOO2CFF030L041\330MW\L=2030</t>
  </si>
  <si>
    <t>【哈电锅炉】出口弯头3\φ51*6.5\15CrMoG\FOO2CFF031L041\330MW\L=1668</t>
  </si>
  <si>
    <t>【哈电锅炉】出口弯头4\φ51*6.5\15CrMoG\FOO2CFF032L041\330MW\L=1458</t>
  </si>
  <si>
    <t>【哈电锅炉】前后包墙上集箱管接头1\Φ57*10\15CrMoG\F001CMH001L041\330MW\L=152.5</t>
  </si>
  <si>
    <t>【哈电锅炉】前后包墙上集箱管接头2\Φ60*8\20G\F001CMH001L041\330MW\L=153</t>
  </si>
  <si>
    <t>【哈电锅炉】侧包墙上集箱右(左)管接头1\Φ57*7\15CrMoG\F001CMH002L041\330MW\L=153</t>
  </si>
  <si>
    <t>【哈电锅炉】侧包墙上集箱右(左)管接头2\Φ60*8\20G\F001CMH002L041\330MW\L=153</t>
  </si>
  <si>
    <t>【哈电锅炉】过热器包墙下集箱(右)管接头1\Φ57*7\SA-210C\F001CMH003L041\330MW\L=149</t>
  </si>
  <si>
    <t>【哈电锅炉】过热器包墙下集箱(右)管接头2\Φ32*5\20G\F001CMH003L041\330MW\L=150</t>
  </si>
  <si>
    <t>【哈电锅炉】过热器包墙下集箱(左)管接头1\Φ57*7\SA-210C\F001CMH004L041\330MW\L=149</t>
  </si>
  <si>
    <t>【哈电锅炉】过热器包墙下集箱(左)管接头2\Φ32*5\20G\F001CMH004L041\330MW\L=150</t>
  </si>
  <si>
    <t>【哈电锅炉】过热器包墙下集箱(前后)管接头1\Φ57*7\SA-210C\F001CMH005L041\330MW\L=149</t>
  </si>
  <si>
    <t>【哈电锅炉】过热器包墙下集箱(前后)管接头1\Φ32*5\20G\F001CMH005L041\330MW\L=150</t>
  </si>
  <si>
    <t>【哈电锅炉】隔墙下集箱管接头1\Φ57*7\SA-210C\F001CMH006L041\330MW\L=149</t>
  </si>
  <si>
    <t>【哈电锅炉】隔墙下集箱管接头1\Φ32*5\20G\F001CMH006L041\330MW\L=150</t>
  </si>
  <si>
    <t>【哈电锅炉】低温过热器入口集箱管接头1\Φ51*6.5\SA-210C\F001CMJ001L041\330MW\L=159</t>
  </si>
  <si>
    <t>【哈电锅炉】低温过热器入口集箱管接头2\Φ76*10\20G\F001CMJ001L041\330MW\L=160.5</t>
  </si>
  <si>
    <t>【哈电锅炉】低温过热器出口集箱管接头1\Φ51*6.5\15CrMoG\F001CMJ002L041\330MW\L=159</t>
  </si>
  <si>
    <t>【哈电锅炉】低温过热器出口集箱管接头2\Φ76*10\20G\F001CMJ002L041\330MW\L=185.5</t>
  </si>
  <si>
    <t>【哈电锅炉】入口"L"弯1\Φ51*13\12Cr1MoVG\F002CFP010L041\330MW\L=474</t>
  </si>
  <si>
    <t>【哈电锅炉】入口"L"弯2\Φ51*7\12Cr1MoVG\F002CFP010L041\330MW\L=1597</t>
  </si>
  <si>
    <t>【哈电锅炉】入口"L"弯3\φ51*7\12Cr1MoVG\F002CFP012L041\330MW\L=1724</t>
  </si>
  <si>
    <t>【哈电锅炉】入口"L"弯4\φ51*7\12Cr1MoVG\F002CFP013L041\330MW\L=1853</t>
  </si>
  <si>
    <t>【哈电锅炉】入口"L"弯5\φ51*7\12Cr1MoVG\F002CFP014L041\330MW\L=1982</t>
  </si>
  <si>
    <t>【哈电锅炉】入口"L"弯6\φ51*7\12Cr1MoVG\F002CFP015L041\330MW\L=2110</t>
  </si>
  <si>
    <t>【哈电锅炉】入口"L"弯7\φ51*7\12Cr1MoVG\F002CFP016L041\330MW\L=2238</t>
  </si>
  <si>
    <t>【哈电锅炉】入口"L"弯8\φ51*7\12Cr1MoVG\F002CFP017L041\330MW\L=2367</t>
  </si>
  <si>
    <t>【哈电锅炉】入口"L"弯9\φ51*7\12Cr1MoVG\F002CFP018L041\330MW\L=2495</t>
  </si>
  <si>
    <t>【哈电锅炉】入口"L"弯10\φ51*7\12Cr1MoVG\F002CFP019L041\330MW\L=2623</t>
  </si>
  <si>
    <t>【哈电锅炉】入口"L"弯11\φ51*7\12Cr1MoVG\F002CFP020L041\330MW\L=2751</t>
  </si>
  <si>
    <t>【哈电锅炉】入口"L"弯12\φ51*7\12Cr1MoVG\F002CFP021L041\330MW\L=2880</t>
  </si>
  <si>
    <t>【哈电锅炉】入口"L"弯13\φ51*7\12Cr1MoVG\F002CFP022L041\330MW\L=3008</t>
  </si>
  <si>
    <t>【哈电锅炉】入口"L"弯14\φ51*7\12Cr1MoVG\F002CFP023L041\330MW\L=3136</t>
  </si>
  <si>
    <t>【哈电锅炉】入口"L"弯15\φ51*7\12Cr1MoVG\F002CFP024L041\330MW\L=3265</t>
  </si>
  <si>
    <t>【哈电锅炉】入口"L"弯16\φ51*7\12Cr1MoVG\F002CFP025L041\330MW\L=3393</t>
  </si>
  <si>
    <t>【哈电锅炉】入口"L"弯17\φ51*7\12Cr1MoVG\F002CFP026L041\330MW\L=3521</t>
  </si>
  <si>
    <t>【哈电锅炉】入口"L"弯18\φ51*7\12Cr1MoVG\F002CFP027L041\330MW\L=3649</t>
  </si>
  <si>
    <t>【哈电锅炉】入口"L"弯19\φ51*7\12Cr1MoVG\F002CFP028L041\330MW\L=3778</t>
  </si>
  <si>
    <t>【哈电锅炉】入口"L"弯20\φ51*7\12Cr1MoVG\F002CFP029L041\330MW\L=3906</t>
  </si>
  <si>
    <t>【哈电锅炉】入口"L"弯21\φ51*7\12Cr1MoVG\F002CFP030L041\330MW\L=4034</t>
  </si>
  <si>
    <t>【哈电锅炉】入口"L"弯22\φ51*7\12Cr1MoVG\F002CFP031L041\330MW\L=4163</t>
  </si>
  <si>
    <t>【哈电锅炉】入口"L"弯23\φ51*7\12Cr1MoVG\F002CFP032L041\330MW\L=4291</t>
  </si>
  <si>
    <t>【哈电锅炉】入口"L"弯24\φ51*7\12Cr1MoVG\F002CFP033L041\330MW\L=4419</t>
  </si>
  <si>
    <t>【哈电锅炉】入口"L"弯25\φ51*7\12Cr1MoVG\F002CFP034L041\330MW\L=4547</t>
  </si>
  <si>
    <t>【哈电锅炉】入口"L"弯26\φ51*7\12Cr1MoVG\F002CFP035L041\330MW\L=4676</t>
  </si>
  <si>
    <t>【哈电锅炉】入口"L"弯27\φ51*7\12Cr1MoVG\F002CFP036L041\330MW\L=4804</t>
  </si>
  <si>
    <t>【哈电锅炉】入口"L"弯28\φ51*7\12Cr1MoVG\F002CFP037L041\330MW\L=4932</t>
  </si>
  <si>
    <t>【哈电锅炉】入口"L"弯29\φ51*7\12Cr1MoVG\F002CFP038L041\330MW\L=5061</t>
  </si>
  <si>
    <t>【哈电锅炉】入口"L"弯30\φ51*7\12Cr1MoVG\F002CFP039L041\330MW\L=5189</t>
  </si>
  <si>
    <t>【哈电锅炉】入口"L"弯31\φ51*7\12Cr1MoVG\F002CFP040L041\330MW\L=5317</t>
  </si>
  <si>
    <t>【哈电锅炉】入口"L"弯32\φ51*7\12Cr1MoVG\F002CFP041L041\330MW\L=5445</t>
  </si>
  <si>
    <t>【哈电锅炉】入口"L"弯33\φ51*7\12Cr1MoVG\F002CFP042L041\330MW\L=5574</t>
  </si>
  <si>
    <t>【哈电锅炉】入口"L"弯34\φ51*7\12Cr1MoVG\F002CFP043L041\330MW\L=5702</t>
  </si>
  <si>
    <t>【哈电锅炉】入口"L"弯35\φ51*7\12Cr1MoVG\F002CFP044L041\330MW\L=5830</t>
  </si>
  <si>
    <t>【哈电锅炉】入口"L"弯36\φ51*7\12Cr1MoVG\F002CFP045L041\330MW\L=5959</t>
  </si>
  <si>
    <t>【哈电锅炉】入口"L"弯37\φ51*7\12Cr1MoVG\F002CFP046L041\330MW\L=6087</t>
  </si>
  <si>
    <t>【哈电锅炉】入口"L"弯38\φ51*7\12Cr1MoVG\F002CFP047L041\330MW\L=6215</t>
  </si>
  <si>
    <t>【哈电锅炉】入口"L"弯1\Φ51*13\12Cr1MoVG\F002CFQ010L041\330MW\L=474</t>
  </si>
  <si>
    <t>【哈电锅炉】入口"L"弯2\Φ51*7\12Cr1MoVG\F002CFQ010L041\330MW\L=1597</t>
  </si>
  <si>
    <t>【哈电锅炉】入口"L"弯3\φ51*7\12Cr1MoVG\F002CFQ012L041\330MW\L=1724</t>
  </si>
  <si>
    <t>【哈电锅炉】入口"L"弯4\φ51*7\12Cr1MoVG\F002CFQ013L041\330MW\L=1853</t>
  </si>
  <si>
    <t>【哈电锅炉】入口"L"弯5\φ51*7\12Cr1MoVG\F002CFQ014L041\330MW\L=1982</t>
  </si>
  <si>
    <t>【哈电锅炉】入口"L"弯6\φ51*7\12Cr1MoVG\F002CFQ015L041\330MW\L=2110</t>
  </si>
  <si>
    <t>【哈电锅炉】入口"L"弯7\φ51*7\12Cr1MoVG\F002CFQ016L041\330MW\L=2238</t>
  </si>
  <si>
    <t>【哈电锅炉】入口"L"弯8\φ51*7\12Cr1MoVG\F002CFQ017L041\330MW\L=2367</t>
  </si>
  <si>
    <t>【哈电锅炉】入口"L"弯9\φ51*7\12Cr1MoVG\F002CFQ018L041\330MW\L=2495</t>
  </si>
  <si>
    <t>【哈电锅炉】入口"L"弯10\φ51*7\12Cr1MoVG\F002CFQ019L041\330MW\L=2623</t>
  </si>
  <si>
    <t>【哈电锅炉】入口"L"弯11\φ51*7\12Cr1MoVG\F002CFQ020L041\330MW\L=2751</t>
  </si>
  <si>
    <t>【哈电锅炉】入口"L"弯12\φ51*7\12Cr1MoVG\F002CFQ021L041\330MW\L=2880</t>
  </si>
  <si>
    <t>【哈电锅炉】入口"L"弯13\φ51*7\12Cr1MoVG\F002CFQ022L041\330MW\L=3008</t>
  </si>
  <si>
    <t>【哈电锅炉】入口"L"弯14\φ51*7\12Cr1MoVG\F002CFQ023L041\330MW\L=3136</t>
  </si>
  <si>
    <t>【哈电锅炉】入口"L"弯15\φ51*7\12Cr1MoVG\F002CFQ024L041\330MW\L=3265</t>
  </si>
  <si>
    <t>【哈电锅炉】入口"L"弯16\φ51*7\12Cr1MoVG\F002CFQ025L041\330MW\L=3393</t>
  </si>
  <si>
    <t>【哈电锅炉】入口"L"弯17\φ51*7\12Cr1MoVG\F002CFQ026L041\330MW\L=3521</t>
  </si>
  <si>
    <t>【哈电锅炉】入口"L"弯18\φ51*7\12Cr1MoVG\F002CFQ027L041\330MW\L=3649</t>
  </si>
  <si>
    <t>【哈电锅炉】入口"L"弯19\φ51*7\12Cr1MoVG\F002CFQ028L041\330MW\L=3778</t>
  </si>
  <si>
    <t>【哈电锅炉】入口"L"弯20\φ51*7\12Cr1MoVG\F002CFQ029L041\330MW\L=3906</t>
  </si>
  <si>
    <t>【哈电锅炉】入口"L"弯21\φ51*7\12Cr1MoVG\F002CFQ030L041\330MW\L=4034</t>
  </si>
  <si>
    <t>【哈电锅炉】入口"L"弯22\φ51*7\12Cr1MoVG\F002CFQ031L041\330MW\L=4163</t>
  </si>
  <si>
    <t>【哈电锅炉】入口"L"弯23\φ51*7\12Cr1MoVG\F002CFQ032L041\330MW\L=4291</t>
  </si>
  <si>
    <t>【哈电锅炉】入口"L"弯24\φ51*7\12Cr1MoVG\F002CFQ033L041\330MW\L=4419</t>
  </si>
  <si>
    <t>【哈电锅炉】入口"L"弯25\φ51*7\12Cr1MoVG\F002CFQ034L041\330MW\L=4547</t>
  </si>
  <si>
    <t>【哈电锅炉】入口"L"弯26\φ51*7\12Cr1MoVG\F002CFQ035L041\330MW\L=4676</t>
  </si>
  <si>
    <t>【哈电锅炉】入口"L"弯27\φ51*7\12Cr1MoVG\F002CFQ036L041\330MW\L=4804</t>
  </si>
  <si>
    <t>【哈电锅炉】入口"L"弯28\φ51*7\12Cr1MoVG\F002CFQ037L041\330MW\L=4932</t>
  </si>
  <si>
    <t>【哈电锅炉】入口"L"弯29\φ51*7\12Cr1MoVG\F002CFQ038L041\330MW\L=5061</t>
  </si>
  <si>
    <t>【哈电锅炉】入口"L"弯30\φ51*7\12Cr1MoVG\F002CFQ039L041\330MW\L=5189</t>
  </si>
  <si>
    <t>【哈电锅炉】入口"L"弯31\φ51*7\12Cr1MoVG\F002CFQ040L041\330MW\L=5317</t>
  </si>
  <si>
    <t>【哈电锅炉】入口"L"弯32\φ51*7\12Cr1MoVG\F002CFQ041L041\330MW\L=5445</t>
  </si>
  <si>
    <t>【哈电锅炉】入口"L"弯33\φ51*7\12Cr1MoVG\F002CFQ042L041\330MW\L=5574</t>
  </si>
  <si>
    <t>【哈电锅炉】入口"L"弯34\φ51*7\12Cr1MoVG\F002CFQ043L041\330MW\L=5702</t>
  </si>
  <si>
    <t>【哈电锅炉】入口"L"弯35\φ51*7\12Cr1MoVG\F002CFQ044L041\330MW\L=5830</t>
  </si>
  <si>
    <t>【哈电锅炉】入口"L"弯36\φ51*7\12Cr1MoVG\F002CFQ045L041\330MW\L=5959</t>
  </si>
  <si>
    <t>【哈电锅炉】入口"L"弯37\φ51*7\12Cr1MoVG\F002CFQ046L041\330MW\L=6087</t>
  </si>
  <si>
    <t>【哈电锅炉】入口"L"弯38\φ51*7\12Cr1MoVG\F002CFQ047L041\330MW\L=6215</t>
  </si>
  <si>
    <t>【哈电锅炉】过热器包墙(顶)让管1\Φ57*10\15CrMoG\F002CDJ011L041\330MW\L=720</t>
  </si>
  <si>
    <t>【哈电锅炉】过热器包墙(左)吹灰口让管1\Φ57*7\SA-210C\F002CDG014L041\330MW\L=1480</t>
  </si>
  <si>
    <t>【哈电锅炉】过热器包墙(左)吹灰口让管2\Φ57*7\15CrMoG\F002CDG033L041\330MW\L=1290</t>
  </si>
  <si>
    <t>【哈电锅炉】过热器包墙(左)吹灰口让管3\Φ57*7\15CrMoG\F002CDG028L041\330MW\L=1415</t>
  </si>
  <si>
    <t>【哈电锅炉】过热器包墙(左)人孔让管1\Φ57*7\SA-210C\F002CDG027L041\330MW\L=1618</t>
  </si>
  <si>
    <t>【哈电锅炉】过热器包墙(左)人孔让管2\Φ57*7\SA-210C\F002CDG031L041\330MW\L=1682</t>
  </si>
  <si>
    <t>【哈电锅炉】过热器包墙(左)人孔让管3\Φ57*7\SA-210C\F002CDG023L041\330MW\L=2804</t>
  </si>
  <si>
    <t>【哈电锅炉】过热器包墙(左)人孔让管4\Φ57*7\SA-210C\F002CDG024L041\330MW\L=2932</t>
  </si>
  <si>
    <t>【哈电锅炉】过热器包墙(左)人孔让管5\Φ57*7\15CrMoG\F002CDG040L041\330MW\L=1393</t>
  </si>
  <si>
    <t>【哈电锅炉】过热器包墙(左)人孔让管6\Φ57*7\15CrMoG\F002CDG035L041\330MW\L=1457</t>
  </si>
  <si>
    <t>【哈电锅炉】过热器包墙(左)人孔让管7\Φ57*7\15CrMoG\F002CDG041L041\330MW\L=1510</t>
  </si>
  <si>
    <t>【哈电锅炉】过热器包墙(左)人孔让管8\Φ57*7\15CrMoG\F002CDG042L041\330MW\L=1574</t>
  </si>
  <si>
    <t>【哈电锅炉】过热器包墙(右)吹灰口让管1\Φ57*7\SA-210C\F002CDG014L041\330MW\L=1480</t>
  </si>
  <si>
    <t>【哈电锅炉】过热器包墙(右)吹灰口让管2\Φ57*7\15CrMoG\F002CDG033L041\330MW\L=1290</t>
  </si>
  <si>
    <t>【哈电锅炉】过热器包墙(右)吹灰口让管3\Φ57*7\15CrMoG\F002CDG028L041\330MW\L=1415</t>
  </si>
  <si>
    <t>【哈电锅炉】过热器包墙(右)人孔让管1\Φ57*7\SA-210C\F002CDG027L041\330MW\L=1618</t>
  </si>
  <si>
    <t>【哈电锅炉】过热器包墙(右)人孔让管2\Φ57*7\SA-210C\F002CDG031L041\330MW\L=1682</t>
  </si>
  <si>
    <t>【哈电锅炉】过热器包墙(右)人孔让管3\Φ57*7\15CrMoG\F002CDG040L041\330MW\L=1393</t>
  </si>
  <si>
    <t>【哈电锅炉】过热器包墙(右)人孔让管4\Φ57*7\15CrMoG\F002CDG035L041\330MW\L=1457</t>
  </si>
  <si>
    <t>【哈电锅炉】过热器包墙(右)人孔让管5\Φ57*7\15CrMoG\F002CDG041L041\330MW\L=1510</t>
  </si>
  <si>
    <t>【哈电锅炉】过热器包墙(右)人孔让管6\Φ57*7\15CrMoG\F002CDG042L041\330MW\L=1574</t>
  </si>
  <si>
    <t>【哈电锅炉】过热器包墙(前)烟窗让管1\Φ57*10\15CrMoG\F002CDD016L041\330MW\L=8951</t>
  </si>
  <si>
    <t>【哈电锅炉】过热器包墙(中)烟窗让管1\φ57*10\15CrMoG\F002CDQ024L041\330MW\L=10894</t>
  </si>
  <si>
    <t>【哈电锅炉】入口"L"弯1\Φ57*5\12Cr1MoVG\F002DCH010L041\330MW\L=518</t>
  </si>
  <si>
    <t>【哈电锅炉】入口"L"弯2\Φ57*5\SA-213TP304H\F002DCH010L041\330MW\L=1420</t>
  </si>
  <si>
    <t>【哈电锅炉】入口"L"弯3\Φ57*5\SA-213TP304H\F002DCH012L041\330MW\L=1547</t>
  </si>
  <si>
    <t>【哈电锅炉】入口"L"弯4\Φ57*5\SA-213TP304H\F002DCH013L041\330MW\L=1674</t>
  </si>
  <si>
    <t>【哈电锅炉】入口"L"弯5\Φ57*5\SA-213TP304H\F002DCH014L041\330MW\L=1802</t>
  </si>
  <si>
    <t>【哈电锅炉】入口"L"弯6\Φ57*5\SA-213TP304H\F002DCH015L041\330MW\L=1929</t>
  </si>
  <si>
    <t>【哈电锅炉】入口"L"弯7\Φ57*5\SA-213TP304H\F002DCH016L041\330MW\L=2056</t>
  </si>
  <si>
    <t>【哈电锅炉】入口"L"弯8\Φ57*5\SA-213TP304H\F002DCH017L041\330MW\L=2184</t>
  </si>
  <si>
    <t>【哈电锅炉】入口"L"弯9\Φ57*5\SA-213TP304H\F002DCH018L041\330MW\L=2312</t>
  </si>
  <si>
    <t>【哈电锅炉】入口"L"弯10\Φ57*5\SA-213TP304H\F002DCH019L041\330MW\L=2439</t>
  </si>
  <si>
    <t>【哈电锅炉】入口"L"弯11\Φ57*5\SA-213TP304H\F002DCH020L041\330MW\L=2566</t>
  </si>
  <si>
    <t>【哈电锅炉】入口"L"弯12\Φ57*5\SA-213TP304H\F002DCH021L041\330MW\L=2693</t>
  </si>
  <si>
    <t>【哈电锅炉】入口"L"弯13\Φ57*5\SA-213TP304H\F002DCH022L041\330MW\L=2821</t>
  </si>
  <si>
    <t>【哈电锅炉】入口"L"弯14\Φ57*5\SA-213TP304H\F002DCH023L041\330MW\L=2948</t>
  </si>
  <si>
    <t>【哈电锅炉】入口"L"弯15\Φ57*5\SA-213TP304H\F002DCH024L041\330MW\L=3075</t>
  </si>
  <si>
    <t>【哈电锅炉】入口"L"弯16\Φ57*5\SA-213TP304H\F002DCH025L041\330MW\L=3202</t>
  </si>
  <si>
    <t>【哈电锅炉】入口"L"弯17\Φ57*5\SA-213TP304H\F002DCH026L041\330MW\L=3330</t>
  </si>
  <si>
    <t>【哈电锅炉】入口"L"弯18\Φ57*5\SA-213TP304H\F002DCH027L041\330MW\L=3457</t>
  </si>
  <si>
    <t>【哈电锅炉】入口"L"弯19\Φ57*5\SA-213TP304H\F002DCH028L041\330MW\L=3584</t>
  </si>
  <si>
    <t>【哈电锅炉】入口"L"弯20\Φ57*5\SA-213TP304H\F002DCH029L041\330MW\L=3711</t>
  </si>
  <si>
    <t>【哈电锅炉】入口"L"弯21\Φ57*5\SA-213TP304H\F002DCH030L041\330MW\L=3839</t>
  </si>
  <si>
    <t>【哈电锅炉】入口"L"弯22\Φ57*5\SA-213TP304H\F002DCH031L041\330MW\L=3967</t>
  </si>
  <si>
    <t>【哈电锅炉】入口"L"弯23\Φ57*5\SA-213TP304H\F002DCH032L041\330MW\L=4094</t>
  </si>
  <si>
    <t>【哈电锅炉】入口"L"弯24\Φ57*5\SA-213TP304H\F002DCH033L041\330MW\L=4221</t>
  </si>
  <si>
    <t>【哈电锅炉】入口"L"弯25\Φ57*5\SA-213TP304H\F002DCH034L041\330MW\L=4348</t>
  </si>
  <si>
    <t>【哈电锅炉】入口弯头1\φ70*5\20G\F002DCF048L041\330MW\L=675</t>
  </si>
  <si>
    <t>【哈电锅炉】入口弯头2\φ70*5\20G\F002DCF049L041\330MW\L=567</t>
  </si>
  <si>
    <t>【哈电锅炉】出口弯头1\φ70*5\12Cr1MoVG\F002DCF055L041\330MW\L=1084</t>
  </si>
  <si>
    <t>【哈电锅炉】出口弯头2\φ70*5\12Cr1MoVG\F002DCF056L041\330MW\L=1414</t>
  </si>
  <si>
    <t>【哈电锅炉】出口弯头3\φ70*5\12Cr1MoVG\F002DCF057L041\330MW\L=1845</t>
  </si>
  <si>
    <t>【哈电锅炉】出口弯头4\φ70*5\12Cr1MoVG\F002DCF058L041\330MW\L=2377</t>
  </si>
  <si>
    <t>【哈电锅炉】再热器低温入口集箱管接头1\Φ70*5\20G\F002DJA001L041\330MW\L=107.4</t>
  </si>
  <si>
    <t>【哈电锅炉】再热器低温入口集箱管接头2\Φ60*8\20G\F001DJA001L041\330MW\L=108.5</t>
  </si>
  <si>
    <t>【哈电锅炉】再热器低温出口集箱管接头1\Φ70*5\15CrMoG\F002DJA010L041\330MW\L=107.4</t>
  </si>
  <si>
    <t>【哈电锅炉】再热器低温出口集箱管接头2\Φ76*10\15CrMoG\F001DJA002L041\330MW\L=110.5</t>
  </si>
  <si>
    <t>【哈电锅炉】再热器高温出口集箱右(左)管接头1\Φ60*8\12Cr1MoVG\F001DJA004L041\330MW\L=158.5</t>
  </si>
  <si>
    <t>【哈电锅炉】前后包墙上集箱端盖\DH =273*\SA-105\F002CMH001L041\330MW</t>
  </si>
  <si>
    <t>【哈电锅炉】前后包墙上集箱手孔端盖\BⅠR=137*\20\HG1041-2011\330MW</t>
  </si>
  <si>
    <t>【哈电锅炉】侧包墙上集箱右(左)手孔端盖\BⅠR=137*\20\HG1041-2011\330MW</t>
  </si>
  <si>
    <t>【哈电锅炉】过热器包墙下集箱(前后)手孔端盖\BⅠR=178*\20\HG1041-2011\330MW</t>
  </si>
  <si>
    <t>【哈电锅炉】省煤器入口集箱端盖\DH =406*\WB36\F002EHE001L041\330MW</t>
  </si>
  <si>
    <t>【哈电锅炉】省煤器入口集箱手孔端盖\BⅠR=203*\20\HG1041-2011\330MW</t>
  </si>
  <si>
    <t>【哈电锅炉】省煤器吊挂集箱 No.1端盖\DH =273*\SA-105\F002EHA001L041\330MW</t>
  </si>
  <si>
    <t>【哈电锅炉】省煤器吊挂集箱 No.1手孔端盖\AⅠR=137*\20\HG1041-2011\330MW</t>
  </si>
  <si>
    <t>【哈电锅炉】省煤器吊挂集箱 No.2端盖\DH =273*\SA-105\F002EHA001L041\330MW</t>
  </si>
  <si>
    <t>【哈电锅炉】省煤器吊挂集箱 No.2手孔端盖\AⅠR=137*\20\HG1041-2011\330MW</t>
  </si>
  <si>
    <t>【哈电锅炉】顶部集箱(左)集箱端盖\DH =273*\SA-105\F002BEB001L041\330MW</t>
  </si>
  <si>
    <t>【哈电锅炉】顶部集箱(左)手孔端盖\BⅠ*\20\HG1039-2010\330MW</t>
  </si>
  <si>
    <t>【哈电锅炉】顶部集箱(右)集箱端盖\DH =273*\SA-105\F002BEB001L041\330MW</t>
  </si>
  <si>
    <t>【哈电锅炉】顶部集箱(右)手孔端盖\BⅠ*\20\HG1039-2010\330MW</t>
  </si>
  <si>
    <t>【哈电锅炉】左(右)侧水冷壁上集箱端盖\DH =273*\SA-105\F002BEB005L041\330MW</t>
  </si>
  <si>
    <t>【哈电锅炉】左(右)侧水冷壁上集箱手孔端盖\BⅠ*\20\HG1039-2010\330MW</t>
  </si>
  <si>
    <t>【哈电锅炉】前水冷壁入口集箱端盖\DH =457*\SA-105\F002BEC002L041\330MW</t>
  </si>
  <si>
    <t>【哈电锅炉】前水冷壁入口集箱手孔端盖\BⅠ*\20\HG1041-2011\330MW</t>
  </si>
  <si>
    <t>【哈电锅炉】水冷壁前后上部中间集箱Ⅰ端盖\DH =219*\SA-105\F002BEC011L041\330MW</t>
  </si>
  <si>
    <t>【哈电锅炉】水冷壁前后上部中间集箱Ⅱ端盖\DH =219*\SA-105\F002BEC011L041\330MW</t>
  </si>
  <si>
    <t>【哈电锅炉】后水冷壁入口集箱端盖\DH =457*\SA-105\F002BEC002L041\330MW</t>
  </si>
  <si>
    <t>【哈电锅炉】后水冷壁入口集箱手孔端盖\BⅠ*\20\HG1041-2011\330MW</t>
  </si>
  <si>
    <t>【哈电锅炉】再热器高温出口集箱右(左)集箱端盖\DH =610*\12Cr1MoV\F002DJA011L041\330MW</t>
  </si>
  <si>
    <t>【哈电锅炉】省煤器180˚弯头\Φ44.5*6MWT\SA-210C\22.1652.007\600MW\L=1200</t>
  </si>
  <si>
    <t>【哈电锅炉】省煤器90˚弯头\Φ44.5*6MWT\SA-210C\22.1652.007\600MW\L=1134</t>
  </si>
  <si>
    <t>【哈电锅炉】省煤器悬吊管135˚弯头\Φ57*12MWT\SA-213T12\22.1655.004\600MW\L=1314</t>
  </si>
  <si>
    <t>【哈电锅炉】省煤器悬吊管出口集箱NO.1管接头1\Φ57*13MWT\SA-213T12\22.1651.005\600MW\L=164</t>
  </si>
  <si>
    <t>【哈电锅炉】省煤器悬吊管出口集箱NO.1管接头2\Φ60.3*13MWT\SA-210C\22.1651.005\600MW\L=164</t>
  </si>
  <si>
    <t>【哈电锅炉】省煤器悬吊管出口集箱NO.2管接头\Φ57*13MWT\SA-213T12\22.1651.005\600MW\L=164</t>
  </si>
  <si>
    <t>【哈电锅炉】省煤器悬吊管出口集箱NO.3管接头\Φ57*13MWT\SA-213T12\22.1651.005\600MW\L=164</t>
  </si>
  <si>
    <t>【哈电锅炉】省煤器悬吊管出口集箱NO.4管接头1\Φ57*13MWT\SA-213T12\22.1651.005\600MW\L=164</t>
  </si>
  <si>
    <t>【哈电锅炉】省煤器悬吊管出口集箱NO.4管接头2\Φ60.3*13MWT\SA-210C\22.1651.005\600MW\L=164</t>
  </si>
  <si>
    <t>【哈电锅炉】省煤器悬吊管入口集箱NO.1管接头1\Φ57*13MWT\SA-213T12\22.1651.005\600MW\L=164</t>
  </si>
  <si>
    <t>【哈电锅炉】省煤器悬吊管入口集箱NO.1管接头2\Φ44.5*6MWT\SA-210C\22.1651.005\600MW\L=108</t>
  </si>
  <si>
    <t>【哈电锅炉】省煤器悬吊管入口集箱NO.2管接头1\Φ57*13MWT\SA-213T12\22.1651.005\600MW\L=164</t>
  </si>
  <si>
    <t>【哈电锅炉】省煤器悬吊管入口集箱NO.2管接头2\Φ44.5*6MWT\SA-210C\22.1651.005\600MW\L=108</t>
  </si>
  <si>
    <t>【哈电锅炉】省煤器入口集箱No.1管接头1\Φ44.5*6MWT\SA-210C\22.1651.005\600MW\L=446</t>
  </si>
  <si>
    <t>【哈电锅炉】省煤器入口集箱No.1管接头2\Φ44.5*6MWT\SA-210C\22.1651.005\600MW\L=545</t>
  </si>
  <si>
    <t>【哈电锅炉】省煤器入口集箱No.1管接头3\Φ44.5*6MWT\SA-210C\22.1651.005\600MW\L=797</t>
  </si>
  <si>
    <t>【哈电锅炉】省煤器入口集箱No.1管接头4\Φ44.5*6MWT\SA-210C\22.1651.005\600MW\L=677</t>
  </si>
  <si>
    <t>【哈电锅炉】省煤器入口集箱No.2管接头1\Φ44.5*6MWT\SA-210C\22.1651.005\600MW\L=446</t>
  </si>
  <si>
    <t>【哈电锅炉】省煤器入口集箱No.2管接头2\Φ44.5*6MWT\SA-210C\22.1651.005\600MW\L=546</t>
  </si>
  <si>
    <t>【哈电锅炉】省煤器入口集箱No.2管接头3\Φ44.5*6MWT\SA-210C\22.1651.005\600MW\L=797</t>
  </si>
  <si>
    <t>【哈电锅炉】省煤器入口集箱No.2管接头4\Φ44.5*6MWT\SA-210C\22.1651.005\600MW\L=677</t>
  </si>
  <si>
    <t>【哈电锅炉】省煤器悬吊管入口集箱NO.3管接头1\Φ57*13MWT\SA-213T12\22.1651.005\600MW\L=164</t>
  </si>
  <si>
    <t>【哈电锅炉】省煤器悬吊管入口集箱NO.3管接头2\Φ44.5*6MWT\SA-210C\22.1651.005\600MW\L=108</t>
  </si>
  <si>
    <t>【哈电锅炉】省煤器悬吊管入口集箱NO.4管接头1\Φ57*13MWT\SA-213T12\22.1651.005\600MW\L=164</t>
  </si>
  <si>
    <t>【哈电锅炉】省煤器悬吊管入口集箱NO.4管接头2\Φ44.5*6MWT\SA-210C\22.1651.005\600MW\L=108</t>
  </si>
  <si>
    <t>【哈电锅炉】省煤器汇集集箱管接头1\Φ60*12\SA-213T12\22.1656.005\600MW\L=133</t>
  </si>
  <si>
    <t>【哈电锅炉】省煤器汇集集箱管接头2\Φ33.4*6.4\SA-213T12\22.1656.005\600MW</t>
  </si>
  <si>
    <t>【哈电锅炉】省煤器汇集集箱管接头3\Φ34*7.3\SA-210C\22.1656.005\600MW</t>
  </si>
  <si>
    <t>【哈电锅炉】省煤器汇集集箱管接头4\Φ60*12\SA-213T12\22.1656.005\600MW\L=92</t>
  </si>
  <si>
    <t>【哈电锅炉】侧水冷壁上集箱(左)管接头1\Φ31.8*7MWT\SA-213T12\22.1624.005\600MW\L=270</t>
  </si>
  <si>
    <t>【哈电锅炉】侧水冷壁上集箱(左)管接头2\Φ31.8*7MWT\SA-213T12\22.1624.005\600MW\L=614</t>
  </si>
  <si>
    <t>【哈电锅炉】侧水冷壁上集箱(左)管接头3\Φ31.8*7MWT\SA-213T12\22.1624.005\600MW\L=506</t>
  </si>
  <si>
    <t>【哈电锅炉】侧水冷壁上集箱(右)管接头1\Φ31.8*7MWT\SA-213T12\22.1624.005\600MW\L=270</t>
  </si>
  <si>
    <t>【哈电锅炉】侧水冷壁上集箱(右)管接头2\Φ31.8*7MWT\SA-213T12\22.1624.005\600MW\L=614</t>
  </si>
  <si>
    <t>【哈电锅炉】侧水冷壁上集箱(右)管接头3\Φ31.8*7MWT\SA-213T12\22.1624.005\600MW\L=506</t>
  </si>
  <si>
    <t>【哈电锅炉】水冷壁延伸侧墙上集箱(左)管接头1\Φ44.5*6.5MWT\SA-213T12\22.1624.005\600MW\L=270</t>
  </si>
  <si>
    <t>【哈电锅炉】水冷壁延伸侧墙上集箱(左)管接头2\Φ44.5*6.5MWT\SA-213T12\22.1624.005\600MW\L=611</t>
  </si>
  <si>
    <t>【哈电锅炉】水冷壁延伸侧墙上集箱(左)管接头3\Φ44.5*6.5MWT\SA-213T12\22.1624.005\600MW\L=506</t>
  </si>
  <si>
    <t>【哈电锅炉】水冷壁延伸侧墙上集箱(右)管接头1\Φ44.5*6.5MWT\SA-213T12\22.1624.005\600MW\L=270</t>
  </si>
  <si>
    <t>【哈电锅炉】水冷壁延伸侧墙上集箱(右)管接头2\Φ44.5*6.5MWT\SA-213T12\22.1624.005\600MW\L=611</t>
  </si>
  <si>
    <t>【哈电锅炉】水冷壁延伸侧墙上集箱(右)管接头3\Φ44.5*6.5MWT\SA-213T12\22.1624.005\600MW\L=506</t>
  </si>
  <si>
    <t>【哈电锅炉】前水冷壁上集箱(左)管接头1\Φ31.8*7MWT\SA-213T12\22.1624.005\600MW\L=270</t>
  </si>
  <si>
    <t>【哈电锅炉】前水冷壁上集箱(左)管接头2\Φ31.8*7MWT\SA-213T12\22.1624.005\600MW\L=614</t>
  </si>
  <si>
    <t>【哈电锅炉】前水冷壁上集箱(左)管接头3\Φ31.8*7MWT\SA-213T12\22.1624.005\600MW\L=506</t>
  </si>
  <si>
    <t>【哈电锅炉】前水冷壁上集箱(右)管接头1\Φ31.8*7MWT\SA-213T12\22.1624.005\600MW\L=270</t>
  </si>
  <si>
    <t>【哈电锅炉】前水冷壁上集箱(右)管接头2\Φ31.8*7MWT\SA-213T12\22.1624.005\600MW\L=614</t>
  </si>
  <si>
    <t>【哈电锅炉】前水冷壁上集箱(右)管接头3\Φ31.8*7MWT\SA-213T12\22.1624.005\600MW\L=506</t>
  </si>
  <si>
    <t>【哈电锅炉】水冷壁排管出口集箱(右)管接头1\Φ44.5*6.5MWT\SA-213T12\22.1624.005\600MW\L=597</t>
  </si>
  <si>
    <t>【哈电锅炉】水冷壁排管出口集箱(右)管接头2\Φ44.5*6.5MWT\SA-213T12\22.1624.005\600MW\L=695</t>
  </si>
  <si>
    <t>【哈电锅炉】水冷壁排管出口集箱(右)管接头3\Φ44.5*6.5MWT\SA-213T12\22.1624.005\600MW\L=683</t>
  </si>
  <si>
    <t>【哈电锅炉】水冷壁排管出口集箱(右)管接头4\Φ44.5*6.5MWT\SA-213T12\22.1624.005\600MW\L=949</t>
  </si>
  <si>
    <t>【哈电锅炉】水冷壁排管出口集箱(右)管接头5\Φ44.5*6.5MWT\SA-213T12\22.1624.005\600MW\L=719</t>
  </si>
  <si>
    <t>【哈电锅炉】水冷壁排管出口集箱(左)管接头1\Φ44.5*6.5MWT\SA-213T12\22.1624.005\600MW\L=597</t>
  </si>
  <si>
    <t>【哈电锅炉】水冷壁排管出口集箱(左)管接头2\Φ44.5*6.5MWT\SA-213T12\22.1624.005\600MW\L=695</t>
  </si>
  <si>
    <t>【哈电锅炉】水冷壁排管出口集箱(左)管接头3\Φ44.5*6.5MWT\SA-213T12\22.1624.005\600MW\L=683</t>
  </si>
  <si>
    <t>【哈电锅炉】水冷壁排管出口集箱(左)管接头4\Φ44.5*6.5MWT\SA-213T12\22.1624.005\600MW\L=949</t>
  </si>
  <si>
    <t>【哈电锅炉】水冷壁排管出口集箱(左)管接头5\Φ44.5*6.5MWT\SA-213T12\22.1624.005\600MW\L=719</t>
  </si>
  <si>
    <t>【哈电锅炉】前水冷壁螺旋管圈出口集箱管接头1\Φ38*6.3MWT\SA-213T12\22.1624.005\600MW</t>
  </si>
  <si>
    <t>【哈电锅炉】前水冷壁螺旋管圈出口集箱管接头2\Φ31.8*7MWT\SA-213T12\22.1624.005\600MW</t>
  </si>
  <si>
    <t>【哈电锅炉】前水冷壁螺旋管圈出口集箱管接头3\Φ42.2*9.7\SA-182F12\22.1624.005\600MW</t>
  </si>
  <si>
    <t>【哈电锅炉】后水冷壁螺旋管圈出口集箱管接头1\Φ38*6.3MWT\SA-213T12\22.1624.005\600MW</t>
  </si>
  <si>
    <t>【哈电锅炉】后水冷壁螺旋管圈出口集箱管接头2\Φ31.8*7MWT\SA-213T12\22.1624.005\600MW</t>
  </si>
  <si>
    <t>【哈电锅炉】后水冷壁螺旋管圈出口集箱管接头3\Φ42.2*9.7\SA-182F12\22.1624.005\600MW</t>
  </si>
  <si>
    <t>【哈电锅炉】右侧水冷壁螺旋管圈出口集箱管接头1\Φ38*6.3MWT\SA-213T12\22.1624.005\600MW</t>
  </si>
  <si>
    <t>【哈电锅炉】右侧水冷壁螺旋管圈出口集箱管接头2\Φ31.8*7MWT\SA-213T12\22.1624.005\600MW</t>
  </si>
  <si>
    <t>【哈电锅炉】右侧水冷壁螺旋管圈出口集箱管接头3\Φ42.2*9.7\SA-182F12\22.1624.005\600MW</t>
  </si>
  <si>
    <t>【哈电锅炉】左侧水冷壁螺旋管圈出口集箱管接头1\Φ38*6.3MWT\SA-213T12\22.1624.005\600MW</t>
  </si>
  <si>
    <t>【哈电锅炉】左侧水冷壁螺旋管圈出口集箱管接头2\Φ31.8*7MWT\SA-213T12\22.1624.005\600MW</t>
  </si>
  <si>
    <t>【哈电锅炉】左侧水冷壁螺旋管圈出口集箱管接头3\Φ42.2*9.7\SA-182F12\22.1624.005\600MW</t>
  </si>
  <si>
    <t>【哈电锅炉】水冷壁后墙吊挂管入口集箱管接头1\Φ31.8*7MWT\SA-213T12\22.1624.005\600MW</t>
  </si>
  <si>
    <t>【哈电锅炉】水冷壁后墙吊挂管入口集箱管接头2\Φ31.8*7MWT\SA-213T12\22.1624.005\600MW\L=817</t>
  </si>
  <si>
    <t>【哈电锅炉】水冷壁下集箱管接头\Φ38*6.3MWT\SA-213T12\22.1624.003\600MW</t>
  </si>
  <si>
    <t>【哈电锅炉】水冷壁中部散管N0.1\Φ31.8*7\SA-213T12\22.1629.004\600MW\L=1296</t>
  </si>
  <si>
    <t>【哈电锅炉】水冷壁中部散管N0.2\Φ31.8*7\SA-213T12\22.1629.004\600MW\L=1093.5</t>
  </si>
  <si>
    <t>【哈电锅炉】水冷壁中部散管N0.3\Φ31.8*7\SA-213T12\22.1629.004\600MW\L=1087</t>
  </si>
  <si>
    <t>【哈电锅炉】水冷壁中部散管N0.4\Φ31.8*7\SA-213T12\22.1629.004\600MW\L=2374</t>
  </si>
  <si>
    <t>【哈电锅炉】水冷壁中部散管N0.5\Φ38*6.3\SA-213T12\22.1629.004\600MW\L=2332</t>
  </si>
  <si>
    <t>【哈电锅炉】水冷壁中部散管N0.6\Φ38*6.3\SA-213T12\22.1629.004\600MW\L=2358.5</t>
  </si>
  <si>
    <t>【哈电锅炉】水冷壁中部散管N0.7\Φ38*6.3\SA-213T12\22.1629.004\600MW\L=2345</t>
  </si>
  <si>
    <t>【哈电锅炉】水冷壁中部散管N0.8\Φ38*6.3\SA-213T12\22.1629.004\600MW\L=2490</t>
  </si>
  <si>
    <t>【哈电锅炉】水冷壁中部散管N0.9\Φ38*6.3\SA-213T12\22.1629.004\600MW\L=1764</t>
  </si>
  <si>
    <t>【哈电锅炉】水冷壁中部散管N0.10\Φ38*6.3\SA-213T12\22.1629.004\600MW\L=2774</t>
  </si>
  <si>
    <t>【哈电锅炉】水冷壁中部散管N0.11\Φ38*6.3\SA-213T12\22.1629.004\600MW\L=2930</t>
  </si>
  <si>
    <t>【哈电锅炉】水冷壁中部散管N0.12\Φ38*6.3\SA-213T12\22.1629.004\600MW\L=2214</t>
  </si>
  <si>
    <t>【哈电锅炉】水冷壁排管弯管1\Φ44.5*6.5\SA-213T12\22.1628.004\600MW\L=1134</t>
  </si>
  <si>
    <t>【哈电锅炉】水冷壁排管弯管2\Φ44.5*6.5\SA-213T12\22.1628.004\600MW\L=1213</t>
  </si>
  <si>
    <t>【哈电锅炉】水冷壁排管弯管3\Φ44.5*6.5\SA-213T12\22.1628.004\600MW\L=1283</t>
  </si>
  <si>
    <t>【哈电锅炉】水冷壁排管弯管4\Φ44.5*6.5\SA-213T12\22.1628.004\600MW\L=1380</t>
  </si>
  <si>
    <t>【哈电锅炉】水冷壁排管弯管5\Φ44.5*6.5\SA-213T12\22.1628.004\600MW\L=1298</t>
  </si>
  <si>
    <t>【哈电锅炉】水冷壁排管弯管6\Φ44.5*6.5\SA-213T12\22.1628.004\600MW\L=1377</t>
  </si>
  <si>
    <t>【哈电锅炉】水冷壁排管弯管7\Φ44.5*6.5\SA-213T12\22.1628.004\600MW\L=1447</t>
  </si>
  <si>
    <t>【哈电锅炉】水冷壁排管弯管8\Φ44.5*6.5\SA-213T12\22.1628.004\600MW\L=1544</t>
  </si>
  <si>
    <t>【哈电锅炉】顶棚管入口集箱(左)管接头1\Φ63.5*8.8MWT\SA-213T12\22.1641.005\600MW\L=3106</t>
  </si>
  <si>
    <t>【哈电锅炉】顶棚管入口集箱(左)管接头2\Φ63.5*8.8MWT\SA-213T12\22.1641.005\600MW\L=1965</t>
  </si>
  <si>
    <t>【哈电锅炉】顶棚管入口集箱(左)管接头3\Φ63.5*8.8MWT\SA-213T12\22.1641.005\600MW\L=2652</t>
  </si>
  <si>
    <t>【哈电锅炉】顶棚管入口集箱(右)管接头1\Φ63.5*8.8MWT\SA-213T12\22.1641.005\600MW\L=3170</t>
  </si>
  <si>
    <t>【哈电锅炉】顶棚管入口集箱(右)管接头2\Φ63.5*8.8MWT\SA-213T12\22.1641.005\600MW\L=1965</t>
  </si>
  <si>
    <t>【哈电锅炉】顶棚管入口集箱(右)管接头3\Φ63.5*8.8MWT\SA-213T12\22.1641.005\600MW\L=2652</t>
  </si>
  <si>
    <t>【哈电锅炉】顶棚管入口集箱(右)管接头4\Φ63.5*8.8MWT\SA-213T12\22.1641.005\600MW\L=3091</t>
  </si>
  <si>
    <t>【哈电锅炉】尾部包墙入口集箱管接头1\Φ57*7.9MWT\SA-213T12\22.1641.005\600MW\L=1288</t>
  </si>
  <si>
    <t>【哈电锅炉】尾部包墙入口集箱管接头2\Φ57*7.9MWT\SA-213T12\22.1641.005\600MW\L=713</t>
  </si>
  <si>
    <t>【哈电锅炉】尾部包墙入口集箱管接头3\Φ57*7.9MWT\SA-213T12\22.1641.005\600MW\L=599</t>
  </si>
  <si>
    <t>【哈电锅炉】尾部包墙入口集箱管接头4\Φ63.5*8.8MWT\SA-213T12\22.1641.005\600MW\L=1150</t>
  </si>
  <si>
    <t>【哈电锅炉】尾部包墙入口集箱管接头5\Φ63.5*8.8MWT\SA-213T12\22.1641.005\600MW\L=650</t>
  </si>
  <si>
    <t>【哈电锅炉】尾部包墙入口集箱管接头6\Φ44.5*6.2MWT\SA-213T12\22.1641.005\600MW\L=208</t>
  </si>
  <si>
    <t>【哈电锅炉】尾部包墙入口集箱管接头7\Φ44.5*6.5MWT\SA-213T12\22.1641.005\600MW\L=598</t>
  </si>
  <si>
    <t>【哈电锅炉】尾部侧包墙出口集箱管接头1\Φ63.5*8.8MWT\SA-213T12\22.1641.005\600MW\L=719</t>
  </si>
  <si>
    <t>【哈电锅炉】尾部侧包墙出口集箱管接头2\Φ63.5*8.8MWT\SA-213T12\22.1641.005\600MW\L=109.5</t>
  </si>
  <si>
    <t>【哈电锅炉】中间隔墙入口集箱管接头1\Φ66.7*9.2MWT\SA-213T12\22.1641.005\600MW\L=832</t>
  </si>
  <si>
    <t>【哈电锅炉】中间隔墙入口集箱管接头2\Φ66.7*9.2MWT\SA-213T12\22.1641.005\600MW\L=673</t>
  </si>
  <si>
    <t>【哈电锅炉】尾部包墙环形下集箱(前右)管接头1\Φ42.2*9.7\SA-336F12CL2\22.1641.005\600MW\L=110</t>
  </si>
  <si>
    <t>【哈电锅炉】尾部包墙环形下集箱(前右)管接头2\Φ57*7.9MWT\SA-213T12\22.1641.005\600MW\L=480</t>
  </si>
  <si>
    <t>【哈电锅炉】尾部包墙环形下集箱(前右)管接头3\Φ57*7.9MWT\SA-213T12\22.1641.005\600MW\L=885</t>
  </si>
  <si>
    <t>【哈电锅炉】尾部包墙环形下集箱(前右)管接头4\Φ57*7.9MWT\SA-213T12\22.1641.005\600MW\L=484</t>
  </si>
  <si>
    <t>【哈电锅炉】尾部包墙环形下集箱(前右)管接头5\Φ57*7.9MWT\SA-213T12\22.1641.005\600MW\L=534</t>
  </si>
  <si>
    <t>【哈电锅炉】尾部包墙环形下集箱(前右)管接头6\Φ57*7.9MWT\SA-213T12\22.1641.005\600MW\L=506</t>
  </si>
  <si>
    <t>【哈电锅炉】尾部包墙环形下集箱(前右)管接头7\Φ63.5*8.8MWT\SA-213T12\22.1641.005\600MW\L=522</t>
  </si>
  <si>
    <t>【哈电锅炉】尾部包墙环形下集箱(前右)管接头8\Φ63.5*8.8MWT\SA-213T12\22.1641.005\600MW\L=553</t>
  </si>
  <si>
    <t>【哈电锅炉】尾部包墙环形下集箱(前右)管接头9\Φ63.5*8.8MWT\SA-213T12\22.1641.005\600MW\L=614</t>
  </si>
  <si>
    <t>【哈电锅炉】尾部包墙环形下集箱(前右)管接头10\Φ63.5*8.8MWT\SA-213T12\22.1641.005\600MW\L=500</t>
  </si>
  <si>
    <t>【哈电锅炉】尾部包墙环形下集箱(前右)管接头11\Φ57*7.9MWT\SA-213T12\22.1641.005\600MW\L=546</t>
  </si>
  <si>
    <t>【哈电锅炉】尾部包墙环形下集箱(前左)管接头1\Φ42.2*9.7\SA-336F12CL2\22.1641.005\600MW</t>
  </si>
  <si>
    <t>【哈电锅炉】尾部包墙环形下集箱(前左)管接头2\Φ57*7.9\SA-213T12\22.1641.005\600MW</t>
  </si>
  <si>
    <t>【哈电锅炉】尾部包墙环形下集箱(前左)管接头3\Φ57*7.9MWT\SA-213T12\22.1641.005\600MW\L=484</t>
  </si>
  <si>
    <t>【哈电锅炉】尾部包墙环形下集箱(前左)管接头4\Φ57*7.9MWT\SA-213T12\22.1641.005\600MW\L=534</t>
  </si>
  <si>
    <t>【哈电锅炉】尾部包墙环形下集箱(前左)管接头5\Φ57*7.9MWT\SA-213T12\22.1641.005\600MW\L=506</t>
  </si>
  <si>
    <t>【哈电锅炉】尾部包墙环形下集箱(前左)管接头6\Φ63.5*8.8MWT\SA-213T12\22.1641.005\600MW\L=522</t>
  </si>
  <si>
    <t>【哈电锅炉】尾部包墙环形下集箱(前左)管接头7\Φ63.5*8.8MWT\SA-213T12\22.1641.005\600MW\L=553</t>
  </si>
  <si>
    <t>【哈电锅炉】尾部包墙环形下集箱(前左)管接头8\Φ63.5*8.8MWT\SA-213T12\22.1641.005\600MW\L=614</t>
  </si>
  <si>
    <t>【哈电锅炉】尾部包墙环形下集箱(前左)管接头9\Φ63.5*8.8MWT\SA-213T12\22.1641.005\600MW\L=500</t>
  </si>
  <si>
    <t>【哈电锅炉】尾部包墙环形下集箱(前左)管接头10\Φ57*7.9MWT\SA-213T12\22.1641.005\600MW\L=546</t>
  </si>
  <si>
    <t>【哈电锅炉】尾部包墙环形下集箱(后右)管接头1\Φ42.2*9.7\SA-336F12CL2\22.1641.005\600MW</t>
  </si>
  <si>
    <t>【哈电锅炉】尾部包墙环形下集箱(后右)管接头2\Φ44.5*6.2\SA-213T12\22.1641.005\600MW</t>
  </si>
  <si>
    <t>【哈电锅炉】尾部包墙环形下集箱(后右)管接头3\Φ44.5*6.2\SA-213T12\22.1641.005\600MW</t>
  </si>
  <si>
    <t>【哈电锅炉】尾部包墙环形下集箱(后右)管接头4\Φ44.5*6.2\SA-213T12\22.1641.005\600MW</t>
  </si>
  <si>
    <t>【哈电锅炉】尾部包墙环形下集箱(后右)管接头5\Φ44.5*6.2\SA-213T12\22.1641.005\600MW</t>
  </si>
  <si>
    <t>【哈电锅炉】尾部包墙环形下集箱(后右)管接头6\Φ44.5*6.2\SA-213T12\22.1641.005\600MW</t>
  </si>
  <si>
    <t>【哈电锅炉】尾部包墙环形下集箱(后右)管接头7\Φ44.5*6.2\SA-213T12\22.1641.005\600MW</t>
  </si>
  <si>
    <t>【哈电锅炉】尾部包墙环形下集箱(后右)管接头8\Φ63.5*8.8MWT\SA-213T12\22.1641.005\600MW\L=522</t>
  </si>
  <si>
    <t>【哈电锅炉】尾部包墙环形下集箱(后右)管接头9\Φ63.5*8.8MWT\SA-213T12\22.1641.005\600MW\L=553</t>
  </si>
  <si>
    <t>【哈电锅炉】尾部包墙环形下集箱(后右)管接头10\Φ63.5*8.8MWT\SA-213T12\22.1641.005\600MW\L=614</t>
  </si>
  <si>
    <t>【哈电锅炉】尾部包墙环形下集箱(后右)管接头11\Φ63.5*8.8MWT\SA-213T12\22.1641.005\600MW\L=500</t>
  </si>
  <si>
    <t>【哈电锅炉】尾部包墙环形下集箱(后左)管接头1\Φ42.2*9.7\SA-336F12CL2\22.1641.005\600MW</t>
  </si>
  <si>
    <t>【哈电锅炉】尾部包墙环形下集箱(后左)管接头2\Φ44.5*6.2\SA-213T12\22.1641.005\600MW</t>
  </si>
  <si>
    <t>【哈电锅炉】尾部包墙环形下集箱(后左)管接头3\Φ44.5*6.2\SA-213T12\22.1641.005\600MW</t>
  </si>
  <si>
    <t>【哈电锅炉】尾部包墙环形下集箱(后左)管接头4\Φ44.5*6.2\SA-213T12\22.1641.005\600MW</t>
  </si>
  <si>
    <t>【哈电锅炉】尾部包墙环形下集箱(后左)管接头5\Φ44.5*6.2\SA-213T12\22.1641.005\600MW</t>
  </si>
  <si>
    <t>【哈电锅炉】尾部包墙环形下集箱(后左)管接头6\Φ44.5*6.2\SA-213T12\22.1641.005\600MW</t>
  </si>
  <si>
    <t>【哈电锅炉】尾部包墙环形下集箱(后左)管接头7\Φ63.5*8.8MWT\SA-213T12\22.1641.005\600MW\L=522</t>
  </si>
  <si>
    <t>【哈电锅炉】尾部包墙环形下集箱(后左)管接头8\Φ63.5*8.8MWT\SA-213T12\22.1641.005\600MW\L=553</t>
  </si>
  <si>
    <t>【哈电锅炉】尾部包墙环形下集箱(后左)管接头9\Φ63.5*8.8MWT\SA-213T12\22.1641.005\600MW\L=614</t>
  </si>
  <si>
    <t>【哈电锅炉】尾部包墙环形下集箱(后左)管接头10\Φ63.5*8.8MWT\SA-213T12\22.1641.005\600MW\L=500</t>
  </si>
  <si>
    <t>【哈电锅炉】尾部包墙环形下集箱(左右)管接头1\Φ42.2*9.7\SA-336F12CL2\22.1641.005\600MW\L=110</t>
  </si>
  <si>
    <t>【哈电锅炉】尾部包墙环形下集箱(左右)管接头2\Φ63.5*8.8MWT\SA-213T12\22.1641.005\600MW\L=480</t>
  </si>
  <si>
    <t>【哈电锅炉】中间隔墙下集箱(左)管接头1\Φ60.3*13.26\SA-336F12CL2\22.1641.005\600MW\L=114</t>
  </si>
  <si>
    <t>【哈电锅炉】中间隔墙下集箱(左)管接头2\Φ66.7*9.2MWT\SA-213T12\22.1641.005\600MW\L=401</t>
  </si>
  <si>
    <t>【哈电锅炉】中间隔墙下集箱(左)管接头3\Φ66.7*9.2MWT\SA-213T12\22.1641.005\600MW\L=1083</t>
  </si>
  <si>
    <t>【哈电锅炉】中间隔墙下集箱(左)管接头4\Φ66.7*9.2MWT\SA-213T12\22.1641.005\600MW\L=1009</t>
  </si>
  <si>
    <t>【哈电锅炉】中间隔墙下集箱(左)管接头5\Φ57*8.9MWT\SA-213T12\22.1641.005\600MW\L=454</t>
  </si>
  <si>
    <t>【哈电锅炉】中间隔墙下集箱(左)管接头6\Φ57*8.9MWT\SA-213T12\22.1641.005\600MW\L=373</t>
  </si>
  <si>
    <t>【哈电锅炉】中间隔墙下集箱(左)管接头7\Φ57*8.9MWT\SA-213T12\22.1641.005\600MW\L=456</t>
  </si>
  <si>
    <t>【哈电锅炉】中间隔墙下集箱(左)管接头8\Φ57*8.9MWT\SA-213T12\22.1641.005\600MW\L=458</t>
  </si>
  <si>
    <t>【哈电锅炉】中间隔墙下集箱(左)管接头9\Φ57*8.9MWT\SA-213T12\22.1641.005\600MW\L=376</t>
  </si>
  <si>
    <t>【哈电锅炉】中间隔墙下集箱(左)管接头10\Φ57*8.9MWT\SA-213T12\22.1641.005\600MW\L=378</t>
  </si>
  <si>
    <t>【哈电锅炉】中间隔墙下集箱(右)管接头1\Φ60.3*13.26\SA-336F12CL2\22.1641.005\600MW\L=114</t>
  </si>
  <si>
    <t>【哈电锅炉】中间隔墙下集箱(右)管接头2\Φ66.7*9.2MWT\SA-213T12\22.1641.005\600MW\L=401</t>
  </si>
  <si>
    <t>【哈电锅炉】中间隔墙下集箱(右)管接头3\Φ66.7*9.2MWT\SA-213T12\22.1641.005\600MW\L=1009</t>
  </si>
  <si>
    <t>【哈电锅炉】中间隔墙下集箱(右)管接头4\Φ57*8.9MWT\SA-213T12\22.1641.005\600MW\L=454</t>
  </si>
  <si>
    <t>【哈电锅炉】中间隔墙下集箱(右)管接头5\Φ57*8.9MWT\SA-213T12\22.1641.005\600MW\L=373</t>
  </si>
  <si>
    <t>【哈电锅炉】中间隔墙下集箱(右)管接头6\Φ57*8.9MWT\SA-213T12\22.1641.005\600MW\L=456</t>
  </si>
  <si>
    <t>【哈电锅炉】中间隔墙下集箱(右)管接头7\Φ57*8.9MWT\SA-213T12\22.1641.005\600MW\L=458</t>
  </si>
  <si>
    <t>【哈电锅炉】中间隔墙下集箱(右)管接头8\Φ57*8.9MWT\SA-213T12\22.1641.005\600MW\L=376</t>
  </si>
  <si>
    <t>【哈电锅炉】中间隔墙下集箱(右)管接头9\Φ57*8.9MWT\SA-213T12\22.1641.005\600MW\L=378</t>
  </si>
  <si>
    <t>【哈电锅炉】屏过135度弯头\Φ44.5*7.9\SA-213TP347H\22.1647.004\600MW\L=1106</t>
  </si>
  <si>
    <t>【哈电锅炉】屏过缠绕管90度弯头\Φ44.5*7.9\SA-213TP347H\22.1647.004\600MW\L=1212</t>
  </si>
  <si>
    <t>【哈电锅炉】屏过入口汇集集箱(左)管接头1\Φ219.1*54.05\SA-336F12\22.1641.003\600MW\L=223</t>
  </si>
  <si>
    <t>【哈电锅炉】屏过入口汇集集箱(左)管接头2\Φ44.5*7.9MWT\SA-213T12\22.1641.003\600MW</t>
  </si>
  <si>
    <t>【哈电锅炉】屏过入口汇集集箱(右)管接头1\Φ219.1*54.05\SA-336F12\22.1641.003\600MW\L=223</t>
  </si>
  <si>
    <t>【哈电锅炉】屏过入口汇集集箱(右)管接头2\Φ33.4*6.35\SA-213T12\22.1641.003\600MW</t>
  </si>
  <si>
    <t>【哈电锅炉】屏过入口汇集集箱(右)管接头3\Φ44.5*7.9MWT\SA-213T12\22.1641.003\600MW</t>
  </si>
  <si>
    <t>【哈电锅炉】屏过出口汇集集箱(左)管接头1\Φ273*63\SA-336F91\22.1641.003\600MW\L=255</t>
  </si>
  <si>
    <t>【哈电锅炉】屏过出口汇集集箱(左)管接头2\Φ60*12\SA-213T91\22.1641.003\600MW\L=89</t>
  </si>
  <si>
    <t>【哈电锅炉】屏过出口汇集集箱(左)管接头3\Φ33.4*9\SA-336F91\22.1641.003\600MW</t>
  </si>
  <si>
    <t>【哈电锅炉】屏过出口汇集集箱(右)管接头1\Φ273*63\SA-336F91\22.1641.003\600MW\L=255</t>
  </si>
  <si>
    <t>【哈电锅炉】屏过出口汇集集箱(右)管接头2\Φ60*12\SA-213T91\22.1641.003\600MW\L=89</t>
  </si>
  <si>
    <t>【哈电锅炉】上部水平低温过热器90度弯头\Φ51*6.5\SA-213T23\22.1640.004\600MW\L=1157</t>
  </si>
  <si>
    <t>【哈电锅炉】上部水平低温过热器180度大R弯头\Φ51*6.5\SA-213T23\22.1640.004\600MW\L=1335</t>
  </si>
  <si>
    <t>【哈电锅炉】上部水平低温过热器180度小R弯头\Φ51*6.5\SA-213T23\22.1640.004\600MW\L=1112</t>
  </si>
  <si>
    <t>【哈电锅炉】中部、下部水平低温过热器90度弯头\Φ57*8.9\SA-213T12\22.1640.004\600MW\L=1185</t>
  </si>
  <si>
    <t>【哈电锅炉】中部、下部水平低温过热器180度大R弯头\Φ57*8.9\SA-213T12\22.1640.004\600MW\L=1371</t>
  </si>
  <si>
    <t>【哈电锅炉】中部、下部水平低温过热器180度小R弯头\Φ57*8.9\SA-213T12\22.1640.004\600MW\L=1124</t>
  </si>
  <si>
    <t>【哈电锅炉】立式低温过热器90度弯头\Φ51*6.5\SA-213T23\22.1642.003\600MW\L=1240</t>
  </si>
  <si>
    <t>【哈电锅炉】末过下部110度弯头\Φ44.5*8.1\SA-213TP347H\22.1645.004\600MW\L=1165</t>
  </si>
  <si>
    <t>【哈电锅炉】末过下部125度弯头\Φ44.5*8.1\SA-213TP347H\22.1645.004\600MW\L=1130</t>
  </si>
  <si>
    <t>【哈电锅炉】末过缠绕管90度弯头\Φ44.5*8.1\SA-213TP347H\22.1645.004\600MW\L=1179</t>
  </si>
  <si>
    <t>【哈电锅炉】末过入口集箱管接头1\Φ44.5*7.9\SA-213T91\22.1645.004\600MW\L=401</t>
  </si>
  <si>
    <t>【哈电锅炉】末过入口集箱管接头2\Φ44.5*7.9\SA-213T91\22.1645.004\600MW\L=371</t>
  </si>
  <si>
    <t>【哈电锅炉】末过出口集箱管接头1\Φ44.5*8.5\SA-213T91\22.1645.004\600MW\L=721</t>
  </si>
  <si>
    <t>【哈电锅炉】末过出口集箱管接头2\Φ44.5*8.5\SA-213T91\22.1645.004\600MW\L=692</t>
  </si>
  <si>
    <t>【哈电锅炉】一级过热器出口集箱(左)管接头1\Φ51*6.5\SA-213T91\22.1641.005\600MW\L=2514</t>
  </si>
  <si>
    <t>【哈电锅炉】一级过热器出口集箱(左)管接头2\Φ51*6.5\SA-213T91\22.1641.005\600MW\L=970</t>
  </si>
  <si>
    <t>【哈电锅炉】一级过热器出口集箱(左)管接头3\Φ51*6.5\SA-213T91\22.1641.005\600MW\L=832</t>
  </si>
  <si>
    <t>【哈电锅炉】一级过热器出口集箱(左)管接头4\Φ51*6.5\SA-213T91\22.1641.005\600MW\L=751</t>
  </si>
  <si>
    <t>【哈电锅炉】一级过热器出口集箱(右)管接头1\Φ51*6.5\SA-213T91\22.1641.005\600MW\L=2514</t>
  </si>
  <si>
    <t>【哈电锅炉】一级过热器出口集箱(右)管接头2\Φ51*6.5\SA-213T91\22.1641.005\600MW\L=970</t>
  </si>
  <si>
    <t>【哈电锅炉】一级过热器出口集箱(右)管接头3\Φ51*6.5\SA-213T91\22.1641.005\600MW\L=832</t>
  </si>
  <si>
    <t>【哈电锅炉】一级过热器出口集箱(右)管接头4\Φ51*6.5\SA-213T91\22.1641.005\600MW\L=751</t>
  </si>
  <si>
    <t>【哈电锅炉】末过入口汇集集箱(右)管接头\Φ273*58.5\SA-335P91\22.1641.005\600MW\L=255</t>
  </si>
  <si>
    <t>【哈电锅炉】末过入口汇集集箱(左)管接头1\Φ273*58.5\SA-335P91\22.1641.005\600MW\L=255</t>
  </si>
  <si>
    <t>【哈电锅炉】末过入口汇集集箱(左)管接头2\Φ33.4*9\SA-336P91\22.1641.005\600MW</t>
  </si>
  <si>
    <t>【哈电锅炉】末过出口汇集集箱(左)管接头1\Φ273*70.5\SA-335P91\22.1641.005\600MW\L=270</t>
  </si>
  <si>
    <t>【哈电锅炉】末过出口汇集集箱(左)管接头2\Φ33.4*9\SA-336P91\22.1641.005\600MW</t>
  </si>
  <si>
    <t>【哈电锅炉】末过出口汇集集箱(左)管接头3\Φ42*10MWT\SA-335P91\22.1641.005\600MW</t>
  </si>
  <si>
    <t>【哈电锅炉】末过出口汇集集箱(左)管接头4\Φ60*12\SA-213T91\22.1641.005\600MW\L=74</t>
  </si>
  <si>
    <t>【哈电锅炉】末过出口汇集集箱(右)管接头1\Φ273*70.5\SA-335P91\22.1641.005\600MW\L=270</t>
  </si>
  <si>
    <t>【哈电锅炉】末过出口汇集集箱(右)管接头2\Φ33.4*9\SA-336P91\22.1641.005\600MW</t>
  </si>
  <si>
    <t>【哈电锅炉】末过出口汇集集箱(右)管接头3\Φ60*12\SA-213T91\22.1641.005\600MW\L=74</t>
  </si>
  <si>
    <t>【哈电锅炉】末过出口汇集集箱(右)管接头4\Φ42*10MWT\SA-335P91\22.1641.005\600MW</t>
  </si>
  <si>
    <t>【哈电锅炉】末过出口汇集集箱(右)管接头5\Φ44.5*7.9MWT\SA-213T91\22.1641.005\600MW</t>
  </si>
  <si>
    <t>【哈电锅炉】上部水平90度弯头\Φ57*4.3\SA-209T1A\22.1699.002\600MW\L=1185</t>
  </si>
  <si>
    <t>【哈电锅炉】上部水平U型弯头大R\Φ57*4.3\SA-209T1A\22.1699.002\600MW\L=1372</t>
  </si>
  <si>
    <t>【哈电锅炉】上部水平U型弯头小R\Φ57*4.3\SA-209T1A\22.1699.002\600MW\L=1124</t>
  </si>
  <si>
    <t>【哈电锅炉】中、下部水平90度弯头\Φ63.5*5.3\SA-192\22.1699.003\600MW\L=1210</t>
  </si>
  <si>
    <t>【哈电锅炉】中、下部水平U型弯头大R\Φ63.5*5.3\SA-192\22.1699.003\600MW\L=1419</t>
  </si>
  <si>
    <t>【哈电锅炉】中、下部水平U型弯头小R\Φ63.5*5.3\SA-192\22.1699.003\600MW\L=1140</t>
  </si>
  <si>
    <t>【哈电锅炉】立式低温再热器90度弯头\Φ57*4.3\SA-213T12\22.1699.002\600MW\L=1185</t>
  </si>
  <si>
    <t>【哈电锅炉】再热器入口集箱(左)管接头1\Φ63.5*5.3MWT\SA-192\22.1661.004\600MW\L=1508</t>
  </si>
  <si>
    <t>【哈电锅炉】再热器入口集箱(左)管接头2\Φ63.5*5.3MWT\SA-192\22.1661.004\600MW\L=1298</t>
  </si>
  <si>
    <t>【哈电锅炉】再热器入口集箱(左)管接头3\Φ63.5*5.3MWT\SA-192\22.1661.004\600MW\L=1122</t>
  </si>
  <si>
    <t>【哈电锅炉】再热器入口集箱(左)管接头4\Φ63.5*5.3MWT\SA-192\22.1661.004\600MW\L=988</t>
  </si>
  <si>
    <t>【哈电锅炉】再热器入口集箱(左)管接头5\Φ63.5*5.3MWT\SA-192\22.1661.004\600MW\L=883</t>
  </si>
  <si>
    <t>【哈电锅炉】再热器入口集箱(左)管接头6\Φ63.5*5.3MWT\SA-192\22.1661.004\600MW\L=1536</t>
  </si>
  <si>
    <t>【哈电锅炉】再热器入口集箱(左)管接头7\Φ63.5*5.3MWT\SA-192\22.1661.004\600MW\L=1326</t>
  </si>
  <si>
    <t>【哈电锅炉】再热器入口集箱(左)管接头8\Φ63.5*5.3MWT\SA-192\22.1661.004\600MW\L=1150</t>
  </si>
  <si>
    <t>【哈电锅炉】再热器入口集箱(左)管接头9\Φ63.5*5.3MWT\SA-192\22.1661.004\600MW\L=1006</t>
  </si>
  <si>
    <t>【哈电锅炉】再热器入口集箱(左)管接头10\Φ63.5*7\SA-210C\22.1661.004\600MW\L=911</t>
  </si>
  <si>
    <t>【哈电锅炉】再热器入口集箱(左)管接头11\Φ63.5*7\SA-210C\22.1661.004\600MW\L=883</t>
  </si>
  <si>
    <t>【哈电锅炉】再热器入口集箱(右)管接头1\Φ63.5*5.3MWT\SA-192\22.1661.004\600MW\L=1508</t>
  </si>
  <si>
    <t>【哈电锅炉】再热器入口集箱(右)管接头2\Φ63.5*5.3MWT\SA-192\22.1661.004\600MW\L=1298</t>
  </si>
  <si>
    <t>【哈电锅炉】再热器入口集箱(右)管接头3\Φ63.5*5.3MWT\SA-192\22.1661.004\600MW\L=1122</t>
  </si>
  <si>
    <t>【哈电锅炉】再热器入口集箱(右)管接头4\Φ63.5*5.3MWT\SA-192\22.1661.004\600MW\L=988</t>
  </si>
  <si>
    <t>【哈电锅炉】再热器入口集箱(右)管接头5\Φ63.5*5.3MWT\SA-192\22.1661.004\600MW\L=883</t>
  </si>
  <si>
    <t>【哈电锅炉】再热器入口集箱(右)管接头6\Φ63.5*7\SA-210C\22.1661.004\600MW\L=883</t>
  </si>
  <si>
    <t>【哈电锅炉】再热器入口集箱(右)管接头7\Φ57*4.3MWT\SA-210C\22.1661.004\600MW\L=107</t>
  </si>
  <si>
    <t>【哈电锅炉】再热器出口汇集集箱(左)管接头1\Φ273*45.5\SA-336F91\22.1661.004\600MW\L=202.2</t>
  </si>
  <si>
    <t>【哈电锅炉】再热器出口汇集集箱(左)管接头2\Φ195*23.95\SA-336F91\22.1661.004\600MW\L=254.5</t>
  </si>
  <si>
    <t>【哈电锅炉】再热器出口汇集集箱(左)管接头3\Φ33.4*4.55\SA-336F91\22.1661.004\600MW</t>
  </si>
  <si>
    <t>【哈电锅炉】再热器出口汇集集箱(左)管接头4\Φ60*12\SA-336F91\22.1661.004\600MW\L=104</t>
  </si>
  <si>
    <t>【哈电锅炉】再热器出口汇集集箱(右)管接头1\Φ273*45.5\SA-336F91\22.1661.004\600MW\L=202.2</t>
  </si>
  <si>
    <t>【哈电锅炉】再热器出口汇集集箱(右)管接头2\Φ33.4*4.55\SA-336F91\22.1661.004\600MW</t>
  </si>
  <si>
    <t>【哈电锅炉】再热器出口汇集集箱(右)管接头3\Φ60*12\SA-336F91\22.1661.004\600MW\L=104</t>
  </si>
  <si>
    <t>【哈电锅炉】高再前部90度弯头\Φ51*4.3\SA-213T91\22.1665.003\600MW\L=1134</t>
  </si>
  <si>
    <t>【哈电锅炉】高再前部180度弯头\Φ51*4.3\SA-213T91\22.1665.003\600MW\L=1267</t>
  </si>
  <si>
    <t>【哈电锅炉】高再后部90度弯头\Φ51*4.3\SA-213T22\22.1665.003\600MW\L=1185</t>
  </si>
  <si>
    <t>【哈电锅炉】高再下部70度弯头\Φ51*4.3\SA-213TP347H\22.1665.003\600MW\L=1326</t>
  </si>
  <si>
    <t>【哈电锅炉】高再下部110度弯头\Φ51*4.3\SA-213TP347H\22.1665.003\600MW\L=1208</t>
  </si>
  <si>
    <t>【哈电锅炉】高再下部70度弯头\Φ51*4.3\SA-213T91\22.1665.003\600MW\L=1163</t>
  </si>
  <si>
    <t>【哈电锅炉】高再下部110度弯头\Φ51*4.3\SA-213T91\22.1665.003\600MW\L=1104</t>
  </si>
  <si>
    <t>【哈电锅炉】屏过异种钢接头\Φ44.5*7.9\Φ44.5\22.1647.004\600MW</t>
  </si>
  <si>
    <t>【哈电锅炉】水平低过异种钢接头\Φ51*6.5\Φ51\22.1640.004\600MW</t>
  </si>
  <si>
    <t>【哈电锅炉】末过异种钢接头\Φ44.5*8.1\Φ44.5\22.1645.004\600MW</t>
  </si>
  <si>
    <t>【哈电锅炉】低温再热器钢接头\Φ57*4.3\Φ63.5\22.1699.003\600MW</t>
  </si>
  <si>
    <t>【哈电锅炉】高再异种钢接头\Φ51*4.3\Φ51\22.1665.003\600MW</t>
  </si>
  <si>
    <t>【哈电锅炉】流体冷却间隔管弯管\Φ44.5*7.9\SA-213T91\22.1639.003\600MW\L=1148</t>
  </si>
  <si>
    <t>【哈电锅炉】水冷壁管屏(含连接件附件)\Φ28.6*5.8\15CrMoG\F001BGD001A011\1000MW</t>
  </si>
  <si>
    <t>【哈电锅炉】截止阀\J41H-100\DN=10,PN=100,手动方式,法兰\25</t>
  </si>
  <si>
    <t>【哈电锅炉】截止阀\J11H-320\DN=4,PN=320,手动方式,内螺纹\25</t>
  </si>
  <si>
    <t>【哈电锅炉】截止阀\J61Y-600\DN=5,PN=600,手动方式,焊接\25</t>
  </si>
  <si>
    <t>【哈电锅炉】截止阀\J61Y-320\DN=10,PN=320,手动方式,焊接\25</t>
  </si>
  <si>
    <t>【哈电锅炉】截止阀\J61Y-PW54170V\DN=10,PN=170,手动方式,焊接\12Cr1MoV</t>
  </si>
  <si>
    <t>【哈电锅炉】截止阀\J61Y-PW57170V\DN=10,PN=170,手动方式,焊接\12Cr1MoV</t>
  </si>
  <si>
    <t>【哈电锅炉】截止阀\J61Y-320\DN=15,PN=320,手动方式,焊接\25</t>
  </si>
  <si>
    <t>【哈电锅炉】截止阀\J61Y-320P\DN=15,PN=320,手动方式,焊接\1Cr18Ni9Ti</t>
  </si>
  <si>
    <t>【哈电锅炉】截止阀\J61Y-PW54200V\DN=15,PN=200,手动方式,焊接\12Cr1MoV</t>
  </si>
  <si>
    <t>【哈电锅炉】截止阀\J61Y-320\DN=20,PN=320,手动方式,焊接\25</t>
  </si>
  <si>
    <t>【哈电锅炉】截止阀\J61Y-PW54170V\DN=20,PN=170,手动方式,焊接\12Cr1MoV</t>
  </si>
  <si>
    <t>【哈电锅炉】截止阀\J61Y-PW57170V\DN=20,PN=170,手动方式,焊接\12Cr1MoV</t>
  </si>
  <si>
    <t>【哈电锅炉】截止阀\J61Y-320\DN=25,PN=320,手动方式,焊接\25</t>
  </si>
  <si>
    <t>【哈电锅炉】截止阀\J61Y-320P\DN=25,PN=320,手动方式,焊接\1Cr18Ni9Ti</t>
  </si>
  <si>
    <t>【哈电锅炉】截止阀\J61Y-PW54200V\DN=25,PN=200,手动方式,焊接\12Cr1MoV</t>
  </si>
  <si>
    <t>【哈电锅炉】截止阀\J61Y-320\DN=32,PN=320,手动方式,焊接\25</t>
  </si>
  <si>
    <t>【哈电锅炉】截止阀\J61Y-PW54170V\DN=32,PN=170,手动方式,焊接\12Cr1MoV</t>
  </si>
  <si>
    <t>【哈电锅炉】截止阀\J61Y-200\DN=40,PN=200,手动方式,焊接\25</t>
  </si>
  <si>
    <t>【哈电锅炉】截止阀\J61Y-250\DN=40,PN=250,手动方式,焊接\25</t>
  </si>
  <si>
    <t>【哈电锅炉】截止阀\J61Y-320\DN=40,PN=320,手动方式,焊接\25</t>
  </si>
  <si>
    <t>【哈电锅炉】截止阀\J61Y-PW54100V\DN=40,PN=100,手动方式,焊接\12Cr1MoV</t>
  </si>
  <si>
    <t>【哈电锅炉】截止阀\J61Y-PW54140V\DN=40,PN=140,手动方式,焊接\12Cr1MoV</t>
  </si>
  <si>
    <t>【哈电锅炉】截止阀\J61Y-PW54200V\DN=40,PN=200,手动方式,焊接\12Cr1MoV</t>
  </si>
  <si>
    <t>【哈电锅炉】截止阀\J41H-100\DN=50,PN=100,手动方式,法兰\25</t>
  </si>
  <si>
    <t>【哈电锅炉】截止阀\J61Y-200\DN=50,PN=200,手动方式,焊接\25</t>
  </si>
  <si>
    <t>【哈电锅炉】截止阀\J61Y-250\DN=50,PN=250,手动方式,焊接\25</t>
  </si>
  <si>
    <t>【哈电锅炉】截止阀\J61Y-320\DN=50,PN=320,手动方式,焊接\25</t>
  </si>
  <si>
    <t>【哈电锅炉】截止阀\J61Y-PW54100V\DN=50,PN=100,手动方式,焊接\12Cr1MoV</t>
  </si>
  <si>
    <t>【哈电锅炉】截止阀\J61Y-PW54140V\DN=50,PN=140,手动方式,焊接\12Cr1MoV</t>
  </si>
  <si>
    <t>【哈电锅炉】截止阀\J61Y-PW57170V\DN=50,PN=170,手动方式,焊接\12Cr1MoV</t>
  </si>
  <si>
    <t>【哈电锅炉】截止阀\J61Y-PW54200V\DN=50,PN=200,手动方式,焊接\12Cr1MoV</t>
  </si>
  <si>
    <t>【哈电锅炉】截止阀\J61Y-200\DN=65,PN=200,手动方式,焊接\25</t>
  </si>
  <si>
    <t>【哈电锅炉】截止阀\J61Y-250\DN=65,PN=250,手动方式,焊接\25</t>
  </si>
  <si>
    <t>【哈电锅炉】截止阀\J61Y-320\DN=65,PN=320,手动方式,焊接\25</t>
  </si>
  <si>
    <t>【哈电锅炉】截止阀\J61Y-PW54100V\DN=65,PN=100,手动方式,焊接\12Cr1MoV</t>
  </si>
  <si>
    <t>【哈电锅炉】截止阀\J61Y-PW54140V\DN=65,PN=140,手动方式,焊接\12Cr1MoV</t>
  </si>
  <si>
    <t>【哈电锅炉】截止阀\J61Y-PW54200V\DN=65,PN=200,手动方式,焊接\12Cr1MoV</t>
  </si>
  <si>
    <t>【哈电锅炉】截止阀\J61Y-PW55200I\DN=65,PN=200,手动方式,焊接\WC9</t>
  </si>
  <si>
    <t>【哈电锅炉】截止阀\J61Y-PW54200V\DN=65,PN=200,手动方式,焊接\ZG20CrMoV</t>
  </si>
  <si>
    <t>【哈电锅炉】截止阀\J41Y-100\DN=80,PN=100,手动方式,焊接\WCB</t>
  </si>
  <si>
    <t>【哈电锅炉】截止阀\J61Y-200\DN=80,PN=200,手动方式,焊接\WCB</t>
  </si>
  <si>
    <t>【哈电锅炉】截止阀\J61Y-250\DN=80,PN=250,手动方式,焊接\WCB</t>
  </si>
  <si>
    <t>【哈电锅炉】截止阀\DHJ61Y-250\DN=80,PN=250,手动方式,焊接\25</t>
  </si>
  <si>
    <t>【哈电锅炉】截止阀\J61Y-320\DN=80,PN=320,手动方式,焊接\WCB</t>
  </si>
  <si>
    <t>【哈电锅炉】截止阀\J41Y-100\DN=100,PN=100,手动方式,法兰\WCB</t>
  </si>
  <si>
    <t>【哈电锅炉】截止阀\J61Y-200\DN=100,PN=200,手动方式,焊接\WCB</t>
  </si>
  <si>
    <t>【哈电锅炉】截止阀\DHJ61Y-200\DN=100,PN=200,手动方式,焊接\25</t>
  </si>
  <si>
    <t>【哈电锅炉】截止阀\J61Y-250\DN=100,PN=250,手动方式,焊接\WCB</t>
  </si>
  <si>
    <t>【哈电锅炉】截止阀\DHJ61Y-250\DN=100,PN=250,手动方式,焊接\25</t>
  </si>
  <si>
    <t>【哈电锅炉】截止阀\J61Y-320\DN=100,PN=320,手动方式,焊接\WCB</t>
  </si>
  <si>
    <t>【哈电锅炉】截止阀\J61Y-PW54100V\DN=80,PN=100,手动方式,焊接\ZG20CrMoV</t>
  </si>
  <si>
    <t>【哈电锅炉】截止阀\J61Y-PW54140V\DN=80,PN=140,手动方式,焊接\ZG20CrMoV</t>
  </si>
  <si>
    <t>【哈电锅炉】截止阀\J61Y-PW54100V\DN=100,PN=100,手动方式,焊接\ZG20CrMoV</t>
  </si>
  <si>
    <t>【哈电锅炉】截止阀\J61Y-PW54140V\DN=100,PN=140,手动方式,焊接\ZG20CrMoV</t>
  </si>
  <si>
    <t>【哈电锅炉】截止阀\DHJ61Y-PW54100V\DN=100,PN=100,手动方式,焊接\ZG20CrMoV</t>
  </si>
  <si>
    <t>【哈电锅炉】截止阀\DHJ61Y-PW54140V\DN=100,PN=140,手动方式,焊接\ZG20CrMoV</t>
  </si>
  <si>
    <t>【哈电锅炉】截止阀\J61Y-320\DN=125,PN=320,手动方式,焊接\WCB</t>
  </si>
  <si>
    <t>【哈电锅炉】截止阀\J65Y-320\DN=300,PN=320,手动方式,焊接\WCB</t>
  </si>
  <si>
    <t>【哈电锅炉】截止阀\J65Y-320\DN=350,PN=320,手动方式,焊接\WCB</t>
  </si>
  <si>
    <t>【哈电锅炉】截止阀\J61Y-PW54200P\DN=15,PN=200,手动方式,焊接\1Cr18Ni9Ti</t>
  </si>
  <si>
    <t>【哈电锅炉】截止阀\J61Y-PW54100V\DN=50,PN=100,手动方式,焊接\ZG20CrMoV</t>
  </si>
  <si>
    <t>【哈电锅炉】截止阀\J61Y-PW54140V\DN=50,PN=140,手动方式,焊接\ZG20CrMoV</t>
  </si>
  <si>
    <t>【哈电锅炉】截止阀\J61Y-PW54200V\DN=50,PN=200,手动方式,焊接\ZG20CrMoV</t>
  </si>
  <si>
    <t>【哈电锅炉】截止阀\J961Y-320\DN=15,PN=320,电动方式,焊接\25</t>
  </si>
  <si>
    <t>【哈电锅炉】截止阀\J961Y-PW54200V\DN=15,PN=200,电动方式,焊接\12Cr1MoV</t>
  </si>
  <si>
    <t>【哈电锅炉】截止阀\J961Y-320\DN=20,PN=320,电动方式,焊接\25</t>
  </si>
  <si>
    <t>【哈电锅炉】截止阀\J961Y-PW54170V\DN=20,PN=170,电动方式,焊接\12Cr1MoV</t>
  </si>
  <si>
    <t>【哈电锅炉】截止阀\J961Y-PW57170V\DN=20,PN=170,电动方式,焊接\12Cr1MoV</t>
  </si>
  <si>
    <t>【哈电锅炉】截止阀\J961Y-320\DN=32,PN=320,电动方式,焊接\25</t>
  </si>
  <si>
    <t>【哈电锅炉】截止阀\J961Y-PW54140V\DN=32,PN=140,电动方式,焊接\12Cr1MoV</t>
  </si>
  <si>
    <t>【哈电锅炉】截止阀\J961Y-200\DN=40,PN=200,电动方式,焊接\25</t>
  </si>
  <si>
    <t>【哈电锅炉】截止阀\J961Y-250\DN=40,PN=250,电动方式,焊接\25</t>
  </si>
  <si>
    <t>【哈电锅炉】截止阀\J961Y-320\DN=40,PN=320,电动方式,焊接\25</t>
  </si>
  <si>
    <t>【哈电锅炉】截止阀\J961Y-PW54100V\DN=40,PN=100,电动方式,焊接\12Cr1MoV</t>
  </si>
  <si>
    <t>【哈电锅炉】截止阀\J961Y-PW54140V\DN=40,PN=140,电动方式,焊接\12Cr1MoV</t>
  </si>
  <si>
    <t>【哈电锅炉】截止阀\J961Y-PW54200V\DN=40,PN=200,电动方式,焊接\12Cr1MoV</t>
  </si>
  <si>
    <t>【哈电锅炉】截止阀\J961Y-PW57170V\DN=32,PN=170,电动方式,焊接\12Cr1MoV</t>
  </si>
  <si>
    <t>【哈电锅炉】截止阀\J961Y-200\DN=50,PN=200,电动方式,焊接\25</t>
  </si>
  <si>
    <t>【哈电锅炉】截止阀\J961Y-250\DN=50,PN=250,电动方式,焊接\25</t>
  </si>
  <si>
    <t>【哈电锅炉】截止阀\J961Y-320\DN=50,PN=320,电动方式,焊接\25</t>
  </si>
  <si>
    <t>【哈电锅炉】截止阀\J961Y-PW54100V\DN=50,PN=100,电动方式,焊接\12Cr1MoV</t>
  </si>
  <si>
    <t>【哈电锅炉】截止阀\J961Y-PW54140V\DN=50,PN=140,电动方式,焊接\12Cr1MoV</t>
  </si>
  <si>
    <t>【哈电锅炉】截止阀\J961Y-PW57170V\DN=50,PN=170,电动方式,焊接\12Cr1MoV</t>
  </si>
  <si>
    <t>【哈电锅炉】截止阀\J961Y-PW54200V\DN=50,PN=200,电动方式,焊接\12Cr1MoV</t>
  </si>
  <si>
    <t>【哈电锅炉】截止阀\J961Y-200\DN=65,PN=200,电动方式,焊接\25</t>
  </si>
  <si>
    <t>【哈电锅炉】截止阀\J961Y-250\DN=65,PN=250,电动方式,焊接\25</t>
  </si>
  <si>
    <t>【哈电锅炉】截止阀\J961Y-320\DN=65,PN=320,电动方式,焊接\25</t>
  </si>
  <si>
    <t>【哈电锅炉】截止阀\J961Y-200\DN=65,PN=200,电动方式,焊接\WCB</t>
  </si>
  <si>
    <t>【哈电锅炉】截止阀\J961Y-250\DN=65,PN=250,电动方式,焊接\WCB</t>
  </si>
  <si>
    <t>【哈电锅炉】截止阀\J961Y-320\DN=65,PN=320,电动方式,焊接\WCB</t>
  </si>
  <si>
    <t>【哈电锅炉】截止阀\J961Y-PW54100V\DN=65,PN=100,电动方式,焊接\12Cr1MoV</t>
  </si>
  <si>
    <t>【哈电锅炉】截止阀\J961Y-PW54140V\DN=65,PN=140,电动方式,焊接\12Cr1MoV</t>
  </si>
  <si>
    <t>【哈电锅炉】截止阀\J961Y-PW54200V\DN=65,PN=200,电动方式,焊接\12Cr1MoV</t>
  </si>
  <si>
    <t>【哈电锅炉】截止阀\J961Y-PW54200V\DN=65,PN=200,电动方式,焊接\ZG20CrMoV</t>
  </si>
  <si>
    <t>【哈电锅炉】截止阀\J941Y-100\DN=80,PN=100,电动方式,法兰\WCB</t>
  </si>
  <si>
    <t>【哈电锅炉】截止阀\J961Y-200\DN=80,PN=200,电动方式,焊接\WCB</t>
  </si>
  <si>
    <t>【哈电锅炉】截止阀\J961Y-250\DN=80,PN=250,电动方式,焊接\WCB</t>
  </si>
  <si>
    <t>【哈电锅炉】截止阀\J961Y-320\DN=80,PN=320,电动方式,焊接\WCB</t>
  </si>
  <si>
    <t>【哈电锅炉】截止阀\J941Y-100\DN=100,PN=100,电动方式,法兰\WCB</t>
  </si>
  <si>
    <t>【哈电锅炉】截止阀\J961Y-200\DN=100,PN=200,电动方式,焊接\WCB</t>
  </si>
  <si>
    <t>【哈电锅炉】截止阀\J961Y-250\DN=100,PN=250,电动方式,焊接\WCB</t>
  </si>
  <si>
    <t>【哈电锅炉】截止阀\J961Y-320\DN=100,PN=320,电动方式,焊接\WCB</t>
  </si>
  <si>
    <t>【哈电锅炉】截止阀\J961Y-PW54100V\DN=100,PN=100,电动方式,焊接\ZG20CrMoV</t>
  </si>
  <si>
    <t>【哈电锅炉】截止阀\J961Y-PW54140V\DN=100,PN=140,电动方式,焊接\ZG20CrMoV</t>
  </si>
  <si>
    <t>【哈电锅炉】截止阀\J961Y-320\DN=125,PN=320,电动方式,焊接\WCB</t>
  </si>
  <si>
    <t>【哈电锅炉】截止阀\KJ61Y-320\DN=10,PN=320,手动方式,焊接\25</t>
  </si>
  <si>
    <t>【哈电锅炉】截止阀\KJ61Y-PW54170V\DN=10,PN=170,手动方式,焊接\12Cr1MoV</t>
  </si>
  <si>
    <t>【哈电锅炉】截止阀\KJ61Y-320\DN=15,PN=320,手动方式,焊接\25</t>
  </si>
  <si>
    <t>【哈电锅炉】截止阀\KJ61Y-PW54200V\DN=15,PN=200,手动方式,焊接\12Cr1MoV</t>
  </si>
  <si>
    <t>【哈电锅炉】截止阀\KJ61Y-320\DN=20,PN=320,手动方式,焊接\25</t>
  </si>
  <si>
    <t>【哈电锅炉】截止阀\KJ61Y-PW54170V\DN=20,PN=170,手动方式,焊接\12Cr1MoV</t>
  </si>
  <si>
    <t>【哈电锅炉】截止阀\KJ61Y-320\DN=25,PN=320,手动方式,焊接\25</t>
  </si>
  <si>
    <t>【哈电锅炉】截止阀\KJ61Y-320\DN=32,PN=320,手动方式,焊接\25</t>
  </si>
  <si>
    <t>【哈电锅炉】截止阀\KJ61Y-PW54170V\DN=32,PN=170,手动方式,焊接\12Cr1MoV</t>
  </si>
  <si>
    <t>【哈电锅炉】截止阀\KJ61Y-200\DN=40,PN=200,手动方式,焊接\25</t>
  </si>
  <si>
    <t>【哈电锅炉】截止阀\KJ61Y-250\DN=40,PN=250,手动方式,焊接\25</t>
  </si>
  <si>
    <t>【哈电锅炉】截止阀\KJ61Y-320\DN=40,PN=320,手动方式,焊接\25</t>
  </si>
  <si>
    <t>【哈电锅炉】截止阀\KJ61Y-PW54100V\DN=40,PN=100,手动方式,焊接\12Cr1MoV</t>
  </si>
  <si>
    <t>【哈电锅炉】截止阀\KJ61Y-PW54140V\DN=40,PN=140,手动方式,焊接\12Cr1MoV</t>
  </si>
  <si>
    <t>【哈电锅炉】截止阀\KJ61Y-PW54200V\DN=40,PN=200,手动方式,焊接\12Cr1MoV</t>
  </si>
  <si>
    <t>【哈电锅炉】截止阀\KJ61Y-200\DN=50,PN=200,手动方式,焊接\25</t>
  </si>
  <si>
    <t>【哈电锅炉】截止阀\KJ61Y-250\DN=50,PN=250,手动方式,焊接\25</t>
  </si>
  <si>
    <t>【哈电锅炉】截止阀\KJ61Y-320\DN=50,PN=320,手动方式,焊接\25</t>
  </si>
  <si>
    <t>【哈电锅炉】截止阀\KJ61Y-PW54100V\DN=50,PN=100,手动方式,焊接\12Cr1MoV</t>
  </si>
  <si>
    <t>【哈电锅炉】截止阀\KJ61Y-PW54140V\DN=50,PN=140,手动方式,焊接\12Cr1MoV</t>
  </si>
  <si>
    <t>【哈电锅炉】截止阀\KJ61Y-PW54200V\DN=50,PN=200,手动方式,焊接\12Cr1MoV</t>
  </si>
  <si>
    <t>【哈电锅炉】截止阀\KJ61Y-200\DN=65,PN=200,手动方式,焊接\25</t>
  </si>
  <si>
    <t>【哈电锅炉】截止阀\KJ61Y-250\DN=65,PN=250,手动方式,焊接\25</t>
  </si>
  <si>
    <t>【哈电锅炉】截止阀\KJ61Y-320\DN=65,PN=320,手动方式,焊接\25</t>
  </si>
  <si>
    <t>【哈电锅炉】截止阀\KJ61Y-PW54200V\DN=65,PN=200,手动方式,焊接\12Cr1MoV</t>
  </si>
  <si>
    <t>【哈电锅炉】截止阀\KJ961Y-320\DN=20,PN=320,电动方式,焊接\25</t>
  </si>
  <si>
    <t>【哈电锅炉】截止阀\KJ961Y-PW54170V\DN=20,PN=170,电动方式,焊接\12Cr1MoV</t>
  </si>
  <si>
    <t>【哈电锅炉】截止阀\KJ961Y-320\DN=25,PN=320,电动方式,焊接\25</t>
  </si>
  <si>
    <t>【哈电锅炉】截止阀\KJ961Y-PW54200V\DN=25,PN=200,电动方式,焊接\12Cr1MoV</t>
  </si>
  <si>
    <t>【哈电锅炉】截止阀\KJ961Y-320\DN=32,PN=320,电动方式,焊接\25</t>
  </si>
  <si>
    <t>【哈电锅炉】截止阀\KJ961Y-PW54170V\DN=32,PN=170,电动方式,焊接\12Cr1MoV</t>
  </si>
  <si>
    <t>【哈电锅炉】截止阀\KJ961Y-200\DN=40,PN=200,电动方式,焊接\25</t>
  </si>
  <si>
    <t>【哈电锅炉】截止阀\KJ961Y-250\DN=40,PN=250,电动方式,焊接\25</t>
  </si>
  <si>
    <t>【哈电锅炉】截止阀\KJ961Y-320\DN=40,PN=320,电动方式,焊接\25</t>
  </si>
  <si>
    <t>【哈电锅炉】截止阀\KJ961Y-PW54100V\DN=40,PN=100,电动方式,焊接\12Cr1MoV</t>
  </si>
  <si>
    <t>【哈电锅炉】截止阀\KJ961Y-PW54140V\DN=40,PN=140,电动方式,焊接\12Cr1MoV</t>
  </si>
  <si>
    <t>【哈电锅炉】截止阀\KJ961Y-PW54200V\DN=40,PN=200,电动方式,焊接\12Cr1MoV</t>
  </si>
  <si>
    <t>【哈电锅炉】截止阀\KJ961Y-200\DN=50,PN=200,电动方式,焊接\25</t>
  </si>
  <si>
    <t>【哈电锅炉】截止阀\KJ961Y-250\DN=50,PN=250,电动方式,焊接\25</t>
  </si>
  <si>
    <t>【哈电锅炉】截止阀\KJ961Y-320\DN=50,PN=320,电动方式,焊接\25</t>
  </si>
  <si>
    <t>【哈电锅炉】截止阀\KJ961Y-PW54100V\DN=50,PN=100,电动方式,焊接\12Cr1MoV</t>
  </si>
  <si>
    <t>【哈电锅炉】截止阀\KJ961Y-PW54140V\DN=50,PN=140,电动方式,焊接\12Cr1MoV</t>
  </si>
  <si>
    <t>【哈电锅炉】截止阀\KJ961Y-PW54200V\DN=50,PN=200,电动方式,焊接\12Cr1MoV</t>
  </si>
  <si>
    <t>【哈电锅炉】截止阀\KJ961Y-320\DN=65,PN=320,电动方式,焊接\25</t>
  </si>
  <si>
    <t>【哈电锅炉】截止阀\KJ61Y-PW54200V\DN=65,PN=200,电动方式,焊接\12Cr1MoV</t>
  </si>
  <si>
    <t>【哈电锅炉】截止阀\KJ961Y-PW54200V\DN=65,PN=200,电动方式,焊接\12Cr1MoV</t>
  </si>
  <si>
    <t>【哈电锅炉】止回阀\H61Y-320\DN=20,PN=320,,焊接</t>
  </si>
  <si>
    <t>【哈电锅炉】止回阀\H61Y-PW54170V\DN=20,PN=170,,焊接</t>
  </si>
  <si>
    <t>【哈电锅炉】止回阀\H61Y-320\DN=25,PN=320,,焊接</t>
  </si>
  <si>
    <t>【哈电锅炉】止回阀\H61Y-320\DN=32,PN=320,,焊接</t>
  </si>
  <si>
    <t>【哈电锅炉】止回阀\H41H-100\DN=50,PN=100,,法兰</t>
  </si>
  <si>
    <t>【哈电锅炉】止回阀\H61Y-200\DN=50,PN=200,,焊接</t>
  </si>
  <si>
    <t>【哈电锅炉】止回阀\H61Y-250\DN=50,PN=250,,焊接</t>
  </si>
  <si>
    <t>【哈电锅炉】止回阀\H61Y-320\DN=65,PN=320,,焊接</t>
  </si>
  <si>
    <t>【哈电锅炉】止回阀\H41Y-100\DN=80,PN=100,,焊接</t>
  </si>
  <si>
    <t>【哈电锅炉】止回阀\H61Y-200\DN=80,PN=200,,焊接</t>
  </si>
  <si>
    <t>【哈电锅炉】止回阀\H61Y-250\DN=80,PN=250,,焊接</t>
  </si>
  <si>
    <t>【哈电锅炉】止回阀\H61Y-320\DN=80,PN=320,,焊接</t>
  </si>
  <si>
    <t>【哈电锅炉】止回阀\H61Y-PW54200V\DN=80,PN=200,,焊接</t>
  </si>
  <si>
    <t>【哈电锅炉】止回阀\H41Y-100\DN=100,PN=100,,法兰</t>
  </si>
  <si>
    <t>【哈电锅炉】止回阀\H61Y-200\DN=100,PN=200,,焊接</t>
  </si>
  <si>
    <t>【哈电锅炉】止回阀\H64Y-250\DN=100,PN=250,,焊接</t>
  </si>
  <si>
    <t>【哈电锅炉】止回阀\H61Y-250\DN=100,PN=250,,焊接</t>
  </si>
  <si>
    <t>【哈电锅炉】止回阀\H67Y-320\DN=100,PN=320,,焊接</t>
  </si>
  <si>
    <t>【哈电锅炉】止回阀\H61Y-320\DN=125,PN=320,,焊接</t>
  </si>
  <si>
    <t>【哈电锅炉】止回阀\H64Y-PW54140V\DN=125,PN=140,,焊接</t>
  </si>
  <si>
    <t>【哈电锅炉】止回阀\H41H-100\DN=150,PN=100,,法兰</t>
  </si>
  <si>
    <t>【哈电锅炉】止回阀\H61Y-250\DN=150,PN=250,,焊接</t>
  </si>
  <si>
    <t>【哈电锅炉】止回阀\H61Y-200\DN=175,PN=200,,焊接</t>
  </si>
  <si>
    <t>【哈电锅炉】止回阀\H67Y-320\DN=175,PN=320,,焊接</t>
  </si>
  <si>
    <t>【哈电锅炉】止回阀\H61Y-200\DN=225,PN=200,,焊接</t>
  </si>
  <si>
    <t>【哈电锅炉】止回阀\H61Y-PW54100V\DN=225,PN=100,,焊接</t>
  </si>
  <si>
    <t>【哈电锅炉】止回阀\H67Y-250\DN=225,PN=250,,焊接</t>
  </si>
  <si>
    <t>【哈电锅炉】止回阀\H67Y-250\DN=250,PN=250,,焊接</t>
  </si>
  <si>
    <t>【哈电锅炉】止回阀\H67Y-320\DN=250,PN=320,,焊接</t>
  </si>
  <si>
    <t>【哈电锅炉】止回阀\H67Y-250\DN=300,PN=250,,焊接</t>
  </si>
  <si>
    <t>【哈电锅炉】止回阀\H67Y-320\DN=300,PN=320,,焊接</t>
  </si>
  <si>
    <t>【哈电锅炉】止回阀\H67Y-320\DN=350,PN=320,,焊接</t>
  </si>
  <si>
    <t>【哈电锅炉】止回阀\H67Y-PW54100V\DN=300,PN=100,,焊接</t>
  </si>
  <si>
    <t>【哈电锅炉】止回阀\H64Y-PW54135I\DN=400,PN=135,,焊接</t>
  </si>
  <si>
    <t>【哈电锅炉】止回阀\H67Y-320\DN=450,PN=320,,焊接</t>
  </si>
  <si>
    <t>【哈电锅炉】闸阀\Z961Y-250\DN=40,PN=250,电动方式,焊接</t>
  </si>
  <si>
    <t>【哈电锅炉】闸阀\Z961Y-250\DN=65,PN=250,电动方式,焊接</t>
  </si>
  <si>
    <t>【哈电锅炉】闸阀\DHZ962Y-200\DN=80,PN=200,电动方式,焊接</t>
  </si>
  <si>
    <t>【哈电锅炉】闸阀\Z62Y-250\DN=80,PN=250,手动方式,焊接</t>
  </si>
  <si>
    <t>【哈电锅炉】闸阀\DHZ62Y-PW55200I\DN=80,PN=200,手动方式,焊接</t>
  </si>
  <si>
    <t>【哈电锅炉】闸阀\Z62Y-200\DN=100,PN=200,手动方式,焊接</t>
  </si>
  <si>
    <t>【哈电锅炉】闸阀\Z962Y-250\DN=100,PN=250,电动方式,焊接</t>
  </si>
  <si>
    <t>【哈电锅炉】闸阀\Z62Y-250\DN=100,PN=250,手动方式,焊接</t>
  </si>
  <si>
    <t>【哈电锅炉】闸阀\Z960Y-320\DN=100,PN=320,电动方式,焊接</t>
  </si>
  <si>
    <t>【哈电锅炉】闸阀\Z562Y-250\DN=100,PN=250,齿轮传动,焊接</t>
  </si>
  <si>
    <t>【哈电锅炉】闸阀\DHZ62Y-PW54100V\DN=100,PN=100,手动方式,焊接</t>
  </si>
  <si>
    <t>【哈电锅炉】闸阀\Z62Y-PW54140V\DN=100,PN=140,手动方式,焊接</t>
  </si>
  <si>
    <t>【哈电锅炉】闸阀\DHZ62Y-PW54140V\DN=100,PN=140,手动方式,焊接</t>
  </si>
  <si>
    <t>【哈电锅炉】闸阀\Z42Y-100\DN=150,PN=100,手动方式,法兰</t>
  </si>
  <si>
    <t>【哈电锅炉】闸阀\Z42Y-100\DN=200,PN=100,手动方式,法兰</t>
  </si>
  <si>
    <t>【哈电锅炉】闸阀\Z42Y-100\DN=250,PN=100,手动方式,法兰</t>
  </si>
  <si>
    <t>【哈电锅炉】闸阀\Z562Y-200\DN=150,PN=200,齿轮传动,焊接</t>
  </si>
  <si>
    <t>【哈电锅炉】闸阀\Z562Y-200\DN=175,PN=200,齿轮传动,焊接</t>
  </si>
  <si>
    <t>【哈电锅炉】闸阀\Z62Y-PW54100V\DN=225,PN=100,手动方式,焊接</t>
  </si>
  <si>
    <t>【哈电锅炉】闸阀\Z562Y-200\DN=225,PN=200,齿轮传动,焊接</t>
  </si>
  <si>
    <t>【哈电锅炉】闸阀\Z562Y-250\DN=250,PN=250,齿轮传动,焊接</t>
  </si>
  <si>
    <t>【哈电锅炉】闸阀\Z562Y-320\DN=250,PN=320,齿轮传动,焊接</t>
  </si>
  <si>
    <t>【哈电锅炉】闸阀\Z562Y-320\DN=300,PN=320,齿轮传动,焊接</t>
  </si>
  <si>
    <t>【哈电锅炉】闸阀\Z962Y-320\DN=300,PN=320,电动方式,焊接</t>
  </si>
  <si>
    <t>【哈电锅炉】闸阀\DHZ962Y-PW54100V\DN=100,PN=100,电动方式,焊接</t>
  </si>
  <si>
    <t>【哈电锅炉】闸阀\Z962Y-PW54100V\DN=100,PN=100,电动方式,焊接</t>
  </si>
  <si>
    <t>【哈电锅炉】闸阀\DHZ962Y-PW54140V\DN=100,PN=140,电动方式,焊接</t>
  </si>
  <si>
    <t>【哈电锅炉】闸阀\Z962Y-PW54140V\DN=100,PN=140,电动方式,焊接</t>
  </si>
  <si>
    <t>【哈电锅炉】闸阀\Z964Y-PW54170V\DN=100,PN=170,电动方式,焊接</t>
  </si>
  <si>
    <t>【哈电锅炉】闸阀\Z962Y-200\DN=125,PN=200,电动方式,焊接</t>
  </si>
  <si>
    <t>【哈电锅炉】闸阀\Z962Y-250\DN=125,PN=250,电动方式,焊接</t>
  </si>
  <si>
    <t>【哈电锅炉】闸阀\DHZ962Y-250\DN=125,PN=250,电动方式,焊接</t>
  </si>
  <si>
    <t>【哈电锅炉】闸阀\Z962Y-320\DN=125,PN=320,电动方式,焊接</t>
  </si>
  <si>
    <t>【哈电锅炉】闸阀\Z962Y-PW54100V\DN=125,PN=100,电动方式,焊接</t>
  </si>
  <si>
    <t>【哈电锅炉】闸阀\Z962Y-PW54140V\DN=125,PN=140,电动方式,焊接</t>
  </si>
  <si>
    <t>【哈电锅炉】闸阀\Z962Y-PW54170V\DN=125,PN=170,电动方式,焊接</t>
  </si>
  <si>
    <t>【哈电锅炉】闸阀\Z962Y-PW54200V\DN=125,PN=200,电动方式,焊接</t>
  </si>
  <si>
    <t>【哈电锅炉】闸阀\Z942Y-100\DN=150,PN=100,电动方式,法兰</t>
  </si>
  <si>
    <t>【哈电锅炉】闸阀\Z962Y-200\DN=150,PN=200,电动方式,焊接</t>
  </si>
  <si>
    <t>【哈电锅炉】闸阀\DHZ962Y-200\DN=150,PN=200,电动方式,焊接</t>
  </si>
  <si>
    <t>【哈电锅炉】闸阀\Z962Y-250\DN=150,PN=250,电动方式,焊接</t>
  </si>
  <si>
    <t>【哈电锅炉】闸阀\Z962Y-PW54100V\DN=150,PN=100,电动方式,焊接</t>
  </si>
  <si>
    <t>【哈电锅炉】闸阀\Z962Y-PW54140V\DN=150,PN=140,电动方式,焊接</t>
  </si>
  <si>
    <t>【哈电锅炉】闸阀\Z962Y-PW54140I\DN=150,PN=140,电动方式,焊接</t>
  </si>
  <si>
    <t>【哈电锅炉】闸阀\Z962Y-PW54170V\DN=150,PN=170,电动方式,焊接</t>
  </si>
  <si>
    <t>【哈电锅炉】闸阀\Z962Y-PW54200V\DN=150,PN=200,电动方式,焊接</t>
  </si>
  <si>
    <t>【哈电锅炉】闸阀\Z962Y-200\DN=175,PN=200,电动方式,焊接</t>
  </si>
  <si>
    <t>【哈电锅炉】闸阀\DHZ962Y-200\DN=175,PN=200,电动方式,焊接</t>
  </si>
  <si>
    <t>【哈电锅炉】闸阀\Z962Y-250\DN=175,PN=250,电动方式,焊接</t>
  </si>
  <si>
    <t>【哈电锅炉】闸阀\DHZ962Y-250\DN=175,PN=250,电动方式,焊接</t>
  </si>
  <si>
    <t>【哈电锅炉】闸阀\Z962Y-320\DN=175,PN=320,电动方式,焊接</t>
  </si>
  <si>
    <t>【哈电锅炉】闸阀\Z962Y-PW54100I\DN=175,PN=100,电动方式,焊接</t>
  </si>
  <si>
    <t>【哈电锅炉】闸阀\Z962Y-PW54140V\DN=175,PN=140,电动方式,焊接</t>
  </si>
  <si>
    <t>【哈电锅炉】闸阀\DHZ962Y-PW54140V\DN=175,PN=140,电动方式,焊接</t>
  </si>
  <si>
    <t>【哈电锅炉】闸阀\Z962Y-PW54170V\DN=175,PN=170,电动方式,焊接</t>
  </si>
  <si>
    <t>【哈电锅炉】闸阀\Z962Y-PW54200V\DN=175,PN=200,电动方式,焊接</t>
  </si>
  <si>
    <t>【哈电锅炉】闸阀\Z942Y-100\DN=200,PN=100,电动方式,法兰</t>
  </si>
  <si>
    <t>【哈电锅炉】闸阀\Z962Y-PW54100V\DN=200,PN=100,电动方式,焊接</t>
  </si>
  <si>
    <t>【哈电锅炉】闸阀\Z962Y-PW55200V\DN=200,PN=200,电动方式,焊接</t>
  </si>
  <si>
    <t>【哈电锅炉】闸阀\Z962Y-200\DN=225,PN=200,电动方式,焊接</t>
  </si>
  <si>
    <t>【哈电锅炉】闸阀\DHZ962Y-200\DN=225,PN=200,电动方式,焊接</t>
  </si>
  <si>
    <t>【哈电锅炉】闸阀\Z962Y-250\DN=225,PN=250,电动方式,焊接</t>
  </si>
  <si>
    <t>【哈电锅炉】闸阀\DHZ962Y-250\DN=225,PN=250,电动方式,焊接</t>
  </si>
  <si>
    <t>【哈电锅炉】闸阀\Z960Y-250\DN=225,PN=250,电动方式,焊接</t>
  </si>
  <si>
    <t>【哈电锅炉】闸阀\Z962Y-320\DN=225,PN=320,电动方式,焊接</t>
  </si>
  <si>
    <t>【哈电锅炉】闸阀\Z962Y-PW54100V\DN=225,PN=100,电动方式,焊接</t>
  </si>
  <si>
    <t>【哈电锅炉】闸阀\Z560Y-2500Lb\DN=10",PN=2500Lb,齿轮传动,焊接</t>
  </si>
  <si>
    <t>【哈电锅炉】闸阀\DHZ962Y-PW54100V\DN=225,PN=100,电动方式,焊接</t>
  </si>
  <si>
    <t>【哈电锅炉】闸阀\Z962Y-PW54140V\DN=225,PN=140,电动方式,焊接</t>
  </si>
  <si>
    <t>【哈电锅炉】闸阀\DHZ962Y-PW54140V\DN=225,PN=140,电动方式,焊接</t>
  </si>
  <si>
    <t>【哈电锅炉】闸阀\Z962Y-PW54140I\DN=225,PN=140,电动方式,焊接</t>
  </si>
  <si>
    <t>【哈电锅炉】闸阀\Z962Y-PW54170V\DN=225,PN=170,电动方式,焊接</t>
  </si>
  <si>
    <t>【哈电锅炉】闸阀\Z942Y-100\DN=250,PN=100,电动方式,法兰</t>
  </si>
  <si>
    <t>【哈电锅炉】闸阀\Z962Y-200\DN=250,PN=200,电动方式,焊接</t>
  </si>
  <si>
    <t>【哈电锅炉】闸阀\Z962Y-250\DN=250,PN=250,电动方式,焊接</t>
  </si>
  <si>
    <t>【哈电锅炉】闸阀\DHZ962Y-250\DN=250,PN=250,电动方式,焊接</t>
  </si>
  <si>
    <t>【哈电锅炉】闸阀\Z962Y-320\DN=250,PN=320,电动方式,焊接</t>
  </si>
  <si>
    <t>【哈电锅炉】闸阀\Z962Y-PW54100V\DN=250,PN=100,电动方式,焊接</t>
  </si>
  <si>
    <t>【哈电锅炉】闸阀\DHZ962Y-PW54100V\DN=250,PN=100,电动方式,焊接</t>
  </si>
  <si>
    <t>【哈电锅炉】闸阀\Z962Y-PW54140V\DN=250,PN=140,电动方式,焊接</t>
  </si>
  <si>
    <t>【哈电锅炉】闸阀\DHZ962Y-PW54140V\DN=250,PN=140,电动方式,焊接</t>
  </si>
  <si>
    <t>【哈电锅炉】闸阀\Z962Y-PW54140I\DN=250,PN=140,电动方式,焊接</t>
  </si>
  <si>
    <t>【哈电锅炉】闸阀\Z962Y-PW54170V\DN=250,PN=170,电动方式,焊接</t>
  </si>
  <si>
    <t>【哈电锅炉】闸阀\DHZ962Y-PW54170V\DN=250,PN=170,电动方式,焊接</t>
  </si>
  <si>
    <t>【哈电锅炉】闸阀\Z962Y-PW54200V\DN=250,PN=200,电动方式,焊接</t>
  </si>
  <si>
    <t>【哈电锅炉】闸阀\Z962Y-250\DN=300,PN=250,电动方式,焊接</t>
  </si>
  <si>
    <t>【哈电锅炉】闸阀\Z964Y-420\DN=300,PN=420,电动方式,焊接</t>
  </si>
  <si>
    <t>【哈电锅炉】闸阀\Z962Y-PW54100V\DN=300,PN=100,电动方式,焊接</t>
  </si>
  <si>
    <t>【哈电锅炉】闸阀\Z960Y-PW54100V\DN=300,PN=100,电动方式,焊接</t>
  </si>
  <si>
    <t>【哈电锅炉】闸阀\Z960Y-PW54140V\DN=300,PN=140,电动方式,焊接</t>
  </si>
  <si>
    <t>【哈电锅炉】闸阀\Z962Y-PW54140I\DN=300,PN=140,电动方式,焊接</t>
  </si>
  <si>
    <t>【哈电锅炉】闸阀\Z962Y-PW54170V\DN=300,PN=170,电动方式,焊接</t>
  </si>
  <si>
    <t>【哈电锅炉】闸阀\Z962Y-PW54200V\DN=300,PN=200,电动方式,焊接</t>
  </si>
  <si>
    <t>【哈电锅炉】闸阀\Z962Y-200\DN=350,PN=200,电动方式,焊接</t>
  </si>
  <si>
    <t>【哈电锅炉】闸阀\Z962Y-250\DN=350,PN=250,电动方式,焊接</t>
  </si>
  <si>
    <t>【哈电锅炉】闸阀\Z962H-320\DN=350,PN=320,电动方式,焊接</t>
  </si>
  <si>
    <t>【哈电锅炉】闸阀\Z962Y-PW54100V\DN=350,PN=100,电动方式,焊接</t>
  </si>
  <si>
    <t>【哈电锅炉】闸阀\Z962Y-PW54140V\DN=350,PN=140,电动方式,焊接</t>
  </si>
  <si>
    <t>【哈电锅炉】闸阀\Z962Y-250\DN=400,PN=250,电动方式,焊接</t>
  </si>
  <si>
    <t>【哈电锅炉】闸阀\Z962Y-PW54100V\DN=400,PN=100,电动方式,焊接</t>
  </si>
  <si>
    <t>【哈电锅炉】闸阀\Z962Y-PW54140V\DN=400,PN=140,电动方式,焊接</t>
  </si>
  <si>
    <t>【哈电锅炉】闸阀\Z962Y-PW54100V\DN=450,PN=100,电动方式,焊接</t>
  </si>
  <si>
    <t>【哈电锅炉】闸阀\Z962Y-320\DN=450,PN=320,电动方式,焊接</t>
  </si>
  <si>
    <t>【哈电锅炉】减压阀\Y6K42Y-PW5445V\DN=25,PN=45,气动方式,法兰</t>
  </si>
  <si>
    <t>【哈电锅炉】减压阀\Y967Y-200\DN=40,PN=200,电动方式,焊接</t>
  </si>
  <si>
    <t>【哈电锅炉】减压阀\Y6K62Y-PW54200V\DN=40,PN=200,气动方式,法兰</t>
  </si>
  <si>
    <t>【哈电锅炉】减压阀\Y6K42Y-100\DN=50,PN=100,气动方式,法兰</t>
  </si>
  <si>
    <t>【哈电锅炉】减压阀\Y665H-250\DN=50,PN=250,气动方式,焊接</t>
  </si>
  <si>
    <t>【哈电锅炉】减压阀\Y6S42Y-PW5445V\DN=75,PN=45,气动方式,法兰</t>
  </si>
  <si>
    <t>【哈电锅炉】减压阀\Y6K62Y-PW54200V\DN=75,PN=200,气动方式,焊接</t>
  </si>
  <si>
    <t>【哈电锅炉】减压阀\Y665H-250\DN=75,PN=250,气动方式,焊接</t>
  </si>
  <si>
    <t>【哈电锅炉】减压阀\Y945H-100\DN=80,PN=100,电动方式,法兰</t>
  </si>
  <si>
    <t>【哈电锅炉】减压阀\Y945H-100\DN=100,PN=100,电动方式,法兰</t>
  </si>
  <si>
    <t>【哈电锅炉】减压阀\Y645H-64\DN=100,PN=64,气动方式,法兰</t>
  </si>
  <si>
    <t>【哈电锅炉】减压阀\Y965H-PW54100V\DN=100,PN=100,电动方式,焊接</t>
  </si>
  <si>
    <t>【哈电锅炉】减压阀\Y945H-100\DN=150,PN=100,电动方式,法兰</t>
  </si>
  <si>
    <t>【哈电锅炉】减压阀\Y965H-PW54100V\DN=150,PN=100,电动方式,焊接</t>
  </si>
  <si>
    <t>【哈电锅炉】减压阀\Y945H-100\DN=200,PN=100,电动方式,法兰</t>
  </si>
  <si>
    <t>【哈电锅炉】减压阀\Y945H-100\DN=250,PN=100,电动方式,法兰</t>
  </si>
  <si>
    <t>【哈电锅炉】减压阀\Y965H-PW54100V\DN=225,PN=100,电动方式,焊接</t>
  </si>
  <si>
    <t>【哈电锅炉】调节阀\T967Y-200\DN=20,PN=200,电动方式,焊接</t>
  </si>
  <si>
    <t>【哈电锅炉】调节阀\T966H-320\DN=20,PN=320,电动方式,焊接</t>
  </si>
  <si>
    <t>【哈电锅炉】调节阀\T967Y-250\DN=32,PN=250,电动方式,焊接</t>
  </si>
  <si>
    <t>【哈电锅炉】调节阀\T966H-250\DN=32,PN=250,电动方式,焊接</t>
  </si>
  <si>
    <t>【哈电锅炉】调节阀\T967H-320\DN=40,PN=320,电动方式,焊接</t>
  </si>
  <si>
    <t>【哈电锅炉】调节阀\T6B68Y-200\DN=50,PN=200,气动方式,焊接</t>
  </si>
  <si>
    <t>【哈电锅炉】调节阀\T967Y-250\DN=50,PN=250,电动方式,焊接</t>
  </si>
  <si>
    <t>【哈电锅炉】调节阀\T966H-250\DN=50,PN=250,电动方式,焊接</t>
  </si>
  <si>
    <t>【哈电锅炉】调节阀\T940H-100\DN=50,PN=100,电动方式,法兰</t>
  </si>
  <si>
    <t>【哈电锅炉】调节阀\T947H-100\DN=50,PN=100,电动方式,法兰</t>
  </si>
  <si>
    <t>【哈电锅炉】调节阀\T967H-320\DN=65,PN=320,电动方式,焊接</t>
  </si>
  <si>
    <t>【哈电锅炉】调节阀\T6B67H-320\DN=65,PN=320,气动方式,焊接</t>
  </si>
  <si>
    <t>【哈电锅炉】调节阀\T940H-100\DN=80,PN=100,电动方式,法兰</t>
  </si>
  <si>
    <t>【哈电锅炉】调节阀\T947H-100\DN=80,PN=100,电动方式,法兰</t>
  </si>
  <si>
    <t>【哈电锅炉】调节阀\T961H-250\DN=100,PN=250,电动方式,焊接</t>
  </si>
  <si>
    <t>【哈电锅炉】调节阀\T967H-250\DN=100,PN=250,电动方式,焊接</t>
  </si>
  <si>
    <t>【哈电锅炉】调节阀\T940H-100\DN=100,PN=100,电动方式,法兰</t>
  </si>
  <si>
    <t>【哈电锅炉】调节阀\T947H-100\DN=100,PN=100,电动方式,法兰</t>
  </si>
  <si>
    <t>【哈电锅炉】调节阀\T960H-200\DN=100,PN=200,电动方式,焊接</t>
  </si>
  <si>
    <t>【哈电锅炉】调节阀\T968H-200\DN=100,PN=200,电动方式,焊接</t>
  </si>
  <si>
    <t>【哈电锅炉】调节阀\T967H-320\DN=100,PN=320,电动方式,焊接</t>
  </si>
  <si>
    <t>【哈电锅炉】调节阀\T944H-100\DN=100,PN=100,电动方式,法兰</t>
  </si>
  <si>
    <t>【哈电锅炉】调节阀\T6B67H-320\DN=100,PN=320,气动方式,焊接</t>
  </si>
  <si>
    <t>【哈电锅炉】调节阀\T944H-100\DN=150,PN=100,电动方式,法兰</t>
  </si>
  <si>
    <t>【哈电锅炉】调节阀\T940H-100\DN=150,PN=100,电动方式,法兰</t>
  </si>
  <si>
    <t>【哈电锅炉】调节阀\T947H-100\DN=150,PN=100,电动方式,法兰</t>
  </si>
  <si>
    <t>【哈电锅炉】调节阀\T967H-200\DN=175,PN=200,电动方式,焊接</t>
  </si>
  <si>
    <t>【哈电锅炉】调节阀\T960H-200\DN=175,PN=200,电动方式,焊接</t>
  </si>
  <si>
    <t>【哈电锅炉】调节阀\T944H-100\DN=200,PN=100,电动方式,法兰</t>
  </si>
  <si>
    <t>【哈电锅炉】调节阀\T947H-100\DN=200,PN=100,电动方式,法兰</t>
  </si>
  <si>
    <t>【哈电锅炉】调节阀\T967H-200\DN=225,PN=200,电动方式,焊接</t>
  </si>
  <si>
    <t>【哈电锅炉】调节阀\T967H-250\DN=225,PN=250,电动方式,焊接</t>
  </si>
  <si>
    <t>【哈电锅炉】调节阀\T960H-200\DN=225,PN=200,电动方式,焊接</t>
  </si>
  <si>
    <t>【哈电锅炉】调节阀\T967H-250\DN=300,PN=250,电动方式,焊接</t>
  </si>
  <si>
    <t>【哈电锅炉】调节阀\T6S47Y-100\DN=150,PN=100,气动方式,法兰</t>
  </si>
  <si>
    <t>【哈电锅炉】调节阀\T6S47Y-64\DN=200,PN=64,气动方式,法兰</t>
  </si>
  <si>
    <t>【哈电锅炉】调节阀\T6K47Y-64\DN=250,PN=64,气动方式,法兰</t>
  </si>
  <si>
    <t>【哈电锅炉】截止阀\L61H-320\DN=10,PN=320,手动方式,焊接\25</t>
  </si>
  <si>
    <t>【哈电锅炉】截止阀\L61H-320\DN=32,PN=320,手动方式,焊接\25</t>
  </si>
  <si>
    <t>【哈电锅炉】截止阀\L64Y-250\DN=32,PN=250,手动方式,焊接\25</t>
  </si>
  <si>
    <t>【哈电锅炉】截止阀\L64Y-320\DN=40,PN=320,手动方式,焊接\25</t>
  </si>
  <si>
    <t>【哈电锅炉】截止阀\L964Y-320\DN=40,PN=320,电动方式,焊接\25</t>
  </si>
  <si>
    <t>【哈电锅炉】截止阀\L64Y-320\DN=50,PN=320,手动方式,焊接\25</t>
  </si>
  <si>
    <t>【哈电锅炉】截止阀\L964Y-320\DN=50,PN=320,电动方式,焊接\25</t>
  </si>
  <si>
    <t>【哈电锅炉】截止阀\L61Y-PW54170V\DN=20,PN=170,手动方式,焊接\12Cr1MoV</t>
  </si>
  <si>
    <t>【哈电锅炉】给水分配阀\F961H-200\DN=20,PN=200,电动方式,焊接</t>
  </si>
  <si>
    <t>【哈电锅炉】给水分配阀\F961H-100\DN=32,PN=100,电动方式,焊接</t>
  </si>
  <si>
    <t>【哈电锅炉】给水分配阀\F942H-100\DN=50,PN=100,电动方式,法兰</t>
  </si>
  <si>
    <t>【哈电锅炉】给水分配阀\F962H-200\DN=50,PN=200,电动方式,焊接</t>
  </si>
  <si>
    <t>【哈电锅炉】给水分配阀\F942H-100\DN=80,PN=100,电动方式,法兰</t>
  </si>
  <si>
    <t>【哈电锅炉】给水分配阀\F962H-200\DN=100,PN=200,电动方式,法兰</t>
  </si>
  <si>
    <t>【哈电锅炉】给水分配阀\T963H-40\DN=300*2,PN=40,电动方式,法兰</t>
  </si>
  <si>
    <t>【哈电锅炉】安全阀\GA44H-25\DN=50*2,PN=25,法兰连接</t>
  </si>
  <si>
    <t>【哈电锅炉】安全阀\A49Y-40\DN=25,PN=40,法兰连接</t>
  </si>
  <si>
    <t>【哈电锅炉】安全阀\A49Y-40\DN=150,PN=40,法兰连接</t>
  </si>
  <si>
    <t>【哈电锅炉】安全阀\A49Y-40\DN=200,PN=40,法兰连接</t>
  </si>
  <si>
    <t>【哈电锅炉】安全阀\A49Y-40\DN=250,PN=40,法兰连接</t>
  </si>
  <si>
    <t>【哈电锅炉】安全阀\GA44H-64\DN=40*2,PN=64,法兰连接</t>
  </si>
  <si>
    <t>【哈电锅炉】安全阀\GA42H-100\DN=50,PN=100,法兰连接</t>
  </si>
  <si>
    <t>【哈电锅炉】安全阀\A49Y-100\DN=25,PN=100,法兰连接</t>
  </si>
  <si>
    <t>【哈电锅炉】安全阀\A49Y-100\DN=150,PN=100,法兰连接</t>
  </si>
  <si>
    <t>【哈电锅炉】安全阀\A49Y-PW54 140V\DN=20,PN=140,法兰连接</t>
  </si>
  <si>
    <t>【哈电锅炉】安全阀\A49Y-PW54 140V\DN=100,PN=140,法兰连接</t>
  </si>
  <si>
    <t>【哈电锅炉】安全阀\A49Y-PW54 100V\DN=20,PN=100,法兰连接</t>
  </si>
  <si>
    <t>【哈电锅炉】安全阀\A49Y-PW54 100V\DN=125,PN=100,法兰连接</t>
  </si>
  <si>
    <t>【哈电锅炉】安全阀\A49Y-PW54 32V\DN=25,PN=32,法兰连接</t>
  </si>
  <si>
    <t>【哈电锅炉】安全阀\A49Y-PW54 32V\DN=200,PN=32,法兰连接</t>
  </si>
  <si>
    <t>【哈电锅炉】安全阀\A49Y-PW50 67I\DN=150,PN=67,法兰连接</t>
  </si>
  <si>
    <t>【哈电锅炉】全启式安全阀\A48Y-16C\DN=40,PN=16,法兰连接</t>
  </si>
  <si>
    <t>【哈电锅炉】全启式安全阀\A48Y-25C\DN=40,PN=25,法兰连接</t>
  </si>
  <si>
    <t>【哈电锅炉】全启式安全阀\A48Y-40\DN=40,PN=40,法兰连接</t>
  </si>
  <si>
    <t>【哈电锅炉】全启式安全阀\A48Y-64\DN=40,PN=64,法兰连接</t>
  </si>
  <si>
    <t>【哈电锅炉】全启式安全阀\A48Y-100\DN=40,PN=100,法兰连接</t>
  </si>
  <si>
    <t>【哈电锅炉】全启式安全阀\A48Y-16V\DN=40,PN=16,法兰连接</t>
  </si>
  <si>
    <t>【哈电锅炉】全启式安全阀\A48Y-25V\DN=40,PN=25,法兰连接</t>
  </si>
  <si>
    <t>【哈电锅炉】全启式安全阀\A48Y-40V\DN=40,PN=40,法兰连接</t>
  </si>
  <si>
    <t>【哈电锅炉】全启式安全阀\A48Y-64V\DN=40,PN=64,法兰连接</t>
  </si>
  <si>
    <t>【哈电锅炉】全启式安全阀\A48Y-100V\DN=40,PN=100,法兰连接</t>
  </si>
  <si>
    <t>【哈电锅炉】全启式安全阀\A48Y-16C\DN=50,PN=16,法兰连接</t>
  </si>
  <si>
    <t>【哈电锅炉】全启式安全阀\A48Y-25C\DN=50,PN=25,法兰连接</t>
  </si>
  <si>
    <t>【哈电锅炉】全启式安全阀\A48Y-40\DN=50,PN=40,法兰连接</t>
  </si>
  <si>
    <t>【哈电锅炉】全启式安全阀\A48Y-64\DN=50,PN=64,法兰连接</t>
  </si>
  <si>
    <t>【哈电锅炉】全启式安全阀\A48Y-100\DN=50,PN=100,法兰连接</t>
  </si>
  <si>
    <t>【哈电锅炉】全启式安全阀\A48Y-16V\DN=50,PN=16,法兰连接</t>
  </si>
  <si>
    <t>【哈电锅炉】全启式安全阀\A48Y-25V\DN=50,PN=25,法兰连接</t>
  </si>
  <si>
    <t>【哈电锅炉】全启式安全阀\A48Y-40V\DN=50,PN=40,法兰连接</t>
  </si>
  <si>
    <t>【哈电锅炉】全启式安全阀\A48Y-64V\DN=50,PN=64,法兰连接</t>
  </si>
  <si>
    <t>【哈电锅炉】全启式安全阀\A48Y-100I\DN=50,PN=100,法兰连接</t>
  </si>
  <si>
    <t>【哈电锅炉】全启式安全阀\A48Y-16C\DN=65,PN=16,法兰连接</t>
  </si>
  <si>
    <t>【哈电锅炉】全启式安全阀\A48Y-25C\DN=65,PN=25,法兰连接</t>
  </si>
  <si>
    <t>【哈电锅炉】全启式安全阀\A48Y-40\DN=65,PN=40,法兰连接</t>
  </si>
  <si>
    <t>【哈电锅炉】全启式安全阀\A48Y-16V\DN=65,PN=16,法兰连接</t>
  </si>
  <si>
    <t>【哈电锅炉】全启式安全阀\A48Y-25V\DN=65,PN=25,法兰连接</t>
  </si>
  <si>
    <t>【哈电锅炉】全启式安全阀\A48Y-40V\DN=65,PN=40,法兰连接</t>
  </si>
  <si>
    <t>【哈电锅炉】全启式安全阀\A48Y-16C\DN=80,PN=16,法兰连接</t>
  </si>
  <si>
    <t>【哈电锅炉】全启式安全阀\A48Y-25C\DN=80,PN=25,法兰连接</t>
  </si>
  <si>
    <t>【哈电锅炉】全启式安全阀\A48Y-40\DN=80,PN=40,法兰连接</t>
  </si>
  <si>
    <t>【哈电锅炉】全启式安全阀\A48Y-64\DN=80,PN=64,法兰连接</t>
  </si>
  <si>
    <t>【哈电锅炉】全启式安全阀\A48Y-100\DN=80,PN=100,法兰连接</t>
  </si>
  <si>
    <t>【哈电锅炉】全启式安全阀\A48Y-16V\DN=80,PN=16,法兰连接</t>
  </si>
  <si>
    <t>【哈电锅炉】全启式安全阀\A48Y-25V\DN=80,PN=25,法兰连接</t>
  </si>
  <si>
    <t>【哈电锅炉】全启式安全阀\A48Y-40V\DN=80,PN=40,法兰连接</t>
  </si>
  <si>
    <t>【哈电锅炉】全启式安全阀\A48Y-64V\DN=80,PN=64,法兰连接</t>
  </si>
  <si>
    <t>【哈电锅炉】全启式安全阀\A48Y-100I\DN=80,PN=100,法兰连接</t>
  </si>
  <si>
    <t>【哈电锅炉】全启式安全阀\A48Y-16C\DN=100,PN=16,法兰连接</t>
  </si>
  <si>
    <t>【哈电锅炉】全启式安全阀\A48Y-25C\DN=100,PN=25,法兰连接</t>
  </si>
  <si>
    <t>【哈电锅炉】全启式安全阀\A48Y-40\DN=100,PN=40,法兰连接</t>
  </si>
  <si>
    <t>【哈电锅炉】全启式安全阀\A48Y-64\DN=100,PN=64,法兰连接</t>
  </si>
  <si>
    <t>【哈电锅炉】全启式安全阀\A48Y-100\DN=100,PN=100,法兰连接</t>
  </si>
  <si>
    <t>【哈电锅炉】全启式安全阀\A48Y-16V\DN=100,PN=16,法兰连接</t>
  </si>
  <si>
    <t>【哈电锅炉】全启式安全阀\A48Y-25V\DN=100,PN=25,法兰连接</t>
  </si>
  <si>
    <t>【哈电锅炉】全启式安全阀\A48Y-40V\DN=100,PN=40,法兰连接</t>
  </si>
  <si>
    <t>【哈电锅炉】全启式安全阀\A48Y-64V\DN=100,PN=64,法兰连接</t>
  </si>
  <si>
    <t>【哈电锅炉】全启式安全阀\A48Y-100I\DN=100,PN=100,法兰连接</t>
  </si>
  <si>
    <t>【哈电锅炉】全启式安全阀\A48Y-600Lb\DN=100,PN=600Lb,法兰连接</t>
  </si>
  <si>
    <t>【哈电锅炉】全启式安全阀\A48Y-100V\DN=125,PN=100,法兰连接</t>
  </si>
  <si>
    <t>【哈电锅炉】全启式安全阀\A48Y-16C\DN=150,PN=16,法兰连接</t>
  </si>
  <si>
    <t>【哈电锅炉】全启式安全阀\A48Y-25C\DN=150,PN=25,法兰连接</t>
  </si>
  <si>
    <t>【哈电锅炉】全启式安全阀\A48Y-40\DN=150,PN=40,法兰连接</t>
  </si>
  <si>
    <t>【哈电锅炉】全启式安全阀\A48Y-64\DN=150,PN=64,法兰连接</t>
  </si>
  <si>
    <t>【哈电锅炉】全启式安全阀\A48Y-100\DN=150,PN=100,法兰连接</t>
  </si>
  <si>
    <t>【哈电锅炉】全启式安全阀\A48Y-16V\DN=150,PN=16,法兰连接</t>
  </si>
  <si>
    <t>【哈电锅炉】全启式安全阀\A48Y-25V\DN=150,PN=25,法兰连接</t>
  </si>
  <si>
    <t>【哈电锅炉】全启式安全阀\A48Y-40V\DN=150,PN=40,法兰连接</t>
  </si>
  <si>
    <t>【哈电锅炉】全启式安全阀\A48Y-64V\DN=150,PN=64,法兰连接</t>
  </si>
  <si>
    <t>【哈电锅炉】全启式安全阀\A48Y-600Lb\DN=150,PN=600Lb,法兰连接</t>
  </si>
  <si>
    <t>【哈电锅炉】全启式安全阀\A48Y-100I\DN=150,PN=100,法兰连接</t>
  </si>
  <si>
    <t>【哈电锅炉】全启式安全阀\A48Y-16C\DN=200,PN=16,法兰连接</t>
  </si>
  <si>
    <t>【哈电锅炉】全启式安全阀\A48Y-25C\DN=200,PN=25,法兰连接</t>
  </si>
  <si>
    <t>【哈电锅炉】全启式安全阀\A48Y-40\DN=200,PN=40,法兰连接</t>
  </si>
  <si>
    <t>【哈电锅炉】全启式安全阀\A48Y-64\DN=200,PN=64,法兰连接</t>
  </si>
  <si>
    <t>【哈电锅炉】全启式安全阀\A48Y-100\DN=200,PN=100,法兰连接</t>
  </si>
  <si>
    <t>【哈电锅炉】全启式安全阀\A48Y-16V\DN=200,PN=16,法兰连接</t>
  </si>
  <si>
    <t>【哈电锅炉】全启式安全阀\A48Y-25V\DN=200,PN=25,法兰连接</t>
  </si>
  <si>
    <t>【哈电锅炉】全启式安全阀\A48Y-40V\DN=200,PN=40,法兰连接</t>
  </si>
  <si>
    <t>【哈电锅炉】全启式安全阀\A48Y-64V\DN=200,PN=64,法兰连接</t>
  </si>
  <si>
    <t>【哈电锅炉】全启式安全阀\A48Y-100V\DN=200,PN=100,法兰连接</t>
  </si>
  <si>
    <t>【哈电锅炉】全启式安全阀\A48Y-16C\DN=250,PN=16,法兰连接</t>
  </si>
  <si>
    <t>【哈电锅炉】全启式安全阀\A48Y-25C\DN=250,PN=25,法兰连接</t>
  </si>
  <si>
    <t>【哈电锅炉】全启式安全阀\A48Y-40\DN=250,PN=40,法兰连接</t>
  </si>
  <si>
    <t>【哈电锅炉】全启式安全阀\A48Y-40V\DN=250,PN=40,法兰连接</t>
  </si>
  <si>
    <t>【哈电锅炉】全启式安全阀\A48Y-64\DN=250,PN=64,法兰连接</t>
  </si>
  <si>
    <t>【哈电锅炉】全启式安全阀\A48Y-100\DN=250,PN=100,法兰连接</t>
  </si>
  <si>
    <t>【哈电锅炉】全启式安全阀\A48Y-16V\DN=250,PN=16,法兰连接</t>
  </si>
  <si>
    <t>【哈电锅炉】全启式安全阀\A48Y-25V\DN=250,PN=25,法兰连接</t>
  </si>
  <si>
    <t>【哈电锅炉】全启式安全阀\A48Y-40I\DN=250,PN=40,法兰连接</t>
  </si>
  <si>
    <t>【哈电锅炉】全启式安全阀\A48Y-64V\DN=250,PN=64,法兰连接</t>
  </si>
  <si>
    <t>【哈电锅炉】全启式安全阀\A48Y-100V\DN=250,PN=100,法兰连接</t>
  </si>
  <si>
    <t>【哈电锅炉】全启式安全阀\A48Y-600Lb\DN=250,PN=600Lb,法兰连接</t>
  </si>
  <si>
    <t>【哈电锅炉】全启式安全阀\A48Y-16C\DN=300,PN=16,法兰连接</t>
  </si>
  <si>
    <t>【哈电锅炉】全启式安全阀\A48Y-25C\DN=300,PN=25,法兰连接</t>
  </si>
  <si>
    <t>【哈电锅炉】全启式安全阀\A48Y-40\DN=300,PN=40,法兰连接</t>
  </si>
  <si>
    <t>【哈电锅炉】全启式安全阀\A48Y-16V\DN=300,PN=16,法兰连接</t>
  </si>
  <si>
    <t>【哈电锅炉】全启式安全阀\A48Y-25V\DN=300,PN=25,法兰连接</t>
  </si>
  <si>
    <t>【哈电锅炉】全启式安全阀\A48Y-64V\DN=300,PN=64,法兰连接</t>
  </si>
  <si>
    <t>【哈电锅炉】全量型安全阀\PAT7418F\DN=75,PN=P54200V,焊接</t>
  </si>
  <si>
    <t>【哈电锅炉】全量型安全阀\PAT7418F\DN=65,PN=P54200V,焊接</t>
  </si>
  <si>
    <t>【哈电锅炉】全量型安全阀\PAT7418F\DN=50,PN=P54200V,焊接</t>
  </si>
  <si>
    <t>【哈电锅炉】全量型安全阀\PAT7418F\DN=75,PN=320,焊接</t>
  </si>
  <si>
    <t>【哈电锅炉】全量型安全阀\PAT7418F\DN=76,PN=320,焊接</t>
  </si>
  <si>
    <t>【哈电锅炉】全量型安全阀\PAT7418F\DN=65,PN=320,焊接</t>
  </si>
  <si>
    <t>【哈电锅炉】全量型安全阀\PAT-7414F\DN=60,PN=P54140V,焊接</t>
  </si>
  <si>
    <t>【哈电锅炉】全量型安全阀\PAT-7414F\DN=50,PN=P54140V,焊接</t>
  </si>
  <si>
    <t>【哈电锅炉】全量型安全阀\PAT-7414\DN=40,PN=P54140V,法兰连接</t>
  </si>
  <si>
    <t>【哈电锅炉】全量型安全阀\PAT-7414\DN=75,PN=200,法兰连接</t>
  </si>
  <si>
    <t>【哈电锅炉】全量型安全阀\PAT-7414F\DN=60,PN=200,焊接</t>
  </si>
  <si>
    <t>【哈电锅炉】全量型安全阀\PAT-7414F\DN=65,PN=200,焊接</t>
  </si>
  <si>
    <t>【哈电锅炉】全量型安全阀\PAT-7414F\DN=80,PN=200,焊接</t>
  </si>
  <si>
    <t>【哈电锅炉】全量型安全阀\PAT-7414F\DN=50,PN=200,焊接</t>
  </si>
  <si>
    <t>【哈电锅炉】全量型安全阀\PAT-749F\DN=40,PN=P54100V,焊接</t>
  </si>
  <si>
    <t>【哈电锅炉】全量型安全阀\PAT-749F\DN=60,PN=P54100V,焊接</t>
  </si>
  <si>
    <t>【哈电锅炉】全量型安全阀\PAT-747\DN=150,PN=P5445V,法兰连接</t>
  </si>
  <si>
    <t>【哈电锅炉】全量型安全阀\PAT-747F\DN=152,PN=100,焊接</t>
  </si>
  <si>
    <t>【哈电锅炉】全量型安全阀\PAT-747F\DN=150,PN=100,焊接</t>
  </si>
  <si>
    <t>【哈电锅炉】全量型安全阀\PAT-747\DN=125,PN=100,法兰连接</t>
  </si>
  <si>
    <t>【哈电锅炉】全量型安全阀\PAT-746F\DN=150,PN=P5432V,焊接</t>
  </si>
  <si>
    <t>【哈电锅炉】全量型安全阀\PAT-746F\DN=152,PN=64,焊接</t>
  </si>
  <si>
    <t>【哈电锅炉】全量型安全阀\PAT-746\DN=125,PN=64,法兰连接</t>
  </si>
  <si>
    <t>【哈电锅炉】全量型安全阀\PAT-746F\DN=125,PN=P5432V,焊接</t>
  </si>
  <si>
    <t>【哈电锅炉】全量型安全阀\PAT-746F\DN=150,PN=64,焊接</t>
  </si>
  <si>
    <t>【哈电锅炉】全量型安全阀\PAT-7414\DN=90,PN=P5432V,法兰连接</t>
  </si>
  <si>
    <t>【哈电锅炉】全量型安全阀\PAT-746F\DN=200,PN=64,焊接</t>
  </si>
  <si>
    <t>【哈电锅炉】全量型安全阀\PAT-746F\DN=250,PN=300Lb,焊接</t>
  </si>
  <si>
    <t>【哈电锅炉】全量型安全阀\PAT-745\DN=10",PN=300Lb,法兰连接</t>
  </si>
  <si>
    <t>【哈电锅炉】全量型安全阀\PAT-7414\DN=90,PN=P54140V,法兰连接</t>
  </si>
  <si>
    <t>【哈电锅炉】泄放阀\PAT7818BF\DN=65,PN=P54200I,电磁传动,6</t>
  </si>
  <si>
    <t>【哈电锅炉】闸阀\Z61Y-PW54200V\DN=65,PN=200,手动方式,焊接</t>
  </si>
  <si>
    <t>【哈电锅炉】泄放阀\PAT7818BF\DN=75,PN=P54200I,电磁传动,6</t>
  </si>
  <si>
    <t>【哈电锅炉】闸阀\Z61Y-PW54200V\DN=75,PN=200,手动方式,焊接</t>
  </si>
  <si>
    <t>【哈电锅炉】泄放阀\PAT-789BF\DN=50,PN=P54100V,电磁传动,6</t>
  </si>
  <si>
    <t>【哈电锅炉】闸阀\Z61Y-PW54100V\DN=50,PN=100,手动方式,焊接</t>
  </si>
  <si>
    <t>【哈电锅炉】泄放阀\PAT-7814BF\DN=65,PN=P54140I,电磁传动,6</t>
  </si>
  <si>
    <t>【哈电锅炉】闸阀\Z61Y-PW54140V\DN=65,PN=140,手动方式,焊接</t>
  </si>
  <si>
    <t>【哈电锅炉】调试装置\22.2253.036\4-20mA,4-20mA,比例,ExdⅡBT4 IP54,4-20mA,AC380V</t>
  </si>
  <si>
    <t>【哈电锅炉】开启显示装置\22.2255.005\4-20mA,4-20mA,比例,ExdⅡBT4 IP54,4-20mA,AC380V</t>
  </si>
  <si>
    <t>【哈电锅炉】气动快启阀\A661Y-100\DN=20,PN=100,气动方式,焊接</t>
  </si>
  <si>
    <t>【哈电锅炉】气动快启阀\A661Y-100\DN=32,PN=100,气动方式,焊接</t>
  </si>
  <si>
    <t>【哈电锅炉】气动快启阀\A641H-100\DN=50,PN=100,气动方式,法兰</t>
  </si>
  <si>
    <t>【哈电锅炉】气动快启阀\A641H-100\DN=80,PN=100,气动方式,法兰</t>
  </si>
  <si>
    <t>【哈电锅炉】气动快启阀\A641H-100\DN=100,PN=100,气动方式,法兰</t>
  </si>
  <si>
    <t>【哈电锅炉】快速启闭阀\JO61Y-100\DN=20,PN=100,电磁方式,焊接</t>
  </si>
  <si>
    <t>【哈电锅炉】快速启闭阀\JO61Y-100\DN=32,PN=100,电磁方式,焊接</t>
  </si>
  <si>
    <t>【哈电锅炉】快速启闭阀\JO41H-100\DN=80,PN=100,电磁方式,法兰</t>
  </si>
  <si>
    <t>【哈电锅炉】快速启闭阀\JO41H-100\DN=100,PN=100,电磁方式,法兰</t>
  </si>
  <si>
    <t>【哈电锅炉】快速启闭阀\JO41H-100\DN=50,PN=100,电磁方式,法兰</t>
  </si>
  <si>
    <t>【哈电锅炉】高加入口阀\J764Y-200\DN=175,PN=200,液动方式,焊接</t>
  </si>
  <si>
    <t>【哈电锅炉】高加止回阀\H62Y-200\DN=175,PN=200,,焊接</t>
  </si>
  <si>
    <t>【哈电锅炉】高加入口阀\J764Y-200\DN=225,PN=200,液动方式,焊接</t>
  </si>
  <si>
    <t>【哈电锅炉】高加止回阀\H62Y-200\DN=225,PN=200,,焊接</t>
  </si>
  <si>
    <t>【哈电锅炉】高加入口阀\J764Y-250\DN=300,PN=250,液动方式,焊接</t>
  </si>
  <si>
    <t>【哈电锅炉】高加止回阀\H62Y-250\DN=300,PN=250,,焊接</t>
  </si>
  <si>
    <t>【哈电锅炉】泄压阀\A44H-250\DN=20,PN=250,法兰连接</t>
  </si>
  <si>
    <t>【哈电锅炉】截止阀\J764Y-320\DN=300,PN=320,液动方式,焊接\WCB</t>
  </si>
  <si>
    <t>【哈电锅炉】高加止回阀\H62Y-320\DN=300,PN=320,,焊接</t>
  </si>
  <si>
    <t>【哈电锅炉】泄压阀\A44H-320\DN=20,PN=320,法兰连接</t>
  </si>
  <si>
    <t>【哈电锅炉】截止阀\J764Y-320\DN=350,PN=320,液动方式,焊接\WCB</t>
  </si>
  <si>
    <t>【哈电锅炉】高加止回阀\H62Y-320\DN=350,PN=320,,焊接</t>
  </si>
  <si>
    <t>【哈电锅炉】截止阀\J761Y-200\DN=175,PN=200,液动方式,焊接\WCB</t>
  </si>
  <si>
    <t>【哈电锅炉】截止阀\J761Y-200\DN=225,PN=200,液动方式,焊接\WCB</t>
  </si>
  <si>
    <t>【哈电锅炉】截止阀\J761Y-250\DN=225,PN=250,液动方式,焊接\WCB</t>
  </si>
  <si>
    <t>【哈电锅炉】截止阀\J764Y-250\DN=225,PN=250,液动方式,焊接\WCB</t>
  </si>
  <si>
    <t>【哈电锅炉】高加止回阀\H61Y-200\DN=175,PN=200,,焊接</t>
  </si>
  <si>
    <t>【哈电锅炉】高加止回阀\H61Y-200\DN=225,PN=200,,焊接</t>
  </si>
  <si>
    <t>【哈电锅炉】高加止回阀\H61Y-250\DN=225,PN=250,,焊接</t>
  </si>
  <si>
    <t>【哈电锅炉】高加止回阀\H61Y-250\DN=300,PN=250,,焊接</t>
  </si>
  <si>
    <t>【哈电锅炉】截止阀\J761Y-250\DN=300,PN=250,液动方式,焊接\WCB</t>
  </si>
  <si>
    <t>【哈电锅炉】截止阀\J67Y-320\DN=250*225,PN=320,手动方式,焊接\WCB</t>
  </si>
  <si>
    <t>【哈电锅炉】截止阀\J67Y-320\DN=300*250,PN=320,手动方式,焊接\WCB</t>
  </si>
  <si>
    <t>【哈电锅炉】截止阀\J661H-200\DN=50,PN=200,气动方式,焊接\25</t>
  </si>
  <si>
    <t>【哈电锅炉】截止阀\J661Y-320\DN=65,PN=320,气动方式,焊接\WCB</t>
  </si>
  <si>
    <t>【哈电锅炉】截止阀\J661Y-320\DN=100,PN=320,气动方式,焊接\WCB</t>
  </si>
  <si>
    <t>【哈电锅炉】截止阀\J661Y-200\DN=32,PN=200,气动方式,焊接\25</t>
  </si>
  <si>
    <t>【哈电锅炉】截止阀\J661Y-200\DN=50,PN=200,气动方式,焊接\25</t>
  </si>
  <si>
    <t>【哈电锅炉】截止阀\J661Y-320\DN=50,PN=320,气动方式,焊接\25</t>
  </si>
  <si>
    <t>【哈电锅炉】堵阀\SD61H-PN64I\DN=350,PN=64,,焊接</t>
  </si>
  <si>
    <t>【哈电锅炉】堵阀\SD61H-1925Spl\DN=350,PN=1925SPL,,焊接</t>
  </si>
  <si>
    <t>【哈电锅炉】堵阀\SD61H-Pw55 165I\DN=350,PN=165,,焊接</t>
  </si>
  <si>
    <t>【哈电锅炉】堵阀\SD61H-40\DN=450,PN=40,,焊接</t>
  </si>
  <si>
    <t>【哈电锅炉】堵阀\SD61H-Pw55 200V\DN=450,PN=200,,焊接</t>
  </si>
  <si>
    <t>【哈电锅炉】堵阀\SD61H-64\DN=500,PN=64,,焊接</t>
  </si>
  <si>
    <t>【哈电锅炉】堵阀\SD61H-Pw55 32I\DN=500,PN=32,,焊接</t>
  </si>
  <si>
    <t>【哈电锅炉】堵阀\SD61H-PW55 200V\DN=500,PN=200,,焊接</t>
  </si>
  <si>
    <t>【哈电锅炉】堵阀\SD61H-64\DN=550,PN=64,,焊接</t>
  </si>
  <si>
    <t>【哈电锅炉】堵阀\SD61H-Pw54.5 45V\DN=550,PN=45,,焊接</t>
  </si>
  <si>
    <t>【哈电锅炉】堵阀\SD61H-64\DN=600,PN=64,,焊接</t>
  </si>
  <si>
    <t>【哈电锅炉】堵阀\SD61H-Pw55 50I\DN=700,PN=50,,焊接</t>
  </si>
  <si>
    <t>【哈电锅炉】堵阀\SD61H-64\DN=750,PN=64,,焊接</t>
  </si>
  <si>
    <t>【哈电锅炉】堵阀\SD61H-64I\DN=750,PN=64,,焊接</t>
  </si>
  <si>
    <t>【哈电锅炉】堵阀\SD61H-PW55 50I\DN=750,PN=50,,焊接</t>
  </si>
  <si>
    <t>【哈电锅炉】堵阀\SD61H-Pw55 50I\DN=800,PN=50,,焊接</t>
  </si>
  <si>
    <t>【哈电锅炉】堵阀\SD61H-Pw55 45I\DN=850,PN=45,,焊接</t>
  </si>
  <si>
    <t>【哈电锅炉】AVA调节阀\T744H-40\DN=150,PN=40,液动方式,法兰</t>
  </si>
  <si>
    <t>【哈电锅炉】AVA调节阀\T744H-40\DN=100,PN=40,液动方式,法兰</t>
  </si>
  <si>
    <t>【哈电锅炉】AVA调节阀\T744H-40\DN=80,PN=40,液动方式,法兰</t>
  </si>
  <si>
    <t>【哈电锅炉】AVA调节阀\T744H-40\DN=200,PN=40,液动方式,法兰</t>
  </si>
  <si>
    <t>【哈电锅炉】AVA调节阀\T744H-40\DN=250,PN=40,液动方式,法兰</t>
  </si>
  <si>
    <t>【哈电锅炉】AVA调节阀\T744H-64\DN=150,PN=64,液动方式,法兰</t>
  </si>
  <si>
    <t>【哈电锅炉】AVA调节阀\T744H-64\DN=80,PN=64,液动方式,法兰</t>
  </si>
  <si>
    <t>【哈电锅炉】AVA调节阀\T744H-64\DN=100,PN=64,液动方式,法兰</t>
  </si>
  <si>
    <t>【哈电锅炉】AVA调节阀\T744H-64\DN=200,PN=64,液动方式,法兰</t>
  </si>
  <si>
    <t>【哈电锅炉】AVA调节阀\T744H-64\DN=250,PN=64,液动方式,法兰</t>
  </si>
  <si>
    <t>【哈电锅炉】蓄热器止回阀\H41H-40\DN=80,PN=40,,法兰</t>
  </si>
  <si>
    <t>【哈电锅炉】蓄热器止回阀\H41H-40\DN=100,PN=40,,法兰</t>
  </si>
  <si>
    <t>【哈电锅炉】蓄热器止回阀\H41H-40\DN=150,PN=40,,法兰</t>
  </si>
  <si>
    <t>【哈电锅炉】蓄热器止回阀\H41H-40\DN=200,PN=40,,法兰</t>
  </si>
  <si>
    <t>【哈电锅炉】蓄热器止回阀\H41H-40\DN=250,PN=40,,法兰</t>
  </si>
  <si>
    <t>【哈电锅炉】蓄热器止回阀\H41H-64\DN=80,PN=64,,法兰</t>
  </si>
  <si>
    <t>【哈电锅炉】蓄热器止回阀\H41H-64\DN=100,PN=64,,法兰</t>
  </si>
  <si>
    <t>【哈电锅炉】蓄热器止回阀\H41H-64\DN=150,PN=64,,法兰</t>
  </si>
  <si>
    <t>【哈电锅炉】蓄热器止回阀\H41H-64\DN=200,PN=64,,法兰</t>
  </si>
  <si>
    <t>【哈电锅炉】蓄热器止回阀\H41H-64\DN=250,PN=64,,法兰</t>
  </si>
  <si>
    <t>【哈电锅炉】抽汽逆止阀\KGH664Y-64C\DN=100,PN=64,气动方式,焊接</t>
  </si>
  <si>
    <t>【哈电锅炉】抽汽逆止阀\KGH664Y-100C\DN=100,PN=100,气动方式,焊接</t>
  </si>
  <si>
    <t>【哈电锅炉】抽汽逆止阀\KGH664Y-40C\DN=150,PN=40,气动方式,焊接</t>
  </si>
  <si>
    <t>【哈电锅炉】抽汽逆止阀\KGH764Y-64C\DN=150,PN=64,液动方式,焊接</t>
  </si>
  <si>
    <t>【哈电锅炉】抽汽逆止阀\KGH664Y-64C(右装)\DN=175,PN=64,气动方式,焊接</t>
  </si>
  <si>
    <t>【哈电锅炉】抽汽逆止阀\KGH764Y-40C(左装)\DN=175,PN=40,液动方式,焊接</t>
  </si>
  <si>
    <t>【哈电锅炉】抽汽逆止阀\KGH664Y-64C\DN=175,PN=64,气动方式,焊接</t>
  </si>
  <si>
    <t>【哈电锅炉】抽汽逆止阀\KGH764Y-64C\DN=200,PN=64,液动方式,焊接</t>
  </si>
  <si>
    <t>【哈电锅炉】抽汽逆止阀\KGH664Y-40C\DN=200,PN=40,气动方式,焊接</t>
  </si>
  <si>
    <t>【哈电锅炉】抽汽逆止阀\KGH664Y-2000SPL\DN=200,PN=2000SPL,气动方式,焊接</t>
  </si>
  <si>
    <t>【哈电锅炉】抽汽逆止阀\KGH664Y-64C\DN=200,PN=64,气动方式,焊接</t>
  </si>
  <si>
    <t>【哈电锅炉】抽汽逆止阀\KGH664Y-16C\DN=225,PN=16,气动方式,焊接</t>
  </si>
  <si>
    <t>【哈电锅炉】抽汽逆止阀\KGH664Y-16C\DN=250,PN=16,气动方式,焊接</t>
  </si>
  <si>
    <t>【哈电锅炉】抽汽逆止阀\KGH664Y-25C\DN=250,PN=25,气动方式,焊接</t>
  </si>
  <si>
    <t>【哈电锅炉】抽汽逆止阀\KGH664Y-100I\DN=250,PN=100,气动方式,焊接</t>
  </si>
  <si>
    <t>【哈电锅炉】抽汽逆止阀\H64Y-100I\DN=250,PN=100,,焊接</t>
  </si>
  <si>
    <t>【哈电锅炉】抽汽逆止阀\KGH664Y-16C\DN=300,PN=16,气动方式,焊接</t>
  </si>
  <si>
    <t>【哈电锅炉】抽汽逆止阀\KGH644Y-64C\DN=300,PN=64,气动方式,法兰</t>
  </si>
  <si>
    <t>【哈电锅炉】抽汽逆止阀\KGH664Y-16V\DN=300,PN=16,气动方式,焊接</t>
  </si>
  <si>
    <t>【哈电锅炉】抽汽逆止阀\KGH664Y-64C\DN=300,PN=64,气动方式,焊接</t>
  </si>
  <si>
    <t>【哈电锅炉】抽汽逆止阀\H64Y-64C\DN=300,PN=16,,焊接</t>
  </si>
  <si>
    <t>【哈电锅炉】抽汽逆止阀\KGH664Y-16C\DN=350,PN=16,气动方式,焊接</t>
  </si>
  <si>
    <t>【哈电锅炉】抽汽逆止阀\KGH664Y-40I\DN=350,PN=40,气动方式,焊接</t>
  </si>
  <si>
    <t>【哈电锅炉】抽汽逆止阀\H64Y-40I\DN=350,PN=40,,焊接</t>
  </si>
  <si>
    <t>【哈电锅炉】抽汽逆止阀\KGH764Y-64I\DN=350,PN=64,液动方式,焊接</t>
  </si>
  <si>
    <t>【哈电锅炉】抽汽逆止阀\KGH664Y-25C\DN=350,PN=25,气动方式,焊接</t>
  </si>
  <si>
    <t>【哈电锅炉】抽汽逆止阀\KGH664Y-16I\DN=400,PN=16,气动方式,焊接</t>
  </si>
  <si>
    <t>【哈电锅炉】抽汽逆止阀\KGH764Y-25C\DN=400,PN=25,液动方式,焊接</t>
  </si>
  <si>
    <t>【哈电锅炉】抽汽逆止阀\KGH644Y-25V\DN=400,PN=25,气动方式,法兰</t>
  </si>
  <si>
    <t>【哈电锅炉】抽汽逆止阀\KGH664Y-40C\DN=400,PN=40,气动方式,焊接</t>
  </si>
  <si>
    <t>【哈电锅炉】抽汽逆止阀\KGH664Y-100I\DN=400,PN=100,气动方式,焊接</t>
  </si>
  <si>
    <t>【哈电锅炉】抽汽逆止阀\H64Y-40C\DN=450,PN=40,,焊接</t>
  </si>
  <si>
    <t>【哈电锅炉】抽汽逆止阀\KGH764Y-40C\DN=500,PN=40,液动方式,焊接</t>
  </si>
  <si>
    <t>【哈电锅炉】抽汽逆止阀\H64Y-40C\DN=500,PN=40,,焊接</t>
  </si>
  <si>
    <t>【哈电锅炉】抽汽逆止阀\KGH664Y-16C\DN=550,PN=16,气动方式,焊接</t>
  </si>
  <si>
    <t>【哈电锅炉】抽汽逆止阀\KGH644Y-25C\DN=600,PN=25,气动方式,法兰</t>
  </si>
  <si>
    <t>【哈电锅炉】抽汽逆止阀\KgH664Y-25C\DN=600,PN=25,气动方式,焊接</t>
  </si>
  <si>
    <t>【哈电锅炉】抽汽逆止阀\KGH764Y-25C\DN=600,PN=25,液动方式,焊接</t>
  </si>
  <si>
    <t>【哈电锅炉】抽汽逆止阀\KGH664Y-16C\DN=650,PN=16,气动方式,焊接</t>
  </si>
  <si>
    <t>【哈电锅炉】抽汽逆止阀\KGH664Y-40C\DN=650,PN=40,气动方式,焊接</t>
  </si>
  <si>
    <t>【哈电锅炉】抽汽逆止阀\KGH644Y-64C\DN=700,PN=64,气动方式,法兰</t>
  </si>
  <si>
    <t>【哈电锅炉】抽汽逆止阀\KGH744Y-16C\DN=900,PN=16,液动方式,法兰</t>
  </si>
  <si>
    <t>【哈电锅炉】抽汽逆止阀\KGH664Y-16C\DN=1000,PN=16,气动方式,焊接</t>
  </si>
  <si>
    <t>【哈电锅炉】抽汽逆止阀\KGH664Y-64C\DN=1100,PN=64,气动方式,焊接</t>
  </si>
  <si>
    <t>【哈电锅炉】抽汽逆止阀\KGH664Y-16C （右装）\DN=1200,PN=16,气动方式,焊接</t>
  </si>
  <si>
    <t>【哈电锅炉】抽汽逆止阀\KGH664Y-16C （左装）\DN=1200,PN=16,气动方式,焊接</t>
  </si>
  <si>
    <t>【哈电锅炉】电动装置\ZB5\DC4-20mAmA,开关型,手自动切换机构,多回转,380V,ExdⅡBT4 IP54,50Nm</t>
  </si>
  <si>
    <t>【哈电锅炉】电动装置\ZB15\DC4-20mAmA,开关型,手自动切换机构,多回转,380V,ExdⅡBT4 IP54,150Nm</t>
  </si>
  <si>
    <t>【哈电锅炉】电动装置\ZB30\DC4-20mAmA,开关型,手自动切换机构,多回转,380V,ExdⅡBT4 IP54,300Nm</t>
  </si>
  <si>
    <t>【哈电锅炉】电动装置\ZC45\DC4-20mAmA,开关型,手自动切换机构,多回转,380V,ExdⅡBT4 IP54,450Nm</t>
  </si>
  <si>
    <t>【哈电锅炉】电动装置\ZC60\DC4-20mAmA,开关型,手自动切换机构,多回转,380V,ExdⅡBT4 IP54,600Nm</t>
  </si>
  <si>
    <t>【哈电锅炉】电动装置\ZC90\DC4-20mAmA,开关型,手自动切换机构,多回转,380V,ExdⅡBT4 IP54,900Nm</t>
  </si>
  <si>
    <t>【哈电锅炉】电动装置\ZC120\DC4-20mAmA,开关型,手自动切换机构,多回转,380V,ExdⅡBT4 IP54,1200Nm</t>
  </si>
  <si>
    <t>【哈电锅炉】电动装置\ZC180\DC4-20mAmA,开关型,手自动切换机构,多回转,380V,ExdⅡBT4 IP54,1800Nm</t>
  </si>
  <si>
    <t>【哈电锅炉】电动装置\ZC250\DC4-20mAmA,开关型,手自动切换机构,多回转,380V,ExdⅡBT4 IP54,2500Nm</t>
  </si>
  <si>
    <t>【哈电锅炉】电动装置\ZC350\DC4-20mAmA,开关型,手自动切换机构,多回转,380V,ExdⅡBT4 IP54,3500Nm</t>
  </si>
  <si>
    <t>【哈电锅炉】电动装置\ZC500\DC4-20mAmA,开关型,手自动切换机构,多回转,380V,ExdⅡBT4 IP54,5000Nm</t>
  </si>
  <si>
    <t>【哈电锅炉】电动装置\ZC800\DC4-20mAmA,开关型,手自动切换机构,多回转,380V,ExdⅡBT4 IP54,8000Nm</t>
  </si>
  <si>
    <t>【哈电锅炉】电动装置\ZC1000\DC4-20mAmA,开关型,手自动切换机构,多回转,380V,ExdⅡBT4 IP54,10000Nm</t>
  </si>
  <si>
    <t>【哈电锅炉】电动装置\SND-Z5I-18S\DC4-20mAmA,开关型,手自动切换机构,多回转,380V,ExdⅡBT4 IP54,50Nm</t>
  </si>
  <si>
    <t>【哈电锅炉】电动装置\SND-Z15I-18S\DC4-20mAmA,开关型,手自动切换机构,多回转,380V,ExdⅡBT4 IP54,150Nm</t>
  </si>
  <si>
    <t>【哈电锅炉】电动装置\SND-Z30I-18S\DC4-20mAmA,开关型,手自动切换机构,多回转,380V,ExdⅡBT4 IP54,300Nm</t>
  </si>
  <si>
    <t>【哈电锅炉】电动装置\SND-Z45I-18S\DC4-20mAmA,开关型,手自动切换机构,多回转,380V,ExdⅡBT4 IP54,450Nm</t>
  </si>
  <si>
    <t>【哈电锅炉】电动装置\SND-Z60I-18S\DC4-20mAmA,开关型,手自动切换机构,多回转,380V,ExdⅡBT4 IP54,600Nm</t>
  </si>
  <si>
    <t>【哈电锅炉】电动装置\SND-Z90I-18S\DC4-20mAmA,开关型,手自动切换机构,多回转,380V,ExdⅡBT4 IP54,900Nm</t>
  </si>
  <si>
    <t>【哈电锅炉】电动装置\SND-Z120I-18S\DC4-20mAmA,开关型,手自动切换机构,多回转,380V,ExdⅡBT4 IP54,1200Nm</t>
  </si>
  <si>
    <t>【哈电锅炉】电动装置\SND-Z180I-18S\DC4-20mAmA,开关型,手自动切换机构,多回转,380V,ExdⅡBT4 IP54,1800Nm</t>
  </si>
  <si>
    <t>【哈电锅炉】电动装置\SND-Z250I-18S\DC4-20mAmA,开关型,手自动切换机构,多回转,380V,ExdⅡBT4 IP54,2500Nm</t>
  </si>
  <si>
    <t>【哈电锅炉】电动装置\SND-Z500I-18S\DC4-20mAmA,开关型,手自动切换机构,多回转,380V,ExdⅡBT4 IP54,5000Nm</t>
  </si>
  <si>
    <t>【哈电锅炉】电动装置\SND-Z800I-18S\DC4-20mAmA,开关型,手自动切换机构,多回转,380V,ExdⅡBT4 IP54,8000Nm</t>
  </si>
  <si>
    <t>【哈电锅炉】电动装置\SZ40\DC4-20mAmA,开关型,手轮机构,多回转,-V,ExdⅡBT4 IP54,150-300Nm</t>
  </si>
  <si>
    <t>【哈电锅炉】电动装置\SZ75\DC4-20mAmA,开关型,手轮机构,多回转,-V,ExdⅡBT4 IP54,450-600Nm</t>
  </si>
  <si>
    <t>【哈电锅炉】电动装置\SZ150\DC4-20mAmA,开关型,手轮机构,多回转,-V,ExdⅡBT4 IP54,900-1200Nm</t>
  </si>
  <si>
    <t>【哈电锅炉】电动装置\SZ300\DC4-20mAmA,开关型,手轮机构,多回转,-V,ExdⅡBT4 IP54,1800-2500Nm</t>
  </si>
  <si>
    <t>【哈电锅炉】电动装置\SZ600\DC4-20mAmA,开关型,手轮机构,多回转,-V,ExdⅡBT4 IP54,3500-5000Nm</t>
  </si>
  <si>
    <t>【哈电锅炉】电动装置\DZW10\DC4-20mAmA,开关型,手自动切换机构,多回转,380V,ExdⅡBT4 IP54,100Nm</t>
  </si>
  <si>
    <t>【哈电锅炉】电动装置\DZW15\DC4-20mAmA,开关型,手自动切换机构,多回转,380V,ExdⅡBT4 IP54,150Nm</t>
  </si>
  <si>
    <t>【哈电锅炉】电动装置\DZW30\DC4-20mAmA,开关型,手自动切换机构,多回转,380V,ExdⅡBT4 IP54,300Nm</t>
  </si>
  <si>
    <t>【哈电锅炉】电动装置\DZW45\DC4-20mAmA,开关型,手自动切换机构,多回转,380V,ExdⅡBT4 IP54,450Nm</t>
  </si>
  <si>
    <t>【哈电锅炉】电动装置\DZW60\DC4-20mAmA,开关型,手自动切换机构,多回转,380V,ExdⅡBT4 IP54,600Nm</t>
  </si>
  <si>
    <t>【哈电锅炉】电动装置\DZW90\DC4-20mAmA,开关型,手自动切换机构,多回转,380V,ExdⅡBT4 IP54,900Nm</t>
  </si>
  <si>
    <t>【哈电锅炉】电动装置\DZW120\DC4-20mAmA,开关型,手自动切换机构,多回转,380V,ExdⅡBT4 IP54,1200Nm</t>
  </si>
  <si>
    <t>【哈电锅炉】电动装置\DZW180\DC4-20mAmA,开关型,手自动切换机构,多回转,380V,ExdⅡBT4 IP54,1800Nm</t>
  </si>
  <si>
    <t>【哈电锅炉】电动装置\DZW250\DC4-20mAmA,开关型,手自动切换机构,多回转,380V,ExdⅡBT4 IP54,2500Nm</t>
  </si>
  <si>
    <t>【哈电锅炉】电动装置\DZW350\DC4-20mAmA,开关型,手自动切换机构,多回转,380V,ExdⅡBT4 IP54,3500Nm</t>
  </si>
  <si>
    <t>【哈电锅炉】电动装置\DZW500\DC4-20mAmA,开关型,手自动切换机构,多回转,380V,ExdⅡBT4 IP54,5000Nm</t>
  </si>
  <si>
    <t>【哈电锅炉】电动装置\DZW800\DC4-20mAmA,开关型,手自动切换机构,多回转,380V,ExdⅡBT4 IP54,8000Nm</t>
  </si>
  <si>
    <t>【哈电锅炉】电动装置\DZW1000\DC4-20mAmA,开关型,手自动切换机构,多回转,380V,ExdⅡBT4 IP54,10000Nm</t>
  </si>
  <si>
    <t>【哈电锅炉】电动装置\2SA3010+LK\DC4-20mAmA,开关型,手自动切换机构,多回转,380V,ExdⅡBT4 IP54,10-30Nm</t>
  </si>
  <si>
    <t>【哈电锅炉】电动装置\2SA3012+LK\DC4-20mAmA,开关型,手自动切换机构,多回转,380V,ExdⅡBT4 IP54,20-60Nm</t>
  </si>
  <si>
    <t>【哈电锅炉】电动装置\2SA3021+LK\DC4-20mAmA,开关型,手自动切换机构,多回转,380V,ExdⅡBT4 IP54,150Nm</t>
  </si>
  <si>
    <t>【哈电锅炉】电动装置\2SA3022+LK+Y01\DC4-20mAmA,开关型,手自动切换机构,多回转,380V,ExdⅡBT4 IP54,300Nm</t>
  </si>
  <si>
    <t>【哈电锅炉】电动装置\2SA3031+LK\DC4-20mAmA,开关型,手自动切换机构,多回转,380V,ExdⅡBT4 IP54,450-600Nm</t>
  </si>
  <si>
    <t>【哈电锅炉】电动装置\2SA3032+LK\DC4-20mAmA,开关型,手自动切换机构,多回转,380V,ExdⅡBT4 IP54,900-1200Nm</t>
  </si>
  <si>
    <t>【哈电锅炉】电动装置\2SA3041+LK\DC4-20mAmA,开关型,手自动切换机构,多回转,380V,ExdⅡBT4 IP54,1800Nm</t>
  </si>
  <si>
    <t>【哈电锅炉】电动装置\2SA3042+LK\DC4-20mAmA,开关型,手自动切换机构,多回转,380V,ExdⅡBT4 IP54,2500-5000Nm</t>
  </si>
  <si>
    <t>【哈电锅炉】电动装置\2SA3041+LK+JW462\DC4-20mAmA,开关型,手自动切换机构,多回转,380V,ExdⅡBT4 IP54,8000Nm</t>
  </si>
  <si>
    <t>【哈电锅炉】电动装置\DY-J31\DC4-20mAmA,调节型,无,角行程,380V,ExdⅡBT4 IP54,25000Nm</t>
  </si>
  <si>
    <t>【哈电锅炉】电动装置\DKZ-5400D\DC4-20mAmA,调节型,无,直行程,380V,ExdⅡBT4 IP54,6400Nm</t>
  </si>
  <si>
    <t>【哈电锅炉】电动装置\DKZ-5600D\DC4-20mAmA,调节型,无,直行程,380V,ExdⅡBT4 IP54,10000Nm</t>
  </si>
  <si>
    <t>【哈电锅炉】电动装置\A+Z64/K.F\DC4-20mAmA,调节型,无,直行程,380V,ExdⅡBT4 IP54,6400Nm</t>
  </si>
  <si>
    <t>【哈电锅炉】电动装置\A+Z160/K.F\DC4-20mAmA,调节型,无,直行程,380V,ExdⅡBT4 IP54,16000Nm</t>
  </si>
  <si>
    <t>【哈电锅炉】电动装置\B+Z250/K.F\DC4-20mAmA,调节型,无,直行程,380V,ExdⅡBT4 IP54,25000Nm</t>
  </si>
  <si>
    <t>【哈电锅炉】电动装置\DKZ-420\DC4-20mAmA,调节型,无,直行程,380V,ExdⅡBT4 IP54,4000Nm</t>
  </si>
  <si>
    <t>【哈电锅炉】电动装置\DKZ-430\DC4-20mAmA,调节型,无,直行程,380V,ExdⅡBT4 IP54,4000Nm</t>
  </si>
  <si>
    <t>【哈电锅炉】电动装置\DKZ-520\DC4-20mAmA,调节型,无,直行程,380V,ExdⅡBT4 IP54,6400Nm</t>
  </si>
  <si>
    <t>【哈电锅炉】电动装置\DKZ-550\DC4-20mAmA,调节型,无,直行程,380V,ExdⅡBT4 IP54,6400Nm</t>
  </si>
  <si>
    <t>【哈电锅炉】电动装置\DKZ-560\DC4-20mAmA,调节型,无,直行程,380V,ExdⅡBT4 IP54,16000Nm</t>
  </si>
  <si>
    <t>【哈电锅炉】电动装置\DKZ-660\DC4-20mAmA,调节型,无,直行程,380V,ExdⅡBT4 IP54,16000Nm</t>
  </si>
  <si>
    <t>【哈电锅炉】电动装置\SND-ZTZ4000\DC4-20mAmA,调节型,无,直行程,380V,ExdⅡBT4 IP54,4000Nm</t>
  </si>
  <si>
    <t>【哈电锅炉】电动装置\SND-ZTZ6300\DC4-20mAmA,调节型,无,直行程,380V,ExdⅡBT4 IP54,6300Nm</t>
  </si>
  <si>
    <t>【哈电锅炉】电动装置\SND-ZTZ10000\DC4-20mAmA,调节型,无,直行程,380V,ExdⅡBT4 IP54,10000Nm</t>
  </si>
  <si>
    <t>【哈电锅炉】电动装置\SND-ZTZ16000\DC4-20mAmA,调节型,无,直行程,380V,ExdⅡBT4 IP54,16000Nm</t>
  </si>
  <si>
    <t>【哈电锅炉】电动装置\SND-ZTZ25000\DC4-20mAmA,调节型,无,直行程,380V,ExdⅡBT4 IP54,25000Nm</t>
  </si>
  <si>
    <t>【哈电锅炉】电动装置\A+Z100/K.F\DC4-20mAmA,调节型,无,直行程,380V,ExdⅡBT4 IP54,10000Nm</t>
  </si>
  <si>
    <t>【哈电锅炉】安全阀控制器\CAK-1,交流一控一\4-20mA,4-20mA,比例,ExdⅡBT4 IP54,4-20mA,AC380V</t>
  </si>
  <si>
    <t>【哈电锅炉】安全阀控制器\CAK-1,交流一控二\4-20mA,4-20mA,比例,ExdⅡBT4 IP54,4-20mA,AC380V</t>
  </si>
  <si>
    <t>【哈电锅炉】安全阀控制器\CAK-1,交流一控三\4-20mA,4-20mA,比例,ExdⅡBT4 IP54,4-20mA,AC380V</t>
  </si>
  <si>
    <t>【哈电锅炉】安全阀控制器\CAK-1,直流\4-20mA,4-20mA,比例,ExdⅡBT4 IP54,4-20mA,DC220V</t>
  </si>
  <si>
    <t>【哈电锅炉】安全阀控制器\DFK-3\4-20mA,4-20mA,比例,ExdⅡBT4 IP54,4-20mA,DC220V</t>
  </si>
  <si>
    <t>【哈电锅炉】安全阀控制器\DFK-4\4-20mA,4-20mA,比例,ExdⅡBT4 IP54,4-20mA,AC380V</t>
  </si>
  <si>
    <t>【哈电锅炉】安全阀控制器\MZZ6-40SJ\4-20mA,4-20mA,比例,ExdⅡBT4 IP54,4-20mA,AC380V</t>
  </si>
  <si>
    <t>【哈电锅炉】安全阀控制器\MZZ6-40SG\4-20mA,4-20mA,比例,ExdⅡBT4 IP54,4-20mA,AC380V</t>
  </si>
  <si>
    <t>【哈电锅炉】安全阀控制器\MZZ6-60SJ\4-20mA,4-20mA,比例,ExdⅡBT4 IP54,4-20mA,AC380V</t>
  </si>
  <si>
    <t>【哈电锅炉】安全阀控制器\MZZ6-60SG\4-20mA,4-20mA,比例,ExdⅡBT4 IP54,4-20mA,AC380V</t>
  </si>
  <si>
    <t>【哈电锅炉】截止阀\J65Y-3000Lb\DN=10,PN=3000Lb,手动方式,焊接\SA-105</t>
  </si>
  <si>
    <t>【哈电锅炉】截止阀\J65Y-4500Lb\DN=10,PN=4500Lb,手动方式,焊接\SA-182-F91</t>
  </si>
  <si>
    <t>【哈电锅炉】截止阀\J65Y-3000Lb\DN=20,PN=3000Lb,手动方式,焊接\SA-105</t>
  </si>
  <si>
    <t>【哈电锅炉】截止阀\J65Y-3000Lb\DN=20,PN=3000Lb,手动方式,焊接\SA-182-F22</t>
  </si>
  <si>
    <t>【哈电锅炉】截止阀\J65Y-4500Lb\DN=20,PN=4500Lb,手动方式,焊接\SA-105</t>
  </si>
  <si>
    <t>【哈电锅炉】截止阀\J65Y-3000Lb\DN=25,PN=3000Lb,手动方式,焊接\SA-182-F22</t>
  </si>
  <si>
    <t>【哈电锅炉】截止阀\J65Y-3000Lb\DN=25,PN=3000Lb,手动方式,焊接\SA-105</t>
  </si>
  <si>
    <t>【哈电锅炉】截止阀\J65Y-4500Lb\DN=25,PN=4500Lb,手动方式,焊接\SA-105</t>
  </si>
  <si>
    <t>【哈电锅炉】截止阀\J65Y-4500SPL\DN=25,PN=4500SPL,手动方式,焊接\SA-182-F22</t>
  </si>
  <si>
    <t>【哈电锅炉】截止阀\J65Y-4500SPL\DN=25,PN=4500SPL,手动方式,焊接\SA-182-F91</t>
  </si>
  <si>
    <t>【哈电锅炉】截止阀\J65Y-4500SPL\DN=25,PN=4500SPL,手动方式,焊接\SA-182-F92</t>
  </si>
  <si>
    <t>【哈电锅炉】截止阀\J65Y-4500SPL\DN=25,PN=4500SPL,手动方式,焊接\SA-182-F316H</t>
  </si>
  <si>
    <t>【哈电锅炉】截止阀\J65Y-3000Lb\DN=32,PN=3000Lb,手动方式,焊接\SA-182-F22</t>
  </si>
  <si>
    <t>【哈电锅炉】截止阀\J65Y-3000Lb\DN=32,PN=3000Lb,手动方式,焊接\SA-105</t>
  </si>
  <si>
    <t>【哈电锅炉】截止阀\J65Y-4500SPL\DN=32,PN=4500Lb,手动方式,焊接\SA-182-F91</t>
  </si>
  <si>
    <t>【哈电锅炉】截止阀\J65Y-3000Lb\DN=40,PN=3000Lb,手动方式,焊接\SA-182-F22</t>
  </si>
  <si>
    <t>【哈电锅炉】截止阀\J65Y-3000Lb\DN=40,PN=3000Lb,手动方式,焊接\SA-105</t>
  </si>
  <si>
    <t>【哈电锅炉】截止阀\J65Y-4500Lb\DN=40,PN=4500Lb,手动方式,焊接\SA-182-F91</t>
  </si>
  <si>
    <t>【哈电锅炉】截止阀\J65Y-4500Lb\DN=40,PN=4500Lb,手动方式,焊接\SA-182-F22</t>
  </si>
  <si>
    <t>【哈电锅炉】截止阀\J65Y-3000Lb\DN=50,PN=3000Lb,手动方式,焊接\SA-182-F22</t>
  </si>
  <si>
    <t>【哈电锅炉】截止阀\J65Y-3000Lb\DN=50,PN=3000Lb,手动方式,焊接\SA-105</t>
  </si>
  <si>
    <t>【哈电锅炉】截止阀\J65Y-4500Lb\DN=2",PN=4500Lb,手动方式,焊接\SA-182-F22</t>
  </si>
  <si>
    <t>【哈电锅炉】截止阀\J65Y-4500Lb\DN=2",PN=4500Lb,手动方式,焊接\SA-105</t>
  </si>
  <si>
    <t>【哈电锅炉】截止阀\J65Y-4500Lb\DN=50,PN=4500Lb,手动方式,焊接\SA-182-F91</t>
  </si>
  <si>
    <t>【哈电锅炉】截止阀\J65Y-3000Lb\DN=65,PN=3000Lb,手动方式,焊接\SA-105</t>
  </si>
  <si>
    <t>【哈电锅炉】截止阀\J65Y-3000Lb\DN=65,PN=3000Lb,手动方式,焊接\SA-182-F22</t>
  </si>
  <si>
    <t>【哈电锅炉】截止阀\J561Y-2800Lb\DN=80,PN=2800Lb,齿轮传动,焊接\WCB</t>
  </si>
  <si>
    <t>【哈电锅炉】截止阀\J65Y-4500Lb\DN=80,PN=4500Lb,手动方式,焊接\SA-182-F22</t>
  </si>
  <si>
    <t>【哈电锅炉】截止阀\J61Y-1500Lb\DN=100,PN=1500Lb,手动方式,焊接\WC9</t>
  </si>
  <si>
    <t>【哈电锅炉】截止阀\J561Y-2500Lb\DN=100,PN=2500Lb,齿轮传动,焊接\WCB</t>
  </si>
  <si>
    <t>【哈电锅炉】截止阀\J561Y-3000Lb\DN=100,PN=3000Lb,齿轮传动,焊接\SA-182-F22</t>
  </si>
  <si>
    <t>【哈电锅炉】截止阀\J561Y-2500Lb\DN=125,PN=2500Lb,齿轮传动,焊接\SA-105</t>
  </si>
  <si>
    <t>【哈电锅炉】截止阀\J561Y-2500Lb\DN=125,PN=2500Lb,齿轮传动,焊接\WCB</t>
  </si>
  <si>
    <t>【哈电锅炉】截止阀\J561Y-3050Lb\DN=125,PN=3050Lb,齿轮传动,焊接\WC9</t>
  </si>
  <si>
    <t>【哈电锅炉】截止阀\J561Y-3500SPL\DN=150,PN=3500SPL,齿轮传动,焊接\F91</t>
  </si>
  <si>
    <t>【哈电锅炉】截止阀\KJ965Y-3000Lb\DN=25,PN=3000Lb,电动方式,焊接\SA-105</t>
  </si>
  <si>
    <t>【哈电锅炉】截止阀\KJ965Y-3000Lb\DN=25,PN=3000Lb,电动方式,焊接\SA-182-F91</t>
  </si>
  <si>
    <t>【哈电锅炉】截止阀\KJ965Y-3000Lb\DN=25,PN=3000Lb,电动方式,焊接\SA-182-F22</t>
  </si>
  <si>
    <t>【哈电锅炉】截止阀\KJ965Y-3000Lb\DN=32,PN=3000Lb,电动方式,焊接\SA-105</t>
  </si>
  <si>
    <t>【哈电锅炉】截止阀\KJ965Y-3000Lb\DN=32,PN=3000Lb,电动方式,焊接\SA-182-F22</t>
  </si>
  <si>
    <t>【哈电锅炉】截止阀\KJ965Y-3000Lb\DN=40,PN=3000Lb,电动方式,焊接\SA-182-F22</t>
  </si>
  <si>
    <t>【哈电锅炉】截止阀\KJ965Y-4500Lb\DN=40,PN=4500Lb,电动方式,焊接\SA-182-F22</t>
  </si>
  <si>
    <t>【哈电锅炉】截止阀\KJ965Y-4500Lb\DN=40,PN=4500Lb,电动方式,焊接\SA-182-F91</t>
  </si>
  <si>
    <t>【哈电锅炉】截止阀\KJ965Y-4500Lb\DN=40,PN=4500Lb,电动方式,焊接\SA-105</t>
  </si>
  <si>
    <t>【哈电锅炉】截止阀\KJ965Y-3000Lb\DN=50,PN=3000Lb,电动方式,焊接\SA-182-F22</t>
  </si>
  <si>
    <t>【哈电锅炉】截止阀\KJ965Y-3000Lb\DN=50,PN=3000Lb,电动方式,焊接\SA-105</t>
  </si>
  <si>
    <t>【哈电锅炉】截止阀\KJ965Y-3000Lb\DN=65,PN=3000Lb,电动方式,焊接\SA-105</t>
  </si>
  <si>
    <t>【哈电锅炉】截止阀\KJ965Y-3000Lb\DN=65,PN=3000Lb,电动方式,焊接\SA-182-F22</t>
  </si>
  <si>
    <t>【哈电锅炉】截止阀\KJ965Y-3000Lb\DN=80,PN=3000Lb,电动方式,焊接\SA-182-F22</t>
  </si>
  <si>
    <t>【哈电锅炉】截止阀\KJ965Y-3000Lb\DN=80,PN=3000Lb,电动方式,焊接\SA-105</t>
  </si>
  <si>
    <t>【哈电锅炉】截止阀\KJ961Y-2500Lb\DN=125,PN=2500Lb,电动方式,焊接\SA-182-F91</t>
  </si>
  <si>
    <t>【哈电锅炉】截止阀\KJ961Y-2500Lb\DN=6",PN=2500Lb,电动方式,焊接\SA-105</t>
  </si>
  <si>
    <t>【哈电锅炉】截止阀\KJ65Y-3000Lb\DN=25,PN=3000Lb,手动方式,焊接\SA-105</t>
  </si>
  <si>
    <t>【哈电锅炉】截止阀\KJ65Y-3000Lb\DN=25,PN=3000Lb,手动方式,焊接\SA-182-F91</t>
  </si>
  <si>
    <t>【哈电锅炉】截止阀\KJ65Y-3000Lb\DN=25,PN=3000Lb,手动方式,焊接\SA-182-F22</t>
  </si>
  <si>
    <t>【哈电锅炉】截止阀\KJ65Y-4500Lb\DN=25,PN=4500Lb,手动方式,焊接\SA-182-F92</t>
  </si>
  <si>
    <t>【哈电锅炉】截止阀\KJ65Y-4500Lb\DN=25,PN=4500Lb,手动方式,焊接\SA-182-F22</t>
  </si>
  <si>
    <t>【哈电锅炉】截止阀\KJ65Y-3000Lb\DN=32,PN=3000Lb,手动方式,焊接\SA-182-F22</t>
  </si>
  <si>
    <t>【哈电锅炉】截止阀\KJ65Y-3000Lb\DN=32,PN=3000Lb,手动方式,焊接\SA-105</t>
  </si>
  <si>
    <t>【哈电锅炉】截止阀\KJ65Y-3000Lb\DN=40,PN=3000Lb,手动方式,焊接\SA-105</t>
  </si>
  <si>
    <t>【哈电锅炉】截止阀\KJ65Y-3000Lb\DN=40,PN=3000Lb,手动方式,焊接\SA-182-F22</t>
  </si>
  <si>
    <t>【哈电锅炉】截止阀\KJ65Y-4500Lb\DN=40,PN=4500Lb,手动方式,焊接\SA-182-F91</t>
  </si>
  <si>
    <t>【哈电锅炉】截止阀\KJ65Y-4500Lb\DN=40,PN=4500Lb,手动方式,焊接\SA-105</t>
  </si>
  <si>
    <t>【哈电锅炉】截止阀\KJ65Y-3000Lb\DN=50,PN=3000Lb,手动方式,焊接\SA-182-F22</t>
  </si>
  <si>
    <t>【哈电锅炉】截止阀\KJ65Y-3000Lb\DN=50,PN=3000Lb,手动方式,焊接\SA-105</t>
  </si>
  <si>
    <t>【哈电锅炉】截止阀\KJ65Y-4500Lb\DN=50,PN=4500Lb,手动方式,焊接\SA-182-F91</t>
  </si>
  <si>
    <t>【哈电锅炉】截止阀\KJ65Y-3000Lb\DN=65,PN=3000Lb,手动方式,焊接\SA-105</t>
  </si>
  <si>
    <t>【哈电锅炉】截止阀\KJ65Y-3000Lb\DN=65,PN=3000Lb,手动方式,焊接\SA-182-F22</t>
  </si>
  <si>
    <t>【哈电锅炉】截止阀\KJ65Y-4500Lb\DN=65,PN=4500Lb,手动方式,焊接\SA-105</t>
  </si>
  <si>
    <t>【哈电锅炉】截止阀\KJ65Y-3000Lb\DN=80,PN=3000Lb,手动方式,焊接\SA-105</t>
  </si>
  <si>
    <t>【哈电锅炉】截止阀\KJ65Y-3000Lb\DN=80,PN=3000Lb,手动方式,焊接\SA-182-F22</t>
  </si>
  <si>
    <t>【哈电锅炉】止回阀\H67Y-3000Lb\DN=20,PN=3000Lb,,焊接</t>
  </si>
  <si>
    <t>【哈电锅炉】止回阀\H41Y-1500Lb\DN=25,PN=1500Lb,,法兰</t>
  </si>
  <si>
    <t>【哈电锅炉】止回阀\H67Y-3000Lb\DN=25,PN=3000Lb,,焊接</t>
  </si>
  <si>
    <t>【哈电锅炉】止回阀\H67Y-4500Lb\DN=25,PN=4500Lb,,焊接</t>
  </si>
  <si>
    <t>【哈电锅炉】止回阀\H67Y-4500Lb\DN=25,PN=3000Lb,,焊接</t>
  </si>
  <si>
    <t>【哈电锅炉】止回阀\H67Y-3000Lb\DN=32,PN=3000Lb,,焊接</t>
  </si>
  <si>
    <t>【哈电锅炉】止回阀\H67Y-4500Lb\DN=32,PN=4500Lb,,焊接</t>
  </si>
  <si>
    <t>【哈电锅炉】止回阀\H67Y-3000Lb\DN=40,PN=3000Lb,,焊接</t>
  </si>
  <si>
    <t>【哈电锅炉】止回阀\H67Y-4500Lb\DN=40,PN=4500Lb,,焊接</t>
  </si>
  <si>
    <t>【哈电锅炉】止回阀\H67Y-3000Lb\DN=50,PN=3000Lb,,焊接</t>
  </si>
  <si>
    <t>【哈电锅炉】止回阀\H67Y-4500Lb\DN=2",PN=4500Lb,,焊接</t>
  </si>
  <si>
    <t>【哈电锅炉】止回阀\H67Y-3000Lb\DN=65,PN=3000Lb,,焊接</t>
  </si>
  <si>
    <t>【哈电锅炉】止回阀\H64Y-1500Lb\DN=80,PN=1500Lb,,焊接</t>
  </si>
  <si>
    <t>【哈电锅炉】止回阀\H61Y-2800Lb\DN=80,PN=2800Lb,,焊接</t>
  </si>
  <si>
    <t>【哈电锅炉】止回阀\H44Y-1500Lb\DN=4",PN=1500Lb,,焊接</t>
  </si>
  <si>
    <t>【哈电锅炉】止回阀\H64Y-1500Lb\DN=100,PN=1500Lb,,焊接</t>
  </si>
  <si>
    <t>【哈电锅炉】止回阀\H64Y-2500SPL\DN=150,PN=2500SPL,,焊接</t>
  </si>
  <si>
    <t>【哈电锅炉】止回阀\H64Y-3000Lb\DN=150,PN=3000Lb,,焊接</t>
  </si>
  <si>
    <t>【哈电锅炉】止回阀\H64Y-4500Lb\DN=150,PN=4500Lb,,焊接</t>
  </si>
  <si>
    <t>【哈电锅炉】止回阀\H64Y-2000SPL\DN=200,PN=2000SPL,,焊接</t>
  </si>
  <si>
    <t>【哈电锅炉】止回阀\H67Y-2500Lb\DN=200,PN=2500Lb,,焊接</t>
  </si>
  <si>
    <t>【哈电锅炉】止回阀\H67Y-2500Lb\DN=250,PN=2500Lb,,焊接</t>
  </si>
  <si>
    <t>【哈电锅炉】止回阀\H64Y-2680Lb\DN=400,PN=2680Lb,,焊接</t>
  </si>
  <si>
    <t>【哈电锅炉】止回阀\H64Y-2680Lb\DN=600,PN=2680Lb,,焊接</t>
  </si>
  <si>
    <t>【哈电锅炉】止回阀\JH565Y-2500Lb\DN=350,PN=2500Lb,齿轮传动,焊接</t>
  </si>
  <si>
    <t>【哈电锅炉】止回阀\H64Y-420\DN=550,PN=420,,焊接</t>
  </si>
  <si>
    <t>【哈电锅炉】闸阀\Z62Y-2500Lb\DN=65,PN=2500Lb,手动方式,焊接</t>
  </si>
  <si>
    <t>【哈电锅炉】闸阀\Z61Y-4500SPL\DN=65,PN=4500SPL,手动方式,焊接</t>
  </si>
  <si>
    <t>【哈电锅炉】闸阀\Z62Y-2500Lb\DN=80,PN=2500Lb,手动方式,焊接</t>
  </si>
  <si>
    <t>【哈电锅炉】闸阀\Z62Y-2500Lb\DN=100,PN=2500Lb,手动方式,焊接</t>
  </si>
  <si>
    <t>【哈电锅炉】电动闸阀\Z962Y-2500Lb\DN=100,PN=2500Lb,电动方式,焊接</t>
  </si>
  <si>
    <t>【哈电锅炉】闸阀\Z560Y-2500Lb\DN=5",PN=2500Lb,齿轮传动,焊接</t>
  </si>
  <si>
    <t>【哈电锅炉】电动闸阀\Z960Y-1500Lb\DN=6",PN=1500Lb,电动方式,焊接</t>
  </si>
  <si>
    <t>【哈电锅炉】闸阀\Z560Y-1500Lb\DN=6",PN=1500Lb,齿轮传动,焊接</t>
  </si>
  <si>
    <t>【哈电锅炉】闸阀\Z64Y-2500Lb\DN=150,PN=2500Lb,手动方式,焊接</t>
  </si>
  <si>
    <t>【哈电锅炉】闸阀\Z562Y-2500Lb\DN=150,PN=2500Lb,齿轮传动,焊接</t>
  </si>
  <si>
    <t>【哈电锅炉】电动闸阀\Z962Y-2500Lb\DN=150,PN=2500Lb,电动方式,焊接</t>
  </si>
  <si>
    <t>【哈电锅炉】闸阀\Z562Y-2680Lb\DN=150,PN=2680Lb,齿轮传动,焊接</t>
  </si>
  <si>
    <t>【哈电锅炉】电动闸阀\Z962Y-3000Lb\DN=150,PN=3000Lb,电动方式,焊接</t>
  </si>
  <si>
    <t>【哈电锅炉】闸阀\Z562Y-3000Lb\DN=150,PN=3000Lb,齿轮传动,焊接</t>
  </si>
  <si>
    <t>【哈电锅炉】闸阀\Z564Y-3000Lb\DN=150,PN=3000Lb,齿轮传动,焊接</t>
  </si>
  <si>
    <t>【哈电锅炉】电动闸阀\Z964Y-3000Lb\DN=150,PN=3000Lb,电动方式,焊接</t>
  </si>
  <si>
    <t>【哈电锅炉】闸阀\Z564Y-3500SPL\DN=150,PN=3500SPL,齿轮传动,焊接</t>
  </si>
  <si>
    <t>【哈电锅炉】闸阀\Z64Y-4500SPL\DN=150,PN=4500SPL,手动方式,焊接</t>
  </si>
  <si>
    <t>【哈电锅炉】电动闸阀\Z960Y-1500Lb\DN=8',PN=1500Lb,电动方式,焊接</t>
  </si>
  <si>
    <t>【哈电锅炉】电动闸阀\Z960Y-1500Lb\DN=250,PN=1500Lb,电动方式,焊接</t>
  </si>
  <si>
    <t>【哈电锅炉】闸阀\Z562Y-2500Lb\DN=250,PN=2500Lb,齿轮传动,焊接</t>
  </si>
  <si>
    <t>【哈电锅炉】电动闸阀\Z964Y-420\DN=250,PN=420,电动方式,焊接</t>
  </si>
  <si>
    <t>【哈电锅炉】闸阀\Z560Y-Pw55100I\DN=250,PN=100,齿轮传动,焊接</t>
  </si>
  <si>
    <t>【哈电锅炉】电动闸阀\Z960Y-1500Lb\DN=300,PN=1500Lb,电动方式,焊接</t>
  </si>
  <si>
    <t>【哈电锅炉】电动闸阀\Z964Y-2680Lb\DN=300,PN=2680Lb,电动方式,焊接</t>
  </si>
  <si>
    <t>【哈电锅炉】电动闸阀\Z962Y-3000Lb\DN=300,PN=3000Lb,电动方式,焊接</t>
  </si>
  <si>
    <t>【哈电锅炉】电动闸阀\Z962Y-2680Lb\DN=350,PN=2680Lb,电动方式,焊接</t>
  </si>
  <si>
    <t>【哈电锅炉】电动闸阀\Z962Y-2500Lb\DN=350,PN=2500Lb,电动方式,焊接</t>
  </si>
  <si>
    <t>【哈电锅炉】电动闸阀\Z962Y-2500Lb\DN=16",PN=2500Lb,电动方式,焊接</t>
  </si>
  <si>
    <t>【哈电锅炉】电动闸阀\Z964Y-400V\DN=450,PN=400,电动方式,焊接</t>
  </si>
  <si>
    <t>【哈电锅炉】电动闸阀\Z962Y-2680SPL\DN=450,PN=2680SPL,电动方式,焊接</t>
  </si>
  <si>
    <t>【哈电锅炉】电动闸阀\Z964Y-420\DN=500,PN=420,电动方式,焊接</t>
  </si>
  <si>
    <t>【哈电锅炉】全量型安全阀\PAT7432F-3500SPL\DN=75,PN=3500SPL,焊接</t>
  </si>
  <si>
    <t>【哈电锅炉】全量型安全阀\PAT7432F-4500SPL\DN=65,PN=4500SPL,焊接</t>
  </si>
  <si>
    <t>【哈电锅炉】全量型安全阀\PAT748F-900Lb\DN=150,PN=900Lb,焊接</t>
  </si>
  <si>
    <t>【哈电锅炉】全量型安全阀\PAT748F-1500Lb\DN=152,PN=1500Lb,焊接</t>
  </si>
  <si>
    <t>【哈电锅炉】全量型安全阀\PAT-748F-1500Lb\DN=6",PN=1500Lb,焊接</t>
  </si>
  <si>
    <t>【哈电锅炉】电磁泄放阀\PAT7832BF-4500SPL\DN=65,PN=4500SPL,电磁传动,6</t>
  </si>
  <si>
    <t>【哈电锅炉】截止阀\J764Y-450\DN=400,PN=450,液动方式,焊接\WB36</t>
  </si>
  <si>
    <t>【哈电锅炉】出口阀\H761Y-450\DN=400,PN=450,液动方式,焊接</t>
  </si>
  <si>
    <t>【哈电锅炉】截止阀\J764Y-420\DN=350,PN=420,液动方式,焊接\WB36</t>
  </si>
  <si>
    <t>【哈电锅炉】出口阀\H761Y-420\DN=350,PN=420,液动方式,焊接</t>
  </si>
  <si>
    <t>【哈电锅炉】调节阀\T968Y-320\DN=50,PN=320,电动方式,焊接</t>
  </si>
  <si>
    <t>【哈电锅炉】调节阀\T967Y-2680Lb\DN=400,PN=2680Lb,电动方式,焊接</t>
  </si>
  <si>
    <t>【哈电锅炉】水压试验堵阀\SD61H-2960SPL\DN=350,PN=2960SPL,,焊接</t>
  </si>
  <si>
    <t>【哈电锅炉】水压试验堵阀\SD61H-2960SPL\DN=450,PN=2960SPl,,焊接</t>
  </si>
  <si>
    <t>【哈电锅炉】水压试验堵阀\SD61H-370SPL\DN=500,PN=370SPl,,焊接</t>
  </si>
  <si>
    <t>【哈电锅炉】水压试验堵阀\SD61H-350SPL\DN=500,PN=350SPL,,焊接</t>
  </si>
  <si>
    <t>【哈电锅炉】水压试验堵阀\SD61H-370SPL\DN=550,PN=370SPL,,焊接</t>
  </si>
  <si>
    <t>【哈电锅炉】水压试验堵阀\SD61H-630SPL\DN=550,PN=630SPL,,焊接</t>
  </si>
  <si>
    <t>【哈电锅炉】水压试验堵阀\SD61H-1850SPL\DN=550,PN=1850SPL,,焊接</t>
  </si>
  <si>
    <t>【哈电锅炉】水压试验堵阀\SD61H-950SPL\DN=550,PN=950SPl,,焊接</t>
  </si>
  <si>
    <t>【哈电锅炉】水压试验堵阀\SD61H-3070SPL\DN=550,PN=3070SPL,,焊接</t>
  </si>
  <si>
    <t>【哈电锅炉】水压试验堵阀\SD61H-480SPL\DN=600,PN=480SPL,,焊接</t>
  </si>
  <si>
    <t>【哈电锅炉】水压试验堵阀\SD61H-370SPL\DN=600,PN=370SPL,,焊接</t>
  </si>
  <si>
    <t>【哈电锅炉】水压试验堵阀\SD61H-460SPL\DN=650,PN=460SPL,,焊接</t>
  </si>
  <si>
    <t>【哈电锅炉】水压试验堵阀\SD61H-370SPL\DN=650,PN=370SPL,,焊接</t>
  </si>
  <si>
    <t>【哈电锅炉】水压试验堵阀\SD61H-900SPL\DN=650,PN=900SPL,,焊接</t>
  </si>
  <si>
    <t>【哈电锅炉】水压试验堵阀\SD61H-850SPL\DN=650,PN=850SPL,,焊接</t>
  </si>
  <si>
    <t>【哈电锅炉】水压试验堵阀\SD61H-900SPL\DN=700,PN=900SPL,,焊接</t>
  </si>
  <si>
    <t>【哈电锅炉】水压试验堵阀\SD61H-460SPL\DN=700,PN=460SPL,,焊接</t>
  </si>
  <si>
    <t>【哈电锅炉】水压试验堵阀\SD61H-370SPL\DN=700,PN=370SPL,,焊接</t>
  </si>
  <si>
    <t>【哈电锅炉】水压试验堵阀\SD61H-630SPL\DN=700,PN=630SPL,,焊接</t>
  </si>
  <si>
    <t>【哈电锅炉】水压试验堵阀\SD61H-1850SPL\DN=700,PN=1850SPL,,焊接</t>
  </si>
  <si>
    <t>【哈电锅炉】水压试验堵阀\SD61H-750SPL\DN=700,PN=750SPL,,焊接</t>
  </si>
  <si>
    <t>【哈电锅炉】水压试验堵阀\SD61H-850SPL\DN=700,PN=850SPL,,焊接</t>
  </si>
  <si>
    <t>【哈电锅炉】水压试验堵阀\SD61H-1000SPL\DN=700,PN=1000SPL,,焊接</t>
  </si>
  <si>
    <t>【哈电锅炉】水压试验堵阀\SD61H-620SPL\DN=700,PN=620SPL,,焊接</t>
  </si>
  <si>
    <t>【哈电锅炉】水压试验堵阀\SD61H-370SPL\DN=750,PN=370SPL,,焊接</t>
  </si>
  <si>
    <t>【哈电锅炉】水压试验堵阀\SD61H-660SPL\DN=750,PN=660SPL,,焊接</t>
  </si>
  <si>
    <t>【哈电锅炉】水压试验堵阀\SD61H-460SPL\DN=750,PN=460SPL,,焊接</t>
  </si>
  <si>
    <t>【哈电锅炉】水压试验堵阀\SD61H-600SPL\DN=800,PN=600SPL,,焊接</t>
  </si>
  <si>
    <t>【哈电锅炉】水压试验堵阀\SD61H-660SPL\DN=800,PN=660SPL,,焊接</t>
  </si>
  <si>
    <t>【哈电锅炉】水压试验堵阀\SD61H-370SPL\DN=800,PN=370SPL,,焊接</t>
  </si>
  <si>
    <t>【哈电锅炉】水压试验堵阀\SD61H-850SPL\DN=800,PN=850SPL,,焊接</t>
  </si>
  <si>
    <t>【哈电锅炉】水压试验堵阀\SD61H-960SPL\DN=800,PN=960SPL,,焊接</t>
  </si>
  <si>
    <t>【哈电锅炉】水压试验堵阀\SD61H-900SPL\DN=800,PN=900SPL,,焊接</t>
  </si>
  <si>
    <t>【哈电锅炉】水压试验堵阀\SD61H-300SPL\DN=850,PN=300SPL,,焊接</t>
  </si>
  <si>
    <t>【哈电锅炉】水压试验堵阀\SD61H-600SPL\DN=850,PN=600SPL,,焊接</t>
  </si>
  <si>
    <t>【哈电锅炉】水压试验堵阀\SD61H-460SPL\DN=850,PN=460SPL,,焊接</t>
  </si>
  <si>
    <t>【哈电锅炉】水压试验堵阀\SD61H-600SPL\DN=950,PN=600SPl,,焊接</t>
  </si>
  <si>
    <t>【哈电锅炉】水压试验堵阀\SD61H-760SPL\DN=950,PN=760SPL,,焊接</t>
  </si>
  <si>
    <t>【哈电锅炉】泄压阀\A48Y-320\DN=25,PN=320,法兰连接</t>
  </si>
  <si>
    <t>【哈电锅炉】泄压阀\A61Y-480\DN=20,PN=480,焊接</t>
  </si>
  <si>
    <t>【哈电锅炉】泄压阀\A61Y-360\DN=20,PN=360,焊接</t>
  </si>
  <si>
    <t>【哈电锅炉】泄压阀\A61Y-420\DN=20,PN=420,焊接</t>
  </si>
  <si>
    <t>【哈电锅炉】泄压阀\PAT-7418F\DN=25,PN=320,焊接</t>
  </si>
  <si>
    <t>【哈电锅炉】水压试验堵阀螺母\SD61H-2960SPL\25Cr2MoVA</t>
  </si>
  <si>
    <t>【哈电锅炉】水压试验堵阀螺栓\SD61H-2960SPL\20Cr1Mo1V1A</t>
  </si>
  <si>
    <t>【哈电锅炉】水压试验堵阀压紧板\SD61H-2960SPL\20g</t>
  </si>
  <si>
    <t>【哈电锅炉】水压试验堵阀螺母\SD61H-750SPL\D25Cr2MoVA</t>
  </si>
  <si>
    <t>【哈电锅炉】水压试验堵阀螺栓\SD61H-750SPL\20Cr1Mo1V1A</t>
  </si>
  <si>
    <t>【哈电锅炉】水压试验堵阀螺母\SD61H-750SPL\25Cr2MoVA</t>
  </si>
  <si>
    <t>【哈电锅炉】看火孔弯管\YT15-5522-01</t>
  </si>
  <si>
    <t>【哈电锅炉】看火孔弯管\YT15-5522-02</t>
  </si>
  <si>
    <t>【哈电锅炉】斜向观察孔\YT15-5713</t>
  </si>
  <si>
    <t>【哈电锅炉】看火孔弯管\YT15-5710</t>
  </si>
  <si>
    <t>【哈电锅炉】测量孔弯管\YT15-5717</t>
  </si>
  <si>
    <t>【哈电锅炉】测量孔弯管\YT15-5974</t>
  </si>
  <si>
    <t>【哈电锅炉】探针孔弯管\YT15-5802</t>
  </si>
  <si>
    <t>【哈电锅炉】吹灰孔弯管\YT15-5726</t>
  </si>
  <si>
    <t>【哈电锅炉】吹灰孔弯管\YT15-5521</t>
  </si>
  <si>
    <t>【哈电锅炉】吹灰孔弯管\YT15-5798</t>
  </si>
  <si>
    <t>【哈电锅炉】人孔弯管\YT15-5731</t>
  </si>
  <si>
    <t>【哈电锅炉】人孔弯管\YT15-5548</t>
  </si>
  <si>
    <t>【哈电锅炉】人孔弯管\YT15-5806</t>
  </si>
  <si>
    <t>【哈电锅炉】分隔屏管\φ51.0*8\12Cr1MoVG\F002CGD008C261-15</t>
  </si>
  <si>
    <t>【哈电锅炉】分隔屏管\φ44.5*8\12Cr1MoVG\F002CGD008C261-16</t>
  </si>
  <si>
    <t>【哈电锅炉】分隔屏管\φ51.0*8\SA-213T91\F002CGD008C261-17</t>
  </si>
  <si>
    <t>【哈电锅炉】分隔屏管\φ51.0*9\SA-213T91\F002CGD008C261-18</t>
  </si>
  <si>
    <t>【哈电锅炉】分隔屏管\φ44.5*9\SA-213T91\F002CGD008C261-19</t>
  </si>
  <si>
    <t>【哈电锅炉】分隔屏U型管\φ51.0*10\SA-213TP347H\F002CGD008C261-01</t>
  </si>
  <si>
    <t>【哈电锅炉】分隔屏U型管\φ44.5*8\SA-213TP347H\F002CGD008C261-02</t>
  </si>
  <si>
    <t>【哈电锅炉】分隔屏U型管\φ44.5*8\SA-213TP347H\F002CGD008C261-03</t>
  </si>
  <si>
    <t>【哈电锅炉】分隔屏U型管\φ44.5*8\SA-213TP347H\F002CGD008C261-04</t>
  </si>
  <si>
    <t>【哈电锅炉】分隔屏U型管\φ44.5*8\SA-213TP347H\F002CGD008C261-05</t>
  </si>
  <si>
    <t>【哈电锅炉】分隔屏U型管\φ44.5*8\SA-213TP347H\F002CGD008C261-06</t>
  </si>
  <si>
    <t>【哈电锅炉】分隔屏U型管\φ44.5*8\SA-213TP347H\F002CGD008C261-07</t>
  </si>
  <si>
    <t>【哈电锅炉】分隔屏U型管\φ44.5*8\SA-213TP347H\F002CGD008C261-08</t>
  </si>
  <si>
    <t>【哈电锅炉】分隔屏U型管\φ44.5*8\SA-213TP347H\F002CGD008C261-09</t>
  </si>
  <si>
    <t>【哈电锅炉】分隔屏U型管\φ44.5*8\SA-213TP347H\F002CGD008C261-10</t>
  </si>
  <si>
    <t>【哈电锅炉】分隔屏U型管\φ44.5*8\SA-213TP347H\F002CGD008C261-11</t>
  </si>
  <si>
    <t>【哈电锅炉】分隔屏U型管\φ44.5*8\SA-213TP347H\F002CGD008C261-12</t>
  </si>
  <si>
    <t>【哈电锅炉】分隔屏U型管\φ44.5*8\SA-213TP347H\F002CGD008C261-13</t>
  </si>
  <si>
    <t>【哈电锅炉】分隔屏U型管\φ44.5*8\SA-213TP347H\F002CGD008C261-14</t>
  </si>
  <si>
    <t>【哈电锅炉】低过U型管\φ51.0*9\12Cr1MoVG\F002CFD001C261-01</t>
  </si>
  <si>
    <t>【哈电锅炉】低过U型管\φ51.0*9\12Cr1MoVG\F002CFD001C261-02</t>
  </si>
  <si>
    <t>【哈电锅炉】低过U型管\φ51.0*9\12Cr1MoVG\F002CFD001C261-03</t>
  </si>
  <si>
    <t>【哈电锅炉】低过U型管\φ51.0*9\12Cr1MoVG\F002CFD001C261-04</t>
  </si>
  <si>
    <t>【哈电锅炉】低过U型管\φ51.0*9\12Cr1MoVG\F002CFD001C261-05</t>
  </si>
  <si>
    <t>【哈电锅炉】高过60度弯管\φ63.0*13\SA-213TP347H\F002CHD001C261-01</t>
  </si>
  <si>
    <t>【哈电锅炉】高过60度弯管\φ51.0*11\SA-213TP347H\F002CHD001C261-02</t>
  </si>
  <si>
    <t>【哈电锅炉】高过60度弯管\φ51.0*11\SA-213TP347H\F002CHD001C261-03</t>
  </si>
  <si>
    <t>【哈电锅炉】高过60度弯管\φ51.0*11\SA-213TP347H\F002CHD001C261-04</t>
  </si>
  <si>
    <t>【哈电锅炉】高过60度弯管\φ51.0*11\SA-213TP347H\F002CHD001C261-05</t>
  </si>
  <si>
    <t>【哈电锅炉】高过60度弯管\φ51.0*11\SA-213TP347H\F002CHD001C261-06</t>
  </si>
  <si>
    <t>【哈电锅炉】高过60度弯管\φ51.0*11\SA-213TP347H\F002CHD001C261-07</t>
  </si>
  <si>
    <t>【哈电锅炉】高过60度弯管\φ51.0*11\SA-213TP347H\F002CHD001C261-08</t>
  </si>
  <si>
    <t>【哈电锅炉】高过60度弯管\φ51.0*11\SA-213TP347H\F002CHD001C261-09</t>
  </si>
  <si>
    <t>【哈电锅炉】高过60度弯管\φ51.0*11\SA-213TP347H\F002CHD001C261-10</t>
  </si>
  <si>
    <t>【哈电锅炉】高过60度弯管\φ51.0*11\SA-213TP347H\F002CHD001C261-11</t>
  </si>
  <si>
    <t>【哈电锅炉】高过60度弯管\φ51.0*11\SA-213TP347H\F002CHD001C261-12</t>
  </si>
  <si>
    <t>【哈电锅炉】高过60度弯管\φ51.0*11\SA-213TP347H\F002CHD001C261-13</t>
  </si>
  <si>
    <t>【哈电锅炉】高过60度弯管\φ51.0*11\SA-213TP347H\F002CHD001C261-14</t>
  </si>
  <si>
    <t>【哈电锅炉】高过60度弯管\φ51.0*11\SA-213TP347H\F002CHD001C261-15</t>
  </si>
  <si>
    <t>【哈电锅炉】高过60度弯管\φ51.0*11\SA-213TP347H\F002CHD001C261-16</t>
  </si>
  <si>
    <t>【哈电锅炉】高过60度弯管\φ51.0*11\SA-213TP347H\F002CHD001C261-17</t>
  </si>
  <si>
    <t>【哈电锅炉】高过60度弯管\φ51.0*11\SA-213TP347H\F002CHD001C261-18</t>
  </si>
  <si>
    <t>【哈电锅炉】高过120度弯管\φ51.0*13\SA-213TP347H\F002CHD001C261-19</t>
  </si>
  <si>
    <t>【哈电锅炉】高过120度弯管\φ51.0*11\SA-213TP347H\F002CHD001C261-20</t>
  </si>
  <si>
    <t>【哈电锅炉】高过120度弯管\φ51.0*11\SA-213TP347H\F002CHD001C261-21</t>
  </si>
  <si>
    <t>【哈电锅炉】高过120度弯管\φ51.0*11\SA-213TP347H\F002CHD001C261-22</t>
  </si>
  <si>
    <t>【哈电锅炉】高过120度弯管\φ51.0*11\SA-213TP347H\F002CHD001C261-23</t>
  </si>
  <si>
    <t>【哈电锅炉】高过120度弯管\φ51.0*11\SA-213TP347H\F002CHD001C261-24</t>
  </si>
  <si>
    <t>【哈电锅炉】高过120度弯管\φ51.0*11\SA-213TP347H\F002CHD001C261-25</t>
  </si>
  <si>
    <t>【哈电锅炉】高过120度弯管\φ51.0*11\SA-213TP347H\F002CHD001C261-26</t>
  </si>
  <si>
    <t>【哈电锅炉】高过120度弯管\φ51.0*11\SA-213TP347H\F002CHD001C261-27</t>
  </si>
  <si>
    <t>【哈电锅炉】高过120度弯管\φ51.0*11\SA-213TP347H\F002CHD001C261-28</t>
  </si>
  <si>
    <t>【哈电锅炉】高过120度弯管\φ51.0*11\SA-213TP347H\F002CHD001C261-29</t>
  </si>
  <si>
    <t>【哈电锅炉】高过120度弯管\φ51.0*11\SA-213TP347H\F002CHD001C261-30</t>
  </si>
  <si>
    <t>【哈电锅炉】高过120度弯管\φ51.0*11\SA-213TP347H\F002CHD001C261-31</t>
  </si>
  <si>
    <t>【哈电锅炉】高过120度弯管\φ51.0*11\SA-213TP347H\F002CHD001C261-32</t>
  </si>
  <si>
    <t>【哈电锅炉】高过120度弯管\φ51.0*11\SA-213TP347H\F002CHD001C261-33</t>
  </si>
  <si>
    <t>【哈电锅炉】高过120度弯管\φ51.0*11\SA-213TP347H\F002CHD001C261-34</t>
  </si>
  <si>
    <t>【哈电锅炉】高过120度弯管\φ51.0*11\SA-213TP347H\F002CHD001C261-35</t>
  </si>
  <si>
    <t>【哈电锅炉】高过120度弯管\φ51.0*11\SA-213TP347H\F002CHD001C261-36</t>
  </si>
  <si>
    <t>【哈电锅炉】高过180度夹管\φ51.0*11\SA-213TP347H\F002CHD001C261-37</t>
  </si>
  <si>
    <t>【哈电锅炉】低过90度弯管\φ51.0*9\12Cr1MoVG\F002CFB002C261</t>
  </si>
  <si>
    <t>【哈电锅炉】后包墙90度弯管\φ44.5*7\15CrMoG\F002CEK001C261</t>
  </si>
  <si>
    <t>【哈电锅炉】三叉管\SA-182F22C11\F002CFD001C261</t>
  </si>
  <si>
    <t>【哈电锅炉】吹灰孔弯管\YT15-5912-01</t>
  </si>
  <si>
    <t>【哈电锅炉】吹灰孔弯管\YT15-5912-02</t>
  </si>
  <si>
    <t>【哈电锅炉】吹灰孔弯管\YT15-5912-03</t>
  </si>
  <si>
    <t>【哈电锅炉】吹灰孔弯管\YT15-5912-04</t>
  </si>
  <si>
    <t>【哈电锅炉】人孔弯管\YT15-5918-01</t>
  </si>
  <si>
    <t>【哈电锅炉】人孔弯管\YT15-5918-02</t>
  </si>
  <si>
    <t>【哈电锅炉】人孔弯管\YT15-5918-03</t>
  </si>
  <si>
    <t>【哈电锅炉】人孔弯管\YT15-5918-04</t>
  </si>
  <si>
    <t>【哈电锅炉】人孔弯管\YT15-5918-05</t>
  </si>
  <si>
    <t>【哈电锅炉】通孔弯管\YT15-5924</t>
  </si>
  <si>
    <t>【哈电锅炉】梳形板\Q235-A\F002CHD020C251</t>
  </si>
  <si>
    <t>【哈电锅炉】梳形定位板\12Cr18Ni9\F002CFE003C261</t>
  </si>
  <si>
    <t>【哈电锅炉】圆钢\12Cr1MoVG\F002CHD020C261</t>
  </si>
  <si>
    <t>【哈电锅炉】圆钢\15CrMoG\F002CFD012C261-01</t>
  </si>
  <si>
    <t>【哈电锅炉】圆钢\12Cr1MoVG\F002CFE001C261</t>
  </si>
  <si>
    <t>【哈电锅炉】管夹\12Cr18Ni9\F002CFD012C261-02</t>
  </si>
  <si>
    <t>【哈电锅炉】末过防磨板\δ4mm*No.1mm\SA-240Type310S</t>
  </si>
  <si>
    <t>【哈电锅炉】末过防磨板\δ4mm*No.2mm\SA-240Type310S</t>
  </si>
  <si>
    <t>【哈电锅炉】再热器管\φ70.0*5\12Cr1MoVG\F002DEA003C261-01</t>
  </si>
  <si>
    <t>【哈电锅炉】再热器管\φ70.0*5\SA-213T91\F002DEA003C261-02</t>
  </si>
  <si>
    <t>【哈电锅炉】低再U型管\φ57.0*4.5\SA-210C\F002DCD008C261-01</t>
  </si>
  <si>
    <t>【哈电锅炉】低再U型管\φ57.0*4.5\SA-210C\F002DCD008C261-02</t>
  </si>
  <si>
    <t>【哈电锅炉】低再U型管\φ57.0*4.5\SA-210C\F002DCD008C261-03</t>
  </si>
  <si>
    <t>【哈电锅炉】低再U型管\φ57.0*4.5\SA-210C\F002DCD008C261-04</t>
  </si>
  <si>
    <t>【哈电锅炉】低再U型管\φ57.0*4.5\SA-210C\F002DCD008C261-05</t>
  </si>
  <si>
    <t>【哈电锅炉】低再U型管\φ57.0*4.5\SA-210C\F002DCD008C261-06</t>
  </si>
  <si>
    <t>【哈电锅炉】低再U型管\φ57.0*4.5\SA-210C\F002DCD008C261-07</t>
  </si>
  <si>
    <t>【哈电锅炉】低再U型管\φ57.0*4.5\15CrMoG\F002DCD008C261-08</t>
  </si>
  <si>
    <t>【哈电锅炉】低再U型管\φ57.0*4.5\15CrMoG\F002DCD008C261-09</t>
  </si>
  <si>
    <t>【哈电锅炉】低再U型管\φ57.0*4.5\15CrMoG\F002DCD008C261-10</t>
  </si>
  <si>
    <t>【哈电锅炉】低再U型管\φ57.0*4.5\15CrMoG\F002DCD008C261-11</t>
  </si>
  <si>
    <t>【哈电锅炉】低再U型管\φ57.0*4.5\15CrMoG\F002DCD008C261-12</t>
  </si>
  <si>
    <t>【哈电锅炉】低再U型管\φ57.0*4.5\15CrMoG\F002DCD008C261-13</t>
  </si>
  <si>
    <t>【哈电锅炉】低再U型管\φ57.0*4.5\15CrMoG\F002DCD008C261-14</t>
  </si>
  <si>
    <t>【哈电锅炉】低再U型管\φ57.0*4.5\12Cr1MoVG\F002DCD008C261-15</t>
  </si>
  <si>
    <t>【哈电锅炉】低再U型管\φ57.0*4.5\12Cr1MoVG\F002DCD008C261-16</t>
  </si>
  <si>
    <t>【哈电锅炉】低再U型管\φ57.0*4.5\12Cr1MoVG\F002DCD008C261-17</t>
  </si>
  <si>
    <t>【哈电锅炉】低再U型管\φ57.0*4.5\12Cr1MoVG\F002DCD008C261-18</t>
  </si>
  <si>
    <t>【哈电锅炉】低再U型管\φ57.0*4.5\12Cr1MoVG\F002DCD008C261-19</t>
  </si>
  <si>
    <t>【哈电锅炉】低再U型管\φ57.0*4.5\12Cr1MoVG\F002DCD008C261-20</t>
  </si>
  <si>
    <t>【哈电锅炉】低再U型管\φ57.0*4.5\12Cr1MoVG\F002DCD008C261-21</t>
  </si>
  <si>
    <t>【哈电锅炉】高再70度弯管\φ63.0*5\SA-213TP347H\F002DEA001C261-01</t>
  </si>
  <si>
    <t>【哈电锅炉】高再70度弯管\φ60.0*4.5\SA-213TP347H\F002DEA001C261-02</t>
  </si>
  <si>
    <t>【哈电锅炉】高再70度弯管\φ60.0*4.5\SA-213TP347H\F002DEA001C261-03</t>
  </si>
  <si>
    <t>【哈电锅炉】高再70度弯管\φ60.0*4.5\SA-213T91\F002DEA001C261-04</t>
  </si>
  <si>
    <t>【哈电锅炉】高再70度弯管\φ60.0*4.5\SA-213T91\F002DEA001C261-05</t>
  </si>
  <si>
    <t>【哈电锅炉】高再70度弯管\φ60.0*4.5\SA-213T91\F002DEA001C261-06</t>
  </si>
  <si>
    <t>【哈电锅炉】高再70度弯管\φ60.0*4.5\SA-213T91\F002DEA001C261-07</t>
  </si>
  <si>
    <t>【哈电锅炉】高再70度弯管\φ60.0*4.5\SA-213T91\F002DEA001C261-08</t>
  </si>
  <si>
    <t>【哈电锅炉】高再70度弯管\φ60.0*4.5\SA-213T91\F002DEA001C261-09</t>
  </si>
  <si>
    <t>【哈电锅炉】高再70度弯管\φ60.0*4.5\SA-213T91\F002DEA001C261-10</t>
  </si>
  <si>
    <t>【哈电锅炉】高再70度弯管\φ60.0*4.5\SA-213T91\F002DEA001C261-11</t>
  </si>
  <si>
    <t>【哈电锅炉】高再70度弯管\φ60.0*4.5\SA-213T91\F002DEA001C261-12</t>
  </si>
  <si>
    <t>【哈电锅炉】高再110度弯管\φ60.0*5\SA-213TP347H\F002DEA001C261-13</t>
  </si>
  <si>
    <t>【哈电锅炉】高再110度弯管\φ60.0*4.5\SA-213TP347H\F002DEA001C261-14</t>
  </si>
  <si>
    <t>【哈电锅炉】高再110度弯管\φ60.0*4.5\SA-213TP347H\F002DEA001C261-15</t>
  </si>
  <si>
    <t>【哈电锅炉】高再110度弯管\φ60.0*4.5\SA-213T91\F002DEA001C261-16</t>
  </si>
  <si>
    <t>【哈电锅炉】高再110度弯管\φ60.0*4.5\SA-213T92\F002DEA001C261-17</t>
  </si>
  <si>
    <t>【哈电锅炉】高再110度弯管\φ60.0*4.5\SA-213T93\F002DEA001C261-18</t>
  </si>
  <si>
    <t>【哈电锅炉】高再110度弯管\φ60.0*4.5\SA-213T94\F002DEA001C261-19</t>
  </si>
  <si>
    <t>【哈电锅炉】高再110度弯管\φ60.0*4.5\SA-213T95\F002DEA001C261-20</t>
  </si>
  <si>
    <t>【哈电锅炉】高再110度弯管\φ60.0*4.5\SA-213T96\F002DEA001C261-21</t>
  </si>
  <si>
    <t>【哈电锅炉】高再110度弯管\φ60.0*4.5\SA-213T97\F002DEA001C261-22</t>
  </si>
  <si>
    <t>【哈电锅炉】高再110度弯管\φ60.0*4.5\SA-213T98\F002DEA001C261-23</t>
  </si>
  <si>
    <t>【哈电锅炉】高再110度弯管\φ60.0*4.5\SA-213T99\F002DEA001C261-24</t>
  </si>
  <si>
    <t>【哈电锅炉】低再90度弯管\φ57.0*5\12Cr1MoVG\F001DCE001C261-01</t>
  </si>
  <si>
    <t>【哈电锅炉】低再90度弯管\φ57.0*4.5\SA-213T91\F001DCE001C261-02</t>
  </si>
  <si>
    <t>【哈电锅炉】低再90度弯管\φ57.0*4.5\SA-210C\F002DCD008C261</t>
  </si>
  <si>
    <t>【哈电锅炉】低再90度弯管\φ57.0*4.5\15CrMoG\F002DCC004C261</t>
  </si>
  <si>
    <t>【哈电锅炉】低再90度弯管\φ57.0*4.5\12Cr1MoVG\F002DCB016C261-01</t>
  </si>
  <si>
    <t>【哈电锅炉】低再套管\φ76.0*7.5\12Cr1MoVG\F002DCB016C261-02</t>
  </si>
  <si>
    <t>【哈电锅炉】低再管夹\12Cr18Ni9\F002DCD018C261</t>
  </si>
  <si>
    <t>【哈电锅炉】梳形定位板\12Cr18Ni9\F002DCE007C261</t>
  </si>
  <si>
    <t>【哈电锅炉】梳形板\Q235-A\F002DEA015C251</t>
  </si>
  <si>
    <t>【哈电锅炉】省煤器U型管\φ44.5*6.7\SA-210C\F002EGB001C261-01</t>
  </si>
  <si>
    <t>【哈电锅炉】省煤器U型管\φ44.5*6.7\SA-210C\F002EGB001C261-02</t>
  </si>
  <si>
    <t>【哈电锅炉】省煤器U型管\φ44.5*6.7\SA-210C\F002EGB001C261-03</t>
  </si>
  <si>
    <t>【哈电锅炉】省煤器U型管\φ44.5*6.7\SA-210C\F002EGB001C261-04</t>
  </si>
  <si>
    <t>【哈电锅炉】省煤器弯管\φ44.5*6.7\SA-210C\F002EGB036C261</t>
  </si>
  <si>
    <t>【哈电锅炉】阻流板\12Cr1MoVG\F002EGB043C261</t>
  </si>
  <si>
    <t>【哈电锅炉】拆边板\12Cr1MoVG\F001EGB001C261</t>
  </si>
  <si>
    <t>【哈电锅炉】防磨罩\1Cr13\F002EGB001C261</t>
  </si>
  <si>
    <t>【哈电锅炉】防磨瓦\φ38mm*3mm\1Cr18Ni9Ti</t>
  </si>
  <si>
    <t>【哈电锅炉】防磨瓦\φ57mm*3mm\1Cr18Ni9Ti</t>
  </si>
  <si>
    <t>【哈电锅炉】防磨瓦\φ51mm*3mm\1Cr18Ni9Ti</t>
  </si>
  <si>
    <t>【哈电锅炉】防磨瓦\φ57mm*4mm\1Cr18Ni9Ti</t>
  </si>
  <si>
    <t>【哈电锅炉】防磨瓦\φ63mm*5mm\1Cr18Ni9Ti</t>
  </si>
  <si>
    <t>【哈电锅炉】防磨瓦\φ63mm*6mm\1Cr18Ni9Ti</t>
  </si>
  <si>
    <t>【哈电锅炉】防磨瓦\φ63mm*7mm\1Cr18Ni9Ti</t>
  </si>
  <si>
    <t>【哈电锅炉】防磨瓦\φ44.5mm*8mm\1Cr18Ni9Ti</t>
  </si>
  <si>
    <t>【哈电锅炉】防磨瓦\φ70mm*9mm\1Cr18Ni9Ti</t>
  </si>
  <si>
    <t>【哈电锅炉】90度弯管\φ31.8*6.2\15CrMoG\F001BGB002C261-01</t>
  </si>
  <si>
    <t>【哈电锅炉】90度弯管\φ38.0*7.3\15CrMoG\F001BGB002C261-02</t>
  </si>
  <si>
    <t>【哈电锅炉】燃烧器管\φ51.0*5.6\20G\5522C.903-01</t>
  </si>
  <si>
    <t>【哈电锅炉】燃烧器管\φ51.0*5.6\20G\5522C.904-01</t>
  </si>
  <si>
    <t>【哈电锅炉】燃烧器管\φ51.0*5.6\20G\5522C.905-01</t>
  </si>
  <si>
    <t>【哈电锅炉】燃烧器管\φ51.0*5.6\20G\5522C.906-01</t>
  </si>
  <si>
    <t>【哈电锅炉】燃烧器管\φ51.0*5.6\20G\5522C.907-01</t>
  </si>
  <si>
    <t>【哈电锅炉】燃烧器管\φ51.0*5.6\20G\5522C.908-01</t>
  </si>
  <si>
    <t>【哈电锅炉】燃烧器管\φ51.0*5.6\20G\5522C.909-01</t>
  </si>
  <si>
    <t>【哈电锅炉】燃烧器管\φ51.0*5.6\20G\5522C.910-01</t>
  </si>
  <si>
    <t>【哈电锅炉】燃烧器管\φ51.0*5.6\20G\5522C.911-01</t>
  </si>
  <si>
    <t>【哈电锅炉】燃烧器管\φ51.0*5.6\20G\5522C.912-01</t>
  </si>
  <si>
    <t>【哈电锅炉】燃烧器管\φ51.0*5.6\20G\5522C.913-01</t>
  </si>
  <si>
    <t>【哈电锅炉】燃烧器管\φ51.0*5.6\20G\5522C.914-01</t>
  </si>
  <si>
    <t>【哈电锅炉】燃烧器管\φ51.0*5.6\20G\5522C.915-01</t>
  </si>
  <si>
    <t>【哈电锅炉】燃烧器管\φ51.0*5.6\20G\5522C.916-01</t>
  </si>
  <si>
    <t>【哈电锅炉】燃烧器管\φ51.0*5.6\20G\5522C.903-02</t>
  </si>
  <si>
    <t>【哈电锅炉】燃烧器管\φ51.0*5.6\20G\5522C.904-02</t>
  </si>
  <si>
    <t>【哈电锅炉】燃烧器管\φ51.0*5.6\20G\5522C.905-02</t>
  </si>
  <si>
    <t>【哈电锅炉】燃烧器管\φ51.0*5.6\20G\5522C.906-02</t>
  </si>
  <si>
    <t>【哈电锅炉】燃烧器管\φ51.0*5.6\20G\5522C.907-02</t>
  </si>
  <si>
    <t>【哈电锅炉】燃烧器管\φ51.0*5.6\20G\5522C.908-02</t>
  </si>
  <si>
    <t>【哈电锅炉】燃烧器管\φ51.0*5.6\20G\5522C.909-02</t>
  </si>
  <si>
    <t>【哈电锅炉】燃烧器管\φ51.0*5.6\20G\5522C.910-02</t>
  </si>
  <si>
    <t>【哈电锅炉】燃烧器管\φ51.0*5.6\20G\5522C.911-02</t>
  </si>
  <si>
    <t>【哈电锅炉】燃烧器管\φ51.0*5.6\20G\5522C.912-02</t>
  </si>
  <si>
    <t>【哈电锅炉】燃烧器管\φ51.0*5.6\20G\5522C.913-02</t>
  </si>
  <si>
    <t>【哈电锅炉】燃烧器管\φ51.0*5.6\20G\5522C.914-02</t>
  </si>
  <si>
    <t>【哈电锅炉】燃烧器管\φ51.0*5.6\20G\5522C.915-02</t>
  </si>
  <si>
    <t>【哈电锅炉】燃烧器管\φ51.0*5.6\20G\5522C.916-02</t>
  </si>
  <si>
    <t>【哈电锅炉】燃烧器管\φ51.0*5.6\20G\5522C.934-01</t>
  </si>
  <si>
    <t>【哈电锅炉】燃烧器管\φ51.0*5.6\20G\5522C.935-01</t>
  </si>
  <si>
    <t>【哈电锅炉】燃烧器管\φ51.0*5.6\20G\5522C.936-01</t>
  </si>
  <si>
    <t>【哈电锅炉】燃烧器管\φ51.0*5.6\20G\5522C.937-01</t>
  </si>
  <si>
    <t>【哈电锅炉】燃烧器管\φ51.0*5.6\20G\5522C.938-01</t>
  </si>
  <si>
    <t>【哈电锅炉】燃烧器管\φ51.0*5.6\20G\5522C.939-01</t>
  </si>
  <si>
    <t>【哈电锅炉】燃烧器管\φ51.0*5.6\20G\5522C.940-01</t>
  </si>
  <si>
    <t>【哈电锅炉】燃烧器管\φ51.0*5.6\20G\5522C.941-01</t>
  </si>
  <si>
    <t>【哈电锅炉】燃烧器管\φ51.0*5.6\20G\5522C.942-01</t>
  </si>
  <si>
    <t>【哈电锅炉】燃烧器管\φ51.0*5.6\20G\5522C.943-01</t>
  </si>
  <si>
    <t>【哈电锅炉】燃烧器管\φ51.0*5.6\20G\5522C.944-01</t>
  </si>
  <si>
    <t>【哈电锅炉】燃烧器管\φ51.0*5.6\20G\5522C.945-01</t>
  </si>
  <si>
    <t>【哈电锅炉】燃烧器管\φ51.0*5.6\20G\5522C.946-01</t>
  </si>
  <si>
    <t>【哈电锅炉】燃烧器管\φ51.0*5.6\20G\5522C.947-01</t>
  </si>
  <si>
    <t>【哈电锅炉】燃烧器管\φ51.0*5.6\20G\5522C.934-02</t>
  </si>
  <si>
    <t>【哈电锅炉】燃烧器管\φ51.0*5.6\20G\5522C.935-02</t>
  </si>
  <si>
    <t>【哈电锅炉】燃烧器管\φ51.0*5.6\20G\5522C.936-02</t>
  </si>
  <si>
    <t>【哈电锅炉】燃烧器管\φ51.0*5.6\20G\5522C.937-02</t>
  </si>
  <si>
    <t>【哈电锅炉】燃烧器管\φ51.0*5.6\20G\5522C.938-02</t>
  </si>
  <si>
    <t>【哈电锅炉】燃烧器管\φ51.0*5.6\20G\5522C.939-02</t>
  </si>
  <si>
    <t>【哈电锅炉】燃烧器管\φ51.0*5.6\20G\5522C.940-02</t>
  </si>
  <si>
    <t>【哈电锅炉】燃烧器管\φ51.0*5.6\20G\5522C.941-02</t>
  </si>
  <si>
    <t>【哈电锅炉】燃烧器管\φ51.0*5.6\20G\5522C.942-02</t>
  </si>
  <si>
    <t>【哈电锅炉】燃烧器管\φ51.0*5.6\20G\5522C.943-02</t>
  </si>
  <si>
    <t>【哈电锅炉】燃烧器管\φ51.0*5.6\20G\5522C.944-02</t>
  </si>
  <si>
    <t>【哈电锅炉】燃烧器管\φ51.0*5.6\20G\5522C.945-02</t>
  </si>
  <si>
    <t>【哈电锅炉】燃烧器管\φ51.0*5.6\20G\5522C.946-02</t>
  </si>
  <si>
    <t>【哈电锅炉】燃烧器管\φ51.0*5.6\20G\5522C.947-02</t>
  </si>
  <si>
    <t>【哈电锅炉】U型弯管\φ57.0*9\T23\F001CHD002D051-01</t>
  </si>
  <si>
    <t>【哈电锅炉】U型弯管\φ57.0*9\T23\F001CHD002D051-02</t>
  </si>
  <si>
    <t>【哈电锅炉】U型弯管\φ57.0*9\T23\F001CHD002D051-03</t>
  </si>
  <si>
    <t>【哈电锅炉】U型弯管\φ57.0*9\T23\F001CHD002D051-04</t>
  </si>
  <si>
    <t>【哈电锅炉】U型弯管\φ57.0*9\T23\F001CHD002D051-05</t>
  </si>
  <si>
    <t>【哈电锅炉】U型弯管\φ57.0*9\T23\F001CHD002D051-06</t>
  </si>
  <si>
    <t>【哈电锅炉】U型弯管\φ57.0*10\12Cr1MoV\F001CHD002D051-07</t>
  </si>
  <si>
    <t>【哈电锅炉】U型弯管\φ57.0*10\12Cr1MoV\F001CHD002D051-08</t>
  </si>
  <si>
    <t>【哈电锅炉】U型弯管\φ57.0*10\12Cr1MoV\F001CHD002D051-09</t>
  </si>
  <si>
    <t>【哈电锅炉】U型弯管\φ57.0*10\12Cr1MoV\F001CHD002D051-10</t>
  </si>
  <si>
    <t>【哈电锅炉】U型弯管\φ57.0*10\12Cr1MoV\F001CHD002D051-11</t>
  </si>
  <si>
    <t>【哈电锅炉】U型弯管\φ57.0*10\12Cr1MoV\F001CHD002D051-12</t>
  </si>
  <si>
    <t>【哈电锅炉】冷却夹管\φ51.0*6\TP347H\F002CJP011D051</t>
  </si>
  <si>
    <t>【哈电锅炉】冷却夹管\φ51.0*7\TP347H\F002CJP012D051</t>
  </si>
  <si>
    <t>【哈电锅炉】冷却夹管\φ51.0*7\TP347H\F002CJP015D051</t>
  </si>
  <si>
    <t>【哈电锅炉】冷却夹管\φ51.0*7\TP347H\F002CJP016D051</t>
  </si>
  <si>
    <t>【哈电锅炉】异型管\12Cr1MoVG\F002CGD033D051</t>
  </si>
  <si>
    <t>【哈电锅炉】异型管\12Cr1MoVG\F002CGD034D051</t>
  </si>
  <si>
    <t>【哈电锅炉】弯头\φ63.0*4\TP-304H</t>
  </si>
  <si>
    <t>【哈电锅炉】弯头\φ63.0*4\SA-213 T91</t>
  </si>
  <si>
    <t>【哈电锅炉】弯头\φ63.0*4\12Cr1MoVG</t>
  </si>
  <si>
    <t>【哈电锅炉】90度弯管\φ63.0*4\SA-213TP304\F001DEA001D051</t>
  </si>
  <si>
    <t>【哈电锅炉】90度弯管\φ63.0*4\SA-213T91\F0330PW001D051</t>
  </si>
  <si>
    <t>【哈电锅炉】异形管\SA-210A1\F002BHE013D051</t>
  </si>
  <si>
    <t>【哈电锅炉】异型管\SA-210A1\F002BHE001D051</t>
  </si>
  <si>
    <t>【哈电锅炉】异型管\SA-210A1\F002BHE002D051</t>
  </si>
  <si>
    <t>【哈电锅炉】异型管\SA-210A1\F002BHE003D051</t>
  </si>
  <si>
    <t>【哈电锅炉】焊接接头\φ57.0*7\TP347H/15CrMoG</t>
  </si>
  <si>
    <t>【哈电锅炉】焊接接头\φ57.0*7\TP347H/12Cr1MoVG</t>
  </si>
  <si>
    <t>【哈电锅炉】焊接接头\φ63.0*11/8\SA213-TP347H/T91</t>
  </si>
  <si>
    <t>【哈电锅炉】焊接接头\φ60.0*9/12\TP347H/12Cr1MoVG</t>
  </si>
  <si>
    <t>【哈电锅炉】焊接接头\φ60.0*9/12\φ6T91/12Cr1MoVG</t>
  </si>
  <si>
    <t>【哈电锅炉】焊接接头\φ57.0*10/9\12Cr1MoVG/T23</t>
  </si>
  <si>
    <t>【哈电锅炉】焊接接头\φ63.0*4\T91/12Cr1MoVG</t>
  </si>
  <si>
    <t>【哈电锅炉】焊接接头\φ63.0*4\TP304H/12Cr1MoVG</t>
  </si>
  <si>
    <t>【哈电锅炉】焊接接头\φ63.0*4\SA-TP304H/T91</t>
  </si>
  <si>
    <t>【哈电锅炉】槽型钢\15CrMo\CZC001</t>
  </si>
  <si>
    <t>【哈电锅炉】槽型钢\15CrMo\CZC002</t>
  </si>
  <si>
    <t>【哈电锅炉】槽型钢\15CrMo\CZC003</t>
  </si>
  <si>
    <t>【哈电锅炉】高再定位孔板\F002DEA017Q161</t>
  </si>
  <si>
    <t>【哈电锅炉】高再定位舌板\F002DEA016Q161</t>
  </si>
  <si>
    <t>【哈电锅炉】活动夹块(凸)\YT15-5123</t>
  </si>
  <si>
    <t>【哈电锅炉】活动夹块(凸)\YT15-4978</t>
  </si>
  <si>
    <t>【哈电锅炉】活动夹块(凹)\YT15-4969</t>
  </si>
  <si>
    <t>【哈电锅炉】活动夹块(凸)\YT15-4967</t>
  </si>
  <si>
    <t>【哈电锅炉】活动夹块(凸)\YT15-4968</t>
  </si>
  <si>
    <t>【哈电锅炉】再热器集箱\F002LGC001Z530L</t>
  </si>
  <si>
    <t>【哈电锅炉】转子角钢\F002JAE012E191\29.5-VI(T)-2250-QMR</t>
  </si>
  <si>
    <t>【哈电锅炉】密封角钢\F002JAE013E191\29.5-VI(T)-2250-QMR</t>
  </si>
  <si>
    <t>【哈电锅炉】扇形板调整装置\F002JAJ018E191\29.5-VI(T)-2250-QMR</t>
  </si>
  <si>
    <t>【哈电锅炉】扇形板调整装置\F002JAJ020E191\29.5-VI(T)-2250-QMR</t>
  </si>
  <si>
    <t>【哈电锅炉】扇形板调整装置\F002JAK022E191\29.5-VI(T)-2250-QMR</t>
  </si>
  <si>
    <t>【哈电锅炉】密封法兰板\F002JAE004B201\33.5-VI(T)-2450-QMR</t>
  </si>
  <si>
    <t>【哈电锅炉】密封钢板\F002JAE010B201\33.5-VI(T)-2450-QMR</t>
  </si>
  <si>
    <t>【哈电锅炉】扇形板调整装置\F002JAJ020B201\33.5-VI(T)-2450-QMR</t>
  </si>
  <si>
    <t>【哈电锅炉】扇形板调整装置\F002JAK022B201\33.5-VI(T)-2450-QMR</t>
  </si>
  <si>
    <t>【哈电锅炉】扇形板调整装置\F002JAK020B201\33.5-VI(T)-2450-QMR</t>
  </si>
  <si>
    <t>【哈电锅炉】密封法兰板\F002JAE013Q111\29.5-VI(T)-2200-QMR</t>
  </si>
  <si>
    <t>【哈电锅炉】密封钢板\F002JAE014Q111\29.5-VI(T)-2200-QMR</t>
  </si>
  <si>
    <t>【哈电锅炉】扇形板调整装置\F002JAJ003Q111\29.5-VI(T)-2200-QMR</t>
  </si>
  <si>
    <t>【哈电锅炉】扇形板调整装置\F002JAK020Q111\29.5-VI(T)-2200-QMR</t>
  </si>
  <si>
    <t>【哈电锅炉】密封角钢\F002JAE013E061\29-VI(T)-1950-SMR</t>
  </si>
  <si>
    <t>【哈电锅炉】转子钢板\F002JAE012E061\29-VI(T)-1950-SMR</t>
  </si>
  <si>
    <t>【哈电锅炉】扇形板调整装置\F002JAJ003E061\29-VI(T)-1950-SMR</t>
  </si>
  <si>
    <t>【哈电锅炉】扇形板调整装置\F002JAJ004E061\29-VI(T)-1950-SMR</t>
  </si>
  <si>
    <t>【哈电锅炉】密封法兰板\F002JAE009ZL73\29-VI(T)-2400(2700)-QMR</t>
  </si>
  <si>
    <t>【哈电锅炉】密封钢板\F002JAE010ZL73\29-VI(T)-2400(2700)-QMR</t>
  </si>
  <si>
    <t>【哈电锅炉】扇形板调整装置\F002JAJ011ZL73\29-VI(T)-2400(2700)-QMR</t>
  </si>
  <si>
    <t>【哈电锅炉】扇形板调整装置\F002JAJ010ZL73\29-VI(T)-2400(2700)-QMR</t>
  </si>
  <si>
    <t>【哈电锅炉】扇形板调整装置\F002JAK020ZL73\29-VI(T)-2400(2700)-QMR</t>
  </si>
  <si>
    <t>【哈电锅炉】扇形板调整装置\F002JAK019ZL73\29-VI(T)-2400(2700)-QMR</t>
  </si>
  <si>
    <t>【哈电锅炉】密封法兰板\F002JAE009ZL08\32-VI(T)-2500-QMR</t>
  </si>
  <si>
    <t>【哈电锅炉】密封钢板\F002JAE010ZL08\32-VI(T)-2500-QMR</t>
  </si>
  <si>
    <t>【哈电锅炉】扇形板调整装置\F002JAJ007ZL08\32-VI(T)-2500-QMR</t>
  </si>
  <si>
    <t>【哈电锅炉】扇形板调整装置\F002JAK021ZL08\32-VI(T)-2500-QMR</t>
  </si>
  <si>
    <t>【哈电锅炉】密封法兰板\F002JAE006ZL73\34.5-VI(T)-2600-QMR</t>
  </si>
  <si>
    <t>【哈电锅炉】密封钢板\F002JAE005ZL17\34.5-VI(T)-2600-QMR</t>
  </si>
  <si>
    <t>【哈电锅炉】扇形板调整装置\F002JAJ010ZL17\34.5-VI(T)-2600-QMR</t>
  </si>
  <si>
    <t>【哈电锅炉】扇形板调整装置\F002JAK010ZL17\34.5-VI(T)-2600-QMR</t>
  </si>
  <si>
    <t>【哈电锅炉】密封法兰板\F002JAE010Q291\30-VI(T)-2500-QMR</t>
  </si>
  <si>
    <t>【哈电锅炉】密封钢板\F002JAE011Q291\30-VI(T)-2500-QMR</t>
  </si>
  <si>
    <t>【哈电锅炉】扇形板调整装置\F002JAK04-00-00Q291\30-VI(T)-2500-QMR</t>
  </si>
  <si>
    <t>【哈电锅炉】扇形板调整装置\F002JAK03-00-00Q291\30-VI(T)-2500-QMR</t>
  </si>
  <si>
    <t>【哈电锅炉】密封法兰板\F002JAE010ZL33\28.5-VI(T)-2300-QMR</t>
  </si>
  <si>
    <t>【哈电锅炉】密封钢板\F002JAE011ZL33\28.5-VI(T)-2300-QMR</t>
  </si>
  <si>
    <t>【哈电锅炉】扇形板调整装置\F002JAJ002ZL33\28.5-VI(T)-2300-QMR</t>
  </si>
  <si>
    <t>【哈电锅炉】扇形板调整装置\F002JAJ005ZL33\28.5-VI(T)-2300-QMR</t>
  </si>
  <si>
    <t>【哈电锅炉】扇形板调整装置\F002JAJ003ZL33\28.5-VI(T)-2300-QMR</t>
  </si>
  <si>
    <t>【哈电锅炉】转子角钢\F002JAE012F061\27.5-VI(B)-2450-QMR</t>
  </si>
  <si>
    <t>【哈电锅炉】密封角钢\F002JAE013F061\27.5-VI(B)-2450-QMR</t>
  </si>
  <si>
    <t>【哈电锅炉】扇形板调整装置\F002JAJ042F061\27.5-VI(B)-2450-QMR</t>
  </si>
  <si>
    <t>【哈电锅炉】扇形板调整装置\F002JAJ048F061\27.5-VI(B)-2450-QMR</t>
  </si>
  <si>
    <t>【哈电锅炉】转子角钢\F002JAE010ZL91\32-VI(T)-1980-QMR</t>
  </si>
  <si>
    <t>【哈电锅炉】密封角钢\F002JAE011ZL91\32-VI(T)-1980-QMR</t>
  </si>
  <si>
    <t>【哈电锅炉】转子角钢\F002JAE009ZM79\27.5-VI(B)-2400-QMR</t>
  </si>
  <si>
    <t>【哈电锅炉】密封角钢\F002JAE010ZM79\27.5-VI(B)-2400-QMR</t>
  </si>
  <si>
    <t>【哈电锅炉】扇形板调整装置\F002JAJ03-00-00ZM79\27.5-VI(B)-2400-QMR</t>
  </si>
  <si>
    <t>【哈电锅炉】扇形板调整装置\F002JAJ04-00-00ZM79\27.5-VI(B)-2400-QMR</t>
  </si>
  <si>
    <t>【哈电锅炉】转子角钢\F002JAE012E401\30.5-VI(T)-2200-QMR</t>
  </si>
  <si>
    <t>【哈电锅炉】密封角钢\F002JAE013E401\30.5-VI(T)-2200-QMR</t>
  </si>
  <si>
    <t>【哈电锅炉】转子角钢\F002JAE012E402\30.5-VI(T)-2200-QMR</t>
  </si>
  <si>
    <t>【哈电锅炉】密封角钢\F002JAE013E402\30.5-VI(T)-2200-QMR</t>
  </si>
  <si>
    <t>【哈电锅炉】转子角钢\F002JAE012E481\30.5-VI(T)-2200-QMR</t>
  </si>
  <si>
    <t>【哈电锅炉】密封角钢\F002JAE013E481\30.5-VI(T)-2200-QMR</t>
  </si>
  <si>
    <t>【哈电锅炉】转子角钢\F002JAE012ZL31\30-VI(T)-2300-QMR</t>
  </si>
  <si>
    <t>【哈电锅炉】密封角钢\F002JAE013ZL31\30-VI(T)-2300-QMR</t>
  </si>
  <si>
    <t>【哈电锅炉】密封法兰板\F002JAE011ZX77\32-VI(T)-2010-QMR</t>
  </si>
  <si>
    <t>【哈电锅炉】密封钢板\F002JAE012ZX77\32-VI(T)-2010-QMR</t>
  </si>
  <si>
    <t>【哈电锅炉】转子角钢\F002JAE012C101\31.5-VI(T)-2033-SMR</t>
  </si>
  <si>
    <t>【哈电锅炉】密封角钢\F002JAE013C101\31.5-VI(T)-2033-SMR</t>
  </si>
  <si>
    <t>【哈电锅炉】扇形板调整装置\F002JAJ018C101\31.5-VI(T)-2033-SMR</t>
  </si>
  <si>
    <t>【哈电锅炉】密封法兰板\F002JAE012Q051\29-VI(T)-1850-QMR</t>
  </si>
  <si>
    <t>【哈电锅炉】密封钢板\F002JAE013Q051\29-VI(T)-1850-QMR</t>
  </si>
  <si>
    <t>【哈电锅炉】密封法兰板\F002JAE011ZM43\30.5-VI(T)-2150-QMR</t>
  </si>
  <si>
    <t>【哈电锅炉】密封钢板\F002JAE012ZM43\30.5-VI(T)-2150-QMR</t>
  </si>
  <si>
    <t>【哈电锅炉】扇形板调整装置\F002JAQ001ZM43\30.5-VI(T)-2150-QMR</t>
  </si>
  <si>
    <t>【哈电锅炉】扇形板调整装置\F002JAQ002ZM43\30.5-VI(T)-2150-QMR</t>
  </si>
  <si>
    <t>【哈电锅炉】炉膛吹灰孔\15CrMoG\YT15-3512</t>
  </si>
  <si>
    <t>【哈电锅炉】屏再向火侧弯管\φ63.0*4\T91\F001DDL001E061-01</t>
  </si>
  <si>
    <t>【哈电锅炉】屏再U型弯头\φ63.0*4\SA-213T91\F001DDL001E061-02</t>
  </si>
  <si>
    <t>【哈电锅炉】屏再U型弯头\φ63.0*4\SA-213T91\F001DDL001E061-03</t>
  </si>
  <si>
    <t>【哈电锅炉】屏再U型弯头\φ63.0*4\SA-213T91\F001DDL001E061-04</t>
  </si>
  <si>
    <t>【哈电锅炉】屏再U型弯头\φ63.0*4\SA-213T91\F001DDL001E061-05</t>
  </si>
  <si>
    <t>【哈电锅炉】屏再U型弯头\φ63.0*4\SA-213T91\F001DDL001E061-06</t>
  </si>
  <si>
    <t>【哈电锅炉】屏再U型弯头\φ63.0*4\SA-213T91\F001DDL001E061-07</t>
  </si>
  <si>
    <t>【哈电锅炉】屏再背火侧弯管\φ63.0*4\TP304H\F001DDL001E061-01</t>
  </si>
  <si>
    <t>【哈电锅炉】末过前部U型弯头\φ51.0*9\12Cr1MoV\F022CHD004E061-01</t>
  </si>
  <si>
    <t>【哈电锅炉】末过前部U型弯头\φ51.0*9\12Cr1MoV\F022CHD004E061-02</t>
  </si>
  <si>
    <t>【哈电锅炉】末过前部U型弯头\φ51.0*9\12Cr1MoV\F022CHD004E061-03</t>
  </si>
  <si>
    <t>【哈电锅炉】末过前部U型弯头\φ51.0*9\12Cr1MoV\F022CHD004E061-04</t>
  </si>
  <si>
    <t>【哈电锅炉】立式低温过热器90°弯头\φ51.0*6\15CrMoG\F001CFE001E061</t>
  </si>
  <si>
    <t>【哈电锅炉】汽包人孔门螺栓\F001BAA001E061</t>
  </si>
  <si>
    <t>【哈电锅炉】水冷壁鳍片\Q235-A</t>
  </si>
  <si>
    <t>KG</t>
  </si>
  <si>
    <t>【哈电锅炉】立体冷却间隔管件\φ51.0*7\12Cr1MoVG\F022CJQ001E061</t>
  </si>
  <si>
    <t>【哈电锅炉】电动截止阀阀体\J961Y-PW54 10V\DN=40,PN=10,电动方式,焊接</t>
  </si>
  <si>
    <t>【哈电锅炉】电动截止阀阀体\J961Y-Pw54 20V\DN=40,PN=20,电动方式,焊接</t>
  </si>
  <si>
    <t>【哈电锅炉】抗冲刷截止阀阀体\KJ961Y-320\DN=40,PN=32,电动方式,焊接</t>
  </si>
  <si>
    <t>【哈电锅炉】抗冲刷截止阀阀体\KJ61Y-320\DN=50,PN=32,手动方式,焊接</t>
  </si>
  <si>
    <t>【哈电锅炉】电动截止阀阀体\J961Y-320\DN=40,PN=32,电动方式,焊接</t>
  </si>
  <si>
    <t>【哈电锅炉】电动截止阀阀体\J941Y-64\DN=50,PN=64,电动方式,焊接</t>
  </si>
  <si>
    <t>【哈电锅炉】电动截止阀阀体\J961Y-320\DN=50,PN=32,电动方式,焊接</t>
  </si>
  <si>
    <t>【哈电锅炉】电动截止阀铜套\J961Y-320\,DN40 PN32\铜</t>
  </si>
  <si>
    <t>【哈电锅炉】密封圈\φ440*φ375\,H=60\抗氧化柔性石墨+金属增强</t>
  </si>
  <si>
    <t>【哈电锅炉】O型密封圈\φ390x8.6\,φ390x8.6\氟橡胶</t>
  </si>
  <si>
    <t>【哈电锅炉】O型密封圈\φ805x8.6\,φ805x8.6\氟橡胶</t>
  </si>
  <si>
    <t>【哈电锅炉】密封圈\φ915*φ855\,H=50\抗氧化柔性石墨+金属增强</t>
  </si>
  <si>
    <t>【哈电锅炉】O型密封圈\φ740x8.6\,φ740x8.6\氟橡胶</t>
  </si>
  <si>
    <t>【哈电锅炉】密封圈\φ865*φ765\,H=80\抗氧化柔性石墨+金属增强</t>
  </si>
  <si>
    <t>【哈电锅炉】抗冲刷截止阀阀体\KJ61Y-320\DN=25,PN=32,手动方式,焊接</t>
  </si>
  <si>
    <t>【哈电锅炉】密封片\1145×142×2(含施工及紧固件)\F002JAE002FG01\32-VI(T)-2100-QMR</t>
  </si>
  <si>
    <t>【哈电锅炉】密封片\1174×142×2(含施工及紧固件)\F002JAE003FG01\32-VI(T)-2100-QMR</t>
  </si>
  <si>
    <t>【哈电锅炉】密封片\1079×142×2(含施工及紧固件)\F002JAE004FG01\32-VI(T)-2100-QMR</t>
  </si>
  <si>
    <t>【哈电锅炉】压板\1380×89×3(含施工及紧固件)\F002JAE006FG01\32-VI(T)-2100-QMR</t>
  </si>
  <si>
    <t>【哈电锅炉】压板\850×89(含施工及紧固件)\F002JAE005FG01\32-VI(T)-2100-QMR</t>
  </si>
  <si>
    <t>【哈电锅炉】压板\880×89(含施工及紧固件)\F002JAE007FG01\32-VI(T)-2100-QMR</t>
  </si>
  <si>
    <t>【哈电锅炉】压板\含施工及紧固件\F002JBB005FG01\32-VI(T)-2100-QMR</t>
  </si>
  <si>
    <t>【哈电锅炉】密封片\含施工及紧固件\F002JBB003FG01\32-VI(T)-2100-QMR</t>
  </si>
  <si>
    <t>【哈电锅炉】密封片\含施工及紧固件\F002JBB004FG01\32-VI(T)-2100-QMR</t>
  </si>
  <si>
    <t>【哈电锅炉】密封片\含施工及紧固件\F002JAE001FG01\32-VI(T)-2100-QMR</t>
  </si>
  <si>
    <t>【哈电锅炉】防磨层传热元件盒A\含施工及紧固件\F002JAG001FG01\32-VI(T)-2100-QMR</t>
  </si>
  <si>
    <t>【哈电锅炉】防磨层传热元件盒B\含施工及辅料\F002JAG002FG01\32-VI(T)-2100-QMR</t>
  </si>
  <si>
    <t>【哈电锅炉】防磨层传热元件盒C\含施工及辅料\F002JAG003FG01\32-VI(T)-2100-QMR</t>
  </si>
  <si>
    <t>【哈电锅炉】防磨层传热元件盒D\含施工及辅料\F002JAG004FG01\32-VI(T)-2100-QMR</t>
  </si>
  <si>
    <t>【哈电锅炉】防磨层传热元件盒E\含施工及辅料\F002JAG005FG01\32-VI(T)-2100-QMR</t>
  </si>
  <si>
    <t>【哈电锅炉】防磨层传热元件盒F\含施工及辅料\F002JAG006FG01\32-VI(T)-2100-QMR</t>
  </si>
  <si>
    <t>【哈电锅炉】冷端传热元件盒A\含施工及辅料\F002JAH001FG01\32-VI(T)-2100-QMR</t>
  </si>
  <si>
    <t>【哈电锅炉】冷端传热元件盒B\含施工及辅料\F002JAH002FG01\32-VI(T)-2100-QMR</t>
  </si>
  <si>
    <t>【哈电锅炉】冷端传热元件盒C\含施工及辅料\F002JAH003FG01\32-VI(T)-2100-QMR</t>
  </si>
  <si>
    <t>【哈电锅炉】冷端传热元件盒D\含施工及辅料\F002JAH004FG01\32-VI(T)-2100-QMR</t>
  </si>
  <si>
    <t>【哈电锅炉】冷端传热元件盒E\含施工及辅料\F002JAH005FG01\32-VI(T)-2100-QMR</t>
  </si>
  <si>
    <t>【哈电锅炉】冷端传热元件盒F\含施工及辅料\F002JAH006FG01\32-VI(T)-2100-QMR</t>
  </si>
  <si>
    <t>【哈电锅炉】给水通道\F0046180130472\300MW</t>
  </si>
  <si>
    <t>【哈电锅炉】垫片\F0046180110472\300MW</t>
  </si>
  <si>
    <t>【东方自控】功率单元\DPC75S1AY-H01CQC</t>
  </si>
  <si>
    <t>【东方自控】功率单元\DPC75S1AY-H01B</t>
  </si>
  <si>
    <t>【东方自控】功率单元\DPC75S1AY-H01E</t>
  </si>
  <si>
    <t>【东方自控】功率单元\DPC75S1AX-H01B</t>
  </si>
  <si>
    <t>【东方自控】功率单元\DPC75S1AX-H01C</t>
  </si>
  <si>
    <t>【东方自控】功率单元\DPC75D1AZ-H01B</t>
  </si>
  <si>
    <t>【东方自控】功率单元\DPC75D1AZ-H01E</t>
  </si>
  <si>
    <t>【东方自控】功率单元\DPC75D1AZ-H01CQC</t>
  </si>
  <si>
    <t>【东方自控】功率单元\DPC75D1AZ-A</t>
  </si>
  <si>
    <t>【东方自控】功率单元\DPC75D1AZ-H01BQC</t>
  </si>
  <si>
    <t>【东方自控】功率单元\DPC100S1BX-F01B</t>
  </si>
  <si>
    <t>【东方自控】功率单元\DPC100S1BX-F01C</t>
  </si>
  <si>
    <t>【东方自控】功率单元\DPC100S1BY-F01B</t>
  </si>
  <si>
    <t>【东方自控】功率单元\DPC100S1BY-F01E</t>
  </si>
  <si>
    <t>【东方自控】功率单元\DPC100S1BY-F01CQC</t>
  </si>
  <si>
    <t>【东方自控】功率单元\DPC100S1BX-F01CQC</t>
  </si>
  <si>
    <t>【东方自控】功率单元\DPC100D1BZ-F01B</t>
  </si>
  <si>
    <t>【东方自控】功率单元\DPC100D1BZ-F01E</t>
  </si>
  <si>
    <t>【东方自控】功率单元\DPC100D1BZ-F01CQC</t>
  </si>
  <si>
    <t>【东方自控】功率单元\DPC150S1CY-G01B</t>
  </si>
  <si>
    <t>【东方自控】功率单元\DPC150S1CY-G01F</t>
  </si>
  <si>
    <t>【东方自控】功率单元\DPC150S1CX-G01B</t>
  </si>
  <si>
    <t>【东方自控】功率单元\DPC150S1CX-G01C</t>
  </si>
  <si>
    <t>【东方自控】功率单元\DPC150S1BY-G01CQC</t>
  </si>
  <si>
    <t>【东方自控】功率单元\DPC150S1CX-G01CQC</t>
  </si>
  <si>
    <t>【东方自控】功率单元\DPC150D1CZ-G01B</t>
  </si>
  <si>
    <t>【东方自控】功率单元\DPC150D1CZ-G01F</t>
  </si>
  <si>
    <t>【东方自控】功率单元\DPC150D1CZ-G01CQC</t>
  </si>
  <si>
    <t>【东方自控】功率单元\DPC150D1CZ-G02CQC</t>
  </si>
  <si>
    <t>【东方自控】功率单元\DPC200S2AX-D02B</t>
  </si>
  <si>
    <t>【东方自控】功率单元\DPC200S2AX-D02C</t>
  </si>
  <si>
    <t>【东方自控】功率单元\DPC200D2AX-D02C</t>
  </si>
  <si>
    <t>【东方自控】功率单元\DPC225S2AX-C01B</t>
  </si>
  <si>
    <t>【东方自控】功率单元\DPC225S2AX-D01B</t>
  </si>
  <si>
    <t>【东方自控】功率单元\DPC225D2AY-F01B</t>
  </si>
  <si>
    <t>【东方自控】功率单元\DPC225D2AX-D01B</t>
  </si>
  <si>
    <t>【东方自控】功率单元\DPC225D2AX-A</t>
  </si>
  <si>
    <t>【东方自控】功率单元\DPC225D2AX-C01B</t>
  </si>
  <si>
    <t>【东方自控】功率单元\DPC300S2BX-B01B</t>
  </si>
  <si>
    <t>【东方自控】功率单元\DPC300S2BX-B</t>
  </si>
  <si>
    <t>【东方自控】功率单元\DPC300S2BX-A</t>
  </si>
  <si>
    <t>【东方自控】功率单元\DPC300S2AX-F</t>
  </si>
  <si>
    <t>【东方自控】功率单元\DPC300D2BX-B01B</t>
  </si>
  <si>
    <t>【东方自控】功率单元\DPC300D2BX-B</t>
  </si>
  <si>
    <t>【东方自控】功率单元\DPC300D2BX-A</t>
  </si>
  <si>
    <t>【东方自控】功率单元\DPC300D2BY-C01B</t>
  </si>
  <si>
    <t>【东方自控】功率单元\DPC300D2BY-C</t>
  </si>
  <si>
    <t>【东方自控】功率单元\DPC300D2AX-F</t>
  </si>
  <si>
    <t>【东方自控】功率单元\DPC400S3AZ-A02B</t>
  </si>
  <si>
    <t>【东方自控】功率单元\DPC400S3AZ-A02C</t>
  </si>
  <si>
    <t>【东方自控】功率单元\DG450-GDSW-A</t>
  </si>
  <si>
    <t>【东方自控】功率单元\DPC450S3AZ-A01B</t>
  </si>
  <si>
    <t>【东方自控】功率单元\DPC450S3BZ-C01B</t>
  </si>
  <si>
    <t>【东方自控】功率单元\DPC450S3BZ-A</t>
  </si>
  <si>
    <t>【东方自控】功率单元\DPC600D4CX-A</t>
  </si>
  <si>
    <t>【东方自控】功率单元\DPC600D4DX-A</t>
  </si>
  <si>
    <t>【东方自控】功率单元\DPC900S5AZ-F</t>
  </si>
  <si>
    <t>【东方自控】功率单元\DPC900S5AZ-F01QC</t>
  </si>
  <si>
    <t>【东方自控】功率单元\DPC900S5AZ-E</t>
  </si>
  <si>
    <t>【东方自控】功率单元\DPC1200S5BZ-B01QC</t>
  </si>
  <si>
    <t>【东方自控】功率单元\FDPC75C2-B</t>
  </si>
  <si>
    <t>【东方自控】功率单元\FDPC75C3-B</t>
  </si>
  <si>
    <t>【东方自控】功率单元\FDPC75C4-B</t>
  </si>
  <si>
    <t>【东方自控】功率单元\FDPC100C5-B</t>
  </si>
  <si>
    <t>【东方自控】功率单元\FDPC150C6-B</t>
  </si>
  <si>
    <t>【东方自控】功率单元\FDPC150C7-B</t>
  </si>
  <si>
    <t>【东方自控】功率单元\FDPC150C8-B</t>
  </si>
  <si>
    <t>【东方自控】功率单元\FDPC200C9-B</t>
  </si>
  <si>
    <t>【东方自控】功率单元\FDPC200C9</t>
  </si>
  <si>
    <t>【东方自控】功率单元\FDPC200-A</t>
  </si>
  <si>
    <t>【东方自控】功率单元\FDPC300-A</t>
  </si>
  <si>
    <t>【东方自控】功率单元\FDPC450-A</t>
  </si>
  <si>
    <t>【东方自控】功率单元\FDPC600-A</t>
  </si>
  <si>
    <t>【东方自控】功率单元\HVIU1720S1A-D</t>
  </si>
  <si>
    <t>【东方自控】功率单元\HVIU1730S1A-D</t>
  </si>
  <si>
    <t>【东方自控】功率单元\HVIU1745S1A-D</t>
  </si>
  <si>
    <t>【东方自控】功率单元\HVIU1730D1A-D</t>
  </si>
  <si>
    <t>【东方自控】功率单元\HVIU1760D1A-D</t>
  </si>
  <si>
    <t>【东方自控】功率单元\HVIU17150S1A-D</t>
  </si>
  <si>
    <t>【东方自控】功率单元\DPC150H</t>
  </si>
  <si>
    <t>【东方自控】功率单元\DPC300H</t>
  </si>
  <si>
    <t>【东方自控】功率单元\DPC600H</t>
  </si>
  <si>
    <t>【东方自控】功率单元\DPC1200H</t>
  </si>
  <si>
    <t>【东方自控】功率单元\II-6B/S</t>
  </si>
  <si>
    <t>【东方自控】功率单元\II-6B/D</t>
  </si>
  <si>
    <t>【东方自控】主控板\HVS026</t>
  </si>
  <si>
    <t>【东方自控】主控板\HJE000</t>
  </si>
  <si>
    <t>【东方自控】主控板\MB201Z-A</t>
  </si>
  <si>
    <t>【东方自控】主控板\MB201Z-B</t>
  </si>
  <si>
    <t>【东方自控】主控板\MB210Z-D</t>
  </si>
  <si>
    <t>【东方自控】主控板\MB210Z-E</t>
  </si>
  <si>
    <t>【东方自控】主控板\MB210Z-F</t>
  </si>
  <si>
    <t>【东方自控】主控板\MB212Z-A</t>
  </si>
  <si>
    <t>【东方自控】瞬停板\MB116Z-B</t>
  </si>
  <si>
    <t>【东方自控】单元控制板\HVS75</t>
  </si>
  <si>
    <t>【东方自控】单元控制板\HVS750</t>
  </si>
  <si>
    <t>【东方自控】单元控制板\MB169Z-A</t>
  </si>
  <si>
    <t>【东方自控】单元控制板\MB122Z-E</t>
  </si>
  <si>
    <t>【东方自控】单元控制板\MB122Z-B</t>
  </si>
  <si>
    <t>【东方自控】单元控制板\MB122Z-F</t>
  </si>
  <si>
    <t>【东方自控】单元控制板\MB140Z-C</t>
  </si>
  <si>
    <t>【东方自控】单元驱动板\MB131Z-A</t>
  </si>
  <si>
    <t>【东方自控】单元驱动板\MB131Z-B</t>
  </si>
  <si>
    <t>【东方自控】单元驱动板\MB010-C</t>
  </si>
  <si>
    <t>【东方自控】单元驱动板\MB126Z-D</t>
  </si>
  <si>
    <t>【东方自控】轴流散热风机\FE050-VDQ41.V7</t>
  </si>
  <si>
    <t>【东方自控】轴流散热风机\S4D450</t>
  </si>
  <si>
    <t>【东方自控】轴流散热风机\W4D450</t>
  </si>
  <si>
    <t>【东方自控】轴流散热风机\W4D500</t>
  </si>
  <si>
    <t>【东方自控】轴流散热风机\W4D630</t>
  </si>
  <si>
    <t>【东方自控】轴流散热风机\ALB450D4-2M00-T</t>
  </si>
  <si>
    <t>【东方自控】轴流散热风机\ALB500D4-4M00-T</t>
  </si>
  <si>
    <t>【东方自控】轴流散热风机\ALB630D4-4M00-T</t>
  </si>
  <si>
    <t>【东方自控】离心散热风机\R4D450-AK01-01</t>
  </si>
  <si>
    <t>【东方自控】离心散热风机\R4D500-AT03-01</t>
  </si>
  <si>
    <t>【东方自控】离心散热风机\R4D560-AQ03-01</t>
  </si>
  <si>
    <t>【东方自控】离心散热风机\R4D630-AQ13-05</t>
  </si>
  <si>
    <t>【东方自控】离心散热风机\RMBA450D4.138B-2F</t>
  </si>
  <si>
    <t>【东方自控】离心散热风机\RMBA500D4.155A-3D</t>
  </si>
  <si>
    <t>【东方自控】离心散热风机\RMBA560D4.155B-3K</t>
  </si>
  <si>
    <t>【东方自控】离心散热风机\RHA400D4.123B-2D</t>
  </si>
  <si>
    <t>【东方自控】离心散热风机\RHA630D4.180A-4LS</t>
  </si>
  <si>
    <t>【东方自控】开关电源\LRS-50-5</t>
  </si>
  <si>
    <t>【东方自控】开关电源\LRS-50-15</t>
  </si>
  <si>
    <t>【东方自控】开关电源\LRS-100-24</t>
  </si>
  <si>
    <t>【东方自控】开关电源\EDR-120-24</t>
  </si>
  <si>
    <t>【东方自控】开关电源\HDR-15-5</t>
  </si>
  <si>
    <t>【东方自控】开关电源\HK10A-5/A</t>
  </si>
  <si>
    <t>【东方自控】开关电源\HK10A-15/A</t>
  </si>
  <si>
    <t>【东方自控】开关电源\HK50A-24/A</t>
  </si>
  <si>
    <t>【东方自控】开关电源\NES-100-24</t>
  </si>
  <si>
    <t>【东方自控】开关电源\NET-50B</t>
  </si>
  <si>
    <t>【东方自控】开关电源\RT-50B</t>
  </si>
  <si>
    <t>【东方自控】开关电源\RT-50C</t>
  </si>
  <si>
    <t>【东方自控】开关电源\T-40B</t>
  </si>
  <si>
    <t>【东方自控】开关电源\RS-15-5</t>
  </si>
  <si>
    <t>【东方自控】开关电源\RS-25-15</t>
  </si>
  <si>
    <t>【东方自控】开关电源\RS-100-24</t>
  </si>
  <si>
    <t>【东方自控】开关电源\HDR-15-15</t>
  </si>
  <si>
    <t>【东方自控】开关电源\JWT100-5FF/A</t>
  </si>
  <si>
    <t>【东方自控】触摸屏\MT6071IE</t>
  </si>
  <si>
    <t>【东方自控】触摸屏\GC-73LM-RC</t>
  </si>
  <si>
    <t>【东方自控】触摸屏\6AV6 648-OCC11-3AX0</t>
  </si>
  <si>
    <t>【东方自控】触摸屏\6AV6 648-0BC11-3AX0</t>
  </si>
  <si>
    <t>【东方自控】触摸屏\EA7E-TW7CL-C</t>
  </si>
  <si>
    <t>【东方自控】PLC模块\6ES7 288-1SR40-0AA0</t>
  </si>
  <si>
    <t>【东方自控】PLC模块\6ES7 288-1ST40-0AA0</t>
  </si>
  <si>
    <t>【东方自控】PLC模块\6ES7 216-2BD23-0XB8</t>
  </si>
  <si>
    <t>【东方自控】电流传感器\NNC-900AS</t>
  </si>
  <si>
    <t>【东方自控】电流传感器\LF1005/S</t>
  </si>
  <si>
    <t>【东方自控】电流传感器\LF1005S/SP16</t>
  </si>
  <si>
    <t>【东方自控】电流传感器\HAX 1000-S</t>
  </si>
  <si>
    <t>【东方自控】电流传感器\HC-SN200V4B15</t>
  </si>
  <si>
    <t>【东方自控】电流传感器\HC-SNA050V4B15T</t>
  </si>
  <si>
    <t>【东方自控】电流传感器\HC-SNA300V4B15T</t>
  </si>
  <si>
    <t>【东方自控】电流传感器\LT308-S6</t>
  </si>
  <si>
    <t>【东方自控】电流传感器\LT508-S6</t>
  </si>
  <si>
    <t>【东方自控】电流传感器\JCE308-TS6</t>
  </si>
  <si>
    <t>【东方自控】扩展板\DLPD000-TB1</t>
  </si>
  <si>
    <t>【东方自控】扩展板\MB175Z-B</t>
  </si>
  <si>
    <t>【东方自控】扩展板\MB213Z-B2</t>
  </si>
  <si>
    <t>【东方自控】扩展板\MB213Z-B</t>
  </si>
  <si>
    <t>【东方自控】扩展板\MB213Z-C</t>
  </si>
  <si>
    <t>【东方自控】信号转接板\MB304Z-B</t>
  </si>
  <si>
    <t>【东方自控】接地检测板\HVS610</t>
  </si>
  <si>
    <t>【东方自控】接地检测板\MB177Z-B</t>
  </si>
  <si>
    <t>【扬修】操作面板\D160203-B\电动执行机构\F-DZW-FB</t>
  </si>
  <si>
    <t>扬州电力设备修造厂有限公司</t>
  </si>
  <si>
    <t>扬修</t>
  </si>
  <si>
    <t>WZSCCG-2020-BJ-039</t>
  </si>
  <si>
    <t>国家能源e购商城扬修电执行机构及磨煤机备件商城铺货长协采购框架合同</t>
  </si>
  <si>
    <t>【扬修】电源板\D160303-B\电动执行机构\F-DZW-FB</t>
  </si>
  <si>
    <t>【扬修】主板\D160103-B\电动执行机构\F-DZW-FB</t>
  </si>
  <si>
    <t>【扬修】操作面板\D160203-C\电动执行机构\F-DZW-FC</t>
  </si>
  <si>
    <t>【扬修】电源板\D160303-C\电动执行机构\F-DZW-FC</t>
  </si>
  <si>
    <t>【扬修】主板\D160103-C\电动执行机构\F-DZW-FC</t>
  </si>
  <si>
    <t>【扬修】操作面板\D160203-D\电动执行机构\F-DZW-FD</t>
  </si>
  <si>
    <t>【扬修】电源板\D160303-D\电动执行机构\F-DZW-FD</t>
  </si>
  <si>
    <t>【扬修】主板\D160103-D\电动执行机构\F-DZW-FD</t>
  </si>
  <si>
    <t>【扬修】控制器\W536610\电动执行机构\F-DZW</t>
  </si>
  <si>
    <t>【扬修】控制器\W536650\电动执行机构\F-DZW</t>
  </si>
  <si>
    <t>【扬修】电机\YDF025\电动执行机构\F-DZW</t>
  </si>
  <si>
    <t>【扬修】电机\YDF037\电动执行机构\F-DZW</t>
  </si>
  <si>
    <t>【扬修】电机\YDF055\电动执行机构\F-DZW</t>
  </si>
  <si>
    <t>【扬修】电机\YDF150\电动执行机构\F-DZW</t>
  </si>
  <si>
    <t>【扬修】光电编码器\Z316001\电动执行机构\F-DZW</t>
  </si>
  <si>
    <t>【扬修】绝对编码器\Z316001-2\电动执行机构\F-DZW</t>
  </si>
  <si>
    <t>【扬修】功率控制器\W706000\电动执行机构\WK</t>
  </si>
  <si>
    <t>【扬修】功率控制器\W706001\电动执行机构\WK</t>
  </si>
  <si>
    <t>【扬修】操作面板\W836011\电动执行机构\WK</t>
  </si>
  <si>
    <t>【扬修】电源板\D950103\电动执行机构\WK</t>
  </si>
  <si>
    <t>【扬修】功率控制器\Y106002-3\电动执行机构\LK-3</t>
  </si>
  <si>
    <t>【扬修】功率控制器\Y106002-75\电动执行机构\LK-3</t>
  </si>
  <si>
    <t>【扬修】操作面板\Y607018\电动执行机构\LK-3</t>
  </si>
  <si>
    <t>【扬修】电源板\D960103\电动执行机构\LK-3</t>
  </si>
  <si>
    <t>【扬修】功率控制器\Y106002-150\电动执行机构\LK-3</t>
  </si>
  <si>
    <t>【扬修】操作面板\Y616000-B\电动执行机构\F-2SA3-100B</t>
  </si>
  <si>
    <t>【扬修】电源板\D120403-B\电动执行机构\F-2SA3-100B</t>
  </si>
  <si>
    <t>【扬修】主板\D120103-B\电动执行机构\F-2SA3-100B</t>
  </si>
  <si>
    <t>【扬修】操作面板\Y616000-C\电动执行机构\F-2SA3-100C</t>
  </si>
  <si>
    <t>【扬修】电源板\D120403-C\电动执行机构\F-2SA3-100C</t>
  </si>
  <si>
    <t>【扬修】主板\D120103-C\电动执行机构\F-2SA3-100C</t>
  </si>
  <si>
    <t>【扬修】操作面板\Y616000-D\电动执行机构\F-2SA3-100D</t>
  </si>
  <si>
    <t>【扬修】电源板\D120403-D\电动执行机构\F-2SA3-100D</t>
  </si>
  <si>
    <t>【扬修】主板\D120103-D\电动执行机构\F-2SA3-100D</t>
  </si>
  <si>
    <t>【扬修】电控组件\Z040104\电动执行机构\F-2SA3</t>
  </si>
  <si>
    <t>【扬修】电机\C300101-0.75\电动执行机构\2SA3</t>
  </si>
  <si>
    <t>【扬修】电机\C300101-1.5\电动执行机构\2SA3</t>
  </si>
  <si>
    <t>【扬修】电机\C300101-3.0\电动执行机构\2SA3</t>
  </si>
  <si>
    <t>【扬修】操作面板\Z050205-1\电动执行机构\2SDQ</t>
  </si>
  <si>
    <t>【扬修】电源板\Z050205-2\电动执行机构\2SDQ</t>
  </si>
  <si>
    <t>【扬修】主板\Z050205-3\电动执行机构\2SDQ</t>
  </si>
  <si>
    <t>【扬修】专用插座\C202550-24\380V\8A\1</t>
  </si>
  <si>
    <t>【扬修】专用插座\C202550-6\380V\8A\1</t>
  </si>
  <si>
    <t>【扬修】减速箱\JW80B\电动执行机构\2SQ8011</t>
  </si>
  <si>
    <t>【扬修】红外遥控器\B016307\电动执行机构\F-DZW/F-2SA3</t>
  </si>
  <si>
    <t>【扬修】电池\ICR18500-1400mAh DC3.7V</t>
  </si>
  <si>
    <t>【扬修】联轴器\YX280.01\磨煤机\MPS280</t>
  </si>
  <si>
    <t>【扬修】翻辊装置\YX280.02\磨煤机\MPS280</t>
  </si>
  <si>
    <t>【扬修】尼龙棒\YX280.03\磨煤机\MPS280</t>
  </si>
  <si>
    <t>【扬修】压板\YX280.04\磨煤机\MPS280</t>
  </si>
  <si>
    <t>【扬修】氟胶圈\YX280.05\磨煤机\MPS280</t>
  </si>
  <si>
    <t>【扬修】刮板装置\YX280.07\磨煤机\MPS280</t>
  </si>
  <si>
    <t>【扬修】防磨板\YX280.08\磨煤机\MPS280</t>
  </si>
  <si>
    <t>【扬修】防磨板\YX280.09\磨煤机\MPS280</t>
  </si>
  <si>
    <t>【扬修】防磨板\YX280.10\磨煤机\MPS280</t>
  </si>
  <si>
    <t>【扬修】防磨板\YX280.11\磨煤机\MPS280</t>
  </si>
  <si>
    <t>【扬修】连接件\YX280.12\磨煤机\MPS280</t>
  </si>
  <si>
    <t>【扬修】拉杆内密封\YX280.13\磨煤机\MPS280</t>
  </si>
  <si>
    <t>【扬修】拉杆外密封\YX280.14\磨煤机\MPS280</t>
  </si>
  <si>
    <t>【扬修】连接销\YX280.15\磨煤机\MPS280</t>
  </si>
  <si>
    <t>【扬修】联接板\YX280.16\磨煤机\MPS280</t>
  </si>
  <si>
    <t>【扬修】磨盘瓦\YX280.17\磨煤机\MPS280</t>
  </si>
  <si>
    <t>【扬修】连接件\YX280.18\磨煤机\MPS280</t>
  </si>
  <si>
    <t>【扬修】紧固件\YX280.19\磨煤机\MPS280</t>
  </si>
  <si>
    <t>【扬修】磨辊支架\YX280.20\磨煤机\MPS280</t>
  </si>
  <si>
    <t>【扬修】外密封环\YX280.21\磨煤机\MPS280</t>
  </si>
  <si>
    <t>【扬修】筋板\YX280.22\磨煤机\MPS280</t>
  </si>
  <si>
    <t>【扬修】垫环\YX280.23\磨煤机\MPS280</t>
  </si>
  <si>
    <t>【扬修】静环\YX280.24\磨煤机\MPS280</t>
  </si>
  <si>
    <t>【扬修】动环\YX280.25\磨煤机\MPS280</t>
  </si>
  <si>
    <t>【扬修】导向锥\YX280.26\磨煤机\MPS280</t>
  </si>
  <si>
    <t>【扬修】衬板\YX280.27\磨煤机\MPS280</t>
  </si>
  <si>
    <t>【扬修】焊塞\YX280.28\磨煤机\MPS280</t>
  </si>
  <si>
    <t>【扬修】张紧杆\YX280.29\磨煤机\MPS280</t>
  </si>
  <si>
    <t>【扬修】减速箱\YX280.30\减速器\MF55</t>
  </si>
  <si>
    <t>【扬修】垫圈\YX280.31\磨煤机\CS2036B</t>
  </si>
  <si>
    <t>【扬修】弹性圆柱销\YX280.32\磨煤机\CS2036</t>
  </si>
  <si>
    <t>【扬修】下架体密封\YX280.33\磨煤机\CS2036</t>
  </si>
  <si>
    <t>【扬修】磨盘\YX280.34\磨煤机\CS2024</t>
  </si>
  <si>
    <t>【扬修】磨辊总成\YX280.35\磨煤机\CS2024</t>
  </si>
  <si>
    <t>【扬修】压环\YX280.36\磨煤机\CS2024</t>
  </si>
  <si>
    <t>【扬修】减震装置\YX280.37\磨煤机\CS2024</t>
  </si>
  <si>
    <t>【扬修】轴端罩\YX280.38\磨煤机\CS2024</t>
  </si>
  <si>
    <t>【扬修】拉紧环\YX280.39\磨煤机\CS2024</t>
  </si>
  <si>
    <t>【扬修】排气阀\YX280.40\磨煤机\CS2024</t>
  </si>
  <si>
    <t>【扬修】堵头\YX280.41\磨煤机\CS2024</t>
  </si>
  <si>
    <t>【扬修】骨架油封\YX280.42\磨煤机\CS2024</t>
  </si>
  <si>
    <t>【扬修】内轴承\YX280.43\磨煤机\CS2036B</t>
  </si>
  <si>
    <t>【扬修】密封圈\YX280.44\磨煤机\CS2036</t>
  </si>
  <si>
    <t>【扬修】密封圈\YX280.45\磨煤机\CS2024</t>
  </si>
  <si>
    <t>【扬修】耐磨衬套\YX280.46\磨煤机\CS2018</t>
  </si>
  <si>
    <t>【扬修】密封圈\YX280.47 φ370×8.6mm\磨煤机\MPS280</t>
  </si>
  <si>
    <t>【扬修】外轴承\YX280.48\磨煤机\MPS280</t>
  </si>
  <si>
    <t>【扬修】出口快关门\YX280.49\磨煤机\CS2024</t>
  </si>
  <si>
    <t>【扬修】密封胶条\YX280.50 φ10mm 1米/件\磨煤机\CS2018</t>
  </si>
  <si>
    <t>【扬修】密封胶条\YX280.51\磨煤机\CS2018</t>
  </si>
  <si>
    <t>【扬修】密封胶条整套\YX280.52\磨煤机\CS2036B</t>
  </si>
  <si>
    <t>【扬修】环形空气管\YX280.53\磨煤机\CS2036</t>
  </si>
  <si>
    <t>【扬修】空气密封管\YX280.54\磨煤机\CS2024</t>
  </si>
  <si>
    <t>【扬修】防尘罩\YX280.55\磨煤机\CS2036B</t>
  </si>
  <si>
    <t>【扬修】紧固件\YX280.56\磨煤机\CS2036</t>
  </si>
  <si>
    <t>【扬修】动叶紧固件\YX280.57\磨煤机\CS2024</t>
  </si>
  <si>
    <t>【扬修】缓冲垫\YX280.58\磨煤机\CS2018</t>
  </si>
  <si>
    <t>【扬修】将军帽\YX280.59\磨煤机\CS2036B</t>
  </si>
  <si>
    <t>【扬修】大盖板\YX280.60\磨煤机\CS2036</t>
  </si>
  <si>
    <t>【扬修】落煤口\YX280.61\磨煤机\CS2024</t>
  </si>
  <si>
    <t>【扬修】铰支座\YX280.62\磨煤机\CS2018</t>
  </si>
  <si>
    <t>【扬修】铰支座弹簧套\YX280.63\磨煤机\CS2036B</t>
  </si>
  <si>
    <t>【扬修】座盖\YX280.64\磨煤机\CS2036</t>
  </si>
  <si>
    <t>【扬修】下口齿轮\YX280.65\磨煤机\CS2024</t>
  </si>
  <si>
    <t>【扬修】靠背轮\YX280.66\磨煤机\CS2018</t>
  </si>
  <si>
    <t>【扬修】液压缸缸密封件\YX280.67\磨煤机\CS2036B</t>
  </si>
  <si>
    <t>【扬修】蓄能器密封件\YX280.68\磨煤机\CS2036</t>
  </si>
  <si>
    <t>【扬修】闸板门\YX280.69\磨煤机\CS2024</t>
  </si>
  <si>
    <t>【扬修】耐磨板\YX280.70\磨煤机\CS2018</t>
  </si>
  <si>
    <t>【阿特拉斯】最小压力阀组件\GA11CP\1513040081</t>
  </si>
  <si>
    <t>【阿特拉斯】最小压力阀维修包\GX11P-13\2901141100</t>
  </si>
  <si>
    <t>【阿特拉斯】最小压力阀维修包\GA11+P A13\2901099700</t>
  </si>
  <si>
    <t>【阿特拉斯】主电机ABB\GA250-7.5\1080404602</t>
  </si>
  <si>
    <t>【阿特拉斯】轴封维修包\GX11P-13\2901091900</t>
  </si>
  <si>
    <t>【阿特拉斯】轴封\GA11CP\1614950600</t>
  </si>
  <si>
    <t>【阿特拉斯】直通终端接头\LU250 7.5\2205439300</t>
  </si>
  <si>
    <t>【阿特拉斯】油位计\GA22-10\1613902000</t>
  </si>
  <si>
    <t>【阿特拉斯】油器分离器维修包\GA11+P A13\2901196300</t>
  </si>
  <si>
    <t>【阿特拉斯】油气分离器\GA22PA-13\2903035100</t>
  </si>
  <si>
    <t>【阿特拉斯】油滤\GA11+P A13\2903783600</t>
  </si>
  <si>
    <t>【阿特拉斯】油路集管\LU250-7.5\2205433503</t>
  </si>
  <si>
    <t>【阿特拉斯】油路集管\LU250-7.5\2205159905</t>
  </si>
  <si>
    <t>【阿特拉斯】油路集管\LU250-7.5\2205116600</t>
  </si>
  <si>
    <t>【阿特拉斯】油冷却器\GA250\1614705900</t>
  </si>
  <si>
    <t>【阿特拉斯】油过滤器维修包\GA11+P A13\2901196100</t>
  </si>
  <si>
    <t>【阿特拉斯】油过滤器\GA11CP\2903033701</t>
  </si>
  <si>
    <t>【阿特拉斯】油过滤保养包\GA132\2906017000</t>
  </si>
  <si>
    <t>【阿特拉斯】油分离器包\GA11CP\2903087100</t>
  </si>
  <si>
    <t>【阿特拉斯】用8000小时保养包\GA132-7.5\2906010400</t>
  </si>
  <si>
    <t>【阿特拉斯】压力开关\GA11CP-13\1089913920</t>
  </si>
  <si>
    <t>【阿特拉斯】压力传感器\GA11CP\1089057551</t>
  </si>
  <si>
    <t>【阿特拉斯】压力传感器\GA132\1089057541</t>
  </si>
  <si>
    <t>【阿特拉斯】压力表\LU250-7.5\2205439800</t>
  </si>
  <si>
    <t>【阿特拉斯】压差发讯器\LU250-7.5\2205462100</t>
  </si>
  <si>
    <t>【阿特拉斯】压差发讯器\LU250-7.5\2205460900</t>
  </si>
  <si>
    <t>【阿特拉斯】压差发讯器\LU250-7.5\2205460800</t>
  </si>
  <si>
    <t>【阿特拉斯】卸荷阀维修包\GA250-7.5\2906009700</t>
  </si>
  <si>
    <t>【阿特拉斯】卸荷阀维修包\GA11+P A13\2902016100</t>
  </si>
  <si>
    <t>【阿特拉斯】卸荷阀维修包\GA11\2901029850</t>
  </si>
  <si>
    <t>【阿特拉斯】卸荷阀盖总成\GA160-7.5\1614917780</t>
  </si>
  <si>
    <t>【阿特拉斯】卸荷阀\GA11C\1613900884</t>
  </si>
  <si>
    <t>【阿特拉斯】小齿轮\GA250-7.5\1614967300</t>
  </si>
  <si>
    <t>【阿特拉斯】温控阀\GA250\1619733300</t>
  </si>
  <si>
    <t>【阿特拉斯】温度开关\GA11C\1089063705</t>
  </si>
  <si>
    <t>【阿特拉斯】温度传感器\GA132\1089057413</t>
  </si>
  <si>
    <t>【阿特拉斯】调节阀\GA250-7.5\1614728500</t>
  </si>
  <si>
    <t>【阿特拉斯】输水器包\GA11\2901071200</t>
  </si>
  <si>
    <t>【阿特拉斯】手动排污管\GA250\75555139</t>
  </si>
  <si>
    <t>【阿特拉斯】手动排水阀阀门\GA22PA-13\852001055</t>
  </si>
  <si>
    <t>【阿特拉斯】皮带\GA11CP\1613903205</t>
  </si>
  <si>
    <t>【阿特拉斯】尼龙管\LU250-7.5\2205422600</t>
  </si>
  <si>
    <t>【阿特拉斯】密封圈\LU250-7.5\2205431414</t>
  </si>
  <si>
    <t>【阿特拉斯】门板钥匙\GA22PA-13\1089906801</t>
  </si>
  <si>
    <t>【阿特拉斯】连接体\GA11CP-13\1622055900</t>
  </si>
  <si>
    <t>【阿特拉斯】冷却器维修包\GA132/GA160-7.5\2906009900</t>
  </si>
  <si>
    <t>【阿特拉斯】冷却器\GA37\1622318800</t>
  </si>
  <si>
    <t>【阿特拉斯】空压机GA90-8.5-8000小时保养包\GA90-8.5\2906057400</t>
  </si>
  <si>
    <t>【阿特拉斯】空气滤芯\GA11\1613900100</t>
  </si>
  <si>
    <t>【阿特拉斯】空气滤芯\GA250\1030097900</t>
  </si>
  <si>
    <t>【阿特拉斯】空气过滤器\GA37\1613740800</t>
  </si>
  <si>
    <t>【阿特拉斯】空滤\GA22-10\2903101200</t>
  </si>
  <si>
    <t>【阿特拉斯】接头\LU250-7.5\2205150300</t>
  </si>
  <si>
    <t>【阿特拉斯】接触器\GA250-7.5\1089941580</t>
  </si>
  <si>
    <t>【阿特拉斯】急停按钮\LU250-7.5\2205418900</t>
  </si>
  <si>
    <t>【阿特拉斯】活塞组件\GA160/GA132-7.5\2906602100</t>
  </si>
  <si>
    <t>【阿特拉斯】恒温阀保养包\GA22PA-13\2901006900</t>
  </si>
  <si>
    <t>【阿特拉斯】恒温阀包\GA11+PA13\2901161800</t>
  </si>
  <si>
    <t>【阿特拉斯】过滤器保养包\GA55P-13\2901195001</t>
  </si>
  <si>
    <t>【阿特拉斯】过滤器保养包\GA37\29011623-00</t>
  </si>
  <si>
    <t>【阿特拉斯】高温调节阀维修包\GX11P-13\2901041400</t>
  </si>
  <si>
    <t>【阿特拉斯】风扇电机\GA250-7.5\2205410502</t>
  </si>
  <si>
    <t>【阿特拉斯】风扇电机\GA250-7.5\1091631835</t>
  </si>
  <si>
    <t>【阿特拉斯】风扇电机\GA250\1080279501</t>
  </si>
  <si>
    <t>【阿特拉斯】风扇\GA200-7.5\1614928500</t>
  </si>
  <si>
    <t>【阿特拉斯】风扇\GA250-7.5\1614706300</t>
  </si>
  <si>
    <t>【阿特拉斯】风扇\GA11CP-13\1613981901</t>
  </si>
  <si>
    <t>【阿特拉斯】电脑控制器\GA37+AP-7.5\1900071281</t>
  </si>
  <si>
    <t>【阿特拉斯】电脑控制器\GA22PA-13\1900071271</t>
  </si>
  <si>
    <t>【阿特拉斯】电缆束\GA132-7.5/GA160-7.5\1621092100</t>
  </si>
  <si>
    <t>【阿特拉斯】电缆束\GA132-7.5\1621092000</t>
  </si>
  <si>
    <t>【阿特拉斯】电控柜门板钥匙\GA22PA-13\1089915402</t>
  </si>
  <si>
    <t>【阿特拉斯】电机大修包\GA11+PA13\1625003308</t>
  </si>
  <si>
    <t>【阿特拉斯】电磁阀\GA55P-13\1089070210</t>
  </si>
  <si>
    <t>【阿特拉斯】电磁阀\GA250\1089050506</t>
  </si>
  <si>
    <t>【阿特拉斯】电磁阀\GA250\6236382300</t>
  </si>
  <si>
    <t>【阿特拉斯】弹簧\GX11P-13\830100888</t>
  </si>
  <si>
    <t>【阿特拉斯】大齿轮\GA250-7.5\1614967200</t>
  </si>
  <si>
    <t>【阿特拉斯】衬套\GA11CP\1616551900</t>
  </si>
  <si>
    <t>【阿特拉斯】插件\GA250-7.5\1614773500</t>
  </si>
  <si>
    <t>【阿特拉斯】操作面板\AC24V/10VA 50/60Hz\P1900520000</t>
  </si>
  <si>
    <t>【阿特拉斯】保养包8000小时\GA250\2906020700</t>
  </si>
  <si>
    <t>【阿特拉斯】保养包4000小时\GA250\2906020600</t>
  </si>
  <si>
    <t>【阿特拉斯】保养包8000小时\GA22\2901036300</t>
  </si>
  <si>
    <t>【阿特拉斯】安全阀\GX11-13\832100079</t>
  </si>
  <si>
    <t>【阿特拉斯】安全阀\GA11CP\830100873</t>
  </si>
  <si>
    <t>【阿特拉斯】8000小时保养包\GA11+P A13\2901197000</t>
  </si>
  <si>
    <t>【阿特拉斯】8000小时保养包\GA55P-13\2901129243</t>
  </si>
  <si>
    <t>【阿特拉斯】8000小时保养包\GA75AP-10\2901129242</t>
  </si>
  <si>
    <t>【阿特拉斯】油冷却器\GA200-7.5\1614958900</t>
  </si>
  <si>
    <t>【阿特拉斯】相序保护器\LU250 7.5\2205483700</t>
  </si>
  <si>
    <t>【阿特拉斯】V形带\GA11CP\1613903207</t>
  </si>
  <si>
    <t>【阿特拉斯】8000小时保养包\GA22PA-13\2901120300</t>
  </si>
  <si>
    <t>【成都风机】主轴承装配\HT28252-883\CD-V7007939a</t>
  </si>
  <si>
    <t>【成都风机】叶轮毂装配\HT28252-883\CD-D0000027680a</t>
  </si>
  <si>
    <t>【成都风机】液压缸\HT28252-883\CD-V7008252a</t>
  </si>
  <si>
    <t>【成都风机】旋转接头\HT28252-883\V7004333</t>
  </si>
  <si>
    <t>【成都风机】叶片\HT28252-883\CD-D0000027733</t>
  </si>
  <si>
    <t>【成都风机】叶片密封环\HT28252-883\CD-8127106</t>
  </si>
  <si>
    <t>【成都风机】叶片骨架密封\HT28252-883\CD-8127105</t>
  </si>
  <si>
    <t>【成都风机】叶片螺栓\HT28252-883\CD-8100548</t>
  </si>
  <si>
    <t>【成都风机】位置传感器(带电缆、二次表)\HT28252-883\PMS100</t>
  </si>
  <si>
    <t>【成都风机】引风机内润滑油管路\HT28252-883\V7017890-RH</t>
  </si>
  <si>
    <t>【成都风机】引风机内控制油管路\HT28252-883\V7017890-KZ</t>
  </si>
  <si>
    <t>【成都风机】联轴器膜片\HT28252-883\V7018175MPZ</t>
  </si>
  <si>
    <t>【成都风机】主轴承装配\HT28252-883\TLT-V7007939a</t>
  </si>
  <si>
    <t>【成都风机】叶轮毂装配\HT28252-883\TLT-D0000027680a</t>
  </si>
  <si>
    <t>【成都风机】液压缸\HT28252-883\TLT-V7008252a</t>
  </si>
  <si>
    <t>【成都风机】叶片\HT28252-883\TLT-D0000027733</t>
  </si>
  <si>
    <t>【成都风机】叶片密封环\HT28252-883\TLT-8127106</t>
  </si>
  <si>
    <t>【成都风机】叶片骨架密封\HT28252-883\TLT-8127105</t>
  </si>
  <si>
    <t>【成都风机】叶片螺栓\HT28252-883\TLT-8100548</t>
  </si>
  <si>
    <t>【成都风机】比例阀\HT28252-883\JGRX-KBDQ4V-33C5DN</t>
  </si>
  <si>
    <t>【成都风机】曲柄\HT28252-883\8112976</t>
  </si>
  <si>
    <t>【成都风机】滑块\HT28252-883\8127034</t>
  </si>
  <si>
    <t>【成都风机】主轴\HT28252-883\V7007941</t>
  </si>
  <si>
    <t>【成都风机】轴承箱\HT28252-883\V7007940a</t>
  </si>
  <si>
    <t>【成都风机】引风机径向旋转组件\HT28252-883\2YZG56-01</t>
  </si>
  <si>
    <t>【成都风机】引风机径向旋转组件\HT28252-883\2YZG56-02</t>
  </si>
  <si>
    <t>【成都风机】引风机推力旋转组件\HT28252-883\2JJQ56-01</t>
  </si>
  <si>
    <t>【成都风机】引风机推力旋转组件\HT28252-883\2JJQ56-02</t>
  </si>
  <si>
    <t>【成都风机】隔环\HT28252-883\V7007890</t>
  </si>
  <si>
    <t>【成都风机】预紧环I\HT28252-883\V7007892a</t>
  </si>
  <si>
    <t>【成都风机】弹簧\HT28252-883\D361</t>
  </si>
  <si>
    <t>【成都风机】甩油环\HT28252-883\V7004281</t>
  </si>
  <si>
    <t>【成都风机】导油环\HT28252-883\V7004287</t>
  </si>
  <si>
    <t>【成都风机】预紧环II\HT28252-883\V7007893a</t>
  </si>
  <si>
    <t>【成都风机】轴承端盖\HT28252-883\V7004292</t>
  </si>
  <si>
    <t>【成都风机】轴承盖\HT28252-883\V7004297</t>
  </si>
  <si>
    <t>【成都风机】骨架密封\HT28252-883\3-405001-015-2</t>
  </si>
  <si>
    <t>【成都风机】O型密封圈\HT28252-883\MF280-4-5</t>
  </si>
  <si>
    <t>【成都风机】间隔环\HT28252-883\V7004303</t>
  </si>
  <si>
    <t>【成都风机】轴头螺母\HT28252-883\V7017736</t>
  </si>
  <si>
    <t>【成都风机】轴头螺母\HT28252-883\HMZ3056</t>
  </si>
  <si>
    <t>【成都风机】叶片轴衬套\HT28252-883\D0000027760</t>
  </si>
  <si>
    <t>【成都风机】叶片轴轴盘\HT28252-883\D0000027765</t>
  </si>
  <si>
    <t>【成都风机】叶片轴\HT28252-883\D0000027767</t>
  </si>
  <si>
    <t>【成都风机】调节盘\HT28252-883\D0000027998</t>
  </si>
  <si>
    <t>【成都风机】调节环\HT28252-883\D0000028002</t>
  </si>
  <si>
    <t>【成都风机】平螺母\HT28252-883\V7000618</t>
  </si>
  <si>
    <t>【成都风机】键\HT28252-883\V7004565ID</t>
  </si>
  <si>
    <t>【成都风机】密封盖\HT28252-883\V7015344</t>
  </si>
  <si>
    <t>【成都风机】支撑盘\HT28252-883\V7014721</t>
  </si>
  <si>
    <t>【成都风机】轮毂推力旋转组件\HT28252-883\V7014799</t>
  </si>
  <si>
    <t>【成都风机】轮毂深沟旋转组件\HT28252-883\6022</t>
  </si>
  <si>
    <t>【成都风机】密封环\HT28252-883\V7013833IDF</t>
  </si>
  <si>
    <t>【成都风机】密封环\HT28252-883\V7003094ID</t>
  </si>
  <si>
    <t>【成都风机】密封环\HT28252-883\V7003093IDF</t>
  </si>
  <si>
    <t>【成都风机】挡圈\HT28252-883\MF172-4</t>
  </si>
  <si>
    <t>【成都风机】O型密封圈\HT28252-883\MF94-5</t>
  </si>
  <si>
    <t>【成都风机】O型密封圈\HT28252-883\MF159-3-5</t>
  </si>
  <si>
    <t>【成都风机】O型密封圈\HT28252-883\MF113-3-5</t>
  </si>
  <si>
    <t>【成都风机】O型密封圈\HT28252-883\MF163-4</t>
  </si>
  <si>
    <t>【成都风机】O型密封圈\HT28252-883\MF121-5</t>
  </si>
  <si>
    <t>【成都风机】复合衬套\HT28252-883\3-404801-045</t>
  </si>
  <si>
    <t>【成都风机】碟簧\HT28252-883\K6021</t>
  </si>
  <si>
    <t>【成都风机】芯轴\HT28252-883\D0000028013</t>
  </si>
  <si>
    <t>【成都风机】滑动套\HT28252-883\V7008579</t>
  </si>
  <si>
    <t>【成都风机】挡圈\HT28252-883\130x4</t>
  </si>
  <si>
    <t>【成都风机】密封套\HT28252-883\8116600</t>
  </si>
  <si>
    <t>【成都风机】导环\HT28252-883\3-804101-010</t>
  </si>
  <si>
    <t>【成都风机】双联密封圈I\HT28252-883\8109889</t>
  </si>
  <si>
    <t>【成都风机】双联密封圈II\HT28252-883\8116601</t>
  </si>
  <si>
    <t>【成都风机】挡圈I\HT28252-883\8019891</t>
  </si>
  <si>
    <t>【成都风机】挡圈II\HT28252-883\8016602</t>
  </si>
  <si>
    <t>【成都风机】刮油环I\HT28252-883\3-803903-013</t>
  </si>
  <si>
    <t>【成都风机】刮油环II\HT28252-883\3-803903-012</t>
  </si>
  <si>
    <t>【成都风机】O型密封圈\HT28252-883\MF492-5</t>
  </si>
  <si>
    <t>【成都风机】O型密封圈\HT28252-883\MF105-4</t>
  </si>
  <si>
    <t>【成都风机】叶轮外壳装配\HT28252-883\V7017820A</t>
  </si>
  <si>
    <t>【成都风机】进气膨胀带\HT28252-883\V7017714</t>
  </si>
  <si>
    <t>【成都风机】出气膨胀带\HT28252-883\V7017715</t>
  </si>
  <si>
    <t>【成都风机】进口活节带\HT28252-883\V7017716</t>
  </si>
  <si>
    <t>【成都风机】出口活节带\HT28252-883\V7017717</t>
  </si>
  <si>
    <t>【成都风机】防扭转装置连杆\HT28252-883\V7017890-1</t>
  </si>
  <si>
    <t>【成都风机】主轴承装配\GT16442-093\CD-V7004049</t>
  </si>
  <si>
    <t>【成都风机】叶轮毂装配\GT16442-093\CD-D0000013060A</t>
  </si>
  <si>
    <t>【成都风机】叶片\GT16442-093\CD-D0000013110</t>
  </si>
  <si>
    <t>【成都风机】叶片密封环\GT16442-093\CD-8124576</t>
  </si>
  <si>
    <t>【成都风机】叶片O型密封圈\GT16442-093\CD-3-803402-526</t>
  </si>
  <si>
    <t>【成都风机】叶片螺栓\GT16442-093\CD-8102518</t>
  </si>
  <si>
    <t>【成都风机】位置传感器(带电缆)\GT16442-093\PMS75</t>
  </si>
  <si>
    <t>【成都风机】送风机内润滑油管路\GT16442-093\V7017753-RH</t>
  </si>
  <si>
    <t>【成都风机】送风机内控制油管路\GT16442-093\V7017753-KZ</t>
  </si>
  <si>
    <t>【成都风机】主轴承装配\GT16442-093\TLT-V7004049</t>
  </si>
  <si>
    <t>【成都风机】叶轮毂装配\GT16442-093\TLT-D0000013060A</t>
  </si>
  <si>
    <t>【成都风机】叶片\GT16442-093\TLT-D0000013110</t>
  </si>
  <si>
    <t>【成都风机】叶片密封环\GT16442-093\TLT-8124576</t>
  </si>
  <si>
    <t>【成都风机】叶片O型密封圈\GT16442-093\TLT-3-803402-526</t>
  </si>
  <si>
    <t>【成都风机】叶片螺栓\GT16442-093\TLT-8102518</t>
  </si>
  <si>
    <t>【成都风机】比例阀\GT16442-093\JGEX-KBPG4V-33C07N</t>
  </si>
  <si>
    <t>【成都风机】曲柄\GT16442-093\8103574</t>
  </si>
  <si>
    <t>【成都风机】滑块\GT16442-093\8113975</t>
  </si>
  <si>
    <t>【成都风机】主轴\GT16442-093\V7004050</t>
  </si>
  <si>
    <t>【成都风机】轴承箱\GT16442-093\V7004051</t>
  </si>
  <si>
    <t>【成都风机】送风机径向旋转组件\GT16442-093\2YZG40-01</t>
  </si>
  <si>
    <t>【成都风机】送风机径向旋转组件\GT16442-093\2YZG40-02</t>
  </si>
  <si>
    <t>【成都风机】送风机推力旋转组件\GT16442-093\2JJQ40-01</t>
  </si>
  <si>
    <t>【成都风机】送风机推力旋转组件\GT16442-093\2JJQ40-02</t>
  </si>
  <si>
    <t>【成都风机】隔环A\GT16442-093\4GA24636</t>
  </si>
  <si>
    <t>【成都风机】隔套I\GT16442-093\4GA24637</t>
  </si>
  <si>
    <t>【成都风机】甩油环\GT16442-093\V7004280</t>
  </si>
  <si>
    <t>【成都风机】导油环\GT16442-093\V7004286</t>
  </si>
  <si>
    <t>【成都风机】轴承端盖\GT16442-093\V7004072</t>
  </si>
  <si>
    <t>【成都风机】轴承盖\GT16442-093\V7004071</t>
  </si>
  <si>
    <t>【成都风机】骨架密封\GT16442-093\8104232</t>
  </si>
  <si>
    <t>【成都风机】O型密封圈\GT16442-093\MF200-4-5</t>
  </si>
  <si>
    <t>【成都风机】间隔环\GT16442-093\V7004302</t>
  </si>
  <si>
    <t>【成都风机】轴头螺母\GT16442-093\V7017734</t>
  </si>
  <si>
    <t>【成都风机】轴头螺母\GT16442-093\HMZ40</t>
  </si>
  <si>
    <t>【成都风机】叶片轴衬套\GT16442-093\D0000013140</t>
  </si>
  <si>
    <t>【成都风机】叶片轴轴盘\GT16442-093\D0000013145</t>
  </si>
  <si>
    <t>【成都风机】叶片轴\GT16442-093\D0000013147</t>
  </si>
  <si>
    <t>【成都风机】调节盘\GT16442-093\D0000013378</t>
  </si>
  <si>
    <t>【成都风机】调节环\GT16442-093\D0000013382</t>
  </si>
  <si>
    <t>【成都风机】平螺母\GT16442-093\V7000616</t>
  </si>
  <si>
    <t>【成都风机】键\GT16442-093\V7004565</t>
  </si>
  <si>
    <t>【成都风机】密封盖\GT16442-093\V7015645</t>
  </si>
  <si>
    <t>【成都风机】支撑盘\GT16442-093\V7015661</t>
  </si>
  <si>
    <t>【成都风机】轮毂推力旋转组件\GT16442-093\V7015364</t>
  </si>
  <si>
    <t>【成都风机】轮毂深沟旋转组件\GT16442-093\61918</t>
  </si>
  <si>
    <t>【成都风机】密封环\GT16442-093\V7013833FDF</t>
  </si>
  <si>
    <t>【成都风机】密封环\GT16442-093\V7003097</t>
  </si>
  <si>
    <t>【成都风机】密封环\GT16442-093\V7003093FDF</t>
  </si>
  <si>
    <t>【成都风机】挡圈\GT16442-093\127x4</t>
  </si>
  <si>
    <t>【成都风机】O型密封圈\GT16442-093\MF79-4</t>
  </si>
  <si>
    <t>【成都风机】O型密封圈\GT16442-093\MF114-3-5</t>
  </si>
  <si>
    <t>【成都风机】O型密封圈\GT16442-093\MF93-3-5</t>
  </si>
  <si>
    <t>【成都风机】O型密封圈\GT16442-093\MF118-4</t>
  </si>
  <si>
    <t>【成都风机】O型密封圈\GT16442-093\MF98-4</t>
  </si>
  <si>
    <t>【成都风机】碟簧\GT16442-093\K6015</t>
  </si>
  <si>
    <t>【成都风机】复合衬套\GT16442-093\3-404801-087</t>
  </si>
  <si>
    <t>【成都风机】密封套\GT16442-093\8105442</t>
  </si>
  <si>
    <t>【成都风机】导环\GT16442-093\3-804101-007</t>
  </si>
  <si>
    <t>【成都风机】双联密封圈I\GT16442-093\8102324</t>
  </si>
  <si>
    <t>【成都风机】双联密封圈II\GT16442-093\8102325</t>
  </si>
  <si>
    <t>【成都风机】挡圈I\GT16442-093\8105445</t>
  </si>
  <si>
    <t>【成都风机】挡圈II\GT16442-093\8105444</t>
  </si>
  <si>
    <t>【成都风机】刮油环I\GT16442-093\3-803903-011</t>
  </si>
  <si>
    <t>【成都风机】刮油环II\GT16442-093\3-803903-010</t>
  </si>
  <si>
    <t>【成都风机】O型密封圈\GT16442-093\MF192MF5</t>
  </si>
  <si>
    <t>【成都风机】O型密封圈\GT16442-093\MF75-4FDF</t>
  </si>
  <si>
    <t>【成都风机】旋转接头\GT16442-093\V7001832</t>
  </si>
  <si>
    <t>【成都风机】叶轮外壳装配\GT16442-093\V7017667A</t>
  </si>
  <si>
    <t>【成都风机】进气膨胀带\GT16442-093\V7017718</t>
  </si>
  <si>
    <t>【成都风机】出气膨胀带\GT16442-093\V7017719</t>
  </si>
  <si>
    <t>【成都风机】进口活节带\GT16442-093\V7017720-1</t>
  </si>
  <si>
    <t>【成都风机】出口活节带\GT16442-093\V7017720-2</t>
  </si>
  <si>
    <t>【成都风机】防扭转装置连杆\GT16442-093\V7017753-1</t>
  </si>
  <si>
    <t>【成都风机】主轴承装配\GT24436-884\CD-V7007928</t>
  </si>
  <si>
    <t>【成都风机】叶轮毂装配\GT24436-884\CD-D0000026384</t>
  </si>
  <si>
    <t>【成都风机】叶片\GT24436-884\CD-D0000026434a</t>
  </si>
  <si>
    <t>【成都风机】叶片密封环\GT24436-884\CD-8123641</t>
  </si>
  <si>
    <t>【成都风机】叶片O型密封圈\GT24436-884\CD-3-803402-603</t>
  </si>
  <si>
    <t>【成都风机】一次风机内润滑油管路\GT24436-884\V7017858-RH</t>
  </si>
  <si>
    <t>【成都风机】一次风机内控制油管路\GT24436-884\V7017858-KZ</t>
  </si>
  <si>
    <t>【成都风机】主轴承装配\GT24436-884\TLT-V7007928</t>
  </si>
  <si>
    <t>【成都风机】叶轮毂装配\GT24436-884\TLT-D0000026384</t>
  </si>
  <si>
    <t>【成都风机】叶片\GT24436-884\TLT-D0000026434a</t>
  </si>
  <si>
    <t>【成都风机】叶片密封环\GT24436-884\TLT-8123641</t>
  </si>
  <si>
    <t>【成都风机】叶片O型密封圈\GT24436-884\TLT-3-803402-603</t>
  </si>
  <si>
    <t>【成都风机】曲柄\GT24436-884\8102661</t>
  </si>
  <si>
    <t>【成都风机】滑块\GT24436-884\8102805</t>
  </si>
  <si>
    <t>【成都风机】主轴\GT24436-884\V7007928a</t>
  </si>
  <si>
    <t>【成都风机】轴承箱\GT24436-884\V7007927</t>
  </si>
  <si>
    <t>【成都风机】一次风机径向旋转组件\GT24436-884\2YZG36-01</t>
  </si>
  <si>
    <t>【成都风机】一次风机径向旋转组件\GT24436-884\2YZG36-02</t>
  </si>
  <si>
    <t>【成都风机】一次风机推力旋转组件\GT24436-884\2JJQ36-01</t>
  </si>
  <si>
    <t>【成都风机】一次风机推力旋转组件\GT24436-884\2JJQ36-02</t>
  </si>
  <si>
    <t>【成都风机】隔环1/2\GT24436-884\V7007877</t>
  </si>
  <si>
    <t>【成都风机】预紧环I\GT24436-884\V7007879</t>
  </si>
  <si>
    <t>【成都风机】弹簧\GT24436-884\D288T-04</t>
  </si>
  <si>
    <t>【成都风机】甩油环\GT24436-884\V7004279</t>
  </si>
  <si>
    <t>【成都风机】导油环\GT24436-884\V7004285</t>
  </si>
  <si>
    <t>【成都风机】预紧环II\GT24436-884\V7007880</t>
  </si>
  <si>
    <t>【成都风机】轴承端盖\GT24436-884\V7004291</t>
  </si>
  <si>
    <t>【成都风机】轴承盖\GT24436-884\V7004296</t>
  </si>
  <si>
    <t>【成都风机】骨架密封\GT24436-884\3-405001-015-1</t>
  </si>
  <si>
    <t>【成都风机】O型密封圈\GT24436-884\MF180-4</t>
  </si>
  <si>
    <t>【成都风机】间隔环\GT24436-884\V7004301</t>
  </si>
  <si>
    <t>【成都风机】轴头螺母\GT24436-884\V7017733</t>
  </si>
  <si>
    <t>【成都风机】轴头螺母\GT24436-884\HMZ36</t>
  </si>
  <si>
    <t>【成都风机】叶片轴衬套\GT24436-884\D0000026464</t>
  </si>
  <si>
    <t>【成都风机】叶片轴轴盘\GT24436-884\D0000026469</t>
  </si>
  <si>
    <t>【成都风机】叶片轴\GT24436-884\D0000026471</t>
  </si>
  <si>
    <t>【成都风机】调节盘\GT24436-884\D0000026702</t>
  </si>
  <si>
    <t>【成都风机】调节环\GT24436-884\D0000026706</t>
  </si>
  <si>
    <t>【成都风机】平螺母\GT24436-884\V7000615</t>
  </si>
  <si>
    <t>【成都风机】密封盖\GT24436-884\V7015322</t>
  </si>
  <si>
    <t>【成都风机】支撑盘\GT24436-884\V7014415</t>
  </si>
  <si>
    <t>【成都风机】轮毂推力旋转组件\GT24436-884\3GA14364</t>
  </si>
  <si>
    <t>【成都风机】轮毂深沟旋转组件\GT24436-884\6014</t>
  </si>
  <si>
    <t>【成都风机】密封环\GT24436-884\V7013833PAF</t>
  </si>
  <si>
    <t>【成都风机】密封环\GT24436-884\V7003094</t>
  </si>
  <si>
    <t>【成都风机】密封环\GT24436-884\V7003093PAF</t>
  </si>
  <si>
    <t>【成都风机】挡圈\GT24436-884\112x4</t>
  </si>
  <si>
    <t>【成都风机】O型密封圈\GT24436-884\MF57-4</t>
  </si>
  <si>
    <t>【成都风机】O型密封圈\GT24436-884\MF99-3-5</t>
  </si>
  <si>
    <t>【成都风机】O型密封圈\GT24436-884\MF73-3-5</t>
  </si>
  <si>
    <t>【成都风机】O型密封圈\GT24436-884\MF105-3</t>
  </si>
  <si>
    <t>【成都风机】O型密封圈\GT24436-884\MF78-4</t>
  </si>
  <si>
    <t>【成都风机】复合衬套\GT24436-884\3-404801-041</t>
  </si>
  <si>
    <t>【成都风机】碟簧\GT24436-884\K6013</t>
  </si>
  <si>
    <t>【成都风机】芯轴\GT24436-884\D0000026717</t>
  </si>
  <si>
    <t>【成都风机】滑动套\GT24436-884\V7008576</t>
  </si>
  <si>
    <t>【成都风机】挡圈\GT24436-884\78x2.5</t>
  </si>
  <si>
    <t>【成都风机】密封套\GT24436-884\8109561</t>
  </si>
  <si>
    <t>【成都风机】导环\GT24436-884\3-804101-009</t>
  </si>
  <si>
    <t>【成都风机】O型密封圈\GT24436-884\MF272-5</t>
  </si>
  <si>
    <t>【成都风机】O型密封圈\GT24436-884\MF75-4PAF</t>
  </si>
  <si>
    <t>【成都风机】叶轮外壳装配\GT24436-884\V7017553A</t>
  </si>
  <si>
    <t>【成都风机】进气膨胀带\GT24436-884\V7017722</t>
  </si>
  <si>
    <t>【成都风机】出气膨胀带\GT24436-884\V7017724</t>
  </si>
  <si>
    <t>【成都风机】进口活节带\GT24436-884\V7017723-1</t>
  </si>
  <si>
    <t>【成都风机】出口活节带\GT24436-884\V7017723-2</t>
  </si>
  <si>
    <t>【成都风机】防扭转装置连杆\GT24436-884\V7017858-1</t>
  </si>
  <si>
    <t>【成都风机】前导叶装配\AN42\A374T00H</t>
  </si>
  <si>
    <t>【成都风机】前导叶芯筒\AN42\A274X00-12-440G-2</t>
  </si>
  <si>
    <t>【昌臣】昌臣绿针(皇芽)\180g/盒（件）</t>
  </si>
  <si>
    <t>宣恩县伍台昌臣茶业有限公司</t>
  </si>
  <si>
    <t>昌臣</t>
  </si>
  <si>
    <t>WZSCCG-2020-BJ-2030</t>
  </si>
  <si>
    <t>2020年度北京配送昌臣茶叶商城铺货长协采购框架合同（湖北帮扶宣恩县）</t>
  </si>
  <si>
    <t>【昌臣】恩施硒茶(廉洁)\200g/盒（件）</t>
  </si>
  <si>
    <t>【昌臣】昌臣绿针(锦芽)\300g/盒（件）</t>
  </si>
  <si>
    <t>【恩润】菜籽油\5L</t>
  </si>
  <si>
    <t>恩施州恩润生态农业开发有限公司</t>
  </si>
  <si>
    <t>恩润</t>
  </si>
  <si>
    <t>WZSCCG-2020-BJ-2009</t>
  </si>
  <si>
    <t>2020年度北京配送恩润菜籽油商城铺货长协采购框架合同（湖北帮扶宣恩县）</t>
  </si>
  <si>
    <t>【余晓明】腊猪脚\1000g(500g*2)</t>
  </si>
  <si>
    <t>湖北晓明食品有限责任公司</t>
  </si>
  <si>
    <t>余晓明</t>
  </si>
  <si>
    <t>WZSCCG-2020-BJ-2029</t>
  </si>
  <si>
    <t>2020年度北京配余晓明食品商城铺货长协采购框架合同（湖北帮扶宣恩县）</t>
  </si>
  <si>
    <t>【余晓明】腊排骨\1000g(500g*2)</t>
  </si>
  <si>
    <t>【余晓明】腊肉\1000g(500g*2)</t>
  </si>
  <si>
    <t>【余晓明】原味腊肠\1000g(500g*2)</t>
  </si>
  <si>
    <t>【余晓明】微麻辣腊肠\1000g(500g*2)</t>
  </si>
  <si>
    <t>【昌臣】恩施硒茶(清正)\200g/盒（件）</t>
  </si>
  <si>
    <t>【昌臣】烘青条盒(栗绿)\400g/盒（件）</t>
  </si>
  <si>
    <t>【昌臣】昌臣红针(怡红)\300g/盒（件）</t>
  </si>
  <si>
    <t>【昌臣】恩施硒茶(温馨)\200g/盒（件）</t>
  </si>
  <si>
    <t>【昌臣】特级绿针\100g/袋（件）</t>
  </si>
  <si>
    <t>【昌臣】贡芽\100g/袋（件）</t>
  </si>
  <si>
    <t>【昌臣】一级绿针\100g/袋（件）</t>
  </si>
  <si>
    <t>【昌臣】烘青\250g/袋（件）</t>
  </si>
  <si>
    <t>【昌臣】特级炒青\250g/袋（件）</t>
  </si>
  <si>
    <t>【昌臣】一级炒青\250g/袋（件）</t>
  </si>
  <si>
    <t>【昌臣】特级红茶\100g/袋（件）</t>
  </si>
  <si>
    <t>【昌臣】一级红茶\250g/袋（件）</t>
  </si>
  <si>
    <t>【利欧】O型密封圈\1600HLBK-23.3\φ1690×10</t>
  </si>
  <si>
    <t>利欧集团湖南泵业有限公司</t>
  </si>
  <si>
    <t>利欧</t>
  </si>
  <si>
    <t>WZSCCG-2020-BJ-1054</t>
  </si>
  <si>
    <t>国家能源e购商城区域级利欧循环水泵备件长协采购框架合同</t>
  </si>
  <si>
    <t>【利欧】O型密封圈\1600HLBK-23.3\φ170×3.55</t>
  </si>
  <si>
    <t>【利欧】O型密封圈\1600HLBK-23.9\φ175×3.55</t>
  </si>
  <si>
    <t>【利欧】O型密封圈\1600HLBK-23.3\φ1770×10</t>
  </si>
  <si>
    <t>【利欧】O型密封圈\1600HLBK-23.9\φ1850×10</t>
  </si>
  <si>
    <t>【利欧】O型密封圈\1600HLBK-23.9\φ1890×10</t>
  </si>
  <si>
    <t>【利欧】O型密封圈\1600HLBK-23.9\φ250×7</t>
  </si>
  <si>
    <t>【利欧】填料\1600HLBK-23.9\25×25</t>
  </si>
  <si>
    <t>【利欧】O型密封圈\1600HLBK-23.3\φ272×7</t>
  </si>
  <si>
    <t>【利欧】O型密封圈\1600HLBK-23.3\φ280×7</t>
  </si>
  <si>
    <t>【利欧】O型密封圈\1600HLBK-23.9\φ307×7</t>
  </si>
  <si>
    <t>【利欧】O型密封圈\1600HLBK-23.9\φ345×7</t>
  </si>
  <si>
    <t>【利欧】O型密封圈\1600HLBK-23.9\φ475×7</t>
  </si>
  <si>
    <t>【利欧】O型密封圈\1600HLBK-23.9\φ630×7</t>
  </si>
  <si>
    <t>【利欧】轴套螺母\1600HLBK-23.9\TB2010-175左</t>
  </si>
  <si>
    <t>【利欧】填料轴套\1600HLBK-23.9\TB2003-195×220</t>
  </si>
  <si>
    <t>【利欧】轴套\1600HLBK-23.9\TB2002-195×295</t>
  </si>
  <si>
    <t>【利欧】轴套\1600HLBK-23.9\TB2002-195×375</t>
  </si>
  <si>
    <t>【利欧】轴套\1600HLBK-23.9\TB2002-195×485</t>
  </si>
  <si>
    <t>【利欧】上导轴承\1600HLBK-23.9\TB2006-195×240</t>
  </si>
  <si>
    <t>【利欧】中间导轴承\1600HLBK-23.9\TB2005-195×320</t>
  </si>
  <si>
    <t>【利欧】下导轴承\1600HLBK-23.9\TB2004-195×430</t>
  </si>
  <si>
    <t>【利欧】上主轴\1600HLBK-23.9\1600HLBK-23.9-15</t>
  </si>
  <si>
    <t>【利欧】套筒联轴器\1600HLBK-23.9\TB2007-170-01</t>
  </si>
  <si>
    <t>【利欧】联接卡环\1600HLBK-23.9\TB2007-170-02</t>
  </si>
  <si>
    <t>【利欧】止推卡环\1600HLBK-23.9\TB2007-170-03</t>
  </si>
  <si>
    <t>【利欧】轴套\1600HLBK-23.3\1600HLBK-9.5-19</t>
  </si>
  <si>
    <t>【利欧】填料轴套\1600HLBK-23.3\1600HLBK-22.9-18</t>
  </si>
  <si>
    <t>【利欧】下轴套\1600HLBK-23.3\1600HLBK-9.5-18</t>
  </si>
  <si>
    <t>【利欧】下导轴承\1600HLBK-23.3\1600HLBK-22.9-08</t>
  </si>
  <si>
    <t>【利欧】上导轴承\1600HLBK-23.3\1600HLBK-22.9-09</t>
  </si>
  <si>
    <t>【利欧】叶轮室\1600HLBK-23.3\1600HLBK-20-02</t>
  </si>
  <si>
    <t>【利欧】主轴\1600HLBK-23.3\1600HLBK-22.3-07</t>
  </si>
  <si>
    <t>【利欧】上护管\1600HLBK-23.3\1600HLBK-22.9-14</t>
  </si>
  <si>
    <t>【利欧】下护管\1600HLBK-23.3\1600HLBK-22.3-06</t>
  </si>
  <si>
    <t>【利欧】下主轴\1600HLBK-23.9-13</t>
  </si>
  <si>
    <t>【利欧】叶轮室\1600HLBK-23.9-02</t>
  </si>
  <si>
    <t>【利欧】叶轮\1600HLBK-23.9-03</t>
  </si>
  <si>
    <t>【蓝焙】蓝焙恩施玉露口粮茶300g\150g*2罐</t>
  </si>
  <si>
    <t>恩施蓝焙茶业股份有限公司</t>
  </si>
  <si>
    <t>蓝焙</t>
  </si>
  <si>
    <t>WZSCCG-2020-BJ-1067</t>
  </si>
  <si>
    <t>2020年度北京配送蓝焙茶叶商城铺货长协采购框架合同（湖北帮扶恩施市）</t>
  </si>
  <si>
    <t>【硒妃】亲稀源硒妃红茶300g\150g*2罐</t>
  </si>
  <si>
    <t>硒妃</t>
  </si>
  <si>
    <t>【蓝焙】硒妃富硒茶6号扶贫办公用茶500g\100g*5袋</t>
  </si>
  <si>
    <t>【蓝焙】蓝焙恩施玉露玉叶一级500g\250g*2袋</t>
  </si>
  <si>
    <t>【蓝焙】蓝焙恩施玉露盛世1686书盒200g\200g/盒</t>
  </si>
  <si>
    <t>【蓝焙】蓝焙恩施玉露金款加推扶贫条盒120g\120g/条</t>
  </si>
  <si>
    <t>【蓝焙】蓝焙恩施玉露·千秋礼盒150g\150g/盒</t>
  </si>
  <si>
    <t>【蓝焙】蓝焙恩施玉露·天韵礼盒252g\252g/盒</t>
  </si>
  <si>
    <t>【蓝焙】恩施硒茶·蒋家坡苔子茶500g\250g*2条</t>
  </si>
  <si>
    <t>【蓝焙】硒妃·富硒黑茶480g\480g/块</t>
  </si>
  <si>
    <t>【蓝焙】恩施硒茶·浓香8号条盒\200g/份</t>
  </si>
  <si>
    <t>【蓝焙】蓝焙恩施玉露·天香礼盒\200g/盒</t>
  </si>
  <si>
    <t>【硒妃】硒妃红茶500g\125g*4袋</t>
  </si>
  <si>
    <t>【蓝焙】蓝焙恩施玉露伴手礼书盒(配手提)\102g/盒</t>
  </si>
  <si>
    <t>【蓝焙】蓝焙恩施玉露醇香9号袋装\100g/袋</t>
  </si>
  <si>
    <t>【硒妃】蒋家坡·富硒茶13号袋装\250g/袋</t>
  </si>
  <si>
    <t>【硒妃】硒妃·蒋家坡秋木富硒茶袋装\250g/袋</t>
  </si>
  <si>
    <t>【亿来健】千两饼礼盒\750g/盒</t>
  </si>
  <si>
    <t>湖北亿得来生物科技有限公司</t>
  </si>
  <si>
    <t>亿来健</t>
  </si>
  <si>
    <t>WZSCCG-2020-BJ-2028</t>
  </si>
  <si>
    <t>2020年度北京配送亿来健茶叶商城铺货长协采购（湖北帮扶宣恩县）</t>
  </si>
  <si>
    <t>【亿来健】精品两百两\7.25kg/支</t>
  </si>
  <si>
    <t>【亿来健】百两\3.625kg/支</t>
  </si>
  <si>
    <t>【亿来健】硒茯\1kg/片</t>
  </si>
  <si>
    <t>【亿来健】硒茯\2kg/片</t>
  </si>
  <si>
    <t>【亿来健】荷香硒茯\1kg/片</t>
  </si>
  <si>
    <t>【亿来健】荷香硒茯\2kg/片</t>
  </si>
  <si>
    <t>【亿来健】机制茯砖\400g/片</t>
  </si>
  <si>
    <t>【亿来健】机制茯砖\1kg/片</t>
  </si>
  <si>
    <t>【亿来健】黑米砖\1kg/片</t>
  </si>
  <si>
    <t>【亿来健】爱心硒茯\950g/片</t>
  </si>
  <si>
    <t>【亿来健】爱心硒茯\2kg/片</t>
  </si>
  <si>
    <t>【亿来健】盛世华诞\2kg/片</t>
  </si>
  <si>
    <t>【亿来健】硒茯典藏\1kg/片</t>
  </si>
  <si>
    <t>【亿来健】硒黑薄片\225g/条</t>
  </si>
  <si>
    <t>【亿来健】硒茯(卡盒)\950克</t>
  </si>
  <si>
    <t>【亿来健】荷香硒茯(卡盒)\950克</t>
  </si>
  <si>
    <t>【亿来健】爱心硒茯(袋装)\150克</t>
  </si>
  <si>
    <t>【亿来健】硒天尖(袋装)\150克</t>
  </si>
  <si>
    <t>【亿来健】硒千两坨(袋装)\200克</t>
  </si>
  <si>
    <t>【亿来健】宣味红贡(卡盒)\500克</t>
  </si>
  <si>
    <t>化工专区</t>
  </si>
  <si>
    <t>【尤尼维讯】聚乙烯主催化剂\UCATJ-1 P25\聚乙烯装置</t>
  </si>
  <si>
    <t>尤尼维讯（张家港）化学有限公司</t>
  </si>
  <si>
    <t>尤尼维讯</t>
  </si>
  <si>
    <t>WZSCCG-2020-BJ-2018</t>
  </si>
  <si>
    <t>国家能源e购商城 聚乙烯主催化剂铺货采购合同</t>
  </si>
  <si>
    <t>尤尼维讯(张家港)化学有限公司</t>
  </si>
  <si>
    <t>【芭蕉】润邦绿茶恩施玉露简爱罐装\80克</t>
  </si>
  <si>
    <t>恩施市润邦国际富硒茶业有限公司</t>
  </si>
  <si>
    <t>芭蕉</t>
  </si>
  <si>
    <t>WZSCCG-2020-BJ-1068</t>
  </si>
  <si>
    <t>2020年度北京配送润邦茶叶商城铺货长协采购框架合同（湖北帮扶恩施市）</t>
  </si>
  <si>
    <t>【芭蕉】润邦绿茶恩施玉露银汉条盒\200克(4罐*50克)</t>
  </si>
  <si>
    <t>【芭蕉】润邦绿茶恩施玉露金风条盒\120克(3克*40小袋)</t>
  </si>
  <si>
    <t>【芭蕉】润邦绿茶恩施玉露金风书盒\200克(4罐*50克)</t>
  </si>
  <si>
    <t>【芭蕉】润邦绿茶恩施玉露1965书盒\200克(4罐*50克)</t>
  </si>
  <si>
    <t>【芭蕉】润邦绿茶恩施玉露感恩\200克(4罐*50克)</t>
  </si>
  <si>
    <t>【芭蕉】润邦绿茶恩施玉露禅悦\108克(12罐*9克)</t>
  </si>
  <si>
    <t>【芭蕉】润邦绿茶恩施玉露旗玉\125克</t>
  </si>
  <si>
    <t>【芭蕉】润邦绿茶恩施玉露旗红\125克</t>
  </si>
  <si>
    <t>【芭蕉】润邦红茶旗红罐装\200克(2罐*100克)</t>
  </si>
  <si>
    <t>【芭蕉】润邦红茶旗红条盒\120克(3克*40小袋)</t>
  </si>
  <si>
    <t>【芭蕉】润邦红茶旗红方盒\200克(4罐*50克)</t>
  </si>
  <si>
    <t>【芭蕉】润邦红茶旗红书盒\240克(4罐*60克)</t>
  </si>
  <si>
    <t>【芭蕉】润邦黑茶金花茯砖\400克</t>
  </si>
  <si>
    <t>【芭蕉】润邦黑茶金花茯砖\800克</t>
  </si>
  <si>
    <t>【长沙开元】自动充放氧仪总成\5E-CYZ\110107</t>
  </si>
  <si>
    <t>长沙开元仪器有限公司</t>
  </si>
  <si>
    <t>长沙开元</t>
  </si>
  <si>
    <t>WZSCCG-2020-BJ-1058</t>
  </si>
  <si>
    <t>2020年度北京配送长沙开元煤质分析仪备件商城铺货长协采购框架合同</t>
  </si>
  <si>
    <t>【长沙开元】槽式二分器\3mm密封型\120804</t>
  </si>
  <si>
    <t>【长沙开元】槽式二分器\13mm密封型\120803</t>
  </si>
  <si>
    <t>【长沙开元】十字分样板(总成)\5E-DB500\102063</t>
  </si>
  <si>
    <t>【长沙开元】十字分样板(总成)\5E-DB900\102064</t>
  </si>
  <si>
    <t>【长沙开元】槽式二分器\13mm通用型\120809</t>
  </si>
  <si>
    <t>【长沙开元】槽式二分器\3mm通用型\120810</t>
  </si>
  <si>
    <t>【长沙开元】槽式二分器\6mm密封型\120814</t>
  </si>
  <si>
    <t>【长沙开元】槽式二分器\6mm通用型\120815</t>
  </si>
  <si>
    <t>【长沙开元】卧式煤样压板\5E-ZY/TF1\121001</t>
  </si>
  <si>
    <t>【长沙开元】立式煤样压板\5E-ZY/TF2\121002</t>
  </si>
  <si>
    <t>【长沙开元】全水分样取样铲\5E-ZY/TF3\121003</t>
  </si>
  <si>
    <t>【长沙开元】取样挡板\5E-ZY/TF4\121004</t>
  </si>
  <si>
    <t>【长沙开元】清样刮板\5E-ZY/TF5\121005</t>
  </si>
  <si>
    <t>【长沙开元】清样铲\5E-ZY/TF6\121006</t>
  </si>
  <si>
    <t>【长沙开元】碾样辊\5E-ZY/TF8\121008</t>
  </si>
  <si>
    <t>【长沙开元】碾样锤\5E-ZY/TF12\121014</t>
  </si>
  <si>
    <t>【长沙开元】碾样锤\5E-ZY/TF13 φ180×60\121015</t>
  </si>
  <si>
    <t>【长沙开元】碾样辊\5E-ZY/TF14 φ300×100\121016</t>
  </si>
  <si>
    <t>【长沙开元】密封式全水分煤样桶\5E-ZY/TF25  φ220×210\121018</t>
  </si>
  <si>
    <t>【长沙开元】煤样箱\(全不锈钢) 5E-ZY/TF26\121040</t>
  </si>
  <si>
    <t>【长沙开元】采样铲\适用于标称最大粒度25mm)\121203</t>
  </si>
  <si>
    <t>【长沙开元】采样铲\(适用于标称最大粒度50mm)\121204</t>
  </si>
  <si>
    <t>【长沙开元】采样铲\(适用于标称最大粒度100mm)\121205</t>
  </si>
  <si>
    <t>【长沙开元】制样铁锹\5E-ZY/TF22\121306</t>
  </si>
  <si>
    <t>【长沙开元】采样铁锹\5E-CY/TF4\121313</t>
  </si>
  <si>
    <t>【长沙开元】小桶总成\GHW-04-G01\G212003004</t>
  </si>
  <si>
    <t>【长沙开元】内桶\GKCⅢ-10-G01\G212009012</t>
  </si>
  <si>
    <t>【长沙开元】点火电极\C5500Ⅰ-02-05-G01\G212009025</t>
  </si>
  <si>
    <t>【长沙开元】内桶\GC5500Ⅰ-07-G01\G212009034</t>
  </si>
  <si>
    <t>【长沙开元】搅拌组件\C5500Ⅰ-02-07\212009051</t>
  </si>
  <si>
    <t>【长沙开元】过滤器组件\C5500Ⅰ-10\212009054</t>
  </si>
  <si>
    <t>【长沙开元】灰锥模具\AFⅡ-F01\212016007</t>
  </si>
  <si>
    <t>【长沙开元】升降旋转机构\GMW6510-12-G01\G212024023</t>
  </si>
  <si>
    <t>【长沙开元】升降旋转机构\GMAGD2-04-G01\G212025011</t>
  </si>
  <si>
    <t>【长沙开元】送样机构\GMAGD1-11-G01\G212028004</t>
  </si>
  <si>
    <t>【长沙开元】干燥管\CL-23\212031006</t>
  </si>
  <si>
    <t>【长沙开元】进样机构\GS3200-02-G01\G212035002</t>
  </si>
  <si>
    <t>【长沙开元】旋转机构\G8S/AⅡ-07-G01\G212037008</t>
  </si>
  <si>
    <t>【长沙开元】搅拌机构\8S/AⅡ-08\212037009</t>
  </si>
  <si>
    <t>【长沙开元】搅拌机构\AS3200-07\212039012</t>
  </si>
  <si>
    <t>【长沙开元】搅拌机构\AS3200B-07\212039019</t>
  </si>
  <si>
    <t>【长沙开元】送样杆\AS3200B-02-01\212039022</t>
  </si>
  <si>
    <t>【长沙开元】托样盘组件\AS3200F-05-02\212039037</t>
  </si>
  <si>
    <t>【长沙开元】送样杆\IRSⅡ-F01\212040015</t>
  </si>
  <si>
    <t>【长沙开元】外烟囱组件\MF6000-03\212042001</t>
  </si>
  <si>
    <t>【长沙开元】上铰链组件\MF6000-06\212042005</t>
  </si>
  <si>
    <t>【长沙开元】左上铰链轴组件\MF6000-12\212042009</t>
  </si>
  <si>
    <t>【长沙开元】接线座组件\MF6000-11\212042010</t>
  </si>
  <si>
    <t>【长沙开元】右上铰链轴组件 MF6000-14 5E-MF6000/6100  212044003</t>
  </si>
  <si>
    <t>【长沙开元】坩埚架夹\MF6000-F03-G01\G212044022</t>
  </si>
  <si>
    <t>【长沙开元】送样机构\CHN2200-01\212055046</t>
  </si>
  <si>
    <t>【长沙开元】热导池组件\CHN2200-05\212055050</t>
  </si>
  <si>
    <t>【长沙开元】过滤器组件\CHN2200-11\212055056</t>
  </si>
  <si>
    <t>【长沙开元】混气罐组件\CHN2200-13-G01\G212055058P</t>
  </si>
  <si>
    <t>【长沙开元】氧枪组件\CHN2200-10-04\212055082</t>
  </si>
  <si>
    <t>【长沙开元】送样机构总成\AF4000-02\212057002</t>
  </si>
  <si>
    <t>【长沙开元】视镜组件\AF4105-02-02-01\212057059</t>
  </si>
  <si>
    <t>【长沙开元】自动充氧头\C5508B-01-06\212058057</t>
  </si>
  <si>
    <t>【长沙开元】点火组件\C5508B-01-05-03\212058068</t>
  </si>
  <si>
    <t>【长沙开元】台式充氧仪\CY-00\212059002</t>
  </si>
  <si>
    <t>【长沙开元】台式充氧仪导管\AOA-02 + CY-016\212059004</t>
  </si>
  <si>
    <t>【长沙开元】手持式充氧仪主体\AOA-01\212059007</t>
  </si>
  <si>
    <t>【长沙开元】导管组件\AOA-02\212059008</t>
  </si>
  <si>
    <t>【长沙开元】吊杆II组件\YDI-02\212060007</t>
  </si>
  <si>
    <t>【长沙开元】吊杆I组件\YDI-01\212060008</t>
  </si>
  <si>
    <t>【长沙开元】吊杆I组件\YDⅢA-01\212060017</t>
  </si>
  <si>
    <t>【长沙开元】吊杆Ⅱ组件\YDⅢA-02\212060018</t>
  </si>
  <si>
    <t>【长沙开元】氧弹\YD50-00\212060040</t>
  </si>
  <si>
    <t>【长沙开元】短吊杆\YD50-01\212060041</t>
  </si>
  <si>
    <t>【长沙开元】长吊杆\YD50-02\212060042</t>
  </si>
  <si>
    <t>【长沙开元】氧弹\YD51-00\212060050</t>
  </si>
  <si>
    <t>【长沙开元】放气阀\FQF-00\212061001</t>
  </si>
  <si>
    <t>【长沙开元】氧弹擦拭布(已印标识)\43×32×0.2cm\212061003</t>
  </si>
  <si>
    <t>【长沙开元】氧弹挂钩组件\YDZJ-01-00\212061006</t>
  </si>
  <si>
    <t>【长沙开元】压饼机\YBJ-00\212062001</t>
  </si>
  <si>
    <t>【长沙开元】硅碳管接线夹组件(配件)\8SII/S3100\212062008</t>
  </si>
  <si>
    <t>【长沙开元】硅碳管接线夹组件\AFⅡ\212062009</t>
  </si>
  <si>
    <t>【长沙开元】硅碳管接线夹组件\IRSⅡ\212062010</t>
  </si>
  <si>
    <t>【长沙开元】硅碳管接线夹组件\8S/AⅡ\212062012</t>
  </si>
  <si>
    <t>【长沙开元】接线柱组件\AFⅢ\212062015</t>
  </si>
  <si>
    <t>【长沙开元】导管组件\CHN-F01\212062018</t>
  </si>
  <si>
    <t>【长沙开元】真空泵升级组件\8S、8S/U、S3100升级用\212062021</t>
  </si>
  <si>
    <t>【长沙开元】托架\IRS3000-02-01-G01\G212067009</t>
  </si>
  <si>
    <t>【长沙开元】推杆\IRS3000-04-01-G01\G212067011</t>
  </si>
  <si>
    <t>【长沙开元】推杆\IRS3600-04-01\212067081</t>
  </si>
  <si>
    <t>【长沙开元】凸轮式升降旋转机构\GMACⅣ-04-G01\G212068006</t>
  </si>
  <si>
    <t>【长沙开元】中心电极组件\GHW-06-02-G01\G213003137</t>
  </si>
  <si>
    <t>【长沙开元】长电极组件\GHW-06-03-G01\G213003138</t>
  </si>
  <si>
    <t>【长沙开元】送样杆\CL-02-07\213011021</t>
  </si>
  <si>
    <t>【长沙开元】送样杆\8S/AⅡ-02-036\213012037</t>
  </si>
  <si>
    <t>【长沙开元】气体过滤器\IRSⅡ-04-002\213013046</t>
  </si>
  <si>
    <t>【长沙开元】内刚玉管\IRS3600-01-005\213013403</t>
  </si>
  <si>
    <t>【长沙开元】外刚玉管\IRS3600-01-006\213013404</t>
  </si>
  <si>
    <t>【长沙开元】主干燥管\IRS3600-06-002\213013452</t>
  </si>
  <si>
    <t>【长沙开元】称重凹模\IRH-F003\213014149</t>
  </si>
  <si>
    <t>【长沙开元】灰分坩埚架\MF6000-F001\213016001</t>
  </si>
  <si>
    <t>【长沙开元】挥发分坩埚架\MF6000-F002\213016002</t>
  </si>
  <si>
    <t>【长沙开元】支架\MF6000-F01-001\213016088</t>
  </si>
  <si>
    <t>【长沙开元】坩埚架提手\MF6000-F02\213016090</t>
  </si>
  <si>
    <t>【长沙开元】转盘支杆\GMAGD1-003-G01\G213017044</t>
  </si>
  <si>
    <t>【长沙开元】接线柱\MAGD1-01-021\213017048</t>
  </si>
  <si>
    <t>【长沙开元】接线端子\KY/QT01\213017129</t>
  </si>
  <si>
    <t>【长沙开元】高温炉垫板\MAGD1-01-017\213017175</t>
  </si>
  <si>
    <t>【长沙开元】石棉托板\MAGD1-01-016\213017179</t>
  </si>
  <si>
    <t>【长沙开元】天平支板\MAGD2-05A-001\213017318</t>
  </si>
  <si>
    <t>【长沙开元】方形密封垫\AFⅢ-01-012\213018020</t>
  </si>
  <si>
    <t>【长沙开元】密封垫\AFⅢ-02-011\213018041</t>
  </si>
  <si>
    <t>【长沙开元】方形密封垫\AF4000-01-012\213018132</t>
  </si>
  <si>
    <t>【长沙开元】圆形密封垫\AF4000-01-013\213018133</t>
  </si>
  <si>
    <t>【长沙开元】密封垫\AF4000-02-012\213018159</t>
  </si>
  <si>
    <t>【长沙开元】铝箔圈\420mm  AF4000-01-016(含套管)\213018243</t>
  </si>
  <si>
    <t>【长沙开元】铝箔圈\550mm AF4000-01-020(含套管)\213018244</t>
  </si>
  <si>
    <t>【长沙开元】隔热垫\AF4105-02-004\213018327</t>
  </si>
  <si>
    <t>【长沙开元】防尘毡\AF4105-03-019\213018334</t>
  </si>
  <si>
    <t>【长沙开元】硅钼棒\AF4105-02-013\213018357</t>
  </si>
  <si>
    <t>【长沙开元】灰锥托板\AF4105-03-001  -5-GB\213018361</t>
  </si>
  <si>
    <t>【长沙开元】托杯\AF4105-03-002\213018362</t>
  </si>
  <si>
    <t>【长沙开元】硅钼棒\AF4115-02-011\213018545</t>
  </si>
  <si>
    <t>【长沙开元】防尘板\AF4115-03-02-004\213018572</t>
  </si>
  <si>
    <t>【长沙开元】炉胆\AF4115-02-001\213018614</t>
  </si>
  <si>
    <t>【长沙开元】灰锥托板\AF4115-03-02-001 (GB-15)\213018616</t>
  </si>
  <si>
    <t>【长沙开元】炉芯\AF4115-03-02-003\213018617</t>
  </si>
  <si>
    <t>【长沙开元】刮刀\AFⅡ-F001\213019102</t>
  </si>
  <si>
    <t>【长沙开元】高温垫圈A\AFⅡ-02-011\213019104</t>
  </si>
  <si>
    <t>【长沙开元】高温垫圈B\AFⅡ-01-009\213019105</t>
  </si>
  <si>
    <t>【长沙开元】高温垫圈C\AFⅡ-01-017\213019109</t>
  </si>
  <si>
    <t>【长沙开元】高温垫圈D\AFⅡ-02-006\213019110</t>
  </si>
  <si>
    <t>【长沙开元】玻璃转盘\GMW6500-007-G01\G213020002</t>
  </si>
  <si>
    <t>【长沙开元】铝制坩埚\MW6510-010\213020168</t>
  </si>
  <si>
    <t>【长沙开元】隔垫\YDI-009\213021015</t>
  </si>
  <si>
    <t>【长沙开元】氧弹勾手\YD-30\213021022</t>
  </si>
  <si>
    <t>【长沙开元】上隔垫\YDⅢA-004\213021055</t>
  </si>
  <si>
    <t>【长沙开元】下隔垫\YDⅢA-005\213021056</t>
  </si>
  <si>
    <t>【长沙开元】专用工具\YDⅢA-F001\213021060</t>
  </si>
  <si>
    <t>【长沙开元】上隔垫\YD50-003\213021084</t>
  </si>
  <si>
    <t>【长沙开元】下隔垫\YD50-005\213021086</t>
  </si>
  <si>
    <t>【长沙开元】陶瓷环\YD50-006\213021087</t>
  </si>
  <si>
    <t>【长沙开元】玻璃棉\(S-144DR) 763-265(50克/包)\213025069</t>
  </si>
  <si>
    <t>【长沙开元】滤斗连接部件\KY/QT04-01\213026016</t>
  </si>
  <si>
    <t>【长沙开元】卡套式卡箍\CHN-02-008\213031013</t>
  </si>
  <si>
    <t>【长沙开元】送样杆\AS3200-02-005\213032027</t>
  </si>
  <si>
    <t>【长沙开元】连接杆焊件\AS3200-02-01\213032029</t>
  </si>
  <si>
    <t>【长沙开元】送样杆\S3200-02-002\213033005</t>
  </si>
  <si>
    <t>【长沙开元】卡箍\KY/QT05-002\213038099</t>
  </si>
  <si>
    <t>【长沙开元】AC升级为通用读温板配件\总成\221002002</t>
  </si>
  <si>
    <t>【长沙开元】老S3200升级配件\S3200\221016002</t>
  </si>
  <si>
    <t>【长沙开元】主板\GKY6.672.040-G01\G222001003</t>
  </si>
  <si>
    <t>【长沙开元】主板\GKY6.672.052-G01\G222001006</t>
  </si>
  <si>
    <t>【长沙开元】主板\GKY6.672.044A01-G01\G222001025</t>
  </si>
  <si>
    <t>【长沙开元】主板\GKY6.672.197A00-G01\G222001029</t>
  </si>
  <si>
    <t>【长沙开元】DSP主板(IRS3000)\GKY6.672.208A01-G01\G222001046</t>
  </si>
  <si>
    <t>【长沙开元】主板\GKY6.672.203A01-G01\G222001048</t>
  </si>
  <si>
    <t>【长沙开元】主板\GKY6.672.154A03-G01\G222001054</t>
  </si>
  <si>
    <t>【长沙开元】主板\(DSP通用核心板+接口板)GMW6510-G01\G222001070</t>
  </si>
  <si>
    <t>【长沙开元】主板\GKY6.672.040B01-G01\G222001071</t>
  </si>
  <si>
    <t>【长沙开元】主板\(DSP通用核心板+接口板) GAS3200用-G01\G222001075</t>
  </si>
  <si>
    <t>【长沙开元】主板\GA02+A00-G01\G222001087</t>
  </si>
  <si>
    <t>【长沙开元】主板(集成板)\GAS3200B(测量控制板A04)用-G01\G222001096</t>
  </si>
  <si>
    <t>【长沙开元】测量板\GKY6.672.035-G01\G222002001</t>
  </si>
  <si>
    <t>【长沙开元】采集板\GKY6.672.053-G01\G222002005</t>
  </si>
  <si>
    <t>【长沙开元】控制板\GKY6.672.198A00-G01\G222002026</t>
  </si>
  <si>
    <t>【长沙开元】采集板\GKY6.672.198B01-G01\G222002057</t>
  </si>
  <si>
    <t>【长沙开元】控制板\GMZ6.672.023-G01\G222003005</t>
  </si>
  <si>
    <t>【长沙开元】控制板\GKY6.672.041-G01\G222003007</t>
  </si>
  <si>
    <t>【长沙开元】控制板\GKY6.672.054-G01\G222003009</t>
  </si>
  <si>
    <t>【长沙开元】控制板\GKY6.672.073-G01\G222003012</t>
  </si>
  <si>
    <t>【长沙开元】测控板\GKY6.672.105-G01\G222003013</t>
  </si>
  <si>
    <t>【长沙开元】控制板\GKY6.672.045A01-G01\G222003040</t>
  </si>
  <si>
    <t>【长沙开元】驱动板(S3200)\GKY6.672.152A00-G01\G222003045</t>
  </si>
  <si>
    <t>【长沙开元】点火板\GKY6.672.196A01-G01\G222003057</t>
  </si>
  <si>
    <t>【长沙开元】控制板\GKY6.672.201A01-G01\G222003059</t>
  </si>
  <si>
    <t>【长沙开元】控制板 GKY6.672.198A00-G01 AS3200  G222002026</t>
  </si>
  <si>
    <t>【长沙开元】控制采集板\GKY6.672.237A03-G01\G222003077</t>
  </si>
  <si>
    <t>【长沙开元】控制板\GKY6.672.041B00-G01\G222003078</t>
  </si>
  <si>
    <t>【长沙开元】电源控制板\GKY6.672.199B01-G01\G222003087</t>
  </si>
  <si>
    <t>【长沙开元】接口卡\GMZ6.672.001-G01\G222004001</t>
  </si>
  <si>
    <t>【长沙开元】测硫卡\GKY6.672.138V2.0-G01\G222004005</t>
  </si>
  <si>
    <t>【长沙开元】PCI接口板\KY6.672.167\222004007</t>
  </si>
  <si>
    <t>【长沙开元】PCI万分卡\KY6.672.130V1.0\222005013</t>
  </si>
  <si>
    <t>【长沙开元】测温板\KY6.672.027A00\222005017</t>
  </si>
  <si>
    <t>【长沙开元】通用测温板\DT6.672.010A03-G01\G222005026</t>
  </si>
  <si>
    <t>【长沙开元】光源板\KY6.672.224A00\222006013</t>
  </si>
  <si>
    <t>【长沙开元】电源板\GKY6.672.042-G01\G222008004</t>
  </si>
  <si>
    <t>【长沙开元】电源板\GKY6.672.046A01-G01\G222008015</t>
  </si>
  <si>
    <t>【长沙开元】电源板\GKY6.672.199A00-G01\G222008016</t>
  </si>
  <si>
    <t>【长沙开元】滤波板(MF6000)\KY6.672.076\222009002</t>
  </si>
  <si>
    <t>【长沙开元】光槽板\(同边) MZ6.672.004\222010001</t>
  </si>
  <si>
    <t>【长沙开元】光槽板\(不同边) MZ6.672.006\222010002</t>
  </si>
  <si>
    <t>【长沙开元】转接板\DT6.672.011 (DB9)\222012019</t>
  </si>
  <si>
    <t>【长沙开元】直流电机(HN-345-1830Y)\8S/AⅡ、AS3200、S3200用\226003016</t>
  </si>
  <si>
    <t>【长沙开元】可逆电机\YN60-6Z/60JB60G8\226003023</t>
  </si>
  <si>
    <t>【长沙开元】精密测温探头\AC/PL、AC/PT、AC/ML\226007004</t>
  </si>
  <si>
    <t>【长沙开元】红外测碳池\KY2.754.006 (C09)\226011009</t>
  </si>
  <si>
    <t>【长沙开元】红外测硫池\KY2.754.004 (S09)\226011010</t>
  </si>
  <si>
    <t>【长沙开元】红外测氢池\KY2.754.005 (H09)\226011011</t>
  </si>
  <si>
    <t>【长沙开元】气泵组件(总成)\MAGD2-F01\226014001</t>
  </si>
  <si>
    <t>【长沙开元】苯甲酸\KY800.311GJY (1g×10)瓶装\226019002</t>
  </si>
  <si>
    <t>【长沙开元】石墨(100g)/瓶\100g\226019009</t>
  </si>
  <si>
    <t>【长沙开元】三氧化钨\50g/瓶\226019017</t>
  </si>
  <si>
    <t>【长沙开元】三氧化钨(10g/瓶)\8S/A用\226019018</t>
  </si>
  <si>
    <t>【长沙开元】调压装置\KY3.862.003\226019019</t>
  </si>
  <si>
    <t>【长沙开元】点火丝\5g\226020001</t>
  </si>
  <si>
    <t>【长沙开元】刮板组件\PA02A-01-04\231001003</t>
  </si>
  <si>
    <t>【长沙开元】锤头总成\PA02-03PJ\231003004</t>
  </si>
  <si>
    <t>【长沙开元】四分器总成\GPA03A-00PJ-G01\G231003029</t>
  </si>
  <si>
    <t>【长沙开元】转子总成\GPA02-03-G01\G231004033</t>
  </si>
  <si>
    <t>【长沙开元】二分器总成\PA05-00PJ\231004034</t>
  </si>
  <si>
    <t>【长沙开元】出料斗\PA02-02-004\231004049</t>
  </si>
  <si>
    <t>【长沙开元】滑座\PA03A-003\231004057</t>
  </si>
  <si>
    <t>【长沙开元】转子总成\CD180×150-04\231009010</t>
  </si>
  <si>
    <t>【长沙开元】锤头总成\GCD180×150-04PJ-G01\G231009035</t>
  </si>
  <si>
    <t>【长沙开元】筛板\3mm粒度 GCD180×150-03-04-G01\G231009041</t>
  </si>
  <si>
    <t>【长沙开元】筛板\1mm粒度 GCD180×150-03-03-G01\G231009042</t>
  </si>
  <si>
    <t>【长沙开元】筛板\6mm粒度 GCD180×150-03-07-G01\G231009047</t>
  </si>
  <si>
    <t>【长沙开元】进料斗总成\CD250×360-01\231010001</t>
  </si>
  <si>
    <t>【长沙开元】二分器总成\GCD250×360-06-G01\G231010006</t>
  </si>
  <si>
    <t>【长沙开元】留样斗总成\CD250×360-07\231010007</t>
  </si>
  <si>
    <t>【长沙开元】弃样斗总成\GCD250×360-08-G01\G231010008</t>
  </si>
  <si>
    <t>【长沙开元】转子总成\GHC250×360-03-G01\G231013004</t>
  </si>
  <si>
    <t>【长沙开元】接样箱\HC250×360-01-03\231013008</t>
  </si>
  <si>
    <t>【长沙开元】锤头总成\HC250×360-03PJ--G01\G231013033</t>
  </si>
  <si>
    <t>【长沙开元】筛板焊件\3mm圆孔 GHCB250×360-F01-G01\G231013054</t>
  </si>
  <si>
    <t>【长沙开元】筛板焊件\6mm圆孔 GHCB250×360-F03-G01\G231013056</t>
  </si>
  <si>
    <t>【长沙开元】筛板焊件\13mm圆孔 GHCB250×360-F04-G01\G231013057</t>
  </si>
  <si>
    <t>【长沙开元】筛板4.5mm\GHCB400×260-05-03G-G01\G231014024</t>
  </si>
  <si>
    <t>【长沙开元】接料箱\JC150×125-06\231018006</t>
  </si>
  <si>
    <t>【长沙开元】125辊轮\DCA250×125-03-01\231022010</t>
  </si>
  <si>
    <t>【长沙开元】张紧轮总成\DCA250×150-06\231023003</t>
  </si>
  <si>
    <t>【长沙开元】过渡轮\DCA250×150-09\231023005</t>
  </si>
  <si>
    <t>【长沙开元】单头压紧装置\PC1×100-02\231024001</t>
  </si>
  <si>
    <t>【长沙开元】粉碎装置\PC3×100-03\231026003</t>
  </si>
  <si>
    <t>【长沙开元】三头压杆\PC3×100-04\231026004</t>
  </si>
  <si>
    <t>【长沙开元】压紧装置\PC4×100-03\231027002</t>
  </si>
  <si>
    <t>【长沙开元】接料斗\TR9×32-02\231042002</t>
  </si>
  <si>
    <t>【长沙开元】料斗\TRA18×26-02\231043004</t>
  </si>
  <si>
    <t>【长沙开元】料斗\TRA39×16-02\231046002</t>
  </si>
  <si>
    <t>【长沙开元】转子总成\GHCB400×260-04-G01\G231054004</t>
  </si>
  <si>
    <t>【长沙开元】筛板6mm\GHCB400×260-05-002-G01\G231054022</t>
  </si>
  <si>
    <t>【长沙开元】锤头总成\GHCB400×260-04PJ-G01\G231054036</t>
  </si>
  <si>
    <t>【长沙开元】筛板架\HCB400×260-05-02\231054038</t>
  </si>
  <si>
    <t>【长沙开元】筛板6mm\HCB400×260-05-03\231054039</t>
  </si>
  <si>
    <t>【长沙开元】筛板13mm\GHCB400×260-05-04-G01\G231054040</t>
  </si>
  <si>
    <t>【长沙开元】波纹手轮\PA03A-009\232001017</t>
  </si>
  <si>
    <t>【长沙开元】筛板\13mm GPA02-02-005-G01\G232003057</t>
  </si>
  <si>
    <t>【长沙开元】筛板\6mm GPA02-02-006-G01\G232003060</t>
  </si>
  <si>
    <t>【长沙开元】全水分样品箱\PA00-004\232004010</t>
  </si>
  <si>
    <t>【长沙开元】拉杆\PA00-03-001\232004065</t>
  </si>
  <si>
    <t>【长沙开元】轴位螺栓\PA00-03-003\232004066</t>
  </si>
  <si>
    <t>【长沙开元】导杆\PA03A-004\232004272</t>
  </si>
  <si>
    <t>【长沙开元】导杆\PA05-001\232004359</t>
  </si>
  <si>
    <t>【长沙开元】筛板组焊件\GCD180×150-03-007-G01\G232009176</t>
  </si>
  <si>
    <t>【长沙开元】被动辊轮\150 DCA250×150-08.4\232023164</t>
  </si>
  <si>
    <t>【长沙开元】主动辊轮\150 DCA250×150-04.12\232023165</t>
  </si>
  <si>
    <t>【长沙开元】簸箕\TRA9×24-F001\232039011</t>
  </si>
  <si>
    <t>【长沙开元】簸箕\TRA39×16-F001\232041007</t>
  </si>
  <si>
    <t>【长沙开元】接料斗\TR18×26-02\232043013</t>
  </si>
  <si>
    <t>【长沙开元】簸箕\TRA18×26-F001\232045035</t>
  </si>
  <si>
    <t>【长沙开元】簸箕\TRA9×32-F001\232048013</t>
  </si>
  <si>
    <t>【长沙开元】罗马风机带电容\长轴YY-15-2P(F2)(DHG6310用)\3010408004</t>
  </si>
  <si>
    <t>【长沙开元】电源滤波器\FL1A31-6A\3010801001</t>
  </si>
  <si>
    <t>【长沙开元】电源滤波器\FLHD63-20A\3010801003</t>
  </si>
  <si>
    <t>【长沙开元】固态继电器\GTJ48-60A\3010901006</t>
  </si>
  <si>
    <t>【长沙开元】固态继电器(非过零型)\GTJ48-60AP\3010901010</t>
  </si>
  <si>
    <t>【长沙开元】时间继电器\JS48S-2Z (380V)\3010901032</t>
  </si>
  <si>
    <t>【长沙开元】继电器\951-2C-12D\3010902006</t>
  </si>
  <si>
    <t>【长沙开元】继电器\SFD-112DM(替代规格：949-1A-12D)\3010902016</t>
  </si>
  <si>
    <t>【长沙开元】热继电器\CDR2-16   2.7-4A\3010904001</t>
  </si>
  <si>
    <t>【长沙开元】交流接触器\CJX2S-0910 20A 380V\3010905001</t>
  </si>
  <si>
    <t>【长沙开元】蜂鸣器\SFM－27B型\3011000007</t>
  </si>
  <si>
    <t>【长沙开元】变压器\KY4.702.031\3011201009</t>
  </si>
  <si>
    <t>【长沙开元】铝箔圈\AFⅢ-01-003\3011201018</t>
  </si>
  <si>
    <t>【长沙开元】变压器附件\AFⅢ-F002 (连接导线L＝320)\3011201032</t>
  </si>
  <si>
    <t>【长沙开元】变压器附件\AFⅢ-F002 (连接导线L＝230)\3011201033</t>
  </si>
  <si>
    <t>【长沙开元】变压器\KY4.702.035\3011201039</t>
  </si>
  <si>
    <t>【长沙开元】变压器输出线\AF4000用(L＝500mm)\3011201040</t>
  </si>
  <si>
    <t>【长沙开元】开关电源\GPM-H120S27\3011202002</t>
  </si>
  <si>
    <t>【长沙开元】开关电源\PH-15-12\3011202004</t>
  </si>
  <si>
    <t>【长沙开元】全隔离单相交流调压模块\DTY-H220D75E\3011203001</t>
  </si>
  <si>
    <t>【长沙开元】调压模块\GTJ14-40A\3011203009</t>
  </si>
  <si>
    <t>【长沙开元】4脚带灯船形开关\KCD2 16A 250V\3011204002</t>
  </si>
  <si>
    <t>【长沙开元】按钮开关\LA39C3-20TD/g31\3011204006</t>
  </si>
  <si>
    <t>【长沙开元】按钮开关\LA39C3-20TD/r31\3011204007</t>
  </si>
  <si>
    <t>【长沙开元】按钮开关\LA39-E11/g\3011204008</t>
  </si>
  <si>
    <t>【长沙开元】按钮开关\LA39-E11D/g21\3011204009</t>
  </si>
  <si>
    <t>【长沙开元】微动开关\M630-11-5-E17\3011204017</t>
  </si>
  <si>
    <t>【长沙开元】按钮开关\TN16-ANR42G2-圆形\3011204019</t>
  </si>
  <si>
    <t>【长沙开元】行程开关\JLXK1-411\3011204038</t>
  </si>
  <si>
    <t>【长沙开元】微动开关(带弹片)\VM3-05N-110\3011204041</t>
  </si>
  <si>
    <t>【长沙开元】按钮开关\LAY50-22D-10D\3011204047</t>
  </si>
  <si>
    <t>【长沙开元】按钮开关\LAY50-22D-01D\3011204048</t>
  </si>
  <si>
    <t>【长沙开元】电源开关\CQ25-22-ZE/R/AC220V\3011204051</t>
  </si>
  <si>
    <t>【长沙开元】按钮开关\LAS2GQH-11S\3011204087</t>
  </si>
  <si>
    <t>【长沙开元】按钮开关\LAS2GQH-11E/R/6V/S\3011204088</t>
  </si>
  <si>
    <t>【长沙开元】微动开关\RS-5GL5(金属滚轮)\3011204162</t>
  </si>
  <si>
    <t>【长沙开元】调压器\5KVA\3011207001</t>
  </si>
  <si>
    <t>【长沙开元】断路器\DZ47 2P C25A\3011209001</t>
  </si>
  <si>
    <t>【长沙开元】断路器(漏电)\DZ47LE 2P C25A\3011209002</t>
  </si>
  <si>
    <t>【长沙开元】数据显示屏\SMS0801D专用\3011402039</t>
  </si>
  <si>
    <t>【长沙开元】液晶显示屏\SMS0601D专用\MAG6700\3011402044</t>
  </si>
  <si>
    <t>【长沙开元】镜头\M3Z1228C-MP专用\3011406008</t>
  </si>
  <si>
    <t>【长沙开元】摄像机\MER-310-12UC专用\3011406122</t>
  </si>
  <si>
    <t>【长沙开元】PVC面板\KY6.177.016 (中文)\3011501174</t>
  </si>
  <si>
    <t>【长沙开元】薄膜按键\KY6.177.001\3011502002</t>
  </si>
  <si>
    <t>【长沙开元】接线柱\φ6   黑\3011703001</t>
  </si>
  <si>
    <t>【长沙开元】接线柱\φ6   红\3011703002</t>
  </si>
  <si>
    <t>【长沙开元】带磁环串口线\L=3000mm 2H/DB-9S×2\3030400009</t>
  </si>
  <si>
    <t>【长沙开元】灰分转盘\MAGD2-002\3040101001</t>
  </si>
  <si>
    <t>【长沙开元】挥发分转盘\MAGD1-001\3040101002</t>
  </si>
  <si>
    <t>【长沙开元】陶瓷转轴\GMAGD2-004-G01\G3040101004</t>
  </si>
  <si>
    <t>【长沙开元】称杆\MAGD2-006\3040101005</t>
  </si>
  <si>
    <t>【长沙开元】称杆\MW6500-03-001\3040101006</t>
  </si>
  <si>
    <t>【长沙开元】送样杆\MAGD1-11-016\3040101007</t>
  </si>
  <si>
    <t>【长沙开元】顶杆\8S/AⅡ-02-012\3040101009</t>
  </si>
  <si>
    <t>【长沙开元】主炉管\AFⅢ-01-01-003\3040101010</t>
  </si>
  <si>
    <t>【长沙开元】前炉管\AFⅢ-01-01-006\3040101011</t>
  </si>
  <si>
    <t>【长沙开元】后炉管\AFⅢ-01-01-005\3040101012</t>
  </si>
  <si>
    <t>【长沙开元】外刚玉管\IRSⅡ-01-001\3040101016</t>
  </si>
  <si>
    <t>【长沙开元】内刚玉管\IRSⅡ-01-002\3040101017</t>
  </si>
  <si>
    <t>【长沙开元】内燃烧管\IRH-02-015\3040101019</t>
  </si>
  <si>
    <t>【长沙开元】外刚玉管\AFⅡ-01-014\3040101020</t>
  </si>
  <si>
    <t>【长沙开元】热电偶套管\AFⅢ-01-01-004\3040101021</t>
  </si>
  <si>
    <t>【长沙开元】隔热陶瓷板\MAGD1-09-006\3040101024</t>
  </si>
  <si>
    <t>【长沙开元】堵头\IRSⅡ-01-003\3040101028</t>
  </si>
  <si>
    <t>【长沙开元】坩埚\8S/AⅡ-01-015\3040101033</t>
  </si>
  <si>
    <t>【长沙开元】坩埚\IRH-02-023\3040101034</t>
  </si>
  <si>
    <t>【长沙开元】坩埚\IRSⅡ-F001\3040101036</t>
  </si>
  <si>
    <t>【长沙开元】坩埚盖\MAGD2-F001\3040101037</t>
  </si>
  <si>
    <t>【长沙开元】内刚玉管\AFⅡ-01-015\3040101038</t>
  </si>
  <si>
    <t>【长沙开元】刚玉套管\AFⅡ-02-007-G01\G3040101039</t>
  </si>
  <si>
    <t>【长沙开元】刚玉舟\AFⅡ-F004\3040101040</t>
  </si>
  <si>
    <t>【长沙开元】灰分坩埚\MAGD2-001\3040101042</t>
  </si>
  <si>
    <t>【长沙开元】灰皿\马弗炉用 MF6000-F005\3040101043</t>
  </si>
  <si>
    <t>【长沙开元】灰锥托板\AFⅡ-02-009\3040101045</t>
  </si>
  <si>
    <t>【长沙开元】挥发份坩埚\MAGD1-002(坩埚)\3040101046</t>
  </si>
  <si>
    <t>【长沙开元】挥发份坩埚\MF6000-F006\3040101047</t>
  </si>
  <si>
    <t>【长沙开元】挥发份坩埚盖\MAGD1-002(盖)\5E-MAG6600\3040101048</t>
  </si>
  <si>
    <t>【长沙开元】挥发份坩埚盖\MF6000-F007\3040101049</t>
  </si>
  <si>
    <t>【长沙开元】陶瓷坩埚\MW6500-005\3040101050</t>
  </si>
  <si>
    <t>【长沙开元】托盘\8S/AⅡ-01-008\3040101051</t>
  </si>
  <si>
    <t>【长沙开元】小瓷舟\12*72\3040101052</t>
  </si>
  <si>
    <t>【长沙开元】定位柱\MAGD2-003\3040101058</t>
  </si>
  <si>
    <t>【长沙开元】支撑管\CHN-02-019\3040101092</t>
  </si>
  <si>
    <t>【长沙开元】炉底垫板\MF6000-F004\3040101098</t>
  </si>
  <si>
    <t>【长沙开元】小瓷舟\AS3200-F-003\3040101100</t>
  </si>
  <si>
    <t>【长沙开元】灰锥托板\AF4000-02-005\3040101104</t>
  </si>
  <si>
    <t>【长沙开元】刚玉杯\AF4000-02-006\3040101105</t>
  </si>
  <si>
    <t>【长沙开元】刚玉管\AF4000-02-008\3040101106</t>
  </si>
  <si>
    <t>【长沙开元】挥发分高温炉\MVC6700-02-001\3040101107</t>
  </si>
  <si>
    <t>【长沙开元】陶瓷板\MVC6700-08-007\3040101108</t>
  </si>
  <si>
    <t>【长沙开元】坩埚\IRS3000-F001\3040101111</t>
  </si>
  <si>
    <t>【长沙开元】刚玉球\1-2mm直径    200g/瓶\3040101114</t>
  </si>
  <si>
    <t>【长沙开元】外刚玉管\IRS3000-01-032\3040101120</t>
  </si>
  <si>
    <t>【长沙开元】坩锅\FT2300-16-002\3040101130</t>
  </si>
  <si>
    <t>【长沙开元】托杯\AF4115-03-02-002\3040101134</t>
  </si>
  <si>
    <t>【长沙开元】石英棉\φ3-5mm(50g/包)\3040102005</t>
  </si>
  <si>
    <t>【长沙开元】还原管\CHN-04-014\3040201004</t>
  </si>
  <si>
    <t>【长沙开元】长环形通气管\MAGD2-005\3040201006</t>
  </si>
  <si>
    <t>【长沙开元】石英管\8S/AⅡ-01-013\3040201008</t>
  </si>
  <si>
    <t>【长沙开元】石英管\CL-01-19\3040201013</t>
  </si>
  <si>
    <t>【长沙开元】石英管垫\8S/AⅡ-01-002\3040201014</t>
  </si>
  <si>
    <t>【长沙开元】石英舟\CL-001F\3040201016</t>
  </si>
  <si>
    <t>【长沙开元】石英垫板\IRSⅡ-07-002\3040201021</t>
  </si>
  <si>
    <t>【长沙开元】石英管\AS3200-01-004\3040201025</t>
  </si>
  <si>
    <t>【长沙开元】石英舟\AS3200-F-001\3040201026</t>
  </si>
  <si>
    <t>【长沙开元】石英舟\S3200-F-002\3040201030</t>
  </si>
  <si>
    <t>【长沙开元】燃烧管\CHN-02-016\3040201033</t>
  </si>
  <si>
    <t>【长沙开元】石英玻璃镜片\AF4000-01-011\3040201035</t>
  </si>
  <si>
    <t>【长沙开元】石英玻璃镜片\AF4000-01-015\3040201036</t>
  </si>
  <si>
    <t>【长沙开元】上坩埚\CHN-02-009\3040201038</t>
  </si>
  <si>
    <t>【长沙开元】下坩埚\CHN-02-018\3040201040</t>
  </si>
  <si>
    <t>【长沙开元】石英管\IRS3000-01-027\3040201044</t>
  </si>
  <si>
    <t>【长沙开元】石英舟\AS3200B-F001\3040201056</t>
  </si>
  <si>
    <t>【长沙开元】量杯\KCⅢ-09-001\3040202005</t>
  </si>
  <si>
    <t>【长沙开元】内水分玻璃勺\KY/QT022\3040202007</t>
  </si>
  <si>
    <t>【长沙开元】全水分玻璃勺子\KY/QT021\3040202008</t>
  </si>
  <si>
    <t>【长沙开元】玻璃垫片\KY/QT04-010\3040202009</t>
  </si>
  <si>
    <t>【长沙开元】称量瓶\φ40*25\3040202010</t>
  </si>
  <si>
    <t>【长沙开元】过滤开关\KY/QT03\3040202011</t>
  </si>
  <si>
    <t>【长沙开元】干燥管\8S/AⅡ-09-004\3040202012</t>
  </si>
  <si>
    <t>【长沙开元】大净化管\CHN-06-001\5E-CHN2200\3040202014</t>
  </si>
  <si>
    <t>【长沙开元】弯头玻璃管\CL-22\3040202017</t>
  </si>
  <si>
    <t>【长沙开元】玻璃进水管\KCⅢ-00-001\3040202018</t>
  </si>
  <si>
    <t>【长沙开元】干燥管\IRSⅡ-04-012\3040202019</t>
  </si>
  <si>
    <t>【长沙开元】称量瓶\φ70*35\3040202024</t>
  </si>
  <si>
    <t>【长沙开元】小净化管\CHN-06-004\5E-CHN2200\3040202035</t>
  </si>
  <si>
    <t>【长沙开元】干燥管\AS3200-04-02-003\3040202036</t>
  </si>
  <si>
    <t>【长沙开元】干燥管\IRS3000-06-003--G01\G3040202043</t>
  </si>
  <si>
    <t>【长沙开元】反光镜\AF4000-01-009\3040202051</t>
  </si>
  <si>
    <t>【长沙开元】高纯还原铜\GAR189 (美国ALPHA进口)-G01\G3040301002</t>
  </si>
  <si>
    <t>【长沙开元】糊精\分析纯 AR500g 国药\3040301003</t>
  </si>
  <si>
    <t>【长沙开元】活性炭\分析纯  AR1000g (颗粒)\3040301004</t>
  </si>
  <si>
    <t>【长沙开元】炉试剂\GAR615-G01\G3040301005</t>
  </si>
  <si>
    <t>【长沙开元】三氧化钨(大瓶)\500g/瓶\3040301006</t>
  </si>
  <si>
    <t>【长沙开元】石墨\化学纯 CP500g\3040301007</t>
  </si>
  <si>
    <t>【长沙开元】无水高氯酸镁\GAR171-G01\G3040301008</t>
  </si>
  <si>
    <t>【长沙开元】擦镜纸\10×15cm (100张/本)\3040301015</t>
  </si>
  <si>
    <t>【长沙开元】烧碱石棉\化学纯CP250g\3040301028</t>
  </si>
  <si>
    <t>【长沙开元】氮催化剂\GAR049-G01\G3040301030</t>
  </si>
  <si>
    <t>【长沙开元】烧碱石棉(进口)\GAR 2174-G01\G3040301085</t>
  </si>
  <si>
    <t>【长沙开元】不锈钢勺子\5E-8S/AII\3040302001</t>
  </si>
  <si>
    <t>【长沙开元】电解池\KY/QT04\3040302002</t>
  </si>
  <si>
    <t>【长沙开元】坩埚钳\小号(25cm)\3040302003</t>
  </si>
  <si>
    <t>【长沙开元】坩埚钳\长46cm\3040302004</t>
  </si>
  <si>
    <t>【长沙开元】锡箔杯\(35×35)100个/瓶\3040302007</t>
  </si>
  <si>
    <t>【长沙开元】毛刷\1.5"\3040302008</t>
  </si>
  <si>
    <t>【长沙开元】锡箔杯(进口)\AR2186\3040302151</t>
  </si>
  <si>
    <t>【长沙开元】脱脂棉\50g/包\3040303001</t>
  </si>
  <si>
    <t>【长沙开元】硅酸铝棉\φ3-5mm(50g/包)\3040303004</t>
  </si>
  <si>
    <t>【长沙开元】高温真空绝缘脂\MIST-3\3040304001</t>
  </si>
  <si>
    <t>【长沙开元】苯甲酸\GBW(E)130035\3040401001</t>
  </si>
  <si>
    <t>【长沙开元】标灰样\GBW11124e\3040405017</t>
  </si>
  <si>
    <t>【长沙开元】电子天平\XX88-0001\3040500096</t>
  </si>
  <si>
    <t>【长沙开元】称重模块\WKX204E 含秤盘\3040500207</t>
  </si>
  <si>
    <t>【长沙开元】电磁阀\ZS-10 0.1Mpa AC220V\3050101001</t>
  </si>
  <si>
    <t>【长沙开元】高压电磁阀\SCB320A180\3050102002</t>
  </si>
  <si>
    <t>【长沙开元】直动式三通电磁阀\VDW250-4G-2-M5\3050102007</t>
  </si>
  <si>
    <t>【长沙开元】流量控制器\FC10AS5K\3050102015</t>
  </si>
  <si>
    <t>【长沙开元】管道型限流器\AS1001FM-04\3050102016</t>
  </si>
  <si>
    <t>【长沙开元】节流器\X-AHVFF0808B\3050102017</t>
  </si>
  <si>
    <t>【长沙开元】节流阀\PSA8\3050102018</t>
  </si>
  <si>
    <t>【长沙开元】稳压阀\WY4612  CHN-10-001\3050102040</t>
  </si>
  <si>
    <t>【长沙开元】三通阀\AS3200-04-02-01\3050102046</t>
  </si>
  <si>
    <t>【长沙开元】高压电磁阀\SCG262C019(方头)\3050102047</t>
  </si>
  <si>
    <t>【长沙开元】速度控制阀\AS1200M-M5\3050102087</t>
  </si>
  <si>
    <t>【长沙开元】夹管阀\100P2NO24-05B\3050102088</t>
  </si>
  <si>
    <t>【长沙开元】夹管阀\100P2NC24-05S\3050102091</t>
  </si>
  <si>
    <t>【长沙开元】减压阀\591X-750\3050103003</t>
  </si>
  <si>
    <t>【长沙开元】氧气减压阀\190X-80\3050103008</t>
  </si>
  <si>
    <t>【长沙开元】玻璃转子流量计\LZB-3 0.16-1.6l/min 有阀\3050104009</t>
  </si>
  <si>
    <t>【长沙开元】磁力循环泵\MP-15R\3050201001</t>
  </si>
  <si>
    <t>【长沙开元】磁力循环泵\MP-10R.N\3050201002</t>
  </si>
  <si>
    <t>【长沙开元】隔膜泵\DP-60B DC12V\3050201009</t>
  </si>
  <si>
    <t>【长沙开元】真空泵\N86KNDC\3050202003</t>
  </si>
  <si>
    <t>【长沙开元】微型真空泵\FAA6003-12V\3050202004</t>
  </si>
  <si>
    <t>【长沙开元】微型真空泵\FAA4002-12V(低干扰)\3050202008</t>
  </si>
  <si>
    <t>【长沙开元】微型真空泵\FAA8006-12V\3050202010</t>
  </si>
  <si>
    <t>【长沙开元】直流气泵\FAY4002-24V 2L/min\3050202024</t>
  </si>
  <si>
    <t>【长沙开元】功能集成气泵\KAB3201-24V\3050202025</t>
  </si>
  <si>
    <t>【长沙开元】接头\KQ2H04-M5A\3050302030</t>
  </si>
  <si>
    <t>【长沙开元】接头\KQ2L04-M5\3050302033</t>
  </si>
  <si>
    <t>【长沙开元】螺纹二通\L型 PL6-M8\3050302069</t>
  </si>
  <si>
    <t>【长沙开元】螺纹二通\L型 PL6-M5\3050302070</t>
  </si>
  <si>
    <t>【长沙开元】特氟龙管用加强管塞\1827 06 00\3050302076</t>
  </si>
  <si>
    <t>【长沙开元】APC螺纹直通\PC601\3050302336</t>
  </si>
  <si>
    <t>【长沙开元】螺纹直通\PC8-02\3050302362</t>
  </si>
  <si>
    <t>【长沙开元】直通接头\PC6M8\5E-CHN2200\3050302461</t>
  </si>
  <si>
    <t>【长沙开元】笔形气缸\PSB-6X10-R\3050600013</t>
  </si>
  <si>
    <t>【长沙开元】气缸\CJ2KB10-15R\3050600019</t>
  </si>
  <si>
    <t>【长沙开元】过滤器\H-610I-SS-N-1/4-2\3050700007</t>
  </si>
  <si>
    <t>【长沙开元】热电偶\8S/AⅡ-01-020\3060101002</t>
  </si>
  <si>
    <t>【长沙开元】热电偶\AFⅡ-02-008\G3060101003</t>
  </si>
  <si>
    <t>【长沙开元】热电偶\IRSⅡ-02-018\3060101007</t>
  </si>
  <si>
    <t>【长沙开元】热电偶\CHN-02-026\3060101011</t>
  </si>
  <si>
    <t>【长沙开元】热电偶\AFⅢ-01-04\3060101013</t>
  </si>
  <si>
    <t>【长沙开元】热电偶\AF4000-01-04\3060101021</t>
  </si>
  <si>
    <t>【长沙开元】热电偶\AS3200-F-02\3060101024</t>
  </si>
  <si>
    <t>【长沙开元】热电偶(镍铬-镍硅)\GMAGD2-02-004-G01\G3060102001</t>
  </si>
  <si>
    <t>【长沙开元】热电偶\MACⅣ-02-010\3060102012</t>
  </si>
  <si>
    <t>【长沙开元】铠装热电偶\MF6000-028\3060102013</t>
  </si>
  <si>
    <t>【长沙开元】热电偶\MW6500-003\3060103003</t>
  </si>
  <si>
    <t>【长沙开元】外桶探头\KCⅢ-06-001\3060103004</t>
  </si>
  <si>
    <t>【长沙开元】内桶探头\KCⅢ-12-01-001\3060103005</t>
  </si>
  <si>
    <t>【长沙开元】内桶探头\HW-06-01-001\3060103006</t>
  </si>
  <si>
    <t>【长沙开元】PT100\CHN-00-005\3060103019</t>
  </si>
  <si>
    <t>【长沙开元】热电偶\MW6510-002\3060103024</t>
  </si>
  <si>
    <t>【长沙开元】热导池\TCD(高灵敏度)\3060201006</t>
  </si>
  <si>
    <t>【长沙开元】光电开关\(NPN，检测距离可调) EE-SX672\3060202001</t>
  </si>
  <si>
    <t>【长沙开元】欧姆龙光槽\EE-SX872 T型\3060202014</t>
  </si>
  <si>
    <t>【长沙开元】光槽\GL5-T/28a/115\3060202015</t>
  </si>
  <si>
    <t>【长沙开元】光电开关\HT3C/2N\3060202016</t>
  </si>
  <si>
    <t>【长沙开元】压力传感器\YZD-1(0.2Mpa)\3060203003</t>
  </si>
  <si>
    <t>【长沙开元】轻拉型位移传感器\WYDCT-200L\3060203007</t>
  </si>
  <si>
    <t>【长沙开元】压力传感器\KM15-S45(日本长野)\3060203020</t>
  </si>
  <si>
    <t>【长沙开元】接近开关\NBB10-30GM50-E2\3060204003</t>
  </si>
  <si>
    <t>【长沙开元】接近开关\NBB4-12GM50-E0\3060204004</t>
  </si>
  <si>
    <t>【长沙开元】接近开关\KIB-M30PS/010-KL2V\3060204010</t>
  </si>
  <si>
    <t>【长沙开元】接近开关\CS-HSK820830 (不含磁钢)\3060204013</t>
  </si>
  <si>
    <t>【长沙开元】上炉体\MAGD2-03-001\3070100007</t>
  </si>
  <si>
    <t>【长沙开元】高温炉\MAGD1-01-011\3070100008</t>
  </si>
  <si>
    <t>【长沙开元】加热炉炉体\MF6000-05-005\3070100020</t>
  </si>
  <si>
    <t>【长沙开元】加热炉门\MF6000-05-002\3070100030</t>
  </si>
  <si>
    <t>【长沙开元】马弗炉炉框\MF6000-05-010\3070100031</t>
  </si>
  <si>
    <t>【长沙开元】上炉体\CHN-02-017\3070100033</t>
  </si>
  <si>
    <t>【长沙开元】下炉体\CHN-02-020\3070100034</t>
  </si>
  <si>
    <t>【长沙开元】炉芯\CHN-02-021\G3070100035</t>
  </si>
  <si>
    <t>【长沙开元】加热炉膛\AS3200-01-003\3070100037</t>
  </si>
  <si>
    <t>【长沙开元】下炉体\MAGD2-03-002\3070100040</t>
  </si>
  <si>
    <t>【长沙开元】炉体\AF4000-01-01-001\3070100049</t>
  </si>
  <si>
    <t>【长沙开元】炉盖\AF4000-01-01-002\3070100050</t>
  </si>
  <si>
    <t>【长沙开元】主炉管\AF4000-01-01-003\3070100051</t>
  </si>
  <si>
    <t>【长沙开元】热偶套管\AF4000-01-01-004\3070100052</t>
  </si>
  <si>
    <t>【长沙开元】后炉管\AF4000-01-01-005\3070100053</t>
  </si>
  <si>
    <t>【长沙开元】前炉管\AF4000-01-01-006\3070100054</t>
  </si>
  <si>
    <t>【长沙开元】堵头\IRS3000-01-011\3070100058</t>
  </si>
  <si>
    <t>【长沙开元】上炉体\MACⅣ-07-001\3070100064</t>
  </si>
  <si>
    <t>【长沙开元】下炉体\MACⅣ-07-002--G01\G3070100065</t>
  </si>
  <si>
    <t>【长沙开元】加热板\IRS3000-06-01-003\3070300013</t>
  </si>
  <si>
    <t>【长沙开元】石英加热管\300W/225mm(总长255mm)MAG1\3070400001</t>
  </si>
  <si>
    <t>【长沙开元】光波管\MW6510-004\3070400006</t>
  </si>
  <si>
    <t>【长沙开元】加热管\MVC6700-04-002\3070400007</t>
  </si>
  <si>
    <t>【长沙开元】加热管\101-2/WGL-125(DHG6310用)\3070400009</t>
  </si>
  <si>
    <t>【长沙开元】硅碳管\φ60/50×200\3070800002</t>
  </si>
  <si>
    <t>【长沙开元】硅碳管\IRSII-02-011\3070800004</t>
  </si>
  <si>
    <t>【长沙开元】硅碳管\AFⅡ-01-011\3070800005</t>
  </si>
  <si>
    <t>【长沙开元】硅碳管(S3100用)\φ40×30/200\3070800006</t>
  </si>
  <si>
    <t>【长沙开元】硅钼棒\AF4000-01-004\3070800008</t>
  </si>
  <si>
    <t>【长沙开元】硅碳管\AS3200-01-006\3070800010</t>
  </si>
  <si>
    <t>【长沙开元】风机\AA8252MB-AT\3080101001</t>
  </si>
  <si>
    <t>【长沙开元】风机\AA1282HB-AT(N)\3080101002</t>
  </si>
  <si>
    <t>【长沙开元】风机\3956\3080101003</t>
  </si>
  <si>
    <t>【长沙开元】风机\4656N\3080101004</t>
  </si>
  <si>
    <t>【长沙开元】风机\8556N\3080101005</t>
  </si>
  <si>
    <t>【长沙开元】风扇\AA9252HB-AT\3080101007</t>
  </si>
  <si>
    <t>【长沙开元】风机\AA1252MB-AT\3080101013</t>
  </si>
  <si>
    <t>【长沙开元】贯流型风机\QG030 148/12n\3080102001</t>
  </si>
  <si>
    <t>【长沙开元】可逆电机\YN60-6/60JB300G8\3080201001</t>
  </si>
  <si>
    <t>【长沙开元】可逆电机\YN60-6/60JB15G8\3080201005</t>
  </si>
  <si>
    <t>【长沙开元】可逆电机\YN70-15/70JB300G10\3080201006</t>
  </si>
  <si>
    <t>【长沙开元】异步电机\50KTYZA 15r/min\3080201007</t>
  </si>
  <si>
    <t>【长沙开元】异步电机\50KTYZA 5r/min\3080201009</t>
  </si>
  <si>
    <t>【长沙开元】步进电机\FHB368\3080203003</t>
  </si>
  <si>
    <t>【长沙开元】步进电机\42BYGH404\3080203007</t>
  </si>
  <si>
    <t>【长沙开元】直流电机\HN-345B-1830Y( R)\3080204002</t>
  </si>
  <si>
    <t>【长沙开元】伺服电机\ND-D-J2 1:19.6\3080205001</t>
  </si>
  <si>
    <t>【长沙开元】减速电机\CH200 10SG2\3080206018</t>
  </si>
  <si>
    <t>【长沙开元】电机(特轴特法兰特机座)\YX3-100L-6-V3 1.5KW 380V NSK\3080207007</t>
  </si>
  <si>
    <t>【长沙开元】步进电机驱动器\MS-3H057M\3080300002</t>
  </si>
  <si>
    <t>【长沙开元】驱动器\BL24-60-L\3080300003</t>
  </si>
  <si>
    <t>【长沙开元】步进电机驱动器\DM432C\3080300011</t>
  </si>
  <si>
    <t>【长沙开元】步进电机驱动器\3DM683\3080300028</t>
  </si>
  <si>
    <t>【长沙开元】线性滑轨\MR12MNSS1V1H-145L\3080402003</t>
  </si>
  <si>
    <t>【长沙开元】直线导轨\BRS20B1L460-20-20HZ1\3080402020</t>
  </si>
  <si>
    <t>【长沙开元】直线轴承\LM20UU (φ20)\3080402040</t>
  </si>
  <si>
    <t>【长沙开元】高温导轨\SNSK2RSZ7W135L-7.5-7.5\3080402042</t>
  </si>
  <si>
    <t>【长沙开元】齿条\G8S/AⅡ-02-003-G01\G3080403016</t>
  </si>
  <si>
    <t>【长沙开元】主动链轮\DCA250×150-04.8\3080403077</t>
  </si>
  <si>
    <t>【长沙开元】被动链轮\DCA250×150-08.2\3080403078</t>
  </si>
  <si>
    <t>【长沙开元】圆弧齿同步带830-5M 25\JB/T7512.1-1994\3080403172</t>
  </si>
  <si>
    <t>【长沙开元】气弹簧\SIP 3216A 400N\3080404001</t>
  </si>
  <si>
    <t>【长沙开元】气弹簧(接头螺纹M8)\QD16-380-140-100N-AA\3080404004</t>
  </si>
  <si>
    <t>【长沙开元】气弹簧\QD13-380-140-150N\3080404005</t>
  </si>
  <si>
    <t>【长沙开元】气弹簧\QD16-400-150-180N\3080404008</t>
  </si>
  <si>
    <t>【长沙开元】气弹簧\QD14-340×120×100N-GG\3080404011</t>
  </si>
  <si>
    <t>【长沙开元】气弹簧\QD13-300X110X100N-GG\3080404027</t>
  </si>
  <si>
    <t>【长沙开元】电解池密封圈\φ80×3.1专用\3090101001</t>
  </si>
  <si>
    <t>【长沙开元】O型密封圈\12×3\3090101003</t>
  </si>
  <si>
    <t>【长沙开元】O型橡胶密封圈\O型橡胶密封圈\3090101004</t>
  </si>
  <si>
    <t>【长沙开元】O型密封圈\18×2.4\3090101005</t>
  </si>
  <si>
    <t>【长沙开元】O型橡胶密封圈\30×2.65\3090101007</t>
  </si>
  <si>
    <t>【长沙开元】O型密封圈\30×3.5\3090101008</t>
  </si>
  <si>
    <t>【长沙开元】O型橡胶密封圈\6.3×1.8\3090101009</t>
  </si>
  <si>
    <t>【长沙开元】O型橡胶密封圈\9.5×2.65\3090101010</t>
  </si>
  <si>
    <t>【长沙开元】O型橡胶密封圈\13×2.65\3090101011</t>
  </si>
  <si>
    <t>【长沙开元】O型橡胶密封圈\15×2.65\3090101013</t>
  </si>
  <si>
    <t>【长沙开元】O型橡胶密封圈\9×1.8\3090101014</t>
  </si>
  <si>
    <t>【长沙开元】O型橡胶密封圈\125×2.65\3090101015</t>
  </si>
  <si>
    <t>【长沙开元】O型橡胶密封圈\140×3.55\3090101016</t>
  </si>
  <si>
    <t>【长沙开元】O型橡胶密封圈\20×1.8\3090101018</t>
  </si>
  <si>
    <t>【长沙开元】O型橡胶密封圈(硅橡胶)\26×3.55\5E-CHN2200\3090101019</t>
  </si>
  <si>
    <t>【长沙开元】O型橡胶密封圈\37.5×2.65\3090101020</t>
  </si>
  <si>
    <t>【长沙开元】O型橡胶密封圈\45×5.3\3090101021</t>
  </si>
  <si>
    <t>【长沙开元】O型橡胶密封圈\5×3.55\3090101022</t>
  </si>
  <si>
    <t>【长沙开元】O型橡胶密封圈\71×2.65\3090101023</t>
  </si>
  <si>
    <t>【长沙开元】O型橡胶密封圈\8×2.65\3090101024</t>
  </si>
  <si>
    <t>【长沙开元】O型橡胶密封圈\9×2.65\3090101025</t>
  </si>
  <si>
    <t>【长沙开元】O型橡胶密封圈\2.8×1.8\3090101026</t>
  </si>
  <si>
    <t>【长沙开元】O型橡胶密封圈\8×1.8\3090101027</t>
  </si>
  <si>
    <t>【长沙开元】O型橡胶密封圈\9×2.65\3090101028</t>
  </si>
  <si>
    <t>【长沙开元】O型密封圈\12×2\3090101029</t>
  </si>
  <si>
    <t>【长沙开元】O型橡胶密封圈\16×2.65\3090101030</t>
  </si>
  <si>
    <t>【长沙开元】O型橡胶密封圈\26×3.55\3090101031</t>
  </si>
  <si>
    <t>【长沙开元】O型密封圈\60×5.7\3090101035</t>
  </si>
  <si>
    <t>【长沙开元】O型橡胶密封圈\11.8×1.8\3090101040</t>
  </si>
  <si>
    <t>【长沙开元】O型橡胶密封圈(硅橡胶)\18×2.65\3090101041</t>
  </si>
  <si>
    <t>【长沙开元】O型橡胶密封圈\4×1.8\3090101042</t>
  </si>
  <si>
    <t>【长沙开元】O型橡胶密封圈\12.5×1.8\3090101043</t>
  </si>
  <si>
    <t>【长沙开元】O型橡胶密封圈\14×1.8\3090101044</t>
  </si>
  <si>
    <t>【长沙开元】O型橡胶密封圈\22.4×1.8\3090101046</t>
  </si>
  <si>
    <t>【长沙开元】O型橡胶密封圈(丁晴橡胶)\14×1.8\3090101048</t>
  </si>
  <si>
    <t>【长沙开元】O型密封圈\6×1.9\3090101050</t>
  </si>
  <si>
    <t>【长沙开元】O型橡胶密封圈(氟橡胶)\9×1.8\3090101054</t>
  </si>
  <si>
    <t>【长沙开元】O型橡胶密封圈\10×1.8\3090101055</t>
  </si>
  <si>
    <t>【长沙开元】O型橡胶密封圈\10×2.65\3090101057</t>
  </si>
  <si>
    <t>【长沙开元】O型橡胶密封圈\6×1.8\3090101061</t>
  </si>
  <si>
    <t>【长沙开元】O型橡胶密封圈(硅橡胶)\18×3.55\3090101062</t>
  </si>
  <si>
    <t>【长沙开元】O型橡胶密封圈\5.6×1.8\3090101064</t>
  </si>
  <si>
    <t>【长沙开元】O型橡胶密封圈\45×5.3\3090101067</t>
  </si>
  <si>
    <t>【长沙开元】O型橡胶密封圈\17×1.8\3090101071</t>
  </si>
  <si>
    <t>【长沙开元】O型橡胶密封圈\38.7×2.65\3090101072</t>
  </si>
  <si>
    <t>【长沙开元】O型橡胶密封圈\5×2.65-硅橡胶\3090101073</t>
  </si>
  <si>
    <t>【长沙开元】O型橡胶密封圈\10.6×1.8\3090101079</t>
  </si>
  <si>
    <t>【长沙开元】O型橡胶密封圈\34.5×5.3\3090101080</t>
  </si>
  <si>
    <t>【长沙开元】O型橡胶密封圈\25×3.55\3090101082</t>
  </si>
  <si>
    <t>【长沙开元】O型橡胶密封圈\34×2.65\3090101083</t>
  </si>
  <si>
    <t>【长沙开元】O型橡胶密封圈\8×1.8\3090101088</t>
  </si>
  <si>
    <t>【长沙开元】O型橡胶密封圈\13×2.65\3090101091</t>
  </si>
  <si>
    <t>【长沙开元】O型橡胶密封圈\6×2.65\3090101095</t>
  </si>
  <si>
    <t>【长沙开元】O型橡胶密封圈\145×3.55\3090101096</t>
  </si>
  <si>
    <t>【长沙开元】O型橡胶密封圈(硅橡胶)\15×2.65\3090101103</t>
  </si>
  <si>
    <t>【长沙开元】O型橡胶密封圈\30×3.55\3090101105</t>
  </si>
  <si>
    <t>【长沙开元】O型橡胶密封圈\71×3.55\3090101123</t>
  </si>
  <si>
    <t>【长沙开元】O型橡胶密封圈(硅橡胶)\50×3.55\3090101128</t>
  </si>
  <si>
    <t>【长沙开元】O型橡胶密封圈\18×3.55\3090101129</t>
  </si>
  <si>
    <t>【长沙开元】O型橡胶密封圈\18×2.65\3090101131</t>
  </si>
  <si>
    <t>【长沙开元】O型橡胶密封圈\30×5.3\3090101141</t>
  </si>
  <si>
    <t>【长沙开元】O型橡胶密封圈\8×1.8\3090101142</t>
  </si>
  <si>
    <t>【长沙开元】O型橡胶密封圈\27×2.65\3090101152</t>
  </si>
  <si>
    <t>【长沙开元】O型橡胶密封圈\28×2.65\3090101155</t>
  </si>
  <si>
    <t>【长沙开元】O型橡胶密封圈\140×5.3\3090101156</t>
  </si>
  <si>
    <t>【长沙开元】O型橡胶密封圈\50×3.75\3090101158</t>
  </si>
  <si>
    <t>【长沙开元】O型橡胶密封圈\35.5×3.55\3090101162</t>
  </si>
  <si>
    <t>【长沙开元】O型橡胶密封圈\3.75×1.8\3090101164</t>
  </si>
  <si>
    <t>【长沙开元】O型橡胶密封圈(硅橡胶)\35.5×3.55\3090101166</t>
  </si>
  <si>
    <t>【长沙开元】O型橡胶密封圈\15×1.8-硅橡胶\3090101167</t>
  </si>
  <si>
    <t>【长沙开元】O型橡胶密封圈\35×2.65\3090101181</t>
  </si>
  <si>
    <t>【长沙开元】O型橡胶密封圈(硅橡胶)\25×3.55\3090101185</t>
  </si>
  <si>
    <t>【长沙开元】O型橡胶密封圈(硅橡胶)\73×3.55\3090101195</t>
  </si>
  <si>
    <t>【长沙开元】O型橡胶密封圈\12.5×1.8\3090101212</t>
  </si>
  <si>
    <t>【长沙开元】O型橡胶密封圈\13.5×2.65\3090101218</t>
  </si>
  <si>
    <t>【长沙开元】O型橡胶密封圈\50×3.55\3090101222</t>
  </si>
  <si>
    <t>【长沙开元】O型橡胶密封圈\74×3.55\3090101228</t>
  </si>
  <si>
    <t>【长沙开元】O型橡胶密封圈(硅橡胶)\4×1.8\3090101248</t>
  </si>
  <si>
    <t>【长沙开元】O型橡胶密封圈\20×2.65\3090101252</t>
  </si>
  <si>
    <t>【长沙开元】O型橡胶密封圈\12×3\3090101253</t>
  </si>
  <si>
    <t>【长沙开元】O型密封圈\12×1.8\3090101259</t>
  </si>
  <si>
    <t>【长沙开元】O型密封圈\30×1.8\3090101268</t>
  </si>
  <si>
    <t>【长沙开元】O型橡胶密封圈\5×2 氟橡胶专用\3090101269</t>
  </si>
  <si>
    <t>【长沙开元】O型密封圈\115×3.55\3090101295</t>
  </si>
  <si>
    <t>【长沙开元】O型密封圈\103×2.65\3090101296</t>
  </si>
  <si>
    <t>【长沙开元】O型橡胶密封圈\100×5.3\3090101297</t>
  </si>
  <si>
    <t>【长沙开元】O型橡胶密封圈\73×3.55\3090101298</t>
  </si>
  <si>
    <t>【长沙开元】密封圈\AC5K1-02-004\3090102003</t>
  </si>
  <si>
    <t>【长沙开元】密封圈\AC8K1-02-003\3090102004</t>
  </si>
  <si>
    <t>【长沙开元】内桶密封圈\HW-00-001\3090102008</t>
  </si>
  <si>
    <t>【长沙开元】台式充氧仪密封垫\φ22×7\3090102020</t>
  </si>
  <si>
    <t>【长沙开元】台式充氧仪密封垫\φ16×9×3\3090102027</t>
  </si>
  <si>
    <t>【长沙开元】O型密封圈\18×2.5\3090102039</t>
  </si>
  <si>
    <t>【长沙开元】卡套式接头密封垫\Φ18″ 百科力\3090102072</t>
  </si>
  <si>
    <t>【长沙开元】硅胶管\φ10/φ6(白色)　　　\3090201001</t>
  </si>
  <si>
    <t>【长沙开元】硅胶管\φ10/φ6(高温/红色)　　　\3090201002</t>
  </si>
  <si>
    <t>【长沙开元】硅胶管\φ15/φ11　　\3090201003</t>
  </si>
  <si>
    <t>【长沙开元】增强管\φ12×3　　\3090201004</t>
  </si>
  <si>
    <t>【长沙开元】高抗拉裂硅胶管\φ6/φ4　　　\3090201009</t>
  </si>
  <si>
    <t>【长沙开元】特种硅胶管\05S\3090201023</t>
  </si>
  <si>
    <t>【长沙开元】硅胶管\φ10×φ6(高温/透明白)\3090201025</t>
  </si>
  <si>
    <t>【长沙开元】乳胶管\φ5/φ7mm　　　\3090203001</t>
  </si>
  <si>
    <t>【长沙开元】高压气管\TL0604-20(TH0604)\3090500001</t>
  </si>
  <si>
    <t>【长沙开元】高压气管\TU0425BU-100\3090500002</t>
  </si>
  <si>
    <t>【长沙开元】高压气管\PX1025P04-02\3090500003</t>
  </si>
  <si>
    <t>【长沙开元】PU气管\φ8×5\3090500004</t>
  </si>
  <si>
    <t>【长沙开元】PU气管\US98A060040200MBU\3090500006</t>
  </si>
  <si>
    <t>【长沙开元】PU气管\US98A080050100MBU\3090500007</t>
  </si>
  <si>
    <t>【长沙开元】C-FLEX生化管\05B\3090500031</t>
  </si>
  <si>
    <t>【长沙开元】关节轴承\M10\3110601030</t>
  </si>
  <si>
    <t>【长沙开元】关节轴承\M10左\CD180x150\3110601031</t>
  </si>
  <si>
    <t>【长沙开元】胶管小铁夹子\专用\3110700002</t>
  </si>
  <si>
    <t>【长沙开元】拉簧\MF6000-006\3110700021</t>
  </si>
  <si>
    <t>【长沙开元】拉簧\JC150×125-011\3110700066</t>
  </si>
  <si>
    <t>【长沙开元】压簧\PC3×100-003\3110700074</t>
  </si>
  <si>
    <t>【长沙开元】激振弹簧\PC3×100-004\3110700077</t>
  </si>
  <si>
    <t>【长沙开元】搅拌子\10×40\3111000038</t>
  </si>
  <si>
    <t>【长沙开元】硅脂\Molykote 55 O-ring-白色\3111200021</t>
  </si>
  <si>
    <t>【长沙开元】链条\08A\3111300001</t>
  </si>
  <si>
    <t>【长沙开元】链条\10A\3111300002</t>
  </si>
  <si>
    <t>【长沙开元】链条\12A\3111300003</t>
  </si>
  <si>
    <t>【长沙开元】链卡\08A\3111300004</t>
  </si>
  <si>
    <t>【长沙开元】链卡\12A\3111300006</t>
  </si>
  <si>
    <t>【长沙开元】网带模块\IRS3000-03-01\3111300032</t>
  </si>
  <si>
    <t>【长沙开元】温控仪\DHG6095(2代)\3130101018</t>
  </si>
  <si>
    <t>【长沙开元】鼓风电机\DHG6095(2代)\3130101019</t>
  </si>
  <si>
    <t>【长沙开元】鼓风电机\DHG\3130101020</t>
  </si>
  <si>
    <t>【长沙开元】电热管\DHG6095(2代)\3130101021</t>
  </si>
  <si>
    <t>【长沙开元】电源板\GDHG6095(2代)-G01\G3130101022</t>
  </si>
  <si>
    <t>【长沙开元】电源开关\RK1-01 2*1N(DHG6310用)\3130101023</t>
  </si>
  <si>
    <t>【长沙开元】鼓风电机\MHG6090\3130102007</t>
  </si>
  <si>
    <t>【长沙开元】主板\5E-MIN6150用\3130103002</t>
  </si>
  <si>
    <t>【长沙开元】整机电路板\MIN6150\3130103003</t>
  </si>
  <si>
    <t>【长沙开元】DHG门把手\XEB-1003(3×150)\3130104002</t>
  </si>
  <si>
    <t>【长沙开元】干燥箱隔板\DHG\3130104004</t>
  </si>
  <si>
    <t>【长沙开元】网板\MHG6090\3130104005</t>
  </si>
  <si>
    <t>【长沙开元】隔条\MHG6090\3130104006</t>
  </si>
  <si>
    <t>【长沙开元】温控仪\DHG\3130104007</t>
  </si>
  <si>
    <t>【长沙开元】温控仪\MHG6090\3130104010</t>
  </si>
  <si>
    <t>【长沙开元】干燥箱隔板\DHG6095(2代)\3130104017</t>
  </si>
  <si>
    <t>【长沙开元】氧弹支柱\HW-04-001\3130300012</t>
  </si>
  <si>
    <t>【长沙开元】氧弹支柱\KCⅢ-10-001\3130300013</t>
  </si>
  <si>
    <t>【长沙开元】PH电极\231-01(Q9)\3130300017</t>
  </si>
  <si>
    <t>【长沙开元】银电极\216-01(Q9)\3130300019</t>
  </si>
  <si>
    <t>【长沙开元】氟离子选择性电极\PF-1-01(Q9)\3130300020</t>
  </si>
  <si>
    <t>【长沙开元】标准筛底\φ200×50\3130400051</t>
  </si>
  <si>
    <t>【长沙开元】标准筛盖\φ200×50\3130400052</t>
  </si>
  <si>
    <t>【长沙开元】制样筛\φ450-3R\3130400255</t>
  </si>
  <si>
    <t>【长沙开元】制样勺(大)\5E-ZY/TF19 φ180×120\3130400299</t>
  </si>
  <si>
    <t>【长沙开元】制样勺(中)\5E-ZY/TF20 φ150×100\3130400300</t>
  </si>
  <si>
    <t>【长沙开元】制样勺(小)\5E-ZY/TF21 φ130×80\3130400301</t>
  </si>
  <si>
    <t>【长沙开元】不锈钢浅盘\500×350mm\3130400310</t>
  </si>
  <si>
    <t>【长沙开元】不锈钢浅盘\5E-ZY/TF23 310×210mm\3130400311</t>
  </si>
  <si>
    <t>【长沙开元】直线轴承\JUM-02-20(φ20)\3130400354</t>
  </si>
  <si>
    <t>【长沙开元】带立式座外球面球轴承\UCP205\5E-HC 180×150\3130400373</t>
  </si>
  <si>
    <t>【长沙开元】V形皮带\SPA1250\3130400394</t>
  </si>
  <si>
    <t>【长沙开元】V型皮带\A1430 Li\3130400397</t>
  </si>
  <si>
    <t>【长沙开元】减振垫\PC3×100-03-004\3130400426</t>
  </si>
  <si>
    <t>【长沙开元】密封圈\PC3×100-03-006\3130400428</t>
  </si>
  <si>
    <t>【长沙开元】陶瓷转轴\MW6500-01-002\3130400690</t>
  </si>
  <si>
    <t>【长沙开元】V型皮带\A1750\3130400841</t>
  </si>
  <si>
    <t>【长沙开元】PVC菱形印痕输送带\3×250×6630\3130400874</t>
  </si>
  <si>
    <t>【长沙开元】不锈钢密封盛样桶\5E-ZY/TF16 φ420×450(高)\3130400885</t>
  </si>
  <si>
    <t>【长沙开元】不锈钢取样桶\5E-ZY/TF15  φ320×350高\3130400886</t>
  </si>
  <si>
    <t>【长沙开元】输送带(丁睛橡胶+帆布)\5*200*2835\5E-PH2X2/PHA2X2\3130401021</t>
  </si>
  <si>
    <t>【长沙开元】V型皮带\B2070-G01\5E-PH2X2/PHA2X2\G3130401064</t>
  </si>
  <si>
    <t>【长沙开元】坩埚架\GGJ-00\3130401352</t>
  </si>
  <si>
    <t>【长沙开元】上盖组件\SDBV-Φ200\3130401357</t>
  </si>
  <si>
    <t>【长沙开元】塔套组件\SDBV-Φ200\3130401358</t>
  </si>
  <si>
    <t>【长沙开元】定颚板\(KmTBCr20Mo) JC150×125-002\3130401368</t>
  </si>
  <si>
    <t>【长沙开元】动颚板\(KmTBCr20Mo)JC150×125-005\3130401369</t>
  </si>
  <si>
    <t>【长沙开元】控温仪\FCH-30L4-T\3130401469</t>
  </si>
  <si>
    <t>【长沙开元】氧枪管\CHN-02-02-001\3130500008</t>
  </si>
  <si>
    <t>【长沙开元】活动连杆\JC150×125-004\3130600038</t>
  </si>
  <si>
    <t>【长沙开元】振动盘\PC1×100-03-003\3130600049</t>
  </si>
  <si>
    <t>【长沙开元】定颚板\JCA60-05-001\3130600095</t>
  </si>
  <si>
    <t>【长沙开元】动颚板\JCA60-01-001\3130600096</t>
  </si>
  <si>
    <t>【长沙开元】动颚板\(BTMCr20) JC100×60-02-002\3130600120</t>
  </si>
  <si>
    <t>【长沙开元】定颚板\(BTMCr20) JC100×60-10-002\3130600121</t>
  </si>
  <si>
    <t>【长沙开元】伸缩软管(灰色)\φ80(内径，4米/根)\3150300016</t>
  </si>
  <si>
    <t>【长沙开元】门把手\DHG6095\3990000029</t>
  </si>
  <si>
    <t>【长沙开元】弹簧接线夹\AF4000-F004\50217061</t>
  </si>
  <si>
    <t>【长沙开元】V型皮带\B1950\50431113</t>
  </si>
  <si>
    <t>【长沙开元】三角皮带\A1800\50431148</t>
  </si>
  <si>
    <t>【长沙开元】V型皮带\SPA1420\50431309</t>
  </si>
  <si>
    <t>【长沙开元】三角皮带\A1850\50431313</t>
  </si>
  <si>
    <t>【长沙开元】斗提机联轴器\LM6-YA42/YA50\5E-CYQ汽车采样机</t>
  </si>
  <si>
    <t>【长沙开元】无轴螺旋驱动轴\WLS23150.03\5E-CYQ汽车采样机</t>
  </si>
  <si>
    <t>【长沙开元】无轴螺旋输送机总成\WLS23085.00\5E-CYQ汽车采样机</t>
  </si>
  <si>
    <t>【长沙开元】无轴螺旋\WLS23085.02\5E-CYQ汽车采样机</t>
  </si>
  <si>
    <t>【长沙开元】煤样瓶\5E-APS059-150*130\5E-APS全自动制样</t>
  </si>
  <si>
    <t>【长沙开元】煤样瓶专用盖\5E-APS059-130*22\5E-APS全自动制样</t>
  </si>
  <si>
    <t>【长沙开元】全自动测硫仪\8S/AII0.1\5E-8S/AII</t>
  </si>
  <si>
    <t>【长沙开元】自动量热仪\AC/PL单控0.1</t>
  </si>
  <si>
    <t>【长沙开元】自动量热仪\AC/PL双控0.1</t>
  </si>
  <si>
    <t>【长沙开元】智能灰熔融性测试仪\AF3000/0.1</t>
  </si>
  <si>
    <t>【长沙开元】智能灰熔融性测试仪\AF41050.1</t>
  </si>
  <si>
    <t>【长沙开元】智能灰熔融性测试仪\AF41150.1</t>
  </si>
  <si>
    <t>【长沙开元】智能灰熔融性测试仪\AFII0.1</t>
  </si>
  <si>
    <t>【长沙开元】自动测硫仪\AS3200B/0.1</t>
  </si>
  <si>
    <t>【长沙开元】量热仪\C5500A单控0.1</t>
  </si>
  <si>
    <t>【长沙开元】量热仪\C5500A双控0.1</t>
  </si>
  <si>
    <t>【长沙开元】量热仪\C5500B单控0.1</t>
  </si>
  <si>
    <t>【长沙开元】量热仪\C5500B双控0.1\5E-C5500B双控</t>
  </si>
  <si>
    <t>【长沙开元】量热仪\C5508单控0.1</t>
  </si>
  <si>
    <t>【长沙开元】量热仪\C5508双控0.1</t>
  </si>
  <si>
    <t>【长沙开元】锤式破碎缩分机\CD180×1500.1</t>
  </si>
  <si>
    <t>【长沙开元】锤式破碎缩分机\CD250×3600.1</t>
  </si>
  <si>
    <t>【长沙开元】红外碳氢仪\CH22000.1\5E-CH2200</t>
  </si>
  <si>
    <t>【长沙开元】元素分析仪\CHN22000.1</t>
  </si>
  <si>
    <t>【长沙开元】自动充氧仪\CYZ0.1</t>
  </si>
  <si>
    <t>【长沙开元】对辊破碎机\DCA250×1500.1\5E-DCA250×150</t>
  </si>
  <si>
    <t>【长沙开元】电热恒温鼓风干燥箱\DHG63100.1</t>
  </si>
  <si>
    <t>【长沙开元】鼓风干燥箱\5E-DHG63200.1</t>
  </si>
  <si>
    <t>【长沙开元】空气干燥箱\DHG63400.1</t>
  </si>
  <si>
    <t>【长沙开元】自动测氟仪\FT23010.1</t>
  </si>
  <si>
    <t>【长沙开元】哈氏可磨性指数测定仪\HA60×500.1</t>
  </si>
  <si>
    <t>【长沙开元】湿煤破碎机\HCA400×2600.1</t>
  </si>
  <si>
    <t>【长沙开元】锤式破碎机\HCB180×1500.1\5E-HCB180×150</t>
  </si>
  <si>
    <t>【长沙开元】锤式破碎机\HCB250×3600.1\5E-HCB250×360</t>
  </si>
  <si>
    <t>【长沙开元】直送热解测汞仪\HGT23200.1\5E-HGT2320</t>
  </si>
  <si>
    <t>【长沙开元】马弗炉换气装置\HQ0.1\5E-HQ</t>
  </si>
  <si>
    <t>【长沙开元】红外测氢仪\IRH22000.1\5E-IRH2200</t>
  </si>
  <si>
    <t>【长沙开元】红外测硫仪\IRS36000.1\5E-IRS3600</t>
  </si>
  <si>
    <t>【长沙开元】红外测硫仪\IRSII0.1</t>
  </si>
  <si>
    <t>【长沙开元】颚式破碎机\JCA100×600.1</t>
  </si>
  <si>
    <t>【长沙开元】颚式破碎机\JCA150×1250.1</t>
  </si>
  <si>
    <t>【长沙开元】自动运动粘度仪\KV200B0.1</t>
  </si>
  <si>
    <t>【长沙开元】自动重油运动粘度仪\KV200C0.1</t>
  </si>
  <si>
    <t>【长沙开元】全自动工业分析仪\MAC67100.1</t>
  </si>
  <si>
    <t>【长沙开元】红外快速煤质分析仪\MACIV0.1\5E-MACIV</t>
  </si>
  <si>
    <t>【长沙开元】全自动工业分析仪\MAG67000.1</t>
  </si>
  <si>
    <t>【长沙开元】智能马弗炉\MF6100K0.1</t>
  </si>
  <si>
    <t>【长沙开元】智能马弗炉\MF64000.1</t>
  </si>
  <si>
    <t>【长沙开元】鼓风干燥箱\MHG60900.1</t>
  </si>
  <si>
    <t>【长沙开元】鼓风干燥箱\MHG6090K0.1</t>
  </si>
  <si>
    <t>【长沙开元】智能通氮干燥箱\MIN61500.1\5E-MIN6150</t>
  </si>
  <si>
    <t>【长沙开元】电动缩分机\MR1/80.1\MR1/8</t>
  </si>
  <si>
    <t>【长沙开元】电动缩分机\MRA1/80.1\5E-MRA1/8</t>
  </si>
  <si>
    <t>【长沙开元】自动挥发分测试仪\MVC67100.1</t>
  </si>
  <si>
    <t>【长沙开元】全自动水分仪\MW65100.1</t>
  </si>
  <si>
    <t>【长沙开元】全自动水分仪\MW65130.1\5E-MW6513</t>
  </si>
  <si>
    <t>【长沙开元】全自动水分仪\MW65200.1\5E-MW6520</t>
  </si>
  <si>
    <t>【长沙开元】联合制样机\PA2×2\3t/h\出料13\6\3mm</t>
  </si>
  <si>
    <t>【长沙开元】联合制样机\PAB2×2</t>
  </si>
  <si>
    <t>【长沙开元】制样粉碎机\PCA1×3000.1\5E-PCA1×300</t>
  </si>
  <si>
    <t>【长沙开元】制样粉碎机\PCM1×1000.1\5E-PCM1×100</t>
  </si>
  <si>
    <t>【长沙开元】制样粉碎机\PCM3×1000.1\5E-PCM3×100</t>
  </si>
  <si>
    <t>【长沙开元】全自动磨杯机\PL3600.1\5E-PL360</t>
  </si>
  <si>
    <t>【长沙开元】电脑测硫仪\S32000.1</t>
  </si>
  <si>
    <t>【长沙开元】准化制样室智能除尘系\SDCSIV0.1\5E-SDCSIV</t>
  </si>
  <si>
    <t>【长沙开元】标准筛振筛机\5E-SSB2000.1</t>
  </si>
  <si>
    <t>【长沙开元】测氮仪\TCN22000.1</t>
  </si>
  <si>
    <t>【长沙开元】通氮干燥盒\TND0.1</t>
  </si>
  <si>
    <t>【长沙开元】通氮干燥盒\TNX0.1</t>
  </si>
  <si>
    <t>【长沙开元】活节螺栓\M16×100\5E-JCA\3110110046</t>
  </si>
  <si>
    <t>【长沙开元】粒度筛板\PA02-02-005\3130400858</t>
  </si>
  <si>
    <t>【长沙开元】粒度筛板\CD250×360-02-001.3\232010166</t>
  </si>
  <si>
    <t>【长沙开元】粒度筛板\CD250×360-02-001.1\232010164</t>
  </si>
  <si>
    <t>【长沙开元】粒度筛板\CD250×360-02-001.2\232010165</t>
  </si>
  <si>
    <t>【长沙开元】PVC菱形印痕输送带\5×200×5200\5E-PA2X23080403526</t>
  </si>
  <si>
    <t>【长沙开元】PVC面板\KY6.177.108\3011501252</t>
  </si>
  <si>
    <t>【长沙开元】变色硅胶\500g/瓶\3040301001</t>
  </si>
  <si>
    <t>【长沙开元】标准煤样\GBW11100\3040402178</t>
  </si>
  <si>
    <t>【长沙开元】标准筛\Φ200×50    -S-方孔\3130400053</t>
  </si>
  <si>
    <t>【长沙开元】步进电机\103H7126-0740\3080203005</t>
  </si>
  <si>
    <t>【长沙开元】步进电机\57HS09\3080203012</t>
  </si>
  <si>
    <t>【长沙开元】采集板\KY6.672.043A01\222002047</t>
  </si>
  <si>
    <t>【长沙开元】称量机构\MW6500-03\212024003</t>
  </si>
  <si>
    <t>【长沙开元】称量机构\MAGD1-06A\212028009</t>
  </si>
  <si>
    <t>【长沙开元】传感器\DHG-9140A\3130104009</t>
  </si>
  <si>
    <t>【长沙开元】锤头总成\HCB250X360-03PJ\232013300</t>
  </si>
  <si>
    <t>【长沙开元】电磁阀\2V025-08\3050102001</t>
  </si>
  <si>
    <t>【长沙开元】电磁阀\8253250.8001.02400\3050101013</t>
  </si>
  <si>
    <t>【长沙开元】电磁阀\8591235.8001.02400\3050101022</t>
  </si>
  <si>
    <t>【长沙开元】电磁阀\8497292.8001.02400\3050101021</t>
  </si>
  <si>
    <t>【长沙开元】定颚板\JC250×400-002\3130401270</t>
  </si>
  <si>
    <t>【长沙开元】定颚板\JC100×60-10-002\3130400839</t>
  </si>
  <si>
    <t>【长沙开元】定颚板\JC150×250-002\3130600122</t>
  </si>
  <si>
    <t>【长沙开元】动颚板\JC250×400-003\3130401271</t>
  </si>
  <si>
    <t>【长沙开元】动颚板\JC150×125-005\3130600039</t>
  </si>
  <si>
    <t>【长沙开元】动颚板\JC100×60-02-002\3130400840</t>
  </si>
  <si>
    <t>【长沙开元】动颚板\JC150×250-005\3130600123</t>
  </si>
  <si>
    <t>【长沙开元】读温探头\C5508-02-004\3060103022</t>
  </si>
  <si>
    <t>【长沙开元】二分器接料斗\TR9×46-02\231052010</t>
  </si>
  <si>
    <t>【长沙开元】二分器接料斗\TR9×24-02\231039002</t>
  </si>
  <si>
    <t>【长沙开元】二分器接料斗\TR18×24-02\232043008</t>
  </si>
  <si>
    <t>【长沙开元】分度盘\MAGD2-04-003\5E-MAG6600\213017098</t>
  </si>
  <si>
    <t>【长沙开元】分度盘\MW6500-02-005\5E-MW6500N\213020017</t>
  </si>
  <si>
    <t>【长沙开元】分度盘\MW6510-12-002\5E-MW6510\213020150</t>
  </si>
  <si>
    <t>【长沙开元】高温管\FT2300-14-002\3040202103</t>
  </si>
  <si>
    <t>【长沙开元】光波管\MW6500-002\3070400002</t>
  </si>
  <si>
    <t>【长沙开元】硅胶垫\φ29.9×20.2 YD50\C5500\213021114</t>
  </si>
  <si>
    <t>【长沙开元】糊精\50g/瓶\5E-AF4000\226019010</t>
  </si>
  <si>
    <t>【长沙开元】加热管\JRG-M-1KW\5E-DHG6320\\3070200017</t>
  </si>
  <si>
    <t>【长沙开元】接料斗\HCB400×260-07-01\5E-HCB400x260\231054052</t>
  </si>
  <si>
    <t>【长沙开元】接料斗\HCB250×360-01-005\232013183</t>
  </si>
  <si>
    <t>【长沙开元】接料斗\TRA9*32-02\231048002</t>
  </si>
  <si>
    <t>【长沙开元】接料斗\TR39*16-02\231041002</t>
  </si>
  <si>
    <t>【长沙开元】接料斗总成\HCB400*260-07\231054007</t>
  </si>
  <si>
    <t>【长沙开元】接料斗总成\HC400*260A-07\231014010</t>
  </si>
  <si>
    <t>【长沙开元】接料斗组件\HC180×150-01-02\231012013</t>
  </si>
  <si>
    <t>【长沙开元】接料箱\DCA250×150-14\231023009</t>
  </si>
  <si>
    <t>【长沙开元】接料箱\JC100×60-09\231017002</t>
  </si>
  <si>
    <t>【长沙开元】接料箱\DCA250×75-09\231021009</t>
  </si>
  <si>
    <t>【长沙开元】接料箱\JC150×250-07\231019007</t>
  </si>
  <si>
    <t>【长沙开元】开关电源\RT-50B\3011202095</t>
  </si>
  <si>
    <t>【长沙开元】开关电源\GPF-U500S24\3011202001</t>
  </si>
  <si>
    <t>【长沙开元】开关电源\LRS-150-24\3011202098</t>
  </si>
  <si>
    <t>【长沙开元】量杯\KC5410-02-001\3040202023</t>
  </si>
  <si>
    <t>【长沙开元】门把手\WGLL-625BE\3130104008</t>
  </si>
  <si>
    <t>【长沙开元】母板\KY6.672.057\222014003</t>
  </si>
  <si>
    <t>【长沙开元】母板\KY6.672.056\222014002</t>
  </si>
  <si>
    <t>【长沙开元】热电偶屏蔽线\HT3.96-4T(195cm+110cm)\227000004</t>
  </si>
  <si>
    <t>【长沙开元】热电偶屏蔽线补偿导线\HT3.96-4T(110cm)\227000005</t>
  </si>
  <si>
    <t>【长沙开元】筛板\HCB400×260-05-002A 13mm\231054023</t>
  </si>
  <si>
    <t>【长沙开元】筛板\HCB400×260-05-06 3MM\231014025</t>
  </si>
  <si>
    <t>【长沙开元】十字分样板\5E-DB900\120901</t>
  </si>
  <si>
    <t>【长沙开元】十字分样板\5E-DB1200\121312</t>
  </si>
  <si>
    <t>【长沙开元】温度采集板\KY6.672.318A02\222002067</t>
  </si>
  <si>
    <t>【长沙开元】稳定液\KY2.789.068WDY-GGS\226019001</t>
  </si>
  <si>
    <t>【长沙开元】氧枪\IRS3600-01-02-009\213013474</t>
  </si>
  <si>
    <t>【长沙开元】液晶显示屏\SMS0417F\3011402043</t>
  </si>
  <si>
    <t>【长沙开元】制样筛\φ450-100 S 方孔\3130401162</t>
  </si>
  <si>
    <t>【长沙开元】主 板\KY6.672.330A03\222001099</t>
  </si>
  <si>
    <t>【长沙开元】主板\KY6.672.040A01\222001039</t>
  </si>
  <si>
    <t>【长沙开元】主板\MF6100K，6090K用\222001095</t>
  </si>
  <si>
    <t>【长沙开元】主板\IRSII\222001084</t>
  </si>
  <si>
    <t>【长沙开元】主板\CHN2200用\222001083</t>
  </si>
  <si>
    <t>【长沙开元】转盘\MW6520-001\213020275</t>
  </si>
  <si>
    <t>【长沙开元】转盘组件\CHN2200-01-C\212055167</t>
  </si>
  <si>
    <t>【长沙开元】转子总成\HCB250×360-03\231013058</t>
  </si>
  <si>
    <t>【长沙开元】氟离子选择性电极\PF-1Q9\3130401325</t>
  </si>
  <si>
    <t>【长沙开元】自锁式按钮开关\T25-372CPRA2\3011204200</t>
  </si>
  <si>
    <t>【长沙开元】直动型三通电磁阀\LVMK207-5J\3050102135</t>
  </si>
  <si>
    <t>【长沙开元】滴定池\FT2300-13-002\213040483</t>
  </si>
  <si>
    <t>【长沙开元】高温炉组件\LVMK207-5J\212056085</t>
  </si>
  <si>
    <t>【长沙开元】导管\FT2300-16-003\3040201058</t>
  </si>
  <si>
    <t>【长沙开元】放样盒组件\FT2300-16-03\213040653</t>
  </si>
  <si>
    <t>【长沙开元】送样杆\FT2300-16-05-001\3040201061</t>
  </si>
  <si>
    <t>【长沙开元】主板\KY6.672.043A00\222001097</t>
  </si>
  <si>
    <t>【长沙开元】微型过滤器\GA6.0\3070500020</t>
  </si>
  <si>
    <t>【长沙开元】清洗阀泵安装组件\FT2300-18\212056089</t>
  </si>
  <si>
    <t>【长沙开元】隔离阀安泵装组件\FT2300-19\212056090</t>
  </si>
  <si>
    <t>【长沙开元】缓冲球\FL2200-15-003\3040201063</t>
  </si>
  <si>
    <t>【长沙开元】石英舟\FT2300-16-001\3040201062</t>
  </si>
  <si>
    <t>【长沙开元】套管\FL2200-16-026\3040201059</t>
  </si>
  <si>
    <t>【长沙开元】石英管\FL2200-14-002\3040201060</t>
  </si>
  <si>
    <t>【长沙开元】冷凝管\FT2300-12-003\3040201065</t>
  </si>
  <si>
    <t>【长沙开元】银电极\CLT2310-02-006\213040635</t>
  </si>
  <si>
    <t>【长沙开元】双盐桥甘汞电极\217-01\3130300018</t>
  </si>
  <si>
    <t>【长沙开元】氯标煤\GBW1111XX\3040402046</t>
  </si>
  <si>
    <t>【长沙开元】定性滤纸\18cm 高速\3130400534</t>
  </si>
  <si>
    <t>【长沙开元】O型密封圈\7×2.65-氟橡胶\3090101249</t>
  </si>
  <si>
    <t>【长沙开元】O型密封圈\69×2.65-硅橡胶\5E-FL2200\3090101160</t>
  </si>
  <si>
    <t>【长沙开元】氧气压力表\Y0-40Z-6Mpa small\5E-C5500\3050103001</t>
  </si>
  <si>
    <t>【长沙开元】氧弹坩埚\YD5J-016\213021112</t>
  </si>
  <si>
    <t>【长沙开元】积液池组件\FT2301-09\212056152</t>
  </si>
  <si>
    <t>【长沙开元】标准筛底筛盖\φ450-100\3130400890  3130400891</t>
  </si>
  <si>
    <t>【长沙开元】称重系统\KY-300KWS\5E-APS9202\3040500169</t>
  </si>
  <si>
    <t>【长沙开元】称重系统\ES-10KWS\5E-APS9202\261230008</t>
  </si>
  <si>
    <t>【长沙开元】接近开关\5E BI8-M18-AP6X\5E-APS9202\3060204040</t>
  </si>
  <si>
    <t>【长沙开元】链条\5E 12A-62\5E-APS9202\3111300101</t>
  </si>
  <si>
    <t>【长沙开元】滚子链条\5E 12A-64\3111300015</t>
  </si>
  <si>
    <t>【长沙开元】普通V带\5E B1560\5E-APS9202\3080403190</t>
  </si>
  <si>
    <t>【长沙开元】V型皮带\5E B1540\5E-APS9202\3080403656</t>
  </si>
  <si>
    <t>【长沙开元】破碎机构\ST-Z40-01-03\5E-APS9202\235100042</t>
  </si>
  <si>
    <t>【长沙开元】清灰刮板组件\ST-Z40-01-01-02\5E-APS9202\235100036</t>
  </si>
  <si>
    <t>【长沙开元】刮板导轨\ST-Z40-01-01-002\5E-APS9202\235200007</t>
  </si>
  <si>
    <t>【长沙开元】腰孔筛板\ST-Z40-01-04\5E-APS9202\235100045</t>
  </si>
  <si>
    <t>【长沙开元】圆孔筛板\ST-Z40-01-06\5E-APS9202\235100527</t>
  </si>
  <si>
    <t>【长沙开元】主动带轮\ST-Z40-001\5E-APS9202\235200003</t>
  </si>
  <si>
    <t>【长沙开元】偏心轮组件\ST-Z40-07\5E-APS9202\235100055</t>
  </si>
  <si>
    <t>【长沙开元】曲柄组件\ST-Z40-06\5E-APS9202\235100053</t>
  </si>
  <si>
    <t>【长沙开元】从动皮带轮\ST-Z40-01-03-008\5E-APS9202\235200055</t>
  </si>
  <si>
    <t>【长沙开元】提升斗\APS025-04-07\5E-APS9202\234100549</t>
  </si>
  <si>
    <t>【长沙开元】光电开关\OSQ18-K450\5E-APS9202\3060202072</t>
  </si>
  <si>
    <t>【长沙开元】链条\10A-99\3111300070</t>
  </si>
  <si>
    <t>【长沙开元】步进电机\5E ISS57-20\5E-APS9202\3080205008</t>
  </si>
  <si>
    <t>【长沙开元】减速机\5E TR60L2-32-8-38.1-KY\5E-APS9202\3080206353</t>
  </si>
  <si>
    <t>【长沙开元】小齿轮\ST-Z30-07-002\5E-APS9202\235200153</t>
  </si>
  <si>
    <t>【长沙开元】感应开关\5E Bi5-M18-AP6X\5E-APS9202\3060204036</t>
  </si>
  <si>
    <t>【长沙开元】短节距加长销输送链12A\ST-S21-011\3111300123</t>
  </si>
  <si>
    <t>【长沙开元】加长销轴链条12A\APS034-09-01-001\234202482</t>
  </si>
  <si>
    <t>【长沙开元】提升斗\ST-S21-05\3130600142</t>
  </si>
  <si>
    <t>【长沙开元】振动给料部件\ST-Z06-03\5E-APS9202\235100186</t>
  </si>
  <si>
    <t>【长沙开元】气动振动器\5E S10\5E-APS9202\3050400009</t>
  </si>
  <si>
    <t>【长沙开元】气动式真空加料机\QVC-A\5E-APS9202\3130600150</t>
  </si>
  <si>
    <t>【长沙开元】进料软管\ST-Z08-001\5E-APS9202\235201583</t>
  </si>
  <si>
    <t>【长沙开元】出料软管\ST-Z08-002\5E-APS9202\235201584</t>
  </si>
  <si>
    <t>【长沙开元】煤样瓶扣盖\Φ116×23\5E-APS9202\3130401475</t>
  </si>
  <si>
    <t>【长沙开元】高煤样瓶\MYP9351-01￠100×240\5E-APS9202\3130401481</t>
  </si>
  <si>
    <t>【长沙开元】矮煤样瓶\MYP9352-01￠100×110\5E-APS9202\3130401482</t>
  </si>
  <si>
    <t>【长沙开元】煤样瓶内外盖\MYP9351-02/03￠97×22\5E-APS9202\3130401483</t>
  </si>
  <si>
    <t>【长沙开元】粉碎装置\ST-Z50-01\5E-APS9202\235100167</t>
  </si>
  <si>
    <t>【长沙开元】辊轮组件1\ST-Z45-01-04\5E-APS9202\235100426</t>
  </si>
  <si>
    <t>【长沙开元】辊轮组件2\ST-Z45-01-05\5E-APS9202\235100427</t>
  </si>
  <si>
    <t>【长沙开元】PLC减速机\5E TM241CE40R-KY\3012001036</t>
  </si>
  <si>
    <t>【长沙开元】光电开关\5E EE-SX672P-KY\5E-ASS1625\3060202055</t>
  </si>
  <si>
    <t>【长沙开元】光槽\5E EE-SX872P-KY\3060202071</t>
  </si>
  <si>
    <t>【长沙开元】主动轴总成\PA04A-02\5E-PA2x2\231004060</t>
  </si>
  <si>
    <t>【长沙开元】从动轴总成\PA04A-03\5E-PA2x2\231004061</t>
  </si>
  <si>
    <t>【房陵鲜】香辣鸭翅\25g*15</t>
  </si>
  <si>
    <t>房县天森食品有限公司</t>
  </si>
  <si>
    <t>房陵鲜</t>
  </si>
  <si>
    <t>WZSCCG-2020-BJ-1074</t>
  </si>
  <si>
    <t>2020年度北京配送房县天森公司食品商城铺货长协采购框架合同（湖北帮扶房县）</t>
  </si>
  <si>
    <t>【房陵鲜】溜香翅根\25g*15</t>
  </si>
  <si>
    <t>【房陵鲜】醉香鸭掌\25g*15</t>
  </si>
  <si>
    <t>【房陵鲜】劲辣鸡爪\25g*15</t>
  </si>
  <si>
    <t>【房陵鲜】卤香蛋\30g*15</t>
  </si>
  <si>
    <t>【房陵鲜】神农扒鸡\700g*1</t>
  </si>
  <si>
    <t>【房陵鲜】香辣鸡腿\140g*4</t>
  </si>
  <si>
    <t>【长沙开元】伸缩软管\φ80(4米/根)\3150300016SD</t>
  </si>
  <si>
    <t>【长沙开元】伸缩软管\φ120(4米/根)\3150300017</t>
  </si>
  <si>
    <t>【长沙开元】不锈钢输送带\ST-Z05-01-005\5E-APS9202\3080403457</t>
  </si>
  <si>
    <t>【长沙开元】光波管\MW6510-004(5E-APS用)\5E-APS9202\3070400006APS</t>
  </si>
  <si>
    <t>【长沙开元】破碎机构配重轮\ST-Z40-01-03-001\5E-APS9202\235200048</t>
  </si>
  <si>
    <t>【长沙开元】轴承座组件\ST-Z40-01-03-02\5E-APS9202\235100044</t>
  </si>
  <si>
    <t>【长沙开元】反击板\ST-Z40-01-01-001\5E-APS9202\235200006</t>
  </si>
  <si>
    <t>【长沙开元】主轴\ST-Z40-01-03-004\5E-APS9202\235200051</t>
  </si>
  <si>
    <t>【长沙开元】锤头轴\ST-Z40-01-03-005\5E-APS9202\235200052</t>
  </si>
  <si>
    <t>【长沙开元】锤头\PA02-03-006 12个\5E-APS9202\3130600012</t>
  </si>
  <si>
    <t>【长沙开元】边锤头\ST-Z40-01-03-009 2个\5E-APS9202\235201532</t>
  </si>
  <si>
    <t>【长沙开元】齿条\ST-Z30-03-001\5E-APS9202\235200118</t>
  </si>
  <si>
    <t>【长沙开元】刮扫橡胶板\ST-Z30A-01-02-001\5E-APS9202\235202259</t>
  </si>
  <si>
    <t>【长沙开元】仓门挡板\ST-Z30-03-02\5E-APS9202\235100065</t>
  </si>
  <si>
    <t>【长沙开元】行星减速机\5E-60ZDWF-40K\5E-APS9202\3080206479</t>
  </si>
  <si>
    <t>【长沙开元】主动链轮\ST-Z30-09-001\5E-APS9202\235200160</t>
  </si>
  <si>
    <t>【长沙开元】链轮\ST-Z30-10-003\5E-APS9202\235200165</t>
  </si>
  <si>
    <t>【长沙开元】旋转轴组件\ST-Z31A-01\5E-APS9202\235100758</t>
  </si>
  <si>
    <t>【长沙开元】一级圆盘给料机减速电机\WKF47-Y-0.25kw\5E-APS9202\3080206430</t>
  </si>
  <si>
    <t>【长沙开元】圆盘缩分机减速电机\KCLB37-1.1kw\5E-APS9202\3080206466</t>
  </si>
  <si>
    <t>【长沙开元】底部八桶分样机减速电机\SCL47-YEJ0.37\5E-APS9202\3080206098</t>
  </si>
  <si>
    <t>【长沙开元】链轮\ST-S21-003\5E-APS9202\235200260</t>
  </si>
  <si>
    <t>【长沙开元】毛刷\ST-S21-06-01-006\5E-APS9202\235200320</t>
  </si>
  <si>
    <t>【长沙开元】长毛刷\ST-S21-06-01-005\5E-APS9202\235200319</t>
  </si>
  <si>
    <t>【长沙开元】电机链轮\ST-S21-006\5E-APS9202\235200264</t>
  </si>
  <si>
    <t>【长沙开元】对辊破碎机主体\ST-Z45-01\5E-APS9202\235100421</t>
  </si>
  <si>
    <t>【长沙开元】链条\10A-1-76\3111300066</t>
  </si>
  <si>
    <t>【长沙开元】皮带\ST-S70-002\5E-APS9202\235202128</t>
  </si>
  <si>
    <t>【长沙开元】PVC挡边皮带\5E-ST-S72-006\5E-APS9202\235203225</t>
  </si>
  <si>
    <t>【长沙开元】热电偶\ST-Z05-02-001\235200664</t>
  </si>
  <si>
    <t>【长沙开元】链轮\ST-Z01A-01-02-001\5E-APS9202\235200684</t>
  </si>
  <si>
    <t>【长沙开元】料斗组件\ST-S28-03\5E-APS9202\235100398</t>
  </si>
  <si>
    <t>【长沙开元】驱动减速电机\5E-80YS25GY38\5E-APS9202\3080206607</t>
  </si>
  <si>
    <t>【长沙开元】内刮灰板组件\PD3060.28\5E-APS9202\3080206472</t>
  </si>
  <si>
    <t>【长沙开元】主动链轮\LSF30L-08\5E-APS9202\262120095</t>
  </si>
  <si>
    <t>【长沙开元】主动轴\LSF30B-10\5E-APS9202\263110006</t>
  </si>
  <si>
    <t>【长沙开元】从动轴\LSF30B-02\5E-APS9202\263110103</t>
  </si>
  <si>
    <t>【长沙开元】从动链轮\LSF30B-03\5E-APS9202\263110108</t>
  </si>
  <si>
    <t>【长沙开元】小链轮\GP4050A-01\5E-APS9202\263120001</t>
  </si>
  <si>
    <t>【长沙开元】从动链轮\PD3060-03\5E-APS9202\263120144</t>
  </si>
  <si>
    <t>【长沙开元】改向滚筒组件\PD3060.24\5E-APS9202\262120091</t>
  </si>
  <si>
    <t>【长沙开元】传动滚筒组件\PD3060.26\5E-APS9202\262120093</t>
  </si>
  <si>
    <t>【长沙开元】滚子链\10A-58\3111300059</t>
  </si>
  <si>
    <t>【长沙开元】矮扣盖煤样瓶\B1600-150\5E-APS9202\3130401479</t>
  </si>
  <si>
    <t>【长沙开元】高扣盖煤样瓶\B2500-150\5E-APS9202\3130401478</t>
  </si>
  <si>
    <t>【长沙开元】电子台秤\5E-NA165 ES-5001HP\5E-APS9202\3040500187</t>
  </si>
  <si>
    <t>【长沙开元】二分器\ST-Z08-05\5E-APS9202\235100996</t>
  </si>
  <si>
    <t>【长沙开元】二分器\ST-Z06-05\5E-APS9202\235100188</t>
  </si>
  <si>
    <t>【长沙开元】上料机滤芯(金属)\直径50*80\3130600192</t>
  </si>
  <si>
    <t>【长沙开元】五口二位电磁阀\5E-4V220-08-B\5E-APS9202\3050102099</t>
  </si>
  <si>
    <t>【长沙开元】五口二位电磁阀\5E-4V210-08-B\5E-APS9202\3050102108</t>
  </si>
  <si>
    <t>【长沙开元】气缸组件\5E-SE-40×75-S\5E-APS9202\3050600026</t>
  </si>
  <si>
    <t>【长沙开元】滚子链条\10A-1-67\3111300062</t>
  </si>
  <si>
    <t>【长沙开元】滚子链\10A-1-43\3111300073</t>
  </si>
  <si>
    <t>【长沙开元】挡瓶气缸\5EMI12*125U\5E-APS9202</t>
  </si>
  <si>
    <t>【长沙开元】推瓶气缸\5E-TN16*175S\5E-APS9202\3050600180</t>
  </si>
  <si>
    <t>【长沙开元】压盖气缸S\MAL25*100U\5E-APS9202\3050600081</t>
  </si>
  <si>
    <t>【长沙开元】大瓶压盖气缸\5E-SE63*125\5E-APS9202\3050600025</t>
  </si>
  <si>
    <t>【长沙开元】小瓶压盖气缸\5E-SE63*50S\5E-APS9202</t>
  </si>
  <si>
    <t>【长沙开元】推盖气缸\TN16*125S\5E-APS9202</t>
  </si>
  <si>
    <t>【长沙开元】压盖升降气缸\TN16*70S\5E-APS9202\3050600095</t>
  </si>
  <si>
    <t>【长沙开元】灌装压瓶气缸\MAL25*50SU\5E-APS9202\3050600112</t>
  </si>
  <si>
    <t>【长沙开元】灌装压瓶气缸\ACQ16*20S\5E-APS9202\3050600082</t>
  </si>
  <si>
    <t>【长沙开元】粉碎装置\5E-ST-Z50-02\5E-APS9202\235101368</t>
  </si>
  <si>
    <t>【长沙开元】进料斗组件\5E-ST-S50-11\5E-APS9202\235100790</t>
  </si>
  <si>
    <t>【长沙开元】压刮板\5E-ST-Z05-01-06-002\5E-APS9202\235200449</t>
  </si>
  <si>
    <t>【长沙开元】驱动组件\5E-ST-Z30-03\5E-APS9202\235100063</t>
  </si>
  <si>
    <t>【长沙开元】下刮板\ST-Z30-01-007\5E-APS9202\235200093</t>
  </si>
  <si>
    <t>【长沙开元】圆柱气缸\MAL25*50U-S\5E-APS9202\3050600221</t>
  </si>
  <si>
    <t>【长沙开元】制样筛\750×500×150\5E-传统采样辅助工具-不锈钢</t>
  </si>
  <si>
    <t>【长沙开元】制样筛\750×500×150\5E-传统采样辅助工具-木框</t>
  </si>
  <si>
    <t>【长沙开元】停带采样框\5E-SF20/60\5E-传统采样辅助工具</t>
  </si>
  <si>
    <t>【长沙开元】电子台秤\ES-100KT\5E-传统采样辅助工具\3040500078</t>
  </si>
  <si>
    <t>【长沙开元】电子台秤\ES-200KT\5E-传统采样辅助工具\3040500</t>
  </si>
  <si>
    <t>【长沙开元】自动量热仪温控装置\5E-AC/PL</t>
  </si>
  <si>
    <t>【长沙开元】自动量热仪控制装置\5E-AC/PL</t>
  </si>
  <si>
    <t>【长沙开元】自动量热仪单通道测量装置\5E-AC/PL单控</t>
  </si>
  <si>
    <t>【长沙开元】自动量热仪双通道测量装置\5E-AC/PL双控</t>
  </si>
  <si>
    <t>【长沙开元】立式恒温式量热仪温控装置\5E-C5500.1\5E-C5500</t>
  </si>
  <si>
    <t>【长沙开元】立式恒温式量热仪控制装置\5E-C5500.2\5E-C5500</t>
  </si>
  <si>
    <t>【长沙开元】立式恒温式量热仪单通道测量装置\5E-C5500.3\5E-C5500</t>
  </si>
  <si>
    <t>【长沙开元】立式恒温式量热仪双通道测量装置\5E-C5500.4\5E-C5500</t>
  </si>
  <si>
    <t>【长沙开元】卧式恒温式量热仪温控装置\5E-C5500.6\5E-C5500</t>
  </si>
  <si>
    <t>【长沙开元】卧式恒温式量热仪控制装置\5E-C5500.7\5E-C5500</t>
  </si>
  <si>
    <t>【长沙开元】卧式恒温式量热仪单通道测量装置\5E-C5500.8\5E-C5500</t>
  </si>
  <si>
    <t>【长沙开元】卧式恒温式量热仪双通道测量装置\5E-C5500.9\5E-C5500</t>
  </si>
  <si>
    <t>【长沙开元】恒温升降式量热仪温控装置\5E-C5508.1\5E-5508</t>
  </si>
  <si>
    <t>【长沙开元】恒温升降式量热仪自动控制装置\5E-C5508.2\5E-C5508</t>
  </si>
  <si>
    <t>【长沙开元】恒温升降式量热仪单通道测量装置\5E-C5508.3\5E-C5508</t>
  </si>
  <si>
    <t>【长沙开元】恒温升降式量热仪双通道测量装置\5E-C5508.4\5E-C5508</t>
  </si>
  <si>
    <t>【长沙开元】量热仪温控装置\5E-C5808.01\5E-C5808</t>
  </si>
  <si>
    <t>【长沙开元】量热仪测量装置\5E-C5808.02\5E-C5808</t>
  </si>
  <si>
    <t>【长沙开元】量热仪控制板\5E-C5808.03\5E-C5808</t>
  </si>
  <si>
    <t>【长沙开元】激光量热仪点火板\5E-C5808J\5E-5808</t>
  </si>
  <si>
    <t>【长沙开元】红外测硫仪高温燃烧装置\5E-IRSⅡ.1</t>
  </si>
  <si>
    <t>【长沙开元】红外测硫仪红外检测装置\5E-IRSⅡ.2</t>
  </si>
  <si>
    <t>【长沙开元】自动红外测硫仪高温燃烧装置\5E-IRS3600.1</t>
  </si>
  <si>
    <t>【长沙开元】自动红外测硫仪红外检测装置\5E-IRS3600.2</t>
  </si>
  <si>
    <t>【长沙开元】自动红外测硫仪进样料斗\5E-IRS3600.3</t>
  </si>
  <si>
    <t>【长沙开元】自动红外碳测硫仪高温燃烧装置\5E-IRS3800.1</t>
  </si>
  <si>
    <t>【长沙开元】自动红外碳测硫仪红外检测装置\5E-IRS3800.2</t>
  </si>
  <si>
    <t>【长沙开元】自动红外碳测硫仪进样料斗\5E-IRS3800.3</t>
  </si>
  <si>
    <t>【长沙开元】库伦测硫仪高温燃烧装置\5E-S3200.1</t>
  </si>
  <si>
    <t>【长沙开元】库伦测硫仪测量模块\5E-S3200.2</t>
  </si>
  <si>
    <t>【长沙开元】自动库伦测硫仪高温燃烧装置\5E-S3200B.1</t>
  </si>
  <si>
    <t>【长沙开元】自动库伦测硫仪测量模块\5E-S3200B.2</t>
  </si>
  <si>
    <t>【长沙开元】自动库伦测硫仪控制模块\5E-S3200B.3</t>
  </si>
  <si>
    <t>【长沙开元】测氮仪高温分解装置\5E-TCN2200.1\5E-TCN2200</t>
  </si>
  <si>
    <t>【长沙开元】测氮仪仪气控模块\5E-TCN2200.2\5E-TCN2200</t>
  </si>
  <si>
    <t>【长沙开元】测氮仪检测模块\5E-TCN2200.3\5E-TCN2200</t>
  </si>
  <si>
    <t>【长沙开元】自动包样装置\5E-ABY2210\5E-ABY2210</t>
  </si>
  <si>
    <t>【长沙开元】自动测氟仪高温燃烧装置\5E-FT2301.1</t>
  </si>
  <si>
    <t>【长沙开元】自动测氟仪水气控制模块\5E-FT2301.2</t>
  </si>
  <si>
    <t>【长沙开元】自动测氟仪测量模块\5E-FT2301.3</t>
  </si>
  <si>
    <t>【长沙开元】自动测氯仪高温燃烧装置\5E-CLT2311.1</t>
  </si>
  <si>
    <t>【长沙开元】自动测氯仪水气控制模块\5E-CLT2311.2</t>
  </si>
  <si>
    <t>【长沙开元】自动测氯仪测量模块\5E-CLT2311.3</t>
  </si>
  <si>
    <t>【长沙开元】测汞仪高温分解装置\5E-HGT2320.1</t>
  </si>
  <si>
    <t>【长沙开元】测汞仪检测检测装置\5E-HGT2320.2</t>
  </si>
  <si>
    <t>【长沙开元】智能灰熔融性测试仪温控装置\5E-AF4000.1</t>
  </si>
  <si>
    <t>【长沙开元】智能灰熔融性测试仪视频监控模块\5E-AF4000.2</t>
  </si>
  <si>
    <t>【长沙开元】智能灰熔融性测试仪控制板\5E-AF4000.3</t>
  </si>
  <si>
    <t>【长沙开元】智能灰熔融性测试仪温控装置\5E-AF4105.1\5E-AF4105</t>
  </si>
  <si>
    <t>【长沙开元】智能灰熔融性测试仪视频监控模块\5E-AF4105.2\5E-AF4105</t>
  </si>
  <si>
    <t>【长沙开元】智能灰熔融性测试仪气控模块\5E-AF4105.3\5E-AF4105</t>
  </si>
  <si>
    <t>【长沙开元】智能灰熔融性测试仪温控装置\5E-AF4115.1\5E-AF4115</t>
  </si>
  <si>
    <t>【长沙开元】智能灰熔融性测试仪视频监控模块\5E-AF4115.2\5E-AF4115</t>
  </si>
  <si>
    <t>【长沙开元】智能灰熔融性测试仪机械手装置\5E-AF4115.3\5E-AF4115</t>
  </si>
  <si>
    <t>【长沙开元】自动挥发分测试仪温控装置\5E-MVC6700.1</t>
  </si>
  <si>
    <t>【长沙开元】自动挥发分测试仪控制板\5E-MVC6700.2</t>
  </si>
  <si>
    <t>【长沙开元】红外快速煤质分析仪温控装置\5E-MACⅣ.1</t>
  </si>
  <si>
    <t>【长沙开元】红外快速煤质分析仪控制板\5E-MACⅣ.2</t>
  </si>
  <si>
    <t>【长沙开元】红外快速煤质分析仪气控装置\5E-MACⅣ.3</t>
  </si>
  <si>
    <t>【长沙开元】全自动工业分析仪温控装置\5E-MAG6700.1\5E-MAG6700</t>
  </si>
  <si>
    <t>【长沙开元】全自动工业分析仪控制板\5E-MAG6700.2\5E-MAG6700</t>
  </si>
  <si>
    <t>【长沙开元】全自动工业分析仪称量模块\5E-MAG6700.3\5E-MAG6700</t>
  </si>
  <si>
    <t>【长沙开元】全自动工业分析仪温控装置\5E-MAC6710.1</t>
  </si>
  <si>
    <t>【长沙开元】全自动工业分析仪控制板\5E-MAC6710.2</t>
  </si>
  <si>
    <t>【长沙开元】全自动工业分析仪自动开盖模块\5E-MAC6710.3</t>
  </si>
  <si>
    <t>【长沙开元】全自动水分仪控制板\5E-MW6513.2\5E-MW6513</t>
  </si>
  <si>
    <t>【长沙开元】全自动水分仪称量模块\5E-MW6513.3\5E-ME6513</t>
  </si>
  <si>
    <t>【长沙开元】全自动水分仪温控装置\5E-MW6520.1\5E-MW6520</t>
  </si>
  <si>
    <t>【长沙开元】全自动水分仪控制板\5E-MW6520.2\5E-MW6520</t>
  </si>
  <si>
    <t>【长沙开元】全自动水分仪气控装置\5E-MW6520.3\5E-MW6520</t>
  </si>
  <si>
    <t>【长沙开元】智能马弗炉温控装置\5E-MF6100K.1\5E-MF6100K</t>
  </si>
  <si>
    <t>【长沙开元】智能马弗炉控制板\5E-MF6100K.2\5E-MF6100K</t>
  </si>
  <si>
    <t>【长沙开元】智能马弗炉温控装置\5E-MF6400.1\5E-MF6400</t>
  </si>
  <si>
    <t>【长沙开元】智能马弗炉控制板\5E-MF6400.2\5E-MF6400</t>
  </si>
  <si>
    <t>【长沙开元】马弗炉换气装置\5E-HA01.1\5E-HQ01</t>
  </si>
  <si>
    <t>【长沙开元】智能通氮干燥箱温控装置\5E-MIN6150.1</t>
  </si>
  <si>
    <t>【长沙开元】智能通氮干燥箱氮气控制装置\5E-MIN6150.2\5E-MIN6150</t>
  </si>
  <si>
    <t>【长沙开元】电热恒温鼓风干燥箱温控装置\5E-DHG6310.1\5E-DHG6310</t>
  </si>
  <si>
    <t>【长沙开元】电热恒温鼓风干燥箱控制板\5E-DHG6310.2\5E-DHG6310</t>
  </si>
  <si>
    <t>【长沙开元】电热恒温鼓风干燥箱温控装置\5E-DHG6320.1\5E-DHG6320</t>
  </si>
  <si>
    <t>【长沙开元】电热恒温鼓风干燥箱定时模块\5E-DHG6320.2\5E-DHG6320</t>
  </si>
  <si>
    <t>【长沙开元】空气干燥箱温控装置\5E-DHG6340.1\5E-DHG6340</t>
  </si>
  <si>
    <t>【长沙开元】空气干燥箱气控模块\5E-DHG6340.2\5E-DHG6340</t>
  </si>
  <si>
    <t>【长沙开元】鼓风干燥箱温控装置\5E-MHG6090.1\5E-MHG6090</t>
  </si>
  <si>
    <t>【长沙开元】鼓风干燥箱定时模块\5E-MHG6090.2\5E-MHG6090</t>
  </si>
  <si>
    <t>【长沙开元】鼓风干燥箱温控装置\5E-MHG6090K.1\5E-MHG6090</t>
  </si>
  <si>
    <t>【长沙开元】鼓风干燥箱炉门自锁装置\5E-MHG6090K.2\5E-MHG6090</t>
  </si>
  <si>
    <t>【长沙开元】通氮干燥盒\5E-TNX01\5E-TNX</t>
  </si>
  <si>
    <t>【长沙开元】通氮干燥盒\5E-TND01\5E-TND</t>
  </si>
  <si>
    <t>【长沙开元】联合制样装置\5E-PA2×2A.1\5E-PA2×2</t>
  </si>
  <si>
    <t>【长沙开元】联合制样装置\5E-PAB2×2A.1\5E-PAB2×2</t>
  </si>
  <si>
    <t>【长沙开元】锤式破碎缩分机粉碎装置\5E-CD180×150A.1\5E-CD180×150</t>
  </si>
  <si>
    <t>【长沙开元】锤式破碎缩分机自动缩分模块\5E-CD180×150A.2\5E-CD180×150</t>
  </si>
  <si>
    <t>【长沙开元】锤式破碎缩分机粉碎装置\5E-CD250×360A.1\5E-CD250×360</t>
  </si>
  <si>
    <t>【长沙开元】锤式破碎缩分机电气保护装置\5E-CD250×360A.2\5E-CD250×360</t>
  </si>
  <si>
    <t>【长沙开元】锤式破碎机粉碎装置\5E-HCB180×150A.1\5E-HCB180×150</t>
  </si>
  <si>
    <t>【长沙开元】锤式破碎机电控模块\5E-HCB180×150A.2\5E-HCB180×150</t>
  </si>
  <si>
    <t>【长沙开元】锤式破碎机粉碎装置\5E-HCB250×360A.1\5E-HCB250×360</t>
  </si>
  <si>
    <t>【长沙开元】锤式破碎缩分机电气保护装置\5E-HCB250×360A.2</t>
  </si>
  <si>
    <t>【长沙开元】湿煤破碎机粉碎装置\5E-HCA400×260A.1</t>
  </si>
  <si>
    <t>【长沙开元】湿煤破碎机电控模块\5E-HCA400×260A.2</t>
  </si>
  <si>
    <t>【长沙开元】颚式破碎机粉碎装置\5E-JCA100×60A.1</t>
  </si>
  <si>
    <t>【长沙开元】颚式破碎机电控模块\5E-JCA100×60A.2</t>
  </si>
  <si>
    <t>【长沙开元】颚式破碎机粉碎装置\5E-JCA150×125A.1</t>
  </si>
  <si>
    <t>【长沙开元】颚式破碎机电气保护装置\5E-JCA150×125A.2</t>
  </si>
  <si>
    <t>【长沙开元】对辊破碎机粉碎装置\5E-DCA250×150A.1</t>
  </si>
  <si>
    <t>【长沙开元】对辊破碎机电控模块\5E-DCA250×150A.2</t>
  </si>
  <si>
    <t>【长沙开元】制样粉碎机粉碎装置\5E-PCM1×100A.1\5E-PCM1×100</t>
  </si>
  <si>
    <t>【长沙开元】制样粉碎机电控模块\5E-PCM1×100A.2\5E-PCM1×100</t>
  </si>
  <si>
    <t>【长沙开元】制样粉碎机粉碎装置\5E-PCM3×100A.1\5E-PCM3×100</t>
  </si>
  <si>
    <t>【长沙开元】制样粉碎机电气保护装置\5E-PCM3×100A.2\5E-PCM3×100</t>
  </si>
  <si>
    <t>【长沙开元】电动缩分机缩分装置\5E-MR1/8A.1\5E-MR1/8</t>
  </si>
  <si>
    <t>【长沙开元】电动缩分机电控模块\5E-MR1/8A.2\5E-MR1/8</t>
  </si>
  <si>
    <t>【长沙开元】电动缩分机缩分装置\5E-MRA1/8A.1\5E-MRA1/8</t>
  </si>
  <si>
    <t>【长沙开元】电动缩分机电气保护装置\5E-MRA1/8A.2\5E-MRA1/8</t>
  </si>
  <si>
    <t>【长沙开元】哈氏可磨性指数测定仪粉碎装置\5E-HA0711.1</t>
  </si>
  <si>
    <t>【长沙开元】哈氏可磨性指数测定仪控制板\5E-HA0711.2</t>
  </si>
  <si>
    <t>【长沙开元】标准筛振筛机震动装置\5E-SSB200A.1\5E-SSB200</t>
  </si>
  <si>
    <t>【长沙开元】标准筛振筛机电控模块\5E-SSB200A.2\5E-SSB200</t>
  </si>
  <si>
    <t>【长沙开元】X荧光光谱模块\5E-XRE2500</t>
  </si>
  <si>
    <t>【长沙开元】天平数据采集模块\5E-BDMS</t>
  </si>
  <si>
    <t>【长沙开元】煤质数据分析管理模块\5E-CDAS</t>
  </si>
  <si>
    <t>【长沙开元】实时煤质数据分析管理模块\5E-CDIS</t>
  </si>
  <si>
    <t>【长沙开元】标准化实验室管理模块\5E-CLIMS</t>
  </si>
  <si>
    <t>【长沙开元】燃料入厂验收管理模块\5E-CIMS</t>
  </si>
  <si>
    <t>【长沙开元】采制化编码管理模块\5E-SCMS</t>
  </si>
  <si>
    <t>【长沙开元】汽车采样模块\5E-CYQ9500B</t>
  </si>
  <si>
    <t>【长沙开元】火车采样模块\5E-CYH9600B</t>
  </si>
  <si>
    <t>【长沙开元】皮带采样模块\5E-CYP9700B</t>
  </si>
  <si>
    <t>【长沙开元】港口皮带采样模块\5E-CYP9730B</t>
  </si>
  <si>
    <t>【长沙开元】自动控制器\5E-CYA9900</t>
  </si>
  <si>
    <t>【长沙开元】无人值守控制器\5E-CYA9910</t>
  </si>
  <si>
    <t>【长沙开元】破碎装置\5E-APS9260</t>
  </si>
  <si>
    <t>【长沙开元】自动破碎装置\5E-APS9261</t>
  </si>
  <si>
    <t>【长沙开元】增强型破碎装置\5E-APS9262</t>
  </si>
  <si>
    <t>【长沙开元】采样废料处理装置\5E-CYA9930</t>
  </si>
  <si>
    <t>【长沙开元】废料称重装置\5E-CYA9935</t>
  </si>
  <si>
    <t>【长沙开元】样品分矿收集装置\5E-PSA9308A</t>
  </si>
  <si>
    <t>【长沙开元】自动样品分矿封装装置\5E-PSA9308B</t>
  </si>
  <si>
    <t>【长沙开元】采样机安全过载保护器\5E-AB1800</t>
  </si>
  <si>
    <t>【长沙开元】采样机驱动变速器\5E-CYB9000</t>
  </si>
  <si>
    <t>【长沙开元】智能全自动制样组态模块\5E-APS9230\5E-APS9000</t>
  </si>
  <si>
    <t>【长沙开元】负压除尘装置\5E-SDCSA</t>
  </si>
  <si>
    <t>【长沙开元】自动装瓶装置\5E-APS9950\5E-APS9000</t>
  </si>
  <si>
    <t>【长沙开元】2轴机器人装瓶装置\5E-APS9955</t>
  </si>
  <si>
    <t>【长沙开元】热泵式干燥装置\5E-DHG6390\5E-APS9000</t>
  </si>
  <si>
    <t>【长沙开元】暖风式干燥装置\5E-DHG6395\5E-APS9000</t>
  </si>
  <si>
    <t>【长沙开元】智能全自动制样过载保护模块\5E-APS9000.01</t>
  </si>
  <si>
    <t>【长沙开元】智能全自动制样气动清扫器\5E-APS9000.02</t>
  </si>
  <si>
    <t>【长沙开元】智能全自动制样变频器\5E-APS9000.04</t>
  </si>
  <si>
    <t>【长沙开元】全水在线自动测试模块\5E-MAT6550A</t>
  </si>
  <si>
    <t>【长沙开元】全水在线自动测试控制模块\5E-MAT6550AK\5E-MAT6550A</t>
  </si>
  <si>
    <t>【长沙开元】全自动煤炭化验接样模块\5E-RILS1800A</t>
  </si>
  <si>
    <t>【长沙开元】全自动煤炭化验智能供样模块\5E-RILS1800Q</t>
  </si>
  <si>
    <t>【长沙开元】全自动煤炭化验自动称量模块\5E-RILS1800C</t>
  </si>
  <si>
    <t>【长沙开元】全自动煤炭化验微量给料模块\5E-RILS1800L</t>
  </si>
  <si>
    <t>【长沙开元】全自动煤炭化验氧弹装配清洗模块\5E-RILS1800J</t>
  </si>
  <si>
    <t>【长沙开元】全自动煤炭化验分析控制模块\5E-RILS1800 V1.0</t>
  </si>
  <si>
    <t>【长沙开元】全自动煤炭化验样品预处模块\5E-RILS1800F</t>
  </si>
  <si>
    <t>【长沙开元】全自动煤炭化验过载保护模块\5E-RILS1800.01</t>
  </si>
  <si>
    <t>【长沙开元】全自动煤炭化验除尘模块\5E-RILS1800.02</t>
  </si>
  <si>
    <t>【长沙开元】全自动煤炭化验气动清扫模块\5E-RILS1800.03</t>
  </si>
  <si>
    <t>【长沙开元】全自动煤炭化验气体检测模块\5E-RILS1800.04</t>
  </si>
  <si>
    <t>【长沙开元】量杯透视罩\C5500Ⅰ-00-002\213009004</t>
  </si>
  <si>
    <t>【长沙开元】热电偶\PL300-02-009\3060102010</t>
  </si>
  <si>
    <t>【土家爱】黄豆油\2L</t>
  </si>
  <si>
    <t>湖北谷惠森植物科技有限公司</t>
  </si>
  <si>
    <t>土家爱</t>
  </si>
  <si>
    <t>WZSCCG-2020-BJ-2033</t>
  </si>
  <si>
    <t>2020年度北京配送土家爱粮油商城铺货长协采购框架合同（湖北帮扶宣恩县）</t>
  </si>
  <si>
    <t>【土家爱】黑豆油\750ml*2瓶</t>
  </si>
  <si>
    <t>【琳宇】宣恩蜂蜜柚子果茶(白柚)500g\500g</t>
  </si>
  <si>
    <t>宣恩县富源农业发展有限公司</t>
  </si>
  <si>
    <t>琳宇</t>
  </si>
  <si>
    <t>WZSCCG-2020-BJ-2034</t>
  </si>
  <si>
    <t>2020年度北京配送琳宇果茶商城铺货长协采购框架合同（湖北帮扶宣恩县）</t>
  </si>
  <si>
    <t>【土家爱】黄豆腐竹\220g*2袋</t>
  </si>
  <si>
    <t>WZSCCG-2020-BJ-2032</t>
  </si>
  <si>
    <t>2020年度北京配送土家爱食品商城铺货长协采购框架合同（湖北帮扶宣恩县）</t>
  </si>
  <si>
    <t>【土家爱】黄豆豆皮\300g*2袋</t>
  </si>
  <si>
    <t>【窑淮绿】绿茶/窑淮野茶香茶\100克/袋</t>
  </si>
  <si>
    <t>湖北双锋茶业有限责任公司</t>
  </si>
  <si>
    <t>窑淮绿</t>
  </si>
  <si>
    <t>WZSCCG-2020-BJ-1071</t>
  </si>
  <si>
    <t>2020年度北京配送双锋茶叶商城铺货长协采购框架合同（湖北帮扶房县）</t>
  </si>
  <si>
    <t>【窑淮绿】绿茶/窑淮野茶特级毛尖\200克/袋</t>
  </si>
  <si>
    <t>【窑淮绿】绿茶/窑淮野茶一级毛尖\200克/袋</t>
  </si>
  <si>
    <t>【窑淮绿】绿茶/窑淮红茶\100克/袋</t>
  </si>
  <si>
    <t>【土家爱】黑豆奶\240ml*16罐</t>
  </si>
  <si>
    <t>【祥龙】绿茶/烘青\250g/袋</t>
  </si>
  <si>
    <t>房县祥龙茶叶种植专业合作社</t>
  </si>
  <si>
    <t>祥龙</t>
  </si>
  <si>
    <t>WZSCCG-2020-BJ-1073</t>
  </si>
  <si>
    <t>2020年度北京配送祥龙茶叶商城铺货长协采购框架合同（湖北帮扶房县）</t>
  </si>
  <si>
    <t>【祥龙】绿茶/草青\250g/袋</t>
  </si>
  <si>
    <t>【庐陵王】糯米酒半甜型\480ml*6</t>
  </si>
  <si>
    <t>湖北庐陵王酒业有限责任公司</t>
  </si>
  <si>
    <t>庐陵王</t>
  </si>
  <si>
    <t>WZSCCG-2020-BJ-1079</t>
  </si>
  <si>
    <t>2020年度北京配送庐陵王酒品商城铺货长协采购框架合同（湖北帮扶房县）</t>
  </si>
  <si>
    <t>【庐陵王】糯米酒半甜型\480ml*2</t>
  </si>
  <si>
    <t>【庐陵王】鲜爽糯米酒\500ml*6</t>
  </si>
  <si>
    <t>【神武山珍】房县神武山珍椴木黑木耳\250g/袋</t>
  </si>
  <si>
    <t>房县神武山珍电子商务有限公司</t>
  </si>
  <si>
    <t>神武山珍</t>
  </si>
  <si>
    <t>WZSCCG-2020-BJ-1078</t>
  </si>
  <si>
    <t>2020年度北京配送神武山珍商城铺货长协采购框架合同（湖北帮扶房县）</t>
  </si>
  <si>
    <t>【神武山珍】房县神武山珍椴木黑木耳\500g/袋</t>
  </si>
  <si>
    <t>【神武山珍】房县神武山珍袋料黑木耳\250g/袋</t>
  </si>
  <si>
    <t>【神武山珍】房县神武山珍袋料黑木耳\500g/袋</t>
  </si>
  <si>
    <t>【神武山珍】房县神武山珍小碗耳\250g/袋</t>
  </si>
  <si>
    <t>【神武山珍】房县神武山珍光面菇\200g/袋</t>
  </si>
  <si>
    <t>【神武山珍】房县神武山珍光面菇\500g/袋</t>
  </si>
  <si>
    <t>【神武山珍】房县神武山珍小花菇\200g/袋</t>
  </si>
  <si>
    <t>【神武山珍】房县神武山珍小花菇\500g/袋</t>
  </si>
  <si>
    <t>【神武山珍】房县神武山珍椴木白花菇\200g/袋</t>
  </si>
  <si>
    <t>【神武山珍】房县神武山珍椴木白花菇\500g/袋</t>
  </si>
  <si>
    <t>【神武山珍】房县神武山珍大花菇\200g/袋</t>
  </si>
  <si>
    <t>【神武山珍】房县神武山珍大花菇\500g/袋</t>
  </si>
  <si>
    <t>【神农峡】神农雪芽/绿茶\50g*8罐</t>
  </si>
  <si>
    <t>湖北吴氏茶业有限公司</t>
  </si>
  <si>
    <t>神农峡</t>
  </si>
  <si>
    <t>WZSCCG-2020-BJ-1072</t>
  </si>
  <si>
    <t>2020年度北京配送吴氏茶叶商城铺货长协采购框架合同（湖北帮扶房县）</t>
  </si>
  <si>
    <t>【神农峡】武当道茶/绿茶\5g*48袋</t>
  </si>
  <si>
    <t>【神农峡】神农红茶/红茶\400g</t>
  </si>
  <si>
    <t>【神农峡】羊肚菌\400g</t>
  </si>
  <si>
    <t>【庐陵王】甜糯米酒\500ml*4</t>
  </si>
  <si>
    <t>【庐陵王】黄酒\300ml*6</t>
  </si>
  <si>
    <t>【聚荣】房县黑木耳(精品压缩礼盒装)\1*20 400g</t>
  </si>
  <si>
    <t>房县瑞丰食品有限责任公司</t>
  </si>
  <si>
    <t>聚荣</t>
  </si>
  <si>
    <t>WZSCCG-2020-BJ-1080</t>
  </si>
  <si>
    <t>2020年度北京配送瑞丰食品商城铺货长协采购框架合同（湖北帮扶房县）</t>
  </si>
  <si>
    <t>【聚荣】房县小花菇(礼盒装)\1*2 400g</t>
  </si>
  <si>
    <t>【聚荣】房县黑木耳(礼盒装)\1*18 360g</t>
  </si>
  <si>
    <t>【聚荣】房县香菇(真空包装)\1*2 360g</t>
  </si>
  <si>
    <t>【神农贡】神农贡芽/绿茶\200g/盒装</t>
  </si>
  <si>
    <t>房县神农贡茶业有限公司</t>
  </si>
  <si>
    <t>神农贡</t>
  </si>
  <si>
    <t>WZSCCG-2020-BJ-1069</t>
  </si>
  <si>
    <t>2020年度北京配送神农贡茶叶商城铺货长协采购框架合同（湖北帮扶房县）</t>
  </si>
  <si>
    <t>【神农贡】神农春雨/绿茶\250g/袋</t>
  </si>
  <si>
    <t>【神农贡】神农映红/红茶\200g/盒装</t>
  </si>
  <si>
    <t>【神农贡】神农映红/红茶\250g/袋装</t>
  </si>
  <si>
    <t>【聚荣】房县黑木耳(牛皮纸袋装)\1*200g</t>
  </si>
  <si>
    <t>【聚荣】房县香菇(牛皮纸袋装)\1* 300g</t>
  </si>
  <si>
    <t>【聚荣】房县小花菇(牛皮纸袋装)\1* 350g</t>
  </si>
  <si>
    <t>【聚荣】房县花菇(牛皮纸袋装)\1*300g</t>
  </si>
  <si>
    <t>【聚荣】房县黑木耳\1*150g</t>
  </si>
  <si>
    <t>【聚荣】房县香菇(段木花菇)\1*180g</t>
  </si>
  <si>
    <t>【聚荣】房县小花菇\1*300g</t>
  </si>
  <si>
    <t>【尚峰】木耳笋丝\30g*30袋/盒</t>
  </si>
  <si>
    <t>房县尚峰时代农业科技有限公司</t>
  </si>
  <si>
    <t>尚峰</t>
  </si>
  <si>
    <t>WZSCCG-2020-BJ-1077</t>
  </si>
  <si>
    <t>2020年度北京配送房县尚峰休闲食品商城铺货长协采购框架合同（湖北帮扶房县）</t>
  </si>
  <si>
    <t>【尚峰】怪味萝卜\30g*30袋/盒</t>
  </si>
  <si>
    <t>【尚峰】爽脆海白菜\30g*30袋/盒</t>
  </si>
  <si>
    <t>【尚峰】香辣莴苣\30g*30袋/盒</t>
  </si>
  <si>
    <t>【尚峰】爽口海带丝\30g*30袋/盒</t>
  </si>
  <si>
    <t>【尚峰】泡椒海带\30g*30袋/盒</t>
  </si>
  <si>
    <t>【尚峰】蕨菜笋丝\30g*30袋/盒</t>
  </si>
  <si>
    <t>【尚峰】酸爽豆角\30g*30袋/盒</t>
  </si>
  <si>
    <t>【神农小蜜蜂】野生土蜜蜂\500g/瓶</t>
  </si>
  <si>
    <t>房县神农顶农民专业合作社</t>
  </si>
  <si>
    <t>神农小蜜蜂</t>
  </si>
  <si>
    <t>WZSCCG-2020-BJ-1075</t>
  </si>
  <si>
    <t>2020年度北京配送房县神农顶合作社蜂蜜商城铺货长协采购框架合同（湖北帮扶房县）</t>
  </si>
  <si>
    <t>房县九道神农顶种养殖业农民专业合作社</t>
  </si>
  <si>
    <t>【神农小蜜蜂】神农小蜜蜂\500g/瓶</t>
  </si>
  <si>
    <t>【神农小蜜蜂】神农药蜜\500g*2/盒</t>
  </si>
  <si>
    <t>【神农芋】神农魔芋(麻辣味)\15g*20袋</t>
  </si>
  <si>
    <t>房县九方魔芋科技有限公司</t>
  </si>
  <si>
    <t>神农芋</t>
  </si>
  <si>
    <t>WZSCCG-2020-BJ-1076</t>
  </si>
  <si>
    <t>2020年度北京配送房县神农魔芋食品商城铺货长协采购框架合同（湖北帮扶房县）</t>
  </si>
  <si>
    <t>【神农芋】神农魔芋(泡椒味)\15g*20袋</t>
  </si>
  <si>
    <t>【神农芋】神农魔芋(香辣味)\18g*40袋/两盒装</t>
  </si>
  <si>
    <t>【神农芋】神农魔芋(混合味)\108g</t>
  </si>
  <si>
    <t>【神农芋】神农魔芋(五香味)\15g*20袋</t>
  </si>
  <si>
    <t>【神农芋】神农魔芋(烧烤味)\15g*20袋</t>
  </si>
  <si>
    <t>【神农芋】神农魔芋 (麻辣味)\52g/袋*3</t>
  </si>
  <si>
    <t>【神农芋】神农魔芋 (泡椒味)\52g/袋*3</t>
  </si>
  <si>
    <t>【神农芋】神农魔芋 (烧烤味)\52g/袋*3</t>
  </si>
  <si>
    <t>【神农芋】神农魔芋 (五香味)\52g/袋*3</t>
  </si>
  <si>
    <t>【神农芋】神农魔芋大礼包\508g</t>
  </si>
  <si>
    <t>【神农芋】川香麻辣味魔芋粉丝\6桶装</t>
  </si>
  <si>
    <t>【神农芋】神农魔芋500g (麻辣味散装)\500g</t>
  </si>
  <si>
    <t>【神农芋】神农魔芋500g (泡椒味散装)\500g</t>
  </si>
  <si>
    <t>【神农芋】神农魔芋500g (烧烤味散装)\500g</t>
  </si>
  <si>
    <t>【神农芋】神农魔芋500g (五香味散装)\500g</t>
  </si>
  <si>
    <t>【神农芋】魔芋干片\100g</t>
  </si>
  <si>
    <t>【神农芋】老坛酸菜味魔芋粉丝\6桶装</t>
  </si>
  <si>
    <t>【科能】物料输送阀\KN-300M6a41A-10/E\DN300</t>
  </si>
  <si>
    <t>四川省科能工业设备制造有限公司</t>
  </si>
  <si>
    <t>科能</t>
  </si>
  <si>
    <t>WZSCCG-2020-BJ-1055</t>
  </si>
  <si>
    <t>国家能源e购商城区域级科能气力干除灰料阀长协采购框架合同</t>
  </si>
  <si>
    <t>【科能】物料输送阀\KN-200M6a41A-10/E-D\DN200</t>
  </si>
  <si>
    <t>【科能】物料输送阀\KN-175M6a42A-10-D\DN175</t>
  </si>
  <si>
    <t>【科能】物料输送阀\KN-150M6a41A-10\DN150</t>
  </si>
  <si>
    <t>【科能】物料输送阀\KN-80M6a41A-10-D\DN80</t>
  </si>
  <si>
    <t>【科能】物料输送阀\KN-50M6a41A-10\DN50</t>
  </si>
  <si>
    <t>【科能】物料输送阀\KN-G200M6a41A-10-D\DN200</t>
  </si>
  <si>
    <t>【科能】物料输送阀\KN-G200M6a41A-10/E-D\DN200</t>
  </si>
  <si>
    <t>【科能】物料输送阀\KN-G80M6a41A-10\DN80</t>
  </si>
  <si>
    <t>【科能】物料输送阀\KN-G65M6a41A-10/J-D\DN65</t>
  </si>
  <si>
    <t>【科能】物料输送阀\KN-G65M6a41A-10/E\DN65</t>
  </si>
  <si>
    <t>【科能】物料输送阀\KN-150M6a42A-10/E-D\DN150</t>
  </si>
  <si>
    <t>【科能】物料输送阀\KN-100M6a42A-10-D\DN100</t>
  </si>
  <si>
    <t>【科能】物料输送阀\KN-G200M6a42A-10\DN200</t>
  </si>
  <si>
    <t>【科能】物料输送阀\KN-G80M6a42A-10/J\DN80</t>
  </si>
  <si>
    <t>【科能】物料输送阀\KN-G80M6a42A-10\DN80</t>
  </si>
  <si>
    <t>【科能】物料输送阀\KN-200M6a41A-10/E-Q\DN200</t>
  </si>
  <si>
    <t>【科能】物料输送阀\KN-100M6a41A-10/E\DN100</t>
  </si>
  <si>
    <t>【科能】物料输送阀\KN-200M6a42A-10-H\DN200</t>
  </si>
  <si>
    <t>【科能】物料输送阀\KN-175M6a42A-10/J\DN175</t>
  </si>
  <si>
    <t>【科能】物料输送阀\KN-175M6a42A-10/E\DN175</t>
  </si>
  <si>
    <t>【科能】物料输送阀\KN-125M6a42A-10/E-Q\DN125</t>
  </si>
  <si>
    <t>【科能】物料输送阀\KN-G200M6a41A-10-Q\DN200</t>
  </si>
  <si>
    <t>【科能】物料输送阀\KN-200M6a41A-10/J\DN200</t>
  </si>
  <si>
    <t>【科能】物料输送阀\KN-200Mx6a41A-10/E\DN200</t>
  </si>
  <si>
    <t>【科能】物料输送阀\KN-150M6a42A-10\DN150</t>
  </si>
  <si>
    <t>【科能】物料输送阀\KN-125M6a42A-10/E-H\DN125</t>
  </si>
  <si>
    <t>【科能】物料输送阀\KN-100M6a41A-10-H\DN100</t>
  </si>
  <si>
    <t>【科能】物料输送阀\KN-80M6a42A-10/J\DN80</t>
  </si>
  <si>
    <t>【科能】物料输送阀\KN-200M6a42A-10/E\DN200</t>
  </si>
  <si>
    <t>【科能】物料输送阀\KN-150M6a42A-10/E-H\DN150</t>
  </si>
  <si>
    <t>【科能】物料输送阀\KN-100M6a42A-10-H\DN100</t>
  </si>
  <si>
    <t>【科能】物料输送阀\KN-G200M6a41A-10-H\DN200</t>
  </si>
  <si>
    <t>【科能】物料输送阀\KN-G200M6a41A-10-C\DN200</t>
  </si>
  <si>
    <t>【科能】物料输送阀\KN-300M6a41A-10\DN300</t>
  </si>
  <si>
    <t>【科能】物料输送阀\KN-100M6a41A-10-C\DN100</t>
  </si>
  <si>
    <t>【科能】磨盘式物料输送阀\KN-G80M6a42A-10/E\DN80</t>
  </si>
  <si>
    <t>【科能】磨盘式物料输送阀\KN-100M6a42A-10/E\DN100</t>
  </si>
  <si>
    <t>【科能】磨盘式物料输送阀\KN-150M6a42A-10/J\DN150</t>
  </si>
  <si>
    <t>【科能】磨盘式物料输送阀\KN-50M6a41A-10/E\DN50</t>
  </si>
  <si>
    <t>【科能】磨盘式物料输送阀\KN-G65M6a41A-10/J\DN65</t>
  </si>
  <si>
    <t>【科能】磨盘式物料输送阀\KN-80M6a41A-10\DN80</t>
  </si>
  <si>
    <t>【科能】磨盘式物料输送阀\KN-G200M6a41A-10/E\DN200</t>
  </si>
  <si>
    <t>【科能】磨盘式物料输送阀\KN-200M6a41A-10/E\DN200</t>
  </si>
  <si>
    <t>【科能】磨盘式物料输送阀\KN-200M6a42A-10\DN200</t>
  </si>
  <si>
    <t>【科能】磨盘式物料输送阀\KN-175M6a42A-10\DN175</t>
  </si>
  <si>
    <t>【科能】陶瓷阀\KN-200M6a41A-10/E-W\DN200</t>
  </si>
  <si>
    <t>【青岛达能环保设备股份有限公司】捞渣机浸水轮\φ560\φ560\GBL</t>
  </si>
  <si>
    <t>青岛达能环保设备股份有限公司</t>
  </si>
  <si>
    <t>WZSCCG-2020-BJ-1057</t>
  </si>
  <si>
    <t>2020年度青岛达能除渣系统备件商城铺货长协采购供应协议</t>
  </si>
  <si>
    <t>【青岛达能环保设备股份有限公司】偶合器\YOX360\GBL</t>
  </si>
  <si>
    <t>【青岛达能环保设备股份有限公司】斗式提升机尾部张紧尾轮\YLT-ZBT400.2.2A\Q235B、40Cr、QT球铁\ZBT</t>
  </si>
  <si>
    <t>【青岛达能环保设备股份有限公司】斗式提升机料斗\YLT-ZBT300.9\BT</t>
  </si>
  <si>
    <t>【青岛达能环保设备股份有限公司】斗式提升机拖动机构\YLT-ZBT300.4\Q235B、45、40Cr、QT球铁\ZBT</t>
  </si>
  <si>
    <t>【青岛达能环保设备股份有限公司】斗式提升机尾部张紧轴\YLT-ZBT300.1-1\40Cr\ZBT</t>
  </si>
  <si>
    <t>【青岛达能环保设备股份有限公司】斗式提升机尾部张紧机构\YLT-ZBT300.1\Q235B、40Cr、QT球铁、20、45、HT灰铁\ZBT</t>
  </si>
  <si>
    <t>【青岛达能环保设备股份有限公司】斗式提升机张紧轴\YLT-YLT.TB315.2-1\45\TB315</t>
  </si>
  <si>
    <t>【青岛达能环保设备股份有限公司】斗式提升机尾轮总成\YLT-YLT.TB315.2\Q235B、40Cr、QT球铁、45\TB315</t>
  </si>
  <si>
    <t>【青岛达能环保设备股份有限公司】斗式提升机拖动链轮\YLT-YLT.TB315.1-2\40Cr\TB315</t>
  </si>
  <si>
    <t>【青岛达能环保设备股份有限公司】斗式提升机张紧链轮\YLT-YLT.TB315.1-2\40Cr\TB315</t>
  </si>
  <si>
    <t>【青岛达能环保设备股份有限公司】斗式提升机拖动轴\YLT-YLT.TB315.1-1\40Cr\TB315</t>
  </si>
  <si>
    <t>【青岛达能环保设备股份有限公司】斗式提升机拖动机构总成\YLT-YLT.TB315.1\Q235B、45、40Cr、QT球铁\TB315</t>
  </si>
  <si>
    <t>【青岛达能环保设备股份有限公司】网带干渣机Ω环\YLT-YLT.KH18064280\GWS</t>
  </si>
  <si>
    <t>【青岛达能环保设备股份有限公司】干排渣机拖动链轮\YLT-YLT.GWS16.3\QT球铁\GWS</t>
  </si>
  <si>
    <t>【青岛达能环保设备股份有限公司】网带干渣机干排渣机清扫驱动链轮\YLT-YLT.GWS16.3\QT球铁\GWS</t>
  </si>
  <si>
    <t>【青岛达能环保设备股份有限公司】干渣机清扫托轮\YLT-YLT.GWS14.9</t>
  </si>
  <si>
    <t>【青岛达能环保设备股份有限公司】网带干渣机清扫托轮\YLT-YLT.GWS14.9</t>
  </si>
  <si>
    <t>【青岛达能环保设备股份有限公司】干渣机回程托轮\YLT-YLT.GWS14.8</t>
  </si>
  <si>
    <t>【青岛达能环保设备股份有限公司】网带干渣机回程托轮\YLT-YLT.GWS14.8</t>
  </si>
  <si>
    <t>【青岛达能环保设备股份有限公司】干排渣机输送上托辊\YLT-YLT.GWS14.7</t>
  </si>
  <si>
    <t>【青岛达能环保设备股份有限公司】网带干渣机输送上托辊\YLT-YLT.GWS14.7</t>
  </si>
  <si>
    <t>【青岛达能环保设备股份有限公司】干渣机垫板\YLT-YLT.GWS14.6-1\GWS</t>
  </si>
  <si>
    <t>【青岛达能环保设备股份有限公司】网带干渣机垫板\YLT-YLT.GWS14.6-1\GWS</t>
  </si>
  <si>
    <t>【青岛达能环保设备股份有限公司】网带干渣机刮板\YLT-YLT.GWS14.6.1\GWS</t>
  </si>
  <si>
    <t>【青岛达能环保设备股份有限公司】网带干渣机刮板联接组件\YLT-YLT.GWS14.6\GWS</t>
  </si>
  <si>
    <t>【青岛达能环保设备股份有限公司】干排渣机清扫从动轮\YLT-YLT.GWS14.4-11\45\GWS</t>
  </si>
  <si>
    <t>【青岛达能环保设备股份有限公司】网带干渣机清扫从动链轮\YLT-YLT.GWS14.4-11\45\GWS</t>
  </si>
  <si>
    <t>【青岛达能环保设备股份有限公司】网带干渣机干排渣机张紧装置滚轮组装\YLT-YLT.GWS14.2.8\Q235B、45\GWS</t>
  </si>
  <si>
    <t>【青岛达能环保设备股份有限公司】干渣机输送链导向辊\YLT-YLT.GWS14.10.2</t>
  </si>
  <si>
    <t>【青岛达能环保设备股份有限公司】单辊碎渣机辊齿板\YLT-YLT.DGS830-1\GDGS</t>
  </si>
  <si>
    <t>【青岛达能环保设备股份有限公司】碎渣机辊齿板\YLT-YLT.DGS830-1\GDGS</t>
  </si>
  <si>
    <t>【青岛达能环保设备股份有限公司】斗式提升机料斗\YLT-YL.TB315.1\TB315</t>
  </si>
  <si>
    <t>【青岛达能环保设备股份有限公司】双轴搅拌机叶片\YLT-SHSJ60.1-7\SJ</t>
  </si>
  <si>
    <t>【青岛达能环保设备股份有限公司】手动插板门\YLT-SBMa300.0</t>
  </si>
  <si>
    <t>【青岛达能环保设备股份有限公司】干渣机Ω环\YLT-KH18064/280\GWS</t>
  </si>
  <si>
    <t>【青岛达能环保设备股份有限公司】网带干渣机清扫托轮\YLT-GWS14.9</t>
  </si>
  <si>
    <t>【青岛达能环保设备股份有限公司】网带干渣机回程托轮\YLT-GWS14.8</t>
  </si>
  <si>
    <t>【青岛达能环保设备股份有限公司】干渣机连接板\YLT-GWS14.6C-1\GWS</t>
  </si>
  <si>
    <t>【青岛达能环保设备股份有限公司】网带干渣机连接板\YLT-GWS14.6C-1\GWS</t>
  </si>
  <si>
    <t>【青岛达能环保设备股份有限公司】干渣机刮板连接块\YLT-GWS14.5-1\GWS</t>
  </si>
  <si>
    <t>【青岛达能环保设备股份有限公司】网带干渣机从动轮\YLT-GWS14.4-11\45\GWS</t>
  </si>
  <si>
    <t>【青岛达能环保设备股份有限公司】网带干渣机托轮座\YLT-GWS14.15</t>
  </si>
  <si>
    <t>【青岛达能环保设备股份有限公司】网带干渣机短臂导向轮\YLT-GWS14.11A</t>
  </si>
  <si>
    <t>【青岛达能环保设备股份有限公司】网带干渣机长臂导向轮\YLT-GWS14.10A</t>
  </si>
  <si>
    <t>【青岛达能环保设备股份有限公司】网带干渣机防偏挡带辊\YLT-GWS14.10.2</t>
  </si>
  <si>
    <t>【青岛达能环保设备股份有限公司】网带干渣机清扫拖动机构\YLT-GWS12.R8\Q235B、45、40Cr、QT球铁\GWS</t>
  </si>
  <si>
    <t>【青岛达能环保设备股份有限公司】网带干渣机输送拖动机构\YLT-GWS12.R30\Q235B、45、40Cr、QT球铁\GWS</t>
  </si>
  <si>
    <t>【青岛达能环保设备股份有限公司】网带干渣机输送上托辊\YLT-GWS12.7</t>
  </si>
  <si>
    <t>【青岛达能环保设备股份有限公司】网带干渣机输送钢带组装\YLT-GWS12.6C\GWS</t>
  </si>
  <si>
    <t>【青岛达能环保设备股份有限公司】网带干渣机中挡板\YLT-GWS12.6B.1\GWS</t>
  </si>
  <si>
    <t>【青岛达能环保设备股份有限公司】干渣机托板\YLT-GWS12.6A.1\GWS</t>
  </si>
  <si>
    <t>【青岛达能环保设备股份有限公司】网带干渣机托板\YLT-GWS12.6A.1\GWS</t>
  </si>
  <si>
    <t>【青岛达能环保设备股份有限公司】干渣机刮板\YLT-GWS12.5.1\GWS</t>
  </si>
  <si>
    <t>【青岛达能环保设备股份有限公司】干渣机刮板联接组件\YLT-GWS12.5\GWS</t>
  </si>
  <si>
    <t>【青岛达能环保设备股份有限公司】网带干渣机清扫张紧机构\YLT-GWS12.4\Q235B、40Cr、QT球铁、20、45\GWS</t>
  </si>
  <si>
    <t>【青岛达能环保设备股份有限公司】网带干渣机输送张紧机构\YLT-GWS12.2\Q235B、40Cr、QT球铁、20、45、Q355B\GWS</t>
  </si>
  <si>
    <t>【青岛达能环保设备股份有限公司】气动插板门\YLT-GDND.QBM300.0</t>
  </si>
  <si>
    <t>【青岛达能环保设备股份有限公司】渣井机械密封软连接\YLT-GDND.GZJ15.1-1</t>
  </si>
  <si>
    <t>【青岛达能环保设备股份有限公司】斗式提升机头部拖动链轮\YLT-FK.ZBT400.1-2\40Cr\ZBT</t>
  </si>
  <si>
    <t>【青岛达能环保设备股份有限公司】张紧油缸\YGB\SDB-80\45*400-ST-FC\［无］\［无］\GBL</t>
  </si>
  <si>
    <t>【青岛达能环保设备股份有限公司】捞渣机新型涨紧装置油缸\YGB/SDD/80/45×500\GBL</t>
  </si>
  <si>
    <t>【青岛达能环保设备股份有限公司】捞渣机涨紧油缸\YGB/SDB-80/45*600-ST-FC\GBL</t>
  </si>
  <si>
    <t>【青岛达能环保设备股份有限公司】刮板输渣机油缸\YGB/SDB-80/45*400-SF-FC\GBL</t>
  </si>
  <si>
    <t>【青岛达能环保设备股份有限公司】电磁溢流阀\GBL</t>
  </si>
  <si>
    <t>【青岛达能环保设备股份有限公司】减速机\XWD22-10-35\GBL</t>
  </si>
  <si>
    <t>【青岛达能环保设备股份有限公司】外侧门\WST-WST.GDM.5</t>
  </si>
  <si>
    <t>【青岛达能环保设备股份有限公司】内侧门\WST-WST.GDM.4</t>
  </si>
  <si>
    <t>【青岛达能环保设备股份有限公司】外侧门\WST-WST.GDM.3</t>
  </si>
  <si>
    <t>【青岛达能环保设备股份有限公司】内侧门\WST-WST.GDM.2</t>
  </si>
  <si>
    <t>【青岛达能环保设备股份有限公司】销轴\WST-GDM-5\45\GDM</t>
  </si>
  <si>
    <t>【青岛达能环保设备股份有限公司】销轴\WST-GDM-4\45\GDM</t>
  </si>
  <si>
    <t>【青岛达能环保设备股份有限公司】销轴\WST-GDM-3\45\GDM</t>
  </si>
  <si>
    <t>【青岛达能环保设备股份有限公司】推杆\WST-GDM.TG.0</t>
  </si>
  <si>
    <t>【青岛达能环保设备股份有限公司】端门\WST-GDM.1400.6</t>
  </si>
  <si>
    <t>【青岛达能环保设备股份有限公司】滤油器\VU-A63\GBL</t>
  </si>
  <si>
    <t>【青岛达能环保设备股份有限公司】前导轮总成\SSC30120.5-2\GBL</t>
  </si>
  <si>
    <t>【青岛达能环保设备股份有限公司】捞渣机前导轮\SSC30120.5-2\GBL</t>
  </si>
  <si>
    <t>【青岛达能环保设备股份有限公司】一期刮板机驱动减速机\GBL</t>
  </si>
  <si>
    <t>【青岛达能环保设备股份有限公司】刮板\SDZHHZ-SDHZ.DN01C3.7N\20CrMnTi+65Mn\GBL</t>
  </si>
  <si>
    <t>【青岛达能环保设备股份有限公司】刮板输渣机刮板\SDLC.GBL-12E*8\20CrMnTi+65Mn\GBL</t>
  </si>
  <si>
    <t>【青岛达能环保设备股份有限公司】孔条\SDHZ-TY1.2×N.1-7</t>
  </si>
  <si>
    <t>【青岛达能环保设备股份有限公司】外侧门\SDHZ-SDHZ.GDM.5</t>
  </si>
  <si>
    <t>【青岛达能环保设备股份有限公司】外侧门\SDHZ-SDHZ.GDM.4</t>
  </si>
  <si>
    <t>【青岛达能环保设备股份有限公司】内侧门\SDHZ-SDHZ.GDM.3</t>
  </si>
  <si>
    <t>【青岛达能环保设备股份有限公司】内侧门\SDHZ-SDHZ.GDM.2</t>
  </si>
  <si>
    <t>【青岛达能环保设备股份有限公司】液压关断门\SDHZ-SDHZ.GDM.0</t>
  </si>
  <si>
    <t>【青岛达能环保设备股份有限公司】活动底板\SDHZ-SDHZ.GBL12AX40-20</t>
  </si>
  <si>
    <t>【青岛达能环保设备股份有限公司】耐油橡胶条\SDHZ-NBR-10×12/1888\GBL</t>
  </si>
  <si>
    <t>【青岛达能环保设备股份有限公司】链轮组装\SDHZ-LL30*108\GBL</t>
  </si>
  <si>
    <t>【青岛达能环保设备股份有限公司】拖动机构\SDHZ-GDMM.GBL12A.2\GBL</t>
  </si>
  <si>
    <t>【青岛达能环保设备股份有限公司】销轴\SDHZ-GDM-5\45\GDM</t>
  </si>
  <si>
    <t>【青岛达能环保设备股份有限公司】销轴\SDHZ-GDM-4\45\GDM</t>
  </si>
  <si>
    <t>【青岛达能环保设备股份有限公司】销轴\SDHZ-GDM-3\45\GDM</t>
  </si>
  <si>
    <t>【青岛达能环保设备股份有限公司】推杆\SDHZ-GDM.TG.0</t>
  </si>
  <si>
    <t>【青岛达能环保设备股份有限公司】端门\SDHZ-GDM.1400.6</t>
  </si>
  <si>
    <t>【青岛达能环保设备股份有限公司】张紧轮总成\SDHZ-DN01B4.3C\［无］\［无］\GBL</t>
  </si>
  <si>
    <t>【青岛达能环保设备股份有限公司】矩形刮板\SDHZ-DN01B2.7A\20CrMnTi+65Mn\GBL</t>
  </si>
  <si>
    <t>【青岛达能环保设备股份有限公司】圆销\SDHZ-DN01B2.7-2\304\GBL</t>
  </si>
  <si>
    <t>【青岛达能环保设备股份有限公司】前导轮总成\SDHZ-DN01B2.5\GBL</t>
  </si>
  <si>
    <t>【青岛达能环保设备股份有限公司】内导轮组装\SDHZ-DN012.2E.1\GBL</t>
  </si>
  <si>
    <t>【青岛达能环保设备股份有限公司】扫渣帘\SDHZ-DLD.GBL12AX44.9</t>
  </si>
  <si>
    <t>【青岛达能环保设备股份有限公司】推杆\SDFX-SDFX2.GDM.TG.0</t>
  </si>
  <si>
    <t>【青岛达能环保设备股份有限公司】外侧门\SDFX-SDFX2.GDM.5</t>
  </si>
  <si>
    <t>【青岛达能环保设备股份有限公司】内侧门\SDFX-SDFX2.GDM.4</t>
  </si>
  <si>
    <t>【青岛达能环保设备股份有限公司】外侧门\SDFX-SDFX2.GDM.3</t>
  </si>
  <si>
    <t>【青岛达能环保设备股份有限公司】内侧门\SDFX-SDFX2.GDM.2</t>
  </si>
  <si>
    <t>【青岛达能环保设备股份有限公司】关断门\SDFX-SDFX2.GDM.0R</t>
  </si>
  <si>
    <t>【青岛达能环保设备股份有限公司】关断门\SDFX-SDFX2.GDM.0L</t>
  </si>
  <si>
    <t>【青岛达能环保设备股份有限公司】加强端门\SDFX-SDFX.GDM.1400.6JQ</t>
  </si>
  <si>
    <t>【青岛达能环保设备股份有限公司】销轴\SDFX-GDM-5\45\GDM</t>
  </si>
  <si>
    <t>【青岛达能环保设备股份有限公司】销轴\SDFX-GDM-4\45\GDM</t>
  </si>
  <si>
    <t>【青岛达能环保设备股份有限公司】销轴\SDFX-GDM-3\45\GDM</t>
  </si>
  <si>
    <t>【青岛达能环保设备股份有限公司】捞渣机刮板开口销\SDFX.GBL20D×52.1-WG\304\GBL</t>
  </si>
  <si>
    <t>【青岛达能环保设备股份有限公司】捞渣机刮板圆销\SDFX.GBL20D×52.0-WG\304\GBL</t>
  </si>
  <si>
    <t>【青岛达能环保设备股份有限公司】嵌入透盖\SCDZ-WZD.GBL12C.2-2\GBL</t>
  </si>
  <si>
    <t>【青岛达能环保设备股份有限公司】轴承座\SCDZ-WZD.GBL12C.2.1\GBL</t>
  </si>
  <si>
    <t>【青岛达能环保设备股份有限公司】轮缘\SCDZ-TLGZ.GBL20D.1-6\GBL</t>
  </si>
  <si>
    <t>【青岛达能环保设备股份有限公司】内导轮\SCDZ-SX015.2.1\GBL</t>
  </si>
  <si>
    <t>【青岛达能环保设备股份有限公司】隔套\SCDZ-SCDZ2.GBL12E.4A-2\GBL</t>
  </si>
  <si>
    <t>【青岛达能环保设备股份有限公司】定位套\SCDZ-SCDZ2.GBL12E.4-5\GBL</t>
  </si>
  <si>
    <t>【青岛达能环保设备股份有限公司】拖动轴\SCDZ-SCDZ2.GBL12E.4-2\GBL</t>
  </si>
  <si>
    <t>【青岛达能环保设备股份有限公司】轮毂\SCDZ-SCDZ2.GBL12E.4.2\GBL</t>
  </si>
  <si>
    <t>【青岛达能环保设备股份有限公司】拖动机构\SCDZ-SCDZ2.GBL12E.4\GBL</t>
  </si>
  <si>
    <t>【青岛达能环保设备股份有限公司】捞渣机扫渣帘\SCDZ-SCDZ.SZL.1</t>
  </si>
  <si>
    <t>【青岛达能环保设备股份有限公司】轴承外置式内导轮总成\SCDZ-SCDZ.SX015.2\GBL</t>
  </si>
  <si>
    <t>【青岛达能环保设备股份有限公司】拖动轴\SCDZ-SCDZ.GBL12E.4A-1\GBL</t>
  </si>
  <si>
    <t>【青岛达能环保设备股份有限公司】拖动机构\SCDZ-SCDZ.GBL12E.4\GBL</t>
  </si>
  <si>
    <t>【青岛达能环保设备股份有限公司】驱动机构\SCDZ-SCDZ.GBL12E.3\GBL</t>
  </si>
  <si>
    <t>【青岛达能环保设备股份有限公司】尾导轮总成\SCDZ-SCDZ.DN01B5.4\GBL</t>
  </si>
  <si>
    <t>【青岛达能环保设备股份有限公司】刮板\SCDZ-MGB500-6A\MGB</t>
  </si>
  <si>
    <t>【青岛达能环保设备股份有限公司】压板\SCDZ-MGB410-7\MGB</t>
  </si>
  <si>
    <t>【青岛达能环保设备股份有限公司】链轮\SCDZ-LLGZ.TQ117-1\GBL</t>
  </si>
  <si>
    <t>【青岛达能环保设备股份有限公司】链轮轴套组件\SCDZ-LL34*136-9T-ZT\GBL</t>
  </si>
  <si>
    <t>【青岛达能环保设备股份有限公司】凸齿链齿\SCDZ-LL34*136-9T-LC\GBL</t>
  </si>
  <si>
    <t>【青岛达能环保设备股份有限公司】凸齿链轮\SCDZ-LL34*136-9T\GBL</t>
  </si>
  <si>
    <t>【青岛达能环保设备股份有限公司】链轮轴套组件\SCDZ-LL34*136－8T-ZT\GBL</t>
  </si>
  <si>
    <t>【青岛达能环保设备股份有限公司】凸齿链轮\SCDZ-LL34*136-8T\GBL</t>
  </si>
  <si>
    <t>【青岛达能环保设备股份有限公司】链轮\SCDZ-HBC400.1-5A\QT球铁\MGB</t>
  </si>
  <si>
    <t>【青岛达能环保设备股份有限公司】张紧轮总成\SCDZ-GDDZGBL12E.ZJL.0\［无］\［无］\GBL</t>
  </si>
  <si>
    <t>【青岛达能环保设备股份有限公司】刮板\SCDZ-GDDZ.GBGZ.0\20CrMnTi+65Mn\GBL</t>
  </si>
  <si>
    <t>【青岛达能环保设备股份有限公司】张紧轮组装\SCDZ-GDDZ.DN01B4.3C\［无］\［无］\GBL</t>
  </si>
  <si>
    <t>【青岛达能环保设备股份有限公司】托轮组装\SCDZ-DZWY.GMJ500.7A\MGB</t>
  </si>
  <si>
    <t>【青岛达能环保设备股份有限公司】捞渣机驱动链轮\rud\φ30*108\GBL</t>
  </si>
  <si>
    <t>【青岛达能环保设备股份有限公司】捞渣机链轮、轮毂及螺栓\GBL</t>
  </si>
  <si>
    <t>【青岛达能环保设备股份有限公司】捞渣机人孔门压杆\RKK550-1AH</t>
  </si>
  <si>
    <t>【青岛达能环保设备股份有限公司】RUD轮系配套附件\PLRUD.1-1\GBL</t>
  </si>
  <si>
    <t>【青岛达能环保设备股份有限公司】捞渣机油站冷却器\OILTECH P/N:58203225 #TBI 44-6-BP1.5 EXCL MOTOR SN:4202549/20/1 Date:0121\GBL</t>
  </si>
  <si>
    <t>【青岛达能环保设备股份有限公司】双排链链轮\NXSZS-TY1.2×n-01-4A\GBL</t>
  </si>
  <si>
    <t>【青岛达能环保设备股份有限公司】孔条\NXSZS-TY1.2×N.1-7</t>
  </si>
  <si>
    <t>【青岛达能环保设备股份有限公司】链轮总成\NXSZS-SZS.LL30*108A\GBL</t>
  </si>
  <si>
    <t>【青岛达能环保设备股份有限公司】外侧门\NXSZS-SZS.GDM.5</t>
  </si>
  <si>
    <t>【青岛达能环保设备股份有限公司】内侧门\NXSZS-SZS.GDM.4</t>
  </si>
  <si>
    <t>【青岛达能环保设备股份有限公司】外侧门\NXSZS-SZS.GDM.3</t>
  </si>
  <si>
    <t>【青岛达能环保设备股份有限公司】内侧门\NXSZS-SZS.GDM.2</t>
  </si>
  <si>
    <t>【青岛达能环保设备股份有限公司】张紧轮组装\NXSZS-SZS.DN01B4.3\［无］\［无］\GBL</t>
  </si>
  <si>
    <t>【青岛达能环保设备股份有限公司】前导轮总成\NXSZS-SZS.DN01B2.5\GBL</t>
  </si>
  <si>
    <t>【青岛达能环保设备股份有限公司】尾导轮\NXSZS-SZS.DN01B2.4.1\GBL</t>
  </si>
  <si>
    <t>【青岛达能环保设备股份有限公司】尾导轮总成\NXSZS-SZS.DN01B2.4\GBL</t>
  </si>
  <si>
    <t>【青岛达能环保设备股份有限公司】张紧轮总成\NXSZS-SZS.DN01B2.3.0\［无］\［无］\GBL</t>
  </si>
  <si>
    <t>【青岛达能环保设备股份有限公司】拖动机构\NXSZS-SZS.DN01B2.1\GBL</t>
  </si>
  <si>
    <t>【青岛达能环保设备股份有限公司】内导轮总成\NXSZS-SZS.DN013.2\GBL</t>
  </si>
  <si>
    <t>【青岛达能环保设备股份有限公司】前导轮\NXSZS-SSC30120.5-2\GBL</t>
  </si>
  <si>
    <t>【青岛达能环保设备股份有限公司】刮板\NXSZS-NXSZS.GBL12A.8\20CrMnTi+65Mn\GBL</t>
  </si>
  <si>
    <t>【青岛达能环保设备股份有限公司】销轴\NXSZS-GDM-5\45\GDM</t>
  </si>
  <si>
    <t>【青岛达能环保设备股份有限公司】销轴\NXSZS-GDM-4\45\GDM</t>
  </si>
  <si>
    <t>【青岛达能环保设备股份有限公司】销轴\NXSZS-GDM-3\45\GDM</t>
  </si>
  <si>
    <t>【青岛达能环保设备股份有限公司】推杆\NXSZS-GDM.TG.0</t>
  </si>
  <si>
    <t>【青岛达能环保设备股份有限公司】端门\NXSZS-GDM.1400.6</t>
  </si>
  <si>
    <t>【青岛达能环保设备股份有限公司】内导轮\NXSZS-GBL3034RW.NDL.1.1\GBL</t>
  </si>
  <si>
    <t>【青岛达能环保设备股份有限公司】张紧轮\NXSZS-DN01B2.3A.1\［无］\［无］\GBL</t>
  </si>
  <si>
    <t>【青岛达能环保设备股份有限公司】内导轮组装\NXSZS-DN013.2.1\GBL</t>
  </si>
  <si>
    <t>【青岛达能环保设备股份有限公司】A型齿板\NXSZS-DGS830B.1.2-5A</t>
  </si>
  <si>
    <t>【青岛达能环保设备股份有限公司】辊齿板\NXSZS-DGS830B.1.2-3</t>
  </si>
  <si>
    <t>【青岛达能环保设备股份有限公司】单辊碎渣机\NXSZS-DGS830-AQH-S</t>
  </si>
  <si>
    <t>【青岛达能环保设备股份有限公司】右端衬板\NXSZS-DGS830.1-9\GBL</t>
  </si>
  <si>
    <t>【青岛达能环保设备股份有限公司】左端衬板\NXSZS-DGS830.1-8\GBL</t>
  </si>
  <si>
    <t>【青岛达能环保设备股份有限公司】鄂板\NXSZS-DGS830.1-7</t>
  </si>
  <si>
    <t>【青岛达能环保设备股份有限公司】端衬板\NXSZS-DGS830.1-6\GBL</t>
  </si>
  <si>
    <t>【青岛达能环保设备股份有限公司】后侧衬板\NXSZS-DGS830.1-11</t>
  </si>
  <si>
    <t>【青岛达能环保设备股份有限公司】链轮\NXSZS-AQT106×11-3\GBL</t>
  </si>
  <si>
    <t>【青岛达能环保设备股份有限公司】张紧轮架\NMZD-ZGR3.GBL12A.1.2Z\［无］\［无］\GBL</t>
  </si>
  <si>
    <t>【青岛达能环保设备股份有限公司】外侧门\NMZD-SDQF.GDM.5</t>
  </si>
  <si>
    <t>【青岛达能环保设备股份有限公司】外侧门\NMZD-SDQF.GDM.4</t>
  </si>
  <si>
    <t>【青岛达能环保设备股份有限公司】内侧门\NMZD-SDQF.GDM.3</t>
  </si>
  <si>
    <t>【青岛达能环保设备股份有限公司】内侧门\NMZD-SDQF.GDM.2</t>
  </si>
  <si>
    <t>【青岛达能环保设备股份有限公司】销轴\NMZD-GDM-5\45\GDM</t>
  </si>
  <si>
    <t>【青岛达能环保设备股份有限公司】销轴\NMZD-GDM-4\45\GDM</t>
  </si>
  <si>
    <t>【青岛达能环保设备股份有限公司】销轴\NMZD-GDM-3\45\GDM</t>
  </si>
  <si>
    <t>【青岛达能环保设备股份有限公司】推杆\NMZD-GDM.TG.0</t>
  </si>
  <si>
    <t>【青岛达能环保设备股份有限公司】端门\NMZD-GDM.1400.6</t>
  </si>
  <si>
    <t>【青岛达能环保设备股份有限公司】销轴\NMZD-GBL12D.8-3B\45\GBL</t>
  </si>
  <si>
    <t>【青岛达能环保设备股份有限公司】内导轮组装\NMZD-GA.DN012.2E.1\GBL</t>
  </si>
  <si>
    <t>【青岛达能环保设备股份有限公司】矩形刮板\NMZD-DN01B4.7A\20CrMnTi+65Mn\GBL</t>
  </si>
  <si>
    <t>【青岛达能环保设备股份有限公司】张紧轮组装\NMZD-DN01B4.3C\［无］\［无］\GBL</t>
  </si>
  <si>
    <t>【青岛达能环保设备股份有限公司】圆销\NMZD-DN01B2.7-2\304\GBL</t>
  </si>
  <si>
    <t>【青岛达能环保设备股份有限公司】止退机构\NMZD-DN01B2.3.2C\［无］\［无］\GBL</t>
  </si>
  <si>
    <t>【青岛达能环保设备股份有限公司】链轮总成\NMZD-DN014.6C\GBL</t>
  </si>
  <si>
    <t>【青岛达能环保设备股份有限公司】前导轮轴总成\NMZD-DH.GBL12D.5\GBL</t>
  </si>
  <si>
    <t>【青岛达能环保设备股份有限公司】轴承\NJ222ECP\GBL</t>
  </si>
  <si>
    <t>【青岛达能环保设备股份有限公司】前导轮总成\NDD.GBL20D.5\GBL</t>
  </si>
  <si>
    <t>【青岛达能环保设备股份有限公司】捞渣机前导轮总成轴承座的密封件\NDD.GBL20D.5\GBL</t>
  </si>
  <si>
    <t>【青岛达能环保设备股份有限公司】尾导轮总成\NDD.GBL20D.18\GBL</t>
  </si>
  <si>
    <t>【青岛达能环保设备股份有限公司】捞渣机尾导轮总成轴承座的密封件\NDD.GBL20D.18\GBL</t>
  </si>
  <si>
    <t>【青岛达能环保设备股份有限公司】捞渣机张紧轮总称\NDD.GBL20D.15-WG\［无］\［无］\GBL</t>
  </si>
  <si>
    <t>【青岛达能环保设备股份有限公司】液压锁\GBL</t>
  </si>
  <si>
    <t>【青岛达能环保设备股份有限公司】刮板输渣机主轮链凹齿\LL34*136\GBL</t>
  </si>
  <si>
    <t>【青岛达能环保设备股份有限公司】刮板输渣机上内导轮总成\LCSZ.NDL.0\GBL</t>
  </si>
  <si>
    <t>【青岛达能环保设备股份有限公司】捞渣机涨紧轮\LCLL34*136-9T\［无］\［无］\GBL</t>
  </si>
  <si>
    <t>【青岛达能环保设备股份有限公司】捞渣机驱动链轮轴套组件\LC.LL34*136-9T-ZT\GBL</t>
  </si>
  <si>
    <t>【青岛达能环保设备股份有限公司】捞渣机凸齿链轮\LC.LL34*136-9T\GBL</t>
  </si>
  <si>
    <t>【青岛达能环保设备股份有限公司】捞渣机驱动链轮轮齿螺栓\LC.LL34*136-9T\GBL</t>
  </si>
  <si>
    <t>【青岛达能环保设备股份有限公司】旋盖式油杯\JB7940.3-A25-M14×1.5\GBL</t>
  </si>
  <si>
    <t>【青岛达能环保设备股份有限公司】关断门油缸密封件\HSGK01-80/45E-33II-405</t>
  </si>
  <si>
    <t>【青岛达能环保设备股份有限公司】捞渣机涨紧油缸\HC20T125/70\GBL</t>
  </si>
  <si>
    <t>【青岛达能环保设备股份有限公司】孔条\HBLS-TY12.×n.1-7</t>
  </si>
  <si>
    <t>【青岛达能环保设备股份有限公司】链轮总成\HBLS-LL34*126.1\GBL</t>
  </si>
  <si>
    <t>【青岛达能环保设备股份有限公司】捞渣机扫渣帘\HBLS-HBLS.GBL20D.30</t>
  </si>
  <si>
    <t>【青岛达能环保设备股份有限公司】拖动机构\HBLS-HBLS.GBL20D.2\GBL</t>
  </si>
  <si>
    <t>【青岛达能环保设备股份有限公司】齿条滑轨\HBLS-HBLS.GBL12A.1.2Z-2\［无］\［无］\GBL</t>
  </si>
  <si>
    <t>【青岛达能环保设备股份有限公司】内导轮总成\HBLS-GA.DN012E\GBL</t>
  </si>
  <si>
    <t>【青岛达能环保设备股份有限公司】刮板\HBLS-DN01D4.7A\20CrMnTi+65Mn\GBL</t>
  </si>
  <si>
    <t>【青岛达能环保设备股份有限公司】前导轮总成\HBLS-DN01D4.5\GBL</t>
  </si>
  <si>
    <t>【青岛达能环保设备股份有限公司】尾导轮总成\HBLS-DN01D4.4\GBL</t>
  </si>
  <si>
    <t>【青岛达能环保设备股份有限公司】张紧轮总成\HBLS-DN01D4.3C\［无］\［无］\GBL</t>
  </si>
  <si>
    <t>【青岛达能环保设备股份有限公司】止退机构\HBLS-DN01B2.3.2C\［无］\［无］\GBL</t>
  </si>
  <si>
    <t>【青岛达能环保设备股份有限公司】干渣机张紧机构用轴\HBHF-ZBT500.1-3\45\ZBT</t>
  </si>
  <si>
    <t>【青岛达能环保设备股份有限公司】双轴搅拌机叶片\HBHF-XJHS.SJ100B.3-4\SJ</t>
  </si>
  <si>
    <t>【青岛达能环保设备股份有限公司】鳞斗干渣机头部驱动减速机轴端链轮\HBHF-SXHG.QD.0-6\QT球铁\GLD</t>
  </si>
  <si>
    <t>【青岛达能环保设备股份有限公司】手动插板门\HBHF-SQMS.SBM400</t>
  </si>
  <si>
    <t>【青岛达能环保设备股份有限公司】双轴搅拌机减速机轴端链轮\HBHF-SJ100B.4-4\QT球铁\SJ</t>
  </si>
  <si>
    <t>【青岛达能环保设备股份有限公司】双轴搅拌机驱动链轮\HBHF-SJ100B.4-4\QT球铁\SJ</t>
  </si>
  <si>
    <t>【青岛达能环保设备股份有限公司】双轴搅拌机本体轴端互相啮合的轮系齿轮\HBHF-SJ100B.3-2\QT球铁\SJ</t>
  </si>
  <si>
    <t>【青岛达能环保设备股份有限公司】双轴搅拌机本体轴端链轮\HBHF-SJ100A.3-16\QT球铁\SJ</t>
  </si>
  <si>
    <t>【青岛达能环保设备股份有限公司】单辊碎渣机减速机轴端链轮\HBHF-HRXT.GDGS586.2-2\QT球铁\GDGS</t>
  </si>
  <si>
    <t>【青岛达能环保设备股份有限公司】渣井机械密封软连接\HBHF-HBHF2.GZJ230.3-1</t>
  </si>
  <si>
    <t>【青岛达能环保设备股份有限公司】气动插板门\HBHF-HBHF.QBM400</t>
  </si>
  <si>
    <t>【青岛达能环保设备股份有限公司】干渣机驱动轴承座\HBHF-GWS14.1.1</t>
  </si>
  <si>
    <t>【青岛达能环保设备股份有限公司】鳞斗干渣机输送带尾部防偏轮\HBHF-GLD18.8A.1</t>
  </si>
  <si>
    <t>【青岛达能环保设备股份有限公司】鳞斗干渣机输送带防偏轮\HBHF-GLD18.8.1</t>
  </si>
  <si>
    <t>【青岛达能环保设备股份有限公司】鳞斗干渣机斜升段输送带下托辊\HBHF-GLD18.4A</t>
  </si>
  <si>
    <t>【青岛达能环保设备股份有限公司】鳞斗干渣机水平及圆弧段输送带下托辊\HBHF-GLD18.4</t>
  </si>
  <si>
    <t>【青岛达能环保设备股份有限公司】鳞斗干渣机头部驱动轮链轮\HBHF-GLD18.2-5\40Cr\GLD</t>
  </si>
  <si>
    <t>【青岛达能环保设备股份有限公司】鳞斗干渣机鳞斗芯轴\HBHF-GLD18.1A-1\GLD</t>
  </si>
  <si>
    <t>【青岛达能环保设备股份有限公司】鳞斗干渣机鳞斗夹板\HBHF-GLD18.1-2\GLD</t>
  </si>
  <si>
    <t>【青岛达能环保设备股份有限公司】鳞斗干渣机尾部从动轮链轮\HBHF-GLD18.11-5\40Cr\GLD</t>
  </si>
  <si>
    <t>【青岛达能环保设备股份有限公司】鳞斗干渣机套筒模锻链\HBHF-GLD18.1.3\GLD</t>
  </si>
  <si>
    <t>【青岛达能环保设备股份有限公司】鳞斗干渣机输送带上托辊\HBHF-GLD16.3B</t>
  </si>
  <si>
    <t>【青岛达能环保设备股份有限公司】鳞斗干渣机头部驱动总成\HBHF-GLD16.2A\Q235B、40Cr、QT球铁、20、45\GLD</t>
  </si>
  <si>
    <t>【青岛达能环保设备股份有限公司】鳞斗干渣机清扫鳞斗\HBHF-GLD16.1A.2\GLD</t>
  </si>
  <si>
    <t>【青岛达能环保设备股份有限公司】鳞斗干渣机鳞斗\HBHF-GLD16.1A.1\GLD</t>
  </si>
  <si>
    <t>【青岛达能环保设备股份有限公司】鳞斗干渣机输送链组装\HBHF-GLD16.1A\GLD</t>
  </si>
  <si>
    <t>【青岛达能环保设备股份有限公司】鳞斗干渣机尾部张紧轮总成\HBHF-GLD16.11A-L\Q235B、45、40Cr、QT球铁\GLD</t>
  </si>
  <si>
    <t>【青岛达能环保设备股份有限公司】卸料系统电动给料机\HBHF-GL400A</t>
  </si>
  <si>
    <t>【青岛达能环保设备股份有限公司】单辊碎渣机齿辊组装\HBHF-GDGS586R.1D.1\45、Q235B、DNCr30Ni2MoCu\GDGS</t>
  </si>
  <si>
    <t>【青岛达能环保设备股份有限公司】单辊碎渣机辊齿板\HBHF-GDGS586.1D.1-1\GDGS</t>
  </si>
  <si>
    <t>【青岛达能环保设备股份有限公司】单辊碎渣机右端衬板\HBHF-GDGS586.1B-3\GDGS</t>
  </si>
  <si>
    <t>【青岛达能环保设备股份有限公司】单辊碎渣机左端衬板\HBHF-GDGS586.1B-2\GDGS</t>
  </si>
  <si>
    <t>【青岛达能环保设备股份有限公司】单辊碎渣机端衬板\HBHF-GDGS586.1B-1\GDGS</t>
  </si>
  <si>
    <t>【青岛达能环保设备股份有限公司】单辊碎渣机本体轴端链轮\HBHF-GBL/TQ2-6\QT球铁\GDGS</t>
  </si>
  <si>
    <t>【青岛达能环保设备股份有限公司】卸料系统电动给料机被动链轮\HBHF-DSG450-9\QT球铁\DSG</t>
  </si>
  <si>
    <t>【青岛达能环保设备股份有限公司】卸料系统电动给料机主动链轮\HBHF-DSG450-10\QT球铁\DSG</t>
  </si>
  <si>
    <t>【青岛达能环保设备股份有限公司】鳞斗干渣机头部驱动轴轴端链轮\HBHF-DNLL32A2T-57\QT球铁\GLD</t>
  </si>
  <si>
    <t>【青岛达能环保设备股份有限公司】单辊碎渣机颚板\HBHF-DGS584.1.6\GDGS</t>
  </si>
  <si>
    <t>【青岛达能环保设备股份有限公司】捞渣机凸齿链轮\GLLA12ZJL.1\GBL</t>
  </si>
  <si>
    <t>【青岛达能环保设备股份有限公司】单辊碎渣机牙板\GDZQ-GDGS590.1-5\GDGS</t>
  </si>
  <si>
    <t>【青岛达能环保设备股份有限公司】单辊碎渣机轴封组件\GDZQ-GDGS590.1.4</t>
  </si>
  <si>
    <t>【青岛达能环保设备股份有限公司】单辊碎渣机外轴封套\GDZQ-GDGS590.1.1-2</t>
  </si>
  <si>
    <t>【青岛达能环保设备股份有限公司】单辊碎渣机内轴封套\GDZQ-GDGS590.1.1-1</t>
  </si>
  <si>
    <t>【青岛达能环保设备股份有限公司】单辊碎渣机轴封组件\GDZQ-GDGS590.1.1</t>
  </si>
  <si>
    <t>【青岛达能环保设备股份有限公司】单辊碎渣机齿辊轴\GDZQ-GDGS587.1B.2.1\45、Q235B\GDGS</t>
  </si>
  <si>
    <t>【青岛达能环保设备股份有限公司】单辊碎渣机清渣板\GDZQ-GDGS587.1-1\GDGS</t>
  </si>
  <si>
    <t>【青岛达能环保设备股份有限公司】单辊碎渣机齿辊组装\GDZQ-GDGS586R.1D.1\45、Q235B、DNCr30Ni2MoCu\GDGS</t>
  </si>
  <si>
    <t>【青岛达能环保设备股份有限公司】单辊碎渣机辊齿板\GDZQ-GDGS586.1D.1-1\GDGS</t>
  </si>
  <si>
    <t>【青岛达能环保设备股份有限公司】单辊碎渣机齿辊轴\GDZQ-GDGS586.1D.1.1\45、Q235B\GDGS</t>
  </si>
  <si>
    <t>【青岛达能环保设备股份有限公司】单辊碎渣机右端衬板\GDZQ-GDGS586.1B-3\GDGS</t>
  </si>
  <si>
    <t>【青岛达能环保设备股份有限公司】单辊碎渣机左端衬板\GDZQ-GDGS586.1B-2\GDGS</t>
  </si>
  <si>
    <t>【青岛达能环保设备股份有限公司】单辊碎渣机端衬板\GDZQ-GDGS586.1B-1\GDGS</t>
  </si>
  <si>
    <t>【青岛达能环保设备股份有限公司】单辊碎渣机被动链轮\GDZQ-GBL/TQ2-6\QT球铁\GDGS</t>
  </si>
  <si>
    <t>【青岛达能环保设备股份有限公司】单辊碎渣机链轮\GDZQ-DZ.GDGS.32A×19\QT球铁\GDGS</t>
  </si>
  <si>
    <t>【青岛达能环保设备股份有限公司】单辊碎渣机鄂板\GDZQ-DGS584.1.6\GDGS</t>
  </si>
  <si>
    <t>【青岛达能环保设备股份有限公司】外侧门\GDZH-NDD3.GDM.5</t>
  </si>
  <si>
    <t>【青岛达能环保设备股份有限公司】内侧门\GDZH-NDD3.GDM.4</t>
  </si>
  <si>
    <t>【青岛达能环保设备股份有限公司】外侧门\GDZH-NDD3.GDM.3</t>
  </si>
  <si>
    <t>【青岛达能环保设备股份有限公司】内侧门\GDZH-NDD3.GDM.2</t>
  </si>
  <si>
    <t>【青岛达能环保设备股份有限公司】销轴\GDZH-GDM-5\45\GDM</t>
  </si>
  <si>
    <t>【青岛达能环保设备股份有限公司】销轴\GDZH-GDM-4\45\GDM</t>
  </si>
  <si>
    <t>【青岛达能环保设备股份有限公司】销轴\GDZH-GDM-3\45\GDM</t>
  </si>
  <si>
    <t>【青岛达能环保设备股份有限公司】推杆\GDZH-GDM.TG.0</t>
  </si>
  <si>
    <t>【青岛达能环保设备股份有限公司】端门\GDZH-GDM.1400.6</t>
  </si>
  <si>
    <t>【青岛达能环保设备股份有限公司】链轮组装\GDYH-LL34×126-SHLX.1\GBL</t>
  </si>
  <si>
    <t>【青岛达能环保设备股份有限公司】拖动机构\GDYH-GDYF.GBL12D.2\GBL</t>
  </si>
  <si>
    <t>【青岛达能环保设备股份有限公司】内导轮总成\GDYH-GA.DN012.2E\GBL</t>
  </si>
  <si>
    <t>【青岛达能环保设备股份有限公司】三角形刮板\GDYH-DN01B4.7D\20CrMnTi+65Mn\GBL</t>
  </si>
  <si>
    <t>【青岛达能环保设备股份有限公司】五边形刮板\GDYH-DN01B4.7B\20CrMnTi+65Mn\GBL</t>
  </si>
  <si>
    <t>【青岛达能环保设备股份有限公司】前导轮总成\GDYH-DN01B4.5\GBL</t>
  </si>
  <si>
    <t>【青岛达能环保设备股份有限公司】张紧轮总成\GDYH-DN01B4.3C\［无］\［无］\GBL</t>
  </si>
  <si>
    <t>【青岛达能环保设备股份有限公司】圆销\GDYH-DN01B2.7-2\304\GBL</t>
  </si>
  <si>
    <t>【青岛达能环保设备股份有限公司】尾导轮总成\GDYH-DN01B2.4B\GBL</t>
  </si>
  <si>
    <t>【青岛达能环保设备股份有限公司】止退机构\GDYBS-ZT-0R\［无］\［无］\GBL</t>
  </si>
  <si>
    <t>【青岛达能环保设备股份有限公司】关断门\GDYBS-YBS4.GDM.R</t>
  </si>
  <si>
    <t>【青岛达能环保设备股份有限公司】关断门\GDYBS-YBS4.GDM.L</t>
  </si>
  <si>
    <t>【青岛达能环保设备股份有限公司】外侧门\GDYBS-YBS4.GDM.5</t>
  </si>
  <si>
    <t>【青岛达能环保设备股份有限公司】内侧门\GDYBS-YBS4.GDM.4</t>
  </si>
  <si>
    <t>【青岛达能环保设备股份有限公司】外侧门\GDYBS-YBS4.GDM.3</t>
  </si>
  <si>
    <t>【青岛达能环保设备股份有限公司】内侧门\GDYBS-YBS4.GDM.2</t>
  </si>
  <si>
    <t>【青岛达能环保设备股份有限公司】链轮\GDYBS-LLGZ.TQ117-1\GBL</t>
  </si>
  <si>
    <t>【青岛达能环保设备股份有限公司】链轮总成\GDYBS-LL34×126-SHLX\GBL</t>
  </si>
  <si>
    <t>【青岛达能环保设备股份有限公司】销轴\GDYBS-GDM-5\45\GDM</t>
  </si>
  <si>
    <t>【青岛达能环保设备股份有限公司】销轴\GDYBS-GDM-4\45\GDM</t>
  </si>
  <si>
    <t>【青岛达能环保设备股份有限公司】销轴\GDYBS-GDM-3\45\GDM</t>
  </si>
  <si>
    <t>【青岛达能环保设备股份有限公司】推杆\GDYBS-GDM.TG.0</t>
  </si>
  <si>
    <t>【青岛达能环保设备股份有限公司】端门\GDYBS-GDM.1400.6</t>
  </si>
  <si>
    <t>【青岛达能环保设备股份有限公司】前导轮总成\GDYBS-DN01D4.5F\GBL</t>
  </si>
  <si>
    <t>【青岛达能环保设备股份有限公司】尾导轮总成\GDYBS-DN01D4.4F\GBL</t>
  </si>
  <si>
    <t>【青岛达能环保设备股份有限公司】张紧轮组装\GDYBS-DN01D4.3T\［无］\［无］\GBL</t>
  </si>
  <si>
    <t>【青岛达能环保设备股份有限公司】张紧轮总成\GDYBS-DN01D4.3.0TF\［无］\［无］\GBL</t>
  </si>
  <si>
    <t>【青岛达能环保设备股份有限公司】拖动机构\GDYBS-DN01D4.117S3T.1F\GBL</t>
  </si>
  <si>
    <t>【青岛达能环保设备股份有限公司】圆销\GDYBS-DN01B2.7-2\304\GBL</t>
  </si>
  <si>
    <t>【青岛达能环保设备股份有限公司】外置式内导轮组装\GDYBS-DN012.2EF.1\GBL</t>
  </si>
  <si>
    <t>【青岛达能环保设备股份有限公司】外置式内导轮总成\GDYBS-DN012.2EF\GBL</t>
  </si>
  <si>
    <t>【青岛达能环保设备股份有限公司】斗式提升机尾部张紧机构用尾轮\GDXY-ZBT400.2.2A\40Cr、QT球铁、Q235B\ZBT</t>
  </si>
  <si>
    <t>【青岛达能环保设备股份有限公司】斗式提升机拖动机构用轴承座\GDXY-ZBT400.1-05</t>
  </si>
  <si>
    <t>【青岛达能环保设备股份有限公司】斗式提升机被动大链轮\GDXY-ZBT400.1-02\QT球铁\ZBT</t>
  </si>
  <si>
    <t>【青岛达能环保设备股份有限公司】斗式提升机被动大链轮用轴端压板\GDXY-ZBT400.1-01\Q235B\ZBT</t>
  </si>
  <si>
    <t>【青岛达能环保设备股份有限公司】斗式提升机驱动小链轮\GDXY-SLQ.TQ8-1\QT球铁\ZBT</t>
  </si>
  <si>
    <t>【青岛达能环保设备股份有限公司】网带干渣机Ω环\GDXY-KH18064/280\GWS</t>
  </si>
  <si>
    <t>【青岛达能环保设备股份有限公司】网带干渣机刮板连接块\GDXY-GWS14.5-1\GWS</t>
  </si>
  <si>
    <t>【青岛达能环保设备股份有限公司】网带干渣机从动轮\GDXY-GWS14.4-11\45\GWS</t>
  </si>
  <si>
    <t>【青岛达能环保设备股份有限公司】网带干渣机清扫拖动链轮\GDXY-GWS14.3.2\20CrMnTi、35\GWS</t>
  </si>
  <si>
    <t>【青岛达能环保设备股份有限公司】网带干渣机清扫压轮\GDXY-GDXY.GWS14.9A</t>
  </si>
  <si>
    <t>【青岛达能环保设备股份有限公司】网带干渣机清扫托轮\GDXY-GDXY.GWS14.9</t>
  </si>
  <si>
    <t>【青岛达能环保设备股份有限公司】网带干渣机清扫刮板\GDXY-GDXY.GWS14.5.1\GWS</t>
  </si>
  <si>
    <t>【青岛达能环保设备股份有限公司】网带干渣机刮板联接组件\GDXY-GDXY.GWS14.5\GWS</t>
  </si>
  <si>
    <t>【青岛达能环保设备股份有限公司】网带干渣机清扫张紧机构\GDXY-GDXY.GWS14.4\Q235B、40Cr、QT球铁、20、45\GWS</t>
  </si>
  <si>
    <t>【青岛达能环保设备股份有限公司】网带干渣机清扫拖动机构\GDXY-GDXY.GWS14.3\Q235B、45、40Cr、QT球铁\GWS</t>
  </si>
  <si>
    <t>【青岛达能环保设备股份有限公司】网带干渣机托轮座\GDXY-GDXY.GWS14.15</t>
  </si>
  <si>
    <t>【青岛达能环保设备股份有限公司】单辊碎渣机牙板\GDXY-GDGS590.1-5\GDGS</t>
  </si>
  <si>
    <t>【青岛达能环保设备股份有限公司】单辊碎渣机定位键\GDXY-GDGS590.1.1-4\45\GDGS</t>
  </si>
  <si>
    <t>【青岛达能环保设备股份有限公司】单辊碎渣机压盘\GDXY-GDGS590.1.1-3\GDGS</t>
  </si>
  <si>
    <t>【青岛达能环保设备股份有限公司】单辊碎渣机外轴封套\GDXY-GDGS590.1.1-2</t>
  </si>
  <si>
    <t>【青岛达能环保设备股份有限公司】单辊碎渣机齿辊轴\GDXY-GDGS587.1B.2.1\45、Q235B\GDGS</t>
  </si>
  <si>
    <t>【青岛达能环保设备股份有限公司】单辊碎渣机齿辊组装\GDXY-GDGS587.1B.2\45、Q235B、DNCr30Ni2MoCu\GDGS</t>
  </si>
  <si>
    <t>【青岛达能环保设备股份有限公司】单辊碎渣机清渣板\GDXY-GDGS587.1-1\GDGS</t>
  </si>
  <si>
    <t>【青岛达能环保设备股份有限公司】单辊碎渣机辊齿板用压板\GDXY-GDGS586.1D.1-2\GDGS</t>
  </si>
  <si>
    <t>【青岛达能环保设备股份有限公司】单辊碎渣机辊齿板\GDXY-GDGS586.1D.1-1\GDGS</t>
  </si>
  <si>
    <t>【青岛达能环保设备股份有限公司】单辊碎渣机右端衬板\GDXY-GDGS586.1B-3\GDGS</t>
  </si>
  <si>
    <t>【青岛达能环保设备股份有限公司】单辊碎渣机左端衬板\GDXY-GDGS586.1B-2\GDGS</t>
  </si>
  <si>
    <t>【青岛达能环保设备股份有限公司】单辊碎渣机端衬板\GDXY-GDGS586.1B-1\GDGS</t>
  </si>
  <si>
    <t>【青岛达能环保设备股份有限公司】单辊碎渣机辊齿板用圆钢\GDXY-GB702-16/370\GDGS</t>
  </si>
  <si>
    <t>【青岛达能环保设备股份有限公司】单辊碎渣机轴封组件\GDXY-FR.GDGS600.1.5</t>
  </si>
  <si>
    <t>【青岛达能环保设备股份有限公司】单辊碎渣机内轴封套\GDXY-FR.GDGS600.1.3-1</t>
  </si>
  <si>
    <t>【青岛达能环保设备股份有限公司】单辊碎渣机轴封组件\GDXY-FR.GDGS600.1.3</t>
  </si>
  <si>
    <t>【青岛达能环保设备股份有限公司】斗式提升机料斗\GDXY-FK.ZBT400-6\ZBT</t>
  </si>
  <si>
    <t>【青岛达能环保设备股份有限公司】斗式提升机尾部张紧轴\GDXY-FK.ZBT400.2-1\45\ZBT</t>
  </si>
  <si>
    <t>【青岛达能环保设备股份有限公司】斗式提升机尾部张紧机构\GDXY-FK.ZBT400.2\Q235B、40Cr、QT球铁、20、45、HT灰铁\ZBT</t>
  </si>
  <si>
    <t>【青岛达能环保设备股份有限公司】斗式提升机拖动链轮\GDXY-FK.ZBT400.1-2\40Cr\ZBT</t>
  </si>
  <si>
    <t>【青岛达能环保设备股份有限公司】斗式提升机头部拖动轴\GDXY-FK.ZBT400.1-1\45\ZBT</t>
  </si>
  <si>
    <t>【青岛达能环保设备股份有限公司】斗式提升机拖动机构总成\GDXY-FK.ZBT400.1\Q235B、45、40Cr、QT球铁\ZBT</t>
  </si>
  <si>
    <t>【青岛达能环保设备股份有限公司】斗式提升机尾部张紧机构用轴承座\GDXY-DLA.MBS440×20.6-2A</t>
  </si>
  <si>
    <t>【青岛达能环保设备股份有限公司】斗式提升机尾部张紧机构用轴承座\GDXY-DLA.MBS440×20.6-2</t>
  </si>
  <si>
    <t>【青岛达能环保设备股份有限公司】单辊碎渣机鄂板\GDXY-DGS584.1.6\GDGS</t>
  </si>
  <si>
    <t>【青岛达能环保设备股份有限公司】液压关断门\GDXW-XW6.GDM.0</t>
  </si>
  <si>
    <t>【青岛达能环保设备股份有限公司】销轴\GDXW-XW.DN01A1.7-3\45\GBL</t>
  </si>
  <si>
    <t>【青岛达能环保设备股份有限公司】三棱形滤网\GDXW-TSC.5A-3\TSC</t>
  </si>
  <si>
    <t>【青岛达能环保设备股份有限公司】三棱形滤网\GDXW-TSC.5A-2\TSC</t>
  </si>
  <si>
    <t>【青岛达能环保设备股份有限公司】滤芯\GDXW-TSC.1.1A\TSC</t>
  </si>
  <si>
    <t>【青岛达能环保设备股份有限公司】刮板\GDXW-SX01B3.7B\20CrMnTi+65Mn\GBL</t>
  </si>
  <si>
    <t>【青岛达能环保设备股份有限公司】外侧门\GDXW-GDXW6.GDM.5/321</t>
  </si>
  <si>
    <t>【青岛达能环保设备股份有限公司】内侧门\GDXW-GDXW6.GDM.4/321</t>
  </si>
  <si>
    <t>【青岛达能环保设备股份有限公司】外侧门\GDXW-GDXW6.GDM.3/321</t>
  </si>
  <si>
    <t>【青岛达能环保设备股份有限公司】内侧门\GDXW-GDXW6.GDM.2/321</t>
  </si>
  <si>
    <t>【青岛达能环保设备股份有限公司】销轴\GDXW-GDM-5\45\GDM</t>
  </si>
  <si>
    <t>【青岛达能环保设备股份有限公司】销轴\GDXW-GDM-4\45\GDM</t>
  </si>
  <si>
    <t>【青岛达能环保设备股份有限公司】销轴\GDXW-GDM-3\45\GDM</t>
  </si>
  <si>
    <t>【青岛达能环保设备股份有限公司】推杆\GDXW-GDM.TG.0</t>
  </si>
  <si>
    <t>【青岛达能环保设备股份有限公司】端门\GDXW-GDM.1400.6/321</t>
  </si>
  <si>
    <t>【青岛达能环保设备股份有限公司】电动行轮\GDXW-GBL12A.25A</t>
  </si>
  <si>
    <t>【青岛达能环保设备股份有限公司】行轮组装\GDXW-GBL12A.12</t>
  </si>
  <si>
    <t>【青岛达能环保设备股份有限公司】圆销\GDXW-DN01B2.7-2\304\GBL</t>
  </si>
  <si>
    <t>【青岛达能环保设备股份有限公司】前导轮组装\GDXW-DN01A1.5\GBL</t>
  </si>
  <si>
    <t>【青岛达能环保设备股份有限公司】尾导轮总成\GDXW-DN01A1.4A\GBL</t>
  </si>
  <si>
    <t>【青岛达能环保设备股份有限公司】张紧调节轮轴\GDXW-DN01A1.3B\［无］\［无］\GBL</t>
  </si>
  <si>
    <t>【青岛达能环保设备股份有限公司】内导轮组装\GDXW-DN01A1.2A\GBL</t>
  </si>
  <si>
    <t>【青岛达能环保设备股份有限公司】拖动机构\GDXW-DN01A1.1A\GBL</t>
  </si>
  <si>
    <t>【青岛达能环保设备股份有限公司】刮板\GDTZ-XD.DN01B2.7A\20CrMnTi+65Mn\GBL</t>
  </si>
  <si>
    <t>【青岛达能环保设备股份有限公司】孔条\GDTZ-TY1.2×N.1-7</t>
  </si>
  <si>
    <t>【青岛达能环保设备股份有限公司】拖动机构\GDTZ-SD.GBL12A.2\GBL</t>
  </si>
  <si>
    <t>【青岛达能环保设备股份有限公司】内导轮总成\GDTZ-NMSD.DN03B2.2A\GBL</t>
  </si>
  <si>
    <t>【青岛达能环保设备股份有限公司】带齿齿盘\GDTZ-LL30×108-GBLH-DCCP\GBL</t>
  </si>
  <si>
    <t>【青岛达能环保设备股份有限公司】老鹰铁\GDTZ-JSTZ.DN03B2.7</t>
  </si>
  <si>
    <t>【青岛达能环保设备股份有限公司】轴承外置式内导轮总成\GDTZ-GDTZ.KL015.2B\GBL</t>
  </si>
  <si>
    <t>【青岛达能环保设备股份有限公司】内导轮组装\GDTZ-GA.DN012.2E.1\GBL</t>
  </si>
  <si>
    <t>【青岛达能环保设备股份有限公司】滚子链轮\GDTZ-DNLL32A2T-57\GBL</t>
  </si>
  <si>
    <t>【青岛达能环保设备股份有限公司】圆销\GDTZ-DN01B2.7-2\304\GBL</t>
  </si>
  <si>
    <t>【青岛达能环保设备股份有限公司】张紧轮组装\GDTZ-DN01B2.3C\［无］\［无］\GBL</t>
  </si>
  <si>
    <t>【青岛达能环保设备股份有限公司】导轨块\GDTZ-DN01B.8A-3\［无］\［无］\GBL</t>
  </si>
  <si>
    <t>【青岛达能环保设备股份有限公司】链轮总成\GDTL-LL34×126-SHLX.1\GBL</t>
  </si>
  <si>
    <t>【青岛达能环保设备股份有限公司】内导轮组装\GDTL-GDTL.DN013.2.1\GBL</t>
  </si>
  <si>
    <t>【青岛达能环保设备股份有限公司】内导轮组装\GDTL-GA.DN012.2E.1\GBL</t>
  </si>
  <si>
    <t>【青岛达能环保设备股份有限公司】前导轮总成\GDTL-DN01D4.5\GBL</t>
  </si>
  <si>
    <t>【青岛达能环保设备股份有限公司】尾导轮总成\GDTL-DN01D4.4\GBL</t>
  </si>
  <si>
    <t>【青岛达能环保设备股份有限公司】张紧轮组装\GDTL-DN01D4.3C\［无］\［无］\GBL</t>
  </si>
  <si>
    <t>【青岛达能环保设备股份有限公司】张紧轮总成\GDTL-DN01D4.3.0T\［无］\［无］\GBL</t>
  </si>
  <si>
    <t>【青岛达能环保设备股份有限公司】张紧轮架\GDTL-DN01D.8C\［无］\［无］\GBL</t>
  </si>
  <si>
    <t>【青岛达能环保设备股份有限公司】圆销\GDTL-DN01B2.7-2\304\GBL</t>
  </si>
  <si>
    <t>【青岛达能环保设备股份有限公司】辊齿板\GDTL-DGS830B.1.2-3</t>
  </si>
  <si>
    <t>【青岛达能环保设备股份有限公司】单辊碎渣机\GDTL-DGS830-AQH-S</t>
  </si>
  <si>
    <t>【青岛达能环保设备股份有限公司】右端衬板\GDTL-DGS830.1-9\GBL</t>
  </si>
  <si>
    <t>【青岛达能环保设备股份有限公司】左端衬板\GDTL-DGS830.1-8\GBL</t>
  </si>
  <si>
    <t>【青岛达能环保设备股份有限公司】鄂板\GDTL-DGS830.1-7</t>
  </si>
  <si>
    <t>【青岛达能环保设备股份有限公司】端衬板\GDTL-DGS830.1-6\GBL</t>
  </si>
  <si>
    <t>【青岛达能环保设备股份有限公司】后侧衬板\GDTL-DGS830.1-11</t>
  </si>
  <si>
    <t>【青岛达能环保设备股份有限公司】活动底板\GDTL-AHTL.GBL20D×55-13</t>
  </si>
  <si>
    <t>【青岛达能环保设备股份有限公司】刮板\GDTL-AHTL.DN01D4.7A\20CrMnTi+65Mn\GBL</t>
  </si>
  <si>
    <t>【青岛达能环保设备股份有限公司】电动锁气给料机主动链轮\GDSH-XF-DSG400-19\QT球铁\DSG</t>
  </si>
  <si>
    <t>【青岛达能环保设备股份有限公司】电动锁气给料机被动链轮\GDSH-XF-DSG400-18\QT球铁\DSG</t>
  </si>
  <si>
    <t>【青岛达能环保设备股份有限公司】孔条\GDSH-TY1.2×N.1-7</t>
  </si>
  <si>
    <t>【青岛达能环保设备股份有限公司】双轴搅拌机叶片\GDSH-SJ200A.3-18\SJ</t>
  </si>
  <si>
    <t>【青岛达能环保设备股份有限公司】双轴搅拌机链轮\GDSH-SJ200-1\QT球铁\SJ</t>
  </si>
  <si>
    <t>【青岛达能环保设备股份有限公司】双轴搅拌机叶片\GDSH-SHSJ60.1-3\SJ</t>
  </si>
  <si>
    <t>【青岛达能环保设备股份有限公司】双轴搅拌机螺旋轴总成\GDSH-SHSJ60.1\Q235B、QT球铁、45、ZG铸钢、KmTBCr26、20\SJ</t>
  </si>
  <si>
    <t>【青岛达能环保设备股份有限公司】双轴搅拌机齿轮\GDSH-SHSJ.60.1-4\QT球铁\SJ</t>
  </si>
  <si>
    <t>【青岛达能环保设备股份有限公司】刮板\GDSH-SDSH.DN01B4.7\20CrMnTi+65Mn\GBL</t>
  </si>
  <si>
    <t>【青岛达能环保设备股份有限公司】耐磨板\GDSH-NMT200×40×14\65Mn\GBL</t>
  </si>
  <si>
    <t>【青岛达能环保设备股份有限公司】耐磨板\GDSH-NMT114×40×14\65Mn\GBL</t>
  </si>
  <si>
    <t>【青岛达能环保设备股份有限公司】带齿齿盘\GDSH-LL34×126-DCCP-SHLX\GBL</t>
  </si>
  <si>
    <t>【青岛达能环保设备股份有限公司】链轮总成\GDSH-LL34*126\GBL</t>
  </si>
  <si>
    <t>【青岛达能环保设备股份有限公司】齿条滑轨\GDSH-HBLS.GBL12A.1.2Z-2\［无］\［无］\GBL</t>
  </si>
  <si>
    <t>【青岛达能环保设备股份有限公司】主轴\GBL</t>
  </si>
  <si>
    <t>【青岛达能环保设备股份有限公司】拖动机构\GDSH-GDSH.GBL12D.2\GBL</t>
  </si>
  <si>
    <t>【青岛达能环保设备股份有限公司】电动锁气给料机\GDSH-GDSH.DSG400.0</t>
  </si>
  <si>
    <t>【青岛达能环保设备股份有限公司】销轴\GDSH-GDM-5\45\GDM</t>
  </si>
  <si>
    <t>【青岛达能环保设备股份有限公司】销轴\GDSH-GDM-4\45\GDM</t>
  </si>
  <si>
    <t>【青岛达能环保设备股份有限公司】销轴\GDSH-GDM-3\45\GDM</t>
  </si>
  <si>
    <t>【青岛达能环保设备股份有限公司】推杆\GDSH-GDM.TG.0</t>
  </si>
  <si>
    <t>【青岛达能环保设备股份有限公司】端门\GDSH-GDM.1400.6</t>
  </si>
  <si>
    <t>【青岛达能环保设备股份有限公司】主动行轮\GDSH-GBL12A.27A</t>
  </si>
  <si>
    <t>【青岛达能环保设备股份有限公司】齿轮\GDSH-GBL12A.25-1A\GBL</t>
  </si>
  <si>
    <t>【青岛达能环保设备股份有限公司】内导轮组装\GDSH-GA.DN012.2E.1\GBL</t>
  </si>
  <si>
    <t>【青岛达能环保设备股份有限公司】外侧门\GDSH-FCSH.GDM.5</t>
  </si>
  <si>
    <t>【青岛达能环保设备股份有限公司】外侧门\GDSH-FCSH.GDM.4</t>
  </si>
  <si>
    <t>【青岛达能环保设备股份有限公司】内侧门\GDSH-FCSH.GDM.3</t>
  </si>
  <si>
    <t>【青岛达能环保设备股份有限公司】内侧门\GDSH-FCSH.GDM.2</t>
  </si>
  <si>
    <t>【青岛达能环保设备股份有限公司】张紧轮组装\GDSH-DN01B4.3C\［无］\［无］\GBL</t>
  </si>
  <si>
    <t>【青岛达能环保设备股份有限公司】圆销\GDSH-DN01B2.7-2\304\GBL</t>
  </si>
  <si>
    <t>【青岛达能环保设备股份有限公司】止退机构\GDSH-DN01B2.3.2CR\［无］\［无］\GBL</t>
  </si>
  <si>
    <t>【青岛达能环保设备股份有限公司】止退机构\GDSH-DN01B2.3.2CL\［无］\［无］\GBL</t>
  </si>
  <si>
    <t>【青岛达能环保设备股份有限公司】止退机构\GDSH-DN01B2.3.2C\［无］\［无］\GBL</t>
  </si>
  <si>
    <t>【青岛达能环保设备股份有限公司】内导轮组装\GDSH-DN012.2E.1\GBL</t>
  </si>
  <si>
    <t>【青岛达能环保设备股份有限公司】轴承组件\GDSH-DGS830BAW.1AX.1</t>
  </si>
  <si>
    <t>【青岛达能环保设备股份有限公司】单辊碎渣机\GDSH-DGS830BAW.1AX</t>
  </si>
  <si>
    <t>【青岛达能环保设备股份有限公司】壳体\GDSH-DGS830AW.1.5</t>
  </si>
  <si>
    <t>【青岛达能环保设备股份有限公司】辊齿总成\GDSH-DGS830AW.1.2</t>
  </si>
  <si>
    <t>【青岛达能环保设备股份有限公司】鄂板\GDSH-DGS830.1.13</t>
  </si>
  <si>
    <t>【青岛达能环保设备股份有限公司】拖动机构总成\GDSH.GBL12D.2\GBL</t>
  </si>
  <si>
    <t>【青岛达能环保设备股份有限公司】外侧门\GDPY-TSG.GDM.5</t>
  </si>
  <si>
    <t>【青岛达能环保设备股份有限公司】内侧门\GDPY-TSG.GDM.4</t>
  </si>
  <si>
    <t>【青岛达能环保设备股份有限公司】外侧门\GDPY-TSG.GDM.3</t>
  </si>
  <si>
    <t>【青岛达能环保设备股份有限公司】内侧门\GDPY-TSG.GDM.2</t>
  </si>
  <si>
    <t>【青岛达能环保设备股份有限公司】三棱形滤网C\GDPY-TSC.5B-2\TSC</t>
  </si>
  <si>
    <t>【青岛达能环保设备股份有限公司】三棱形滤网B\GDPY-TSC.5A-3\TSC</t>
  </si>
  <si>
    <t>【青岛达能环保设备股份有限公司】拖动机构\GDPY-PY.GBL12A.2\GBL</t>
  </si>
  <si>
    <t>【青岛达能环保设备股份有限公司】链轮组装\GDPY-LL30*108A\GBL</t>
  </si>
  <si>
    <t>【青岛达能环保设备股份有限公司】销轴\GDPY-GDM-5\45\GDM</t>
  </si>
  <si>
    <t>【青岛达能环保设备股份有限公司】销轴\GDPY-GDM-4\45\GDM</t>
  </si>
  <si>
    <t>【青岛达能环保设备股份有限公司】销轴\GDPY-GDM-3\45\GDM</t>
  </si>
  <si>
    <t>【青岛达能环保设备股份有限公司】推杆\GDPY-GDM.TG.0</t>
  </si>
  <si>
    <t>【青岛达能环保设备股份有限公司】端门\GDPY-GDM.1400.6</t>
  </si>
  <si>
    <t>【青岛达能环保设备股份有限公司】销轴\GDPY-GBL12A.8-3B\45\GBL</t>
  </si>
  <si>
    <t>【青岛达能环保设备股份有限公司】内导轮组装\GDPY-GA.DN012.2E.1\GBL</t>
  </si>
  <si>
    <t>【青岛达能环保设备股份有限公司】张紧调节轮轴\GDPY-DN01B4.3C\［无］\［无］\GBL</t>
  </si>
  <si>
    <t>【青岛达能环保设备股份有限公司】刮板\GDPY-DN01B2.7A\20CrMnTi+65Mn\GBL</t>
  </si>
  <si>
    <t>【青岛达能环保设备股份有限公司】圆销\GDPY-DN01B2.7-2\304\GBL</t>
  </si>
  <si>
    <t>【青岛达能环保设备股份有限公司】前导轮总成\GDPY-DN01B2.5\GBL</t>
  </si>
  <si>
    <t>【青岛达能环保设备股份有限公司】外侧门\GDPL-SDPL.GDM.5</t>
  </si>
  <si>
    <t>【青岛达能环保设备股份有限公司】内侧门\GDPL-SDPL.GDM.4</t>
  </si>
  <si>
    <t>【青岛达能环保设备股份有限公司】外侧门\GDPL-SDPL.GDM.3</t>
  </si>
  <si>
    <t>【青岛达能环保设备股份有限公司】内侧门\GDPL-SDPL.GDM.2</t>
  </si>
  <si>
    <t>【青岛达能环保设备股份有限公司】打焦手孔\GDPL-PL.ZJ20.2</t>
  </si>
  <si>
    <t>【青岛达能环保设备股份有限公司】拖动机构\GDPL-PD.GBL12AX37.2\GBL</t>
  </si>
  <si>
    <t>【青岛达能环保设备股份有限公司】链轮总成\GDPL-LL30*108C\GBL</t>
  </si>
  <si>
    <t>【青岛达能环保设备股份有限公司】销轴\GDPL-GDM-5\45\GDM</t>
  </si>
  <si>
    <t>【青岛达能环保设备股份有限公司】销轴\GDPL-GDM-4\45\GDM</t>
  </si>
  <si>
    <t>【青岛达能环保设备股份有限公司】销轴\GDPL-GDM-3\45\GDM</t>
  </si>
  <si>
    <t>【青岛达能环保设备股份有限公司】推杆\GDPL-GDM.TG.0</t>
  </si>
  <si>
    <t>【青岛达能环保设备股份有限公司】端门\GDPL-GDM.1400.6</t>
  </si>
  <si>
    <t>【青岛达能环保设备股份有限公司】内导轮组装\GDPL-GA.DN012.2E\GBL</t>
  </si>
  <si>
    <t>【青岛达能环保设备股份有限公司】自制链轮\GDPL-DN022.6.2\GBL</t>
  </si>
  <si>
    <t>【青岛达能环保设备股份有限公司】前导轮总成\GDPL-DN01B4.5\GBL</t>
  </si>
  <si>
    <t>【青岛达能环保设备股份有限公司】张紧轮总成\GDPL-DN01B4.3C\［无］\［无］\GBL</t>
  </si>
  <si>
    <t>【青岛达能环保设备股份有限公司】刮板\GDPL-DN01B2.7A\20CrMnTi+65Mn\GBL</t>
  </si>
  <si>
    <t>【青岛达能环保设备股份有限公司】圆销\GDPL-DN01B2.7-2\304\GBL</t>
  </si>
  <si>
    <t>【青岛达能环保设备股份有限公司】销轴\GDPL-DN01B2.3-4\45\GBL</t>
  </si>
  <si>
    <t>【青岛达能环保设备股份有限公司】销轴\GDPL-DN01B2.3-3\45\GBL</t>
  </si>
  <si>
    <t>【青岛达能环保设备股份有限公司】调心轴\GDPL-DN01B2.3-2\［无］\［无］\GBL</t>
  </si>
  <si>
    <t>【青岛达能环保设备股份有限公司】止退机构\GDPL-DN01B2.3.2CL\［无］\［无］\GBL</t>
  </si>
  <si>
    <t>【青岛达能环保设备股份有限公司】双轴搅拌机叶片\GDNN-SJ100B.3-4\SJ</t>
  </si>
  <si>
    <t>【青岛达能环保设备股份有限公司】单辊碎渣机齿辊组装\GDNN-GDNN.GDGS587.1B.2\45、Q235B、DNCr30Ni2MoCu\GDGS</t>
  </si>
  <si>
    <t>【青岛达能环保设备股份有限公司】单辊碎渣机定位键\GDNN-GDGS590.1.1-4\45\GDGS</t>
  </si>
  <si>
    <t>【青岛达能环保设备股份有限公司】单辊碎渣机压盘\GDNN-GDGS590.1.1-3\GDGS</t>
  </si>
  <si>
    <t>【青岛达能环保设备股份有限公司】单辊碎渣机外轴封套\GDNN-GDGS590.1.1-2</t>
  </si>
  <si>
    <t>【青岛达能环保设备股份有限公司】单辊碎渣机内轴封套\GDNN-GDGS590.1.1-1</t>
  </si>
  <si>
    <t>【青岛达能环保设备股份有限公司】单辊碎渣机齿辊轴\GDNN-GDGS587.1B.2.1\45、Q235B\GDGS</t>
  </si>
  <si>
    <t>【青岛达能环保设备股份有限公司】单辊碎渣机辊齿板\GDNN-GDGS586.1D.1-1\GDGS</t>
  </si>
  <si>
    <t>【青岛达能环保设备股份有限公司】电动锁气给料机\GDNN-DSG450-CZ</t>
  </si>
  <si>
    <t>【青岛达能环保设备股份有限公司】电动锁气给料机\GDNN-DSG450B-CZ</t>
  </si>
  <si>
    <t>【青岛达能环保设备股份有限公司】电动锁气给料机主动链轮\GDNN-DSG450-9\QT球铁\DSG</t>
  </si>
  <si>
    <t>【青岛达能环保设备股份有限公司】电动锁气给料机被动链轮\GDNN-DSG450-10\QT球铁\DSG</t>
  </si>
  <si>
    <t>【青岛达能环保设备股份有限公司】孔条\GDLZ-TY1.2×N.1-7</t>
  </si>
  <si>
    <t>【青岛达能环保设备股份有限公司】止退机构\GDLZ-SDZX.GBL20E.15.1\［无］\［无］\GBL</t>
  </si>
  <si>
    <t>【青岛达能环保设备股份有限公司】快开人孔\GDLZ-RKK550.0</t>
  </si>
  <si>
    <t>【青岛达能环保设备股份有限公司】端门\GDLZ-LEGDM.4</t>
  </si>
  <si>
    <t>【青岛达能环保设备股份有限公司】侧门\GDLZ-LEGDM.3</t>
  </si>
  <si>
    <t>【青岛达能环保设备股份有限公司】侧门\GDLZ-LEGDM.2</t>
  </si>
  <si>
    <t>【青岛达能环保设备股份有限公司】齿条滑轨\GDLZ-HBLS.GBL12A.1.2Z-2\［无］\［无］\GBL</t>
  </si>
  <si>
    <t>【青岛达能环保设备股份有限公司】捞渣机扫渣帘\GDLZ-GSLL.GBL12C.30</t>
  </si>
  <si>
    <t>【青岛达能环保设备股份有限公司】拖动机构\GDLZ-GSLL.GBL12C.2\GBL</t>
  </si>
  <si>
    <t>【青岛达能环保设备股份有限公司】销轴\GDLZ-GDM-5\45\GDM</t>
  </si>
  <si>
    <t>【青岛达能环保设备股份有限公司】销轴\GDLZ-GDM-4\45\GDM</t>
  </si>
  <si>
    <t>【青岛达能环保设备股份有限公司】销轴\GDLZ-GDM-3\45\GDM</t>
  </si>
  <si>
    <t>【青岛达能环保设备股份有限公司】推杆\GDLZ-GDM.TG.0</t>
  </si>
  <si>
    <t>【青岛达能环保设备股份有限公司】窄轮缘\GDLZ-GBLA12.ZJL.1-4\GBL</t>
  </si>
  <si>
    <t>【青岛达能环保设备股份有限公司】宽轮缘\GDLZ-GBLA12.ZJL.1-3\GBL</t>
  </si>
  <si>
    <t>【青岛达能环保设备股份有限公司】窄轮缘\GDLZ-GBL3034RW.NDL.1.1-3\GBL</t>
  </si>
  <si>
    <t>【青岛达能环保设备股份有限公司】宽轮缘\GDLZ-GBL3034RW.NDL.1.1-2\GBL</t>
  </si>
  <si>
    <t>【青岛达能环保设备股份有限公司】内导轮总成\GDLZ-GBL3034RM.NDL.0\GBL</t>
  </si>
  <si>
    <t>【青岛达能环保设备股份有限公司】刮板\GDLZ-GBL12C.8A\20CrMnTi+65Mn\GBL</t>
  </si>
  <si>
    <t>【青岛达能环保设备股份有限公司】前导轮轴\GDLZ-GBL12A.5C\GBL</t>
  </si>
  <si>
    <t>【青岛达能环保设备股份有限公司】尾导轮总成\GDLZ-BDRD.GBL12A.18D\GBL</t>
  </si>
  <si>
    <t>【青岛达能环保设备股份有限公司】张紧轮总成\GDLZ-BDRD.GBL12A.15D\［无］\［无］\GBL</t>
  </si>
  <si>
    <t>【青岛达能环保设备股份有限公司】刮板机拖动轮总成\GDLC-LCSZ.GBL12E.3\GBL</t>
  </si>
  <si>
    <t>【青岛达能环保设备股份有限公司】联轴器\GDLC-GDLC.GDGS580.3</t>
  </si>
  <si>
    <t>【青岛达能环保设备股份有限公司】套环\GDLC-GDLC.DGS1600H.1.2-2A</t>
  </si>
  <si>
    <t>【青岛达能环保设备股份有限公司】齿板\GDLC-GDLC.DGS1600B.1.2-5A</t>
  </si>
  <si>
    <t>【青岛达能环保设备股份有限公司】辊齿板\GDLC-GDLC.DGS1600B.1.2-3</t>
  </si>
  <si>
    <t>【青岛达能环保设备股份有限公司】密封环\GDLC-GDLC.DGS1600.6</t>
  </si>
  <si>
    <t>【青岛达能环保设备股份有限公司】轴承座\GDLC-GDLC.DGS1600.5\GBL</t>
  </si>
  <si>
    <t>【青岛达能环保设备股份有限公司】轴承座盖\GDLC-GDLC.DGS1600.4\GBL</t>
  </si>
  <si>
    <t>【青岛达能环保设备股份有限公司】右端衬板\GDLC-GDLC.DGS1600.1-9\GBL</t>
  </si>
  <si>
    <t>【青岛达能环保设备股份有限公司】左端衬板\GDLC-GDLC.DGS1600.1-8\GBL</t>
  </si>
  <si>
    <t>【青岛达能环保设备股份有限公司】鄂板\GDLC-GDLC.DGS1600.1-7</t>
  </si>
  <si>
    <t>【青岛达能环保设备股份有限公司】端衬板\GDLC-GDLC.DGS1600.1-6\GBL</t>
  </si>
  <si>
    <t>【青岛达能环保设备股份有限公司】后侧衬板\GDLC-GDLC.DGS1600.1-11</t>
  </si>
  <si>
    <t>【青岛达能环保设备股份有限公司】塞铁\GDLC-GDLC.DGS1600.1-10</t>
  </si>
  <si>
    <t>【青岛达能环保设备股份有限公司】夹板\GDLC-GDLC.DGS1600.1-1</t>
  </si>
  <si>
    <t>【青岛达能环保设备股份有限公司】颚体\GDLC-GDLC.DGS1600.10</t>
  </si>
  <si>
    <t>【青岛达能环保设备股份有限公司】单辊碎渣机\GDLC-GDLC.DGS1600</t>
  </si>
  <si>
    <t>【青岛达能环保设备股份有限公司】机械密封内导轮\GDLC-FX.DN012.JXMF.1\GBL</t>
  </si>
  <si>
    <t>【青岛达能环保设备股份有限公司】刮板输渣机小链轮\GDLC\LC.DNLL32A3.9-1\GBL</t>
  </si>
  <si>
    <t>【青岛达能环保设备股份有限公司】刮板输渣机大链轮\GDLC\LC.DNLL32A3.1-1\GBL</t>
  </si>
  <si>
    <t>【青岛达能环保设备股份有限公司】联轴器\GDLC.GDGS580.3</t>
  </si>
  <si>
    <t>【青岛达能环保设备股份有限公司】销轴\GDLC.DGS1600Q.1-12\45\DGS</t>
  </si>
  <si>
    <t>【青岛达能环保设备股份有限公司】销轴\GDLC.DGS1600Q.1-12\45\GBL</t>
  </si>
  <si>
    <t>【青岛达能环保设备股份有限公司】套环\GDLC.DGS1600H.1.2-2A</t>
  </si>
  <si>
    <t>【青岛达能环保设备股份有限公司】齿板\GDLC.DGS1600B.1.2-5A</t>
  </si>
  <si>
    <t>【青岛达能环保设备股份有限公司】辊齿板\GDLC.DGS1600B.1.2-3</t>
  </si>
  <si>
    <t>【青岛达能环保设备股份有限公司】密封环\GDLC.DGS1600.6</t>
  </si>
  <si>
    <t>【青岛达能环保设备股份有限公司】轴承座\GDLC.DGS1600.5\GBL</t>
  </si>
  <si>
    <t>【青岛达能环保设备股份有限公司】轴承座盖\GDLC.DGS1600.4\GBL</t>
  </si>
  <si>
    <t>【青岛达能环保设备股份有限公司】右端衬板\GDLC.DGS1600.1-9\GBL</t>
  </si>
  <si>
    <t>【青岛达能环保设备股份有限公司】左端衬板\GDLC.DGS1600.1-8\GBL</t>
  </si>
  <si>
    <t>【青岛达能环保设备股份有限公司】鄂板\GDLC.DGS1600.1-7</t>
  </si>
  <si>
    <t>【青岛达能环保设备股份有限公司】端衬板\GDLC.DGS1600.1-6\GBL</t>
  </si>
  <si>
    <t>【青岛达能环保设备股份有限公司】后侧衬板\GDLC.DGS1600.1-11</t>
  </si>
  <si>
    <t>【青岛达能环保设备股份有限公司】塞铁\GDLC.DGS1600.1-10</t>
  </si>
  <si>
    <t>【青岛达能环保设备股份有限公司】夹板\GDLC.DGS1600.1-1</t>
  </si>
  <si>
    <t>【青岛达能环保设备股份有限公司】颚体\GDLC.DGS1600.10</t>
  </si>
  <si>
    <t>【青岛达能环保设备股份有限公司】捞渣机驱动链轮轴套组件\GDLC\GBL</t>
  </si>
  <si>
    <t>【青岛达能环保设备股份有限公司】尾导轮总成\GDKP-WTD.DN01E4.4A\GBL</t>
  </si>
  <si>
    <t>【青岛达能环保设备股份有限公司】孔条\GDKP-TY1.2×n.1-7</t>
  </si>
  <si>
    <t>【青岛达能环保设备股份有限公司】齿条滑轨\GDKP-SDZX.GBL20EX50.1-2\5\［无］\［无］\GBL</t>
  </si>
  <si>
    <t>【青岛达能环保设备股份有限公司】刮板\GDKP-LNKP.GBL25D.8\20CrMnTi+65Mn\GBL</t>
  </si>
  <si>
    <t>【青岛达能环保设备股份有限公司】捞渣机扫渣帘\GDKP-LNKP.GBL25D.30</t>
  </si>
  <si>
    <t>【青岛达能环保设备股份有限公司】拖动机构\GDKP-LNKP.GBL25D.2\GBL</t>
  </si>
  <si>
    <t>【青岛达能环保设备股份有限公司】链轮总成\GDKP-LL34*126\GBL</t>
  </si>
  <si>
    <t>【青岛达能环保设备股份有限公司】销轴\GDKP-GDM-5\45\GDM</t>
  </si>
  <si>
    <t>【青岛达能环保设备股份有限公司】销轴\GDKP-GDM-4\45\GDM</t>
  </si>
  <si>
    <t>【青岛达能环保设备股份有限公司】销轴\GDKP-GDM-3\45\GDM</t>
  </si>
  <si>
    <t>【青岛达能环保设备股份有限公司】推杆\GDKP-GDM.TG.0</t>
  </si>
  <si>
    <t>【青岛达能环保设备股份有限公司】端门\GDKP-GDM.1400.6</t>
  </si>
  <si>
    <t>【青岛达能环保设备股份有限公司】外侧门\GDKP-GDKP.GDM.5</t>
  </si>
  <si>
    <t>【青岛达能环保设备股份有限公司】内侧门\GDKP-GDKP.GDM.4</t>
  </si>
  <si>
    <t>【青岛达能环保设备股份有限公司】外侧门\GDKP-GDKP.GDM.3</t>
  </si>
  <si>
    <t>【青岛达能环保设备股份有限公司】内侧门\GDKP-GDKP.GDM.2</t>
  </si>
  <si>
    <t>【青岛达能环保设备股份有限公司】窄轮缘\GDKP-GBLA12.ZJL.1-4\GBL</t>
  </si>
  <si>
    <t>【青岛达能环保设备股份有限公司】宽轮缘\GDKP-GBLA12.ZJL.1-3\GBL</t>
  </si>
  <si>
    <t>【青岛达能环保设备股份有限公司】内导轮总成\GDKP-GA.DN012.2E.1\GBL</t>
  </si>
  <si>
    <t>【青岛达能环保设备股份有限公司】前导轮总成\GDKP-DN01E4.5\GBL</t>
  </si>
  <si>
    <t>【青岛达能环保设备股份有限公司】张紧轮总成\GDKP-DN01E4.3\［无］\［无］\GBL</t>
  </si>
  <si>
    <t>【青岛达能环保设备股份有限公司】止退机构\GDKP-DN01B2.3.2C\［无］\［无］\GBL</t>
  </si>
  <si>
    <t>【青岛达能环保设备股份有限公司】孔条\GDJT-TY1.2×N.1-7</t>
  </si>
  <si>
    <t>【青岛达能环保设备股份有限公司】三棱形滤网C\GDJT-TSC.5B-2\TSC</t>
  </si>
  <si>
    <t>【青岛达能环保设备股份有限公司】三棱形滤网B\GDJT-TSC.5A-3\TSC</t>
  </si>
  <si>
    <t>【青岛达能环保设备股份有限公司】轮缘\GDJT-TLGZ.GBL20D.1-6\GBL</t>
  </si>
  <si>
    <t>【青岛达能环保设备股份有限公司】孔条\GDJT-NMBT.TY1.2×n.1-7</t>
  </si>
  <si>
    <t>【青岛达能环保设备股份有限公司】外侧门\GDJT-NDD3.GDM.5</t>
  </si>
  <si>
    <t>【青岛达能环保设备股份有限公司】内侧门\GDJT-NDD3.GDM.4</t>
  </si>
  <si>
    <t>【青岛达能环保设备股份有限公司】外侧门\GDJT-NDD3.GDM.3</t>
  </si>
  <si>
    <t>【青岛达能环保设备股份有限公司】内侧门\GDJT-NDD3.GDM.2</t>
  </si>
  <si>
    <t>【青岛达能环保设备股份有限公司】链轮总成\GDJT-LL34×126-SHLX\GBL</t>
  </si>
  <si>
    <t>【青岛达能环保设备股份有限公司】轮毂\GDJT-JTGZ.GBL20D.2.1\GBL</t>
  </si>
  <si>
    <t>【青岛达能环保设备股份有限公司】齿条滑轨\GDJT-HBLS.GBL12A.1.2Z-2\［无］\［无］\GBL</t>
  </si>
  <si>
    <t>【青岛达能环保设备股份有限公司】销轴\GDJT-GDM-5\45\GDM</t>
  </si>
  <si>
    <t>【青岛达能环保设备股份有限公司】销轴\GDJT-GDM-4\45\GDM</t>
  </si>
  <si>
    <t>【青岛达能环保设备股份有限公司】销轴\GDJT-GDM-3\45\GDM</t>
  </si>
  <si>
    <t>【青岛达能环保设备股份有限公司】推杆\GDJT-GDM.TG.0</t>
  </si>
  <si>
    <t>【青岛达能环保设备股份有限公司】端门\GDJT-GDM.1400.6</t>
  </si>
  <si>
    <t>【青岛达能环保设备股份有限公司】捞渣机扫渣帘\GDJT-GDJT.SZL.1</t>
  </si>
  <si>
    <t>【青岛达能环保设备股份有限公司】拖动机构\GDJT-GDJT.GBL20D.2\GBL</t>
  </si>
  <si>
    <t>【青岛达能环保设备股份有限公司】刮板\GDJT-DN01D4.7A\20CrMnTi+65Mn\GBL</t>
  </si>
  <si>
    <t>【青岛达能环保设备股份有限公司】前导轮总成\GDJT-DN01D4.5\GBL</t>
  </si>
  <si>
    <t>【青岛达能环保设备股份有限公司】尾导轮总成\GDJT-DN01D4.4\GBL</t>
  </si>
  <si>
    <t>【青岛达能环保设备股份有限公司】张紧轮组装\GDJT-DN01D4.3C\［无］\［无］\GBL</t>
  </si>
  <si>
    <t>【青岛达能环保设备股份有限公司】止退机构\GDJT-DN01B2.3.2CL\［无］\［无］\GBL</t>
  </si>
  <si>
    <t>【青岛达能环保设备股份有限公司】内导轮总成\GDJT-DN012.2E\GBL</t>
  </si>
  <si>
    <t>【青岛达能环保设备股份有限公司】单辊碎渣机本体\GDJN-JLJN1.GDGS587.1</t>
  </si>
  <si>
    <t>【青岛达能环保设备股份有限公司】斗式提升机料斗\GDJN-JLJN.ZBT400.6\ZBT</t>
  </si>
  <si>
    <t>【青岛达能环保设备股份有限公司】网带干渣机托板承载板\GDJN-JLJN.GWS14.6.1\GWS</t>
  </si>
  <si>
    <t>【青岛达能环保设备股份有限公司】网带干渣机清扫刮板\GDJN-JLJN.GWS14.5.1\GWS</t>
  </si>
  <si>
    <t>【青岛达能环保设备股份有限公司】负压吸尘系统收灰斗\GDJN-JLJN.FYXC.3\ZBT</t>
  </si>
  <si>
    <t>【青岛达能环保设备股份有限公司】单辊碎渣机定位键\GDJN-GDGS590.1.1-4\45\GDGS</t>
  </si>
  <si>
    <t>【青岛达能环保设备股份有限公司】单辊碎渣机压盘\GDJN-GDGS590.1.1-3\GDGS</t>
  </si>
  <si>
    <t>【青岛达能环保设备股份有限公司】单辊碎渣机外轴封套\GDJN-GDGS590.1.1-2</t>
  </si>
  <si>
    <t>【青岛达能环保设备股份有限公司】单辊碎渣机内轴封套\GDJN-GDGS590.1.1-1</t>
  </si>
  <si>
    <t>【青岛达能环保设备股份有限公司】单辊碎渣机轴承座\GDJN-GDGS590.1.1.1</t>
  </si>
  <si>
    <t>【青岛达能环保设备股份有限公司】单辊碎渣机轴封组件\GDJN-GDGS590.1.1</t>
  </si>
  <si>
    <t>【青岛达能环保设备股份有限公司】单辊碎渣机齿辊轴\GDJN-GDGS587.1B.2.1\45、Q235B\GDGS</t>
  </si>
  <si>
    <t>【青岛达能环保设备股份有限公司】单辊碎渣机齿辊组装\GDJN-GDGS587.1B.2\45、Q235B、DNCr30Ni2MoCu\GDGS</t>
  </si>
  <si>
    <t>【青岛达能环保设备股份有限公司】单辊碎渣机清渣板\GDJN-GDGS587.1-1\GDGS</t>
  </si>
  <si>
    <t>【青岛达能环保设备股份有限公司】单辊碎渣机辊齿板更换压板\GDJN-GDGS586.1D.1-2\GDGS</t>
  </si>
  <si>
    <t>【青岛达能环保设备股份有限公司】单辊碎渣机辊齿板\GDJN-GDGS586.1D.1-1\GDGS</t>
  </si>
  <si>
    <t>【青岛达能环保设备股份有限公司】单辊碎渣机右端衬板\GDJN-GDGS586.1B-3\GDGS</t>
  </si>
  <si>
    <t>【青岛达能环保设备股份有限公司】单辊碎渣机左端衬板\GDJN-GDGS586.1B-2\GDGS</t>
  </si>
  <si>
    <t>【青岛达能环保设备股份有限公司】单辊碎渣机端衬板\GDJN-GDGS586.1B-1\GDGS</t>
  </si>
  <si>
    <t>【青岛达能环保设备股份有限公司】单辊碎渣机被动链轮\GDJN-GBL/TQ2-6\GDGS</t>
  </si>
  <si>
    <t>【青岛达能环保设备股份有限公司】单辊碎渣机辊齿板更换圆钢\GDJN-GB702-16/370\GDGS</t>
  </si>
  <si>
    <t>【青岛达能环保设备股份有限公司】单辊碎渣机颚板\GDJN-DGS584.1.6\GDGS</t>
  </si>
  <si>
    <t>【青岛达能环保设备股份有限公司】鳞斗干渣机减速机端驱动小链轮\GDJJ-ZBT800.4.1\QT球铁\GLD</t>
  </si>
  <si>
    <t>【青岛达能环保设备股份有限公司】网带干渣机小链轮\GDJJ-ZBT800.4.1\QT球铁\GWS</t>
  </si>
  <si>
    <t>【青岛达能环保设备股份有限公司】网带干渣机输送机构的拖动轮\GDJJ-XJJR.GWS14.1.2.1\20、Q235B\GWS</t>
  </si>
  <si>
    <t>【青岛达能环保设备股份有限公司】网带干渣机输送拖动机构\GDJJ-XJJR.GWS14.1.2\Q235B、45、40Cr、QT球铁\GWS</t>
  </si>
  <si>
    <t>【青岛达能环保设备股份有限公司】双轴搅拌机叶片\GDJJ-XJHS.SJ100B.3-4\SJ</t>
  </si>
  <si>
    <t>【青岛达能环保设备股份有限公司】快开人孔\GDJJ-TZD7.RKK550.0A</t>
  </si>
  <si>
    <t>【青岛达能环保设备股份有限公司】孔条\GDJJ-TY1.2×N.1-7</t>
  </si>
  <si>
    <t>【青岛达能环保设备股份有限公司】单辊碎渣机主动链轮\GDJJ-TQ106-1\QT球铁\GDGS</t>
  </si>
  <si>
    <t>【青岛达能环保设备股份有限公司】汽车散装机半联轴器\GDJJ-SZJ100-17\45\SZJ</t>
  </si>
  <si>
    <t>【青岛达能环保设备股份有限公司】汽车散装机半联轴器\GDJJ-SZJ100-16\45\SZJ</t>
  </si>
  <si>
    <t>【青岛达能环保设备股份有限公司】双轴搅拌机迷宫环\GDJJ-SJ200A.3-8</t>
  </si>
  <si>
    <t>【青岛达能环保设备股份有限公司】双轴搅拌机固定盘\GDJJ-SJ200A.3-7</t>
  </si>
  <si>
    <t>【青岛达能环保设备股份有限公司】双轴搅拌机轴封座\GDJJ-SJ200A.3-6</t>
  </si>
  <si>
    <t>【青岛达能环保设备股份有限公司】双轴搅拌机驱动链轮\GDJJ-SJ100B.4-4\SJ100B.4-4\SJ</t>
  </si>
  <si>
    <t>【青岛达能环保设备股份有限公司】双轴搅拌机齿轮\GDJJ-SJ100B.3-2\QT球铁\SJ</t>
  </si>
  <si>
    <t>【青岛达能环保设备股份有限公司】双轴搅拌机从动链轮\GDJJ-SJ100A.3-16\QT球铁\SJ</t>
  </si>
  <si>
    <t>【青岛达能环保设备股份有限公司】手动插板门的插板\GDJJ-SBMC400-2</t>
  </si>
  <si>
    <t>【青岛达能环保设备股份有限公司】手动插板门\GDJJ-SBMC400</t>
  </si>
  <si>
    <t>【青岛达能环保设备股份有限公司】捞渣机扫渣帘\GDJJ-QAJJ.GBL12B×37.17.9</t>
  </si>
  <si>
    <t>【青岛达能环保设备股份有限公司】双轴搅拌机轴承座\GDJJ-NELY.SJ200A.3.2A</t>
  </si>
  <si>
    <t>【青岛达能环保设备股份有限公司】网带干渣机Ω环\GDJJ-KH18064/280\GWS</t>
  </si>
  <si>
    <t>【青岛达能环保设备股份有限公司】网带干渣机清扫托轮\GDJJ-GWS14.9B</t>
  </si>
  <si>
    <t>【青岛达能环保设备股份有限公司】网带干渣机圆弧段上层压轮回程托轮\GDJJ-GWS14.8D</t>
  </si>
  <si>
    <t>【青岛达能环保设备股份有限公司】网带干渣机回程托轮\GDJJ-GWS14.8C</t>
  </si>
  <si>
    <t>【青岛达能环保设备股份有限公司】网带干渣机水平段及弧段输送上托辊\GDJJ-GWS14.7C</t>
  </si>
  <si>
    <t>【青岛达能环保设备股份有限公司】网带干渣机斜升段输送上托辊\GDJJ-GWS14.7B</t>
  </si>
  <si>
    <t>【青岛达能环保设备股份有限公司】网带干渣机输送钢带组装\GDJJ-GWS14.6K\GWS</t>
  </si>
  <si>
    <t>【青岛达能环保设备股份有限公司】网带干渣机中挡板\GDJJ-GWS14.6E.2\GWS</t>
  </si>
  <si>
    <t>【青岛达能环保设备股份有限公司】网带干渣机不锈钢托板\GDJJ-GWS14.6E.1\GWS</t>
  </si>
  <si>
    <t>【青岛达能环保设备股份有限公司】网带干渣机连接板\GDJJ-GWS14.6C-1\GWS</t>
  </si>
  <si>
    <t>【青岛达能环保设备股份有限公司】网带干渣机刮板联接块\GDJJ-GWS14.5-1\GWS</t>
  </si>
  <si>
    <t>【青岛达能环保设备股份有限公司】网带干渣机刮板\GDJJ-GWS14.5.1\GWS</t>
  </si>
  <si>
    <t>【青岛达能环保设备股份有限公司】网带干渣机清扫张紧机构的轴承座\GDJJ-GWS14.4-4</t>
  </si>
  <si>
    <t>【青岛达能环保设备股份有限公司】网带干渣机从动轮\GDJJ-GWS14.4-11\45\GWS</t>
  </si>
  <si>
    <t>【青岛达能环保设备股份有限公司】网带干渣机清扫从动轴\GDJJ-GWS14.4-1\40Cr\GWS</t>
  </si>
  <si>
    <t>【青岛达能环保设备股份有限公司】网带干渣机清扫张紧机构\GDJJ-GWS14.39D.1L\Q235B、40Cr、QT球铁、20、45\GWS</t>
  </si>
  <si>
    <t>【青岛达能环保设备股份有限公司】网带干渣机清扫主轴\GDJJ-GWS14.3.K148-1\45\GWS</t>
  </si>
  <si>
    <t>【青岛达能环保设备股份有限公司】网带干渣机清扫拖动机构\GDJJ-GWS14.3.K148\Q235B、45、40Cr、QT球铁\GWS</t>
  </si>
  <si>
    <t>【青岛达能环保设备股份有限公司】网带干渣机清扫拖动链轮\GDJJ-GWS14.3.2\20CrMnTi、35\GWS</t>
  </si>
  <si>
    <t>【青岛达能环保设备股份有限公司】网带干渣机输送张紧机构\GDJJ-GWS14.2A-L\Q235B、40Cr、QT球铁、20、45、Q355B\GWS</t>
  </si>
  <si>
    <t>【青岛达能环保设备股份有限公司】网带干渣机输送张紧轮\GDJJ-GWS14.2A.1\20、Q235B\GWS</t>
  </si>
  <si>
    <t>【青岛达能环保设备股份有限公司】鳞斗干渣机张紧机构的轴承座\GDJJ-GWS14.2.1</t>
  </si>
  <si>
    <t>【青岛达能环保设备股份有限公司】网带干渣机输送张紧机构的轴承座\GDJJ-GWS14.2.1</t>
  </si>
  <si>
    <t>【青岛达能环保设备股份有限公司】网带干渣机短臂导向轮\GDJJ-GWS14.11B</t>
  </si>
  <si>
    <t>【青岛达能环保设备股份有限公司】网带干渣机防偏挡带辊\GDJJ-GWS14.10.2</t>
  </si>
  <si>
    <t>【青岛达能环保设备股份有限公司】鳞斗干渣机张拖动机构的轴承座\GDJJ-GWS14.1.1</t>
  </si>
  <si>
    <t>【青岛达能环保设备股份有限公司】网带干渣机输送机构的轴承座\GDJJ-GWS14.1.1</t>
  </si>
  <si>
    <t>【青岛达能环保设备股份有限公司】气动插板门\GDJJ-GTXC.QBM400</t>
  </si>
  <si>
    <t>【青岛达能环保设备股份有限公司】鳞斗干渣机防偏辊\GDJJ-GLD18.8.1.2</t>
  </si>
  <si>
    <t>【青岛达能环保设备股份有限公司】鳞斗干渣机防偏轮\GDJJ-GLD18.8.1</t>
  </si>
  <si>
    <t>【青岛达能环保设备股份有限公司】鳞斗干渣机下托辊\GDJJ-GLD18.4F</t>
  </si>
  <si>
    <t>【青岛达能环保设备股份有限公司】鳞斗干渣机下托辊\GDJJ-GLD18.4A</t>
  </si>
  <si>
    <t>【青岛达能环保设备股份有限公司】鳞斗干渣机链轮\GDJJ-GLD18.2-5\40Cr\GLD</t>
  </si>
  <si>
    <t>【青岛达能环保设备股份有限公司】鳞斗干渣机芯轴\GDJJ-GLD18.1A-1\GLD</t>
  </si>
  <si>
    <t>【青岛达能环保设备股份有限公司】鳞斗干渣机夹板\GDJJ-GLD18.1-2\GLD</t>
  </si>
  <si>
    <t>【青岛达能环保设备股份有限公司】鳞斗干渣机链轮\GDJJ-GLD18.11-5\40Cr\GLD</t>
  </si>
  <si>
    <t>【青岛达能环保设备股份有限公司】鳞斗干渣机套筒模锻链\GDJJ-GLD18.1.3\GLD</t>
  </si>
  <si>
    <t>【青岛达能环保设备股份有限公司】鳞斗干渣机上托辊\GDJJ-GLD16.3B</t>
  </si>
  <si>
    <t>【青岛达能环保设备股份有限公司】鳞斗干渣机拖动轴\GDJJ-GLD16.2A-1\45\GLD</t>
  </si>
  <si>
    <t>【青岛达能环保设备股份有限公司】鳞斗干渣机拖动机构\GDJJ-GLD16.2A\Q235B、45、40Cr、QT球铁\GLD</t>
  </si>
  <si>
    <t>【青岛达能环保设备股份有限公司】鳞斗干渣机清扫鳞斗\GDJJ-GLD16.1A.2\GLD</t>
  </si>
  <si>
    <t>【青岛达能环保设备股份有限公司】鳞斗干渣机鳞斗\GDJJ-GLD16.1A.1\GLD</t>
  </si>
  <si>
    <t>【青岛达能环保设备股份有限公司】鳞斗干渣机输送链组装\GDJJ-GLD16.1A\GLD</t>
  </si>
  <si>
    <t>【青岛达能环保设备股份有限公司】鳞斗干渣机张紧机构\GDJJ-GLD16.11A-L\Q235B、40Cr、QT球铁、20、45\GLD</t>
  </si>
  <si>
    <t>【青岛达能环保设备股份有限公司】鳞斗干渣机张紧轴\GDJJ-GLD16.11A-3\45\GLD</t>
  </si>
  <si>
    <t>【青岛达能环保设备股份有限公司】电动给料机\GDJJ-GL400A</t>
  </si>
  <si>
    <t>【青岛达能环保设备股份有限公司】汽车散装机卸料口\GDJJ-GDJJ6.SZJ100.3\Q235B\SZJ</t>
  </si>
  <si>
    <t>【青岛达能环保设备股份有限公司】渣井机械密封软连接\GDJJ-GDJJ6.GZJ325.1-6</t>
  </si>
  <si>
    <t>【青岛达能环保设备股份有限公司】双轴搅拌机螺旋轴总成\GDJJ-GDJJ5.SJ100.4\SJ</t>
  </si>
  <si>
    <t>【青岛达能环保设备股份有限公司】渣井机械密封软连接\GDJJ-GDJJ5.GZJ325.1-10</t>
  </si>
  <si>
    <t>【青岛达能环保设备股份有限公司】单辊碎渣机轴封组件\GDJJ-GDGS590.1.4</t>
  </si>
  <si>
    <t>【青岛达能环保设备股份有限公司】单辊碎渣机定位键\GDJJ-GDGS590.1.1-4\45\GDGS</t>
  </si>
  <si>
    <t>【青岛达能环保设备股份有限公司】单辊碎渣机压盘\GDJJ-GDGS590.1.1-3\GDGS</t>
  </si>
  <si>
    <t>【青岛达能环保设备股份有限公司】单辊碎渣机外轴封套\GDJJ-GDGS590.1.1-2</t>
  </si>
  <si>
    <t>【青岛达能环保设备股份有限公司】单辊碎渣机内轴封套\GDJJ-GDGS590.1.1-1</t>
  </si>
  <si>
    <t>【青岛达能环保设备股份有限公司】单辊碎渣机轴承座\GDJJ-GDGS590.1.1.1</t>
  </si>
  <si>
    <t>【青岛达能环保设备股份有限公司】单辊碎渣机轴封组件\GDJJ-GDGS590.1.1</t>
  </si>
  <si>
    <t>【青岛达能环保设备股份有限公司】单辊碎渣机清渣板\GDJJ-GDGS587.1-1\GDGS</t>
  </si>
  <si>
    <t>【青岛达能环保设备股份有限公司】单辊碎渣机齿辊组装\GDJJ-GDGS586R.1D.1\45、Q235B、DNCr30Ni2MoCu\GDGS</t>
  </si>
  <si>
    <t>【青岛达能环保设备股份有限公司】单辊碎渣机辊齿板更换压板\GDJJ-GDGS586.1D.1-2\GDGS</t>
  </si>
  <si>
    <t>【青岛达能环保设备股份有限公司】单辊碎渣机辊齿板\GDJJ-GDGS586.1D.1-1\GDGS</t>
  </si>
  <si>
    <t>【青岛达能环保设备股份有限公司】单辊碎渣机齿辊轴\GDJJ-GDGS586.1D.1.1\45、Q235B\GDGS</t>
  </si>
  <si>
    <t>【青岛达能环保设备股份有限公司】单辊碎渣机右端衬板\GDJJ-GDGS586.1B-3\GDGS</t>
  </si>
  <si>
    <t>【青岛达能环保设备股份有限公司】单辊碎渣机左端衬板\GDJJ-GDGS586.1B-2\GDGS</t>
  </si>
  <si>
    <t>【青岛达能环保设备股份有限公司】单辊碎渣机端衬板\GDJJ-GDGS586.1B-1\GDGS</t>
  </si>
  <si>
    <t>【青岛达能环保设备股份有限公司】汽车散装机连接轴\GDJJ-GDCZ.SZJ100Z-1\45\SZJ</t>
  </si>
  <si>
    <t>【青岛达能环保设备股份有限公司】汽车散装机伸缩斗\GDJJ-GDCZ.SZJ100Z.8\Q235B\SZJ</t>
  </si>
  <si>
    <t>【青岛达能环保设备股份有限公司】汽车散装机绳轮组件\GDJJ-GDCZ.SZJ100Z.5\Q235B、45、304、\SZJ</t>
  </si>
  <si>
    <t>【青岛达能环保设备股份有限公司】汽车散装机滑轮组装\GDJJ-GDCZ.SZJ100Z.11\Q235B、45\SZJ</t>
  </si>
  <si>
    <t>【青岛达能环保设备股份有限公司】汽车散装机滑轮组件\GDJJ-GDCZ.SZJ100Z.10\Q235B、45\SZJ</t>
  </si>
  <si>
    <t>【青岛达能环保设备股份有限公司】内导轮组装\GDJJ-GBL12B.19B\GBL</t>
  </si>
  <si>
    <t>【青岛达能环保设备股份有限公司】单辊碎渣机被动链轮\GDJJ-GBL/TQ2-6\QT球铁\GDGS</t>
  </si>
  <si>
    <t>【青岛达能环保设备股份有限公司】单辊碎渣机辊齿板更换圆钢\GDJJ-GB702-16/370\GDGS</t>
  </si>
  <si>
    <t>【青岛达能环保设备股份有限公司】电动给料机主动链轮\GDJJ-DSG450-9\QT球铁\GDGS</t>
  </si>
  <si>
    <t>【青岛达能环保设备股份有限公司】电动给料机被动链轮\GDJJ-DSG450-10\QT球铁\GDGS</t>
  </si>
  <si>
    <t>【青岛达能环保设备股份有限公司】鳞斗干渣机被动大滚子链轮\GDJJ-DNLL32A2T-57\QT球铁\GLD</t>
  </si>
  <si>
    <t>【青岛达能环保设备股份有限公司】网带干渣机被动大滚子链轮\GDJJ-DNLL32A2T-57\QT球铁\GWS</t>
  </si>
  <si>
    <t>【青岛达能环保设备股份有限公司】链轮总成\GDJJ-DN021.6\GBL</t>
  </si>
  <si>
    <t>【青岛达能环保设备股份有限公司】刮板\GDJJ-DN01H1.7JA\20CrMnTi+65Mn\GBL</t>
  </si>
  <si>
    <t>【青岛达能环保设备股份有限公司】前导轮总成\GDJJ-DN01H1.5\GBL</t>
  </si>
  <si>
    <t>【青岛达能环保设备股份有限公司】尾导轮总成\GDJJ-DN01H1.4\GBL</t>
  </si>
  <si>
    <t>【青岛达能环保设备股份有限公司】张紧轮总成\GDJJ-DN01H1.3Z\［无］\［无］\GBL</t>
  </si>
  <si>
    <t>【青岛达能环保设备股份有限公司】拖动机构\GDJJ-DN01H1.1D3T\GBL</t>
  </si>
  <si>
    <t>【青岛达能环保设备股份有限公司】轮缘\GDJJ-DN01A1.4.1-4\GBL</t>
  </si>
  <si>
    <t>【青岛达能环保设备股份有限公司】轮缘\GDJJ-DN01A1.4.1-3\GBL</t>
  </si>
  <si>
    <t>【青岛达能环保设备股份有限公司】单辊碎渣机颚板\GDJJ-DGS584.1.6\GDGS</t>
  </si>
  <si>
    <t>【青岛达能环保设备股份有限公司】滤芯\GDHYS-TSC.350.1\TSC</t>
  </si>
  <si>
    <t>【青岛达能环保设备股份有限公司】驱动小链轮\GDHYS-TQ106-1\QT球铁\MGB</t>
  </si>
  <si>
    <t>【青岛达能环保设备股份有限公司】被动滚子大链轮\GDHYS-SDYT.MGB400.1-2\QT球铁\MGB</t>
  </si>
  <si>
    <t>【青岛达能环保设备股份有限公司】刮板\GDHYS-MGB500-6A\MGB</t>
  </si>
  <si>
    <t>【青岛达能环保设备股份有限公司】压板\GDHYS-MGB410-7\MGB</t>
  </si>
  <si>
    <t>【青岛达能环保设备股份有限公司】链轮\GDHYS-LL30×108-9A-SHHX\GBL</t>
  </si>
  <si>
    <t>【青岛达能环保设备股份有限公司】拖动机构的填料箱\GDHYS-KY.MGB610.1-6</t>
  </si>
  <si>
    <t>【青岛达能环保设备股份有限公司】尾轮\GDHYS-KY.MGB410.2-14\QT球铁\MGB</t>
  </si>
  <si>
    <t>【青岛达能环保设备股份有限公司】拖轮组装\GDHYS-HYS2.GMJ500×9.6\MGB</t>
  </si>
  <si>
    <t>【青岛达能环保设备股份有限公司】张紧轮组装\GDHYS-HYS.DN01B4.3C\［无］\［无］\GBL</t>
  </si>
  <si>
    <t>【青岛达能环保设备股份有限公司】拖动机构的嵌入闷盖\GDHYS-HRJJ.HBC400.1-2</t>
  </si>
  <si>
    <t>【青岛达能环保设备股份有限公司】拖动机构的轮毂\GDHYS-HBC400.1-6\QT球铁\MGB</t>
  </si>
  <si>
    <t>【青岛达能环保设备股份有限公司】拖动链轮\GDHYS-HBC400.1-5A\QT球铁\MGB</t>
  </si>
  <si>
    <t>【青岛达能环保设备股份有限公司】拖动机构的隔套\GDHYS-HBC400.1-4</t>
  </si>
  <si>
    <t>【青岛达能环保设备股份有限公司】拖动机构的嵌入透盖\GDHYS-HBC400.1-3</t>
  </si>
  <si>
    <t>【青岛达能环保设备股份有限公司】拖动机构的轴承座\GDHYS-HBC400.1.1</t>
  </si>
  <si>
    <t>【青岛达能环保设备股份有限公司】旋盖式油杯\GDHYS-GBL3034RM.3Q\GBL</t>
  </si>
  <si>
    <t>【青岛达能环保设备股份有限公司】尾导轮总成\GDHYS-DZWY.GMJ500.2.1\Q235B、QT球铁、45、\MGB</t>
  </si>
  <si>
    <t>【青岛达能环保设备股份有限公司】尾轮张紧机构\GDHYS-DZWY.GMJ500.2\Q235B、QT球铁、45、HT灰铁\MGB</t>
  </si>
  <si>
    <t>【青岛达能环保设备股份有限公司】拖动轴\GDHYS-DZWY.GMJ500.1-1\45\MGB</t>
  </si>
  <si>
    <t>【青岛达能环保设备股份有限公司】拖动机构\GDHYS-DZWY.GMJ500.1\Q235B、45、40Cr、QT球铁\MGB</t>
  </si>
  <si>
    <t>【青岛达能环保设备股份有限公司】刮板\GDHYS-DN01B2.7DA\20CrMnTi+65Mn\GBL</t>
  </si>
  <si>
    <t>【青岛达能环保设备股份有限公司】圆销\GDHYS-DN01B2.7-2\304\GBL</t>
  </si>
  <si>
    <t>【青岛达能环保设备股份有限公司】前导轮总成\GDHYS-DN01B2.5A\GBL</t>
  </si>
  <si>
    <t>【青岛达能环保设备股份有限公司】尾导轮总成\GDHYS-DN01B2.4A\GBL</t>
  </si>
  <si>
    <t>【青岛达能环保设备股份有限公司】拖动机构\GDHYS-DN01B2.1C\GBL</t>
  </si>
  <si>
    <t>【青岛达能环保设备股份有限公司】内导轮组装\GDHYS-DN013.2.1\GBL</t>
  </si>
  <si>
    <t>【青岛达能环保设备股份有限公司】张紧机构\GDHYS-DFBT.MBF250.2.2\Q235B、QT球铁、45、HT灰铁\MGB</t>
  </si>
  <si>
    <t>【青岛达能环保设备股份有限公司】端门\GDHYC-XJHYC.GDMII.5</t>
  </si>
  <si>
    <t>【青岛达能环保设备股份有限公司】侧门\GDHYC-XJHYC.GDMII.3</t>
  </si>
  <si>
    <t>【青岛达能环保设备股份有限公司】侧门\GDHYC-XJHYC.GDMII.2</t>
  </si>
  <si>
    <t>【青岛达能环保设备股份有限公司】推杆\GDHYC-XJHYC.GDMII.1</t>
  </si>
  <si>
    <t>【青岛达能环保设备股份有限公司】托轮\GDHYC-TY1.2×n.22A\GBL</t>
  </si>
  <si>
    <t>【青岛达能环保设备股份有限公司】三棱形滤网\GDHYC-TSC.5A-3\TSC</t>
  </si>
  <si>
    <t>【青岛达能环保设备股份有限公司】三棱形滤网\GDHYC-TSC.5A-2\TSC</t>
  </si>
  <si>
    <t>【青岛达能环保设备股份有限公司】滤芯\GDHYC-TSC.350.1\TSC</t>
  </si>
  <si>
    <t>【青岛达能环保设备股份有限公司】尾张紧轮轴\GDHYC-HED.DN01A4.3\［无］\［无］\GBL</t>
  </si>
  <si>
    <t>【青岛达能环保设备股份有限公司】销轴\GDHYC-GDM-5\45\GDM</t>
  </si>
  <si>
    <t>【青岛达能环保设备股份有限公司】销轴\GDHYC-GDM-4\45\GDM</t>
  </si>
  <si>
    <t>【青岛达能环保设备股份有限公司】销轴\GDHYC-GDM-3\45\GDM</t>
  </si>
  <si>
    <t>【青岛达能环保设备股份有限公司】扫渣帘\GDHYC-GBL12B.30</t>
  </si>
  <si>
    <t>【青岛达能环保设备股份有限公司】托轮\GDHYC-GBL12B.22\GBL</t>
  </si>
  <si>
    <t>【青岛达能环保设备股份有限公司】拖动机构\GDHYC-GBL12B.2\GBL</t>
  </si>
  <si>
    <t>【青岛达能环保设备股份有限公司】电动行轮\GDHYC-GBL12A.25A</t>
  </si>
  <si>
    <t>【青岛达能环保设备股份有限公司】行轮组装\GDHYC-GBL12A.12</t>
  </si>
  <si>
    <t>【青岛达能环保设备股份有限公司】轴承外置式内导轮总成\GDHYC-GA.DN012.2E\GBL</t>
  </si>
  <si>
    <t>【青岛达能环保设备股份有限公司】拖动机构\GDHYC-FXGZ.GBL12D.2\GBL</t>
  </si>
  <si>
    <t>【青岛达能环保设备股份有限公司】五边形刮板\GDHYC-DN01B4.7B\20CrMnTi+65Mn\GBL</t>
  </si>
  <si>
    <t>【青岛达能环保设备股份有限公司】前导轮总成\GDHYC-DN01A1.5\GBL</t>
  </si>
  <si>
    <t>【青岛达能环保设备股份有限公司】尾导轮总成\GDHYC-DN01A1.4A\GBL</t>
  </si>
  <si>
    <t>【青岛达能环保设备股份有限公司】张紧轮组装\GDHYC-DN01A1.3A\［无］\［无］\GBL</t>
  </si>
  <si>
    <t>【青岛达能环保设备股份有限公司】内导轮组装\GDHYC-DN01A1.2A\GBL</t>
  </si>
  <si>
    <t>【青岛达能环保设备股份有限公司】内导轮总成\GDHYC-DN013.2\GBL</t>
  </si>
  <si>
    <t>【青岛达能环保设备股份有限公司】捞渣机扫渣帘\GDHJB-SDZX.GBL20E.30</t>
  </si>
  <si>
    <t>【青岛达能环保设备股份有限公司】刮板\GDHJB-SDLC.DN01D5.7J\20CrMnTi+65Mn\GBL</t>
  </si>
  <si>
    <t>【青岛达能环保设备股份有限公司】拖动机构\GDHJB-JXHJB.GBL20E.2\GBL</t>
  </si>
  <si>
    <t>【青岛达能环保设备股份有限公司】销轴\GDHJB-GDM-5\45\GDM</t>
  </si>
  <si>
    <t>【青岛达能环保设备股份有限公司】销轴\GDHJB-GDM-4\45\GDM</t>
  </si>
  <si>
    <t>【青岛达能环保设备股份有限公司】销轴\GDHJB-GDM-3\45\GDM</t>
  </si>
  <si>
    <t>【青岛达能环保设备股份有限公司】推杆\GDHJB-GDM.TG.0</t>
  </si>
  <si>
    <t>【青岛达能环保设备股份有限公司】端门\GDHJB-GDM.1400.6</t>
  </si>
  <si>
    <t>【青岛达能环保设备股份有限公司】内导轮总成\GDHJB-GA.DN012.2E.1\GBL</t>
  </si>
  <si>
    <t>【青岛达能环保设备股份有限公司】外侧门\GDHJB-FJLM.GDM.5</t>
  </si>
  <si>
    <t>【青岛达能环保设备股份有限公司】内侧门\GDHJB-FJLM.GDM.4</t>
  </si>
  <si>
    <t>【青岛达能环保设备股份有限公司】外侧门\GDHJB-FJLM.GDM.3</t>
  </si>
  <si>
    <t>【青岛达能环保设备股份有限公司】内侧门\GDHJB-FJLM.GDM.2</t>
  </si>
  <si>
    <t>【青岛达能环保设备股份有限公司】前导轮总成\GDHJB-DN01D4.5\GBL</t>
  </si>
  <si>
    <t>【青岛达能环保设备股份有限公司】尾导轮总成\GDHJB-DN01D4.4A\GBL</t>
  </si>
  <si>
    <t>【青岛达能环保设备股份有限公司】张紧轮组装\GDHJB-DN01D4.3C\［无］\［无］\GBL</t>
  </si>
  <si>
    <t>【青岛达能环保设备股份有限公司】捞渣机渣仓底锥\GDFX.ZC-DZ</t>
  </si>
  <si>
    <t>【青岛达能环保设备股份有限公司】鳞斗干渣机驱动小链轮\GDCZ-ZBT800.4.1\QT球铁\GLD</t>
  </si>
  <si>
    <t>【青岛达能环保设备股份有限公司】液压破碎关断门油缸接管\GDCZ-YPM.JG600</t>
  </si>
  <si>
    <t>【青岛达能环保设备股份有限公司】液压破碎关断门散热导管\GDCZ-YPM.DG600</t>
  </si>
  <si>
    <t>【青岛达能环保设备股份有限公司】散装机伸缩斗\GDCZ-SZJ150Z.2\Q235B\SZJ</t>
  </si>
  <si>
    <t>【青岛达能环保设备股份有限公司】卸料系统手动插板门的插板\GDCZ-SBMC400-2</t>
  </si>
  <si>
    <t>【青岛达能环保设备股份有限公司】卸料系统手动插板门\GDCZ-SBMC400</t>
  </si>
  <si>
    <t>【青岛达能环保设备股份有限公司】卸料系统气动插板门\GDCZ-JGJJ.QBM400</t>
  </si>
  <si>
    <t>【青岛达能环保设备股份有限公司】鳞斗干渣机张紧机构的轴承座\GDCZ-GWS14.2.1</t>
  </si>
  <si>
    <t>【青岛达能环保设备股份有限公司】鳞斗干渣机张拖动机构的轴承座\GDCZ-GWS14.1.1</t>
  </si>
  <si>
    <t>【青岛达能环保设备股份有限公司】鳞斗干渣机防偏辊\GDCZ-GLD18.8.1.2</t>
  </si>
  <si>
    <t>【青岛达能环保设备股份有限公司】鳞斗干渣机防偏轮\GDCZ-GLD18.8.1</t>
  </si>
  <si>
    <t>【青岛达能环保设备股份有限公司】鳞斗干渣机下托辊的轴承座\GDCZ-GLD18.4C-1</t>
  </si>
  <si>
    <t>【青岛达能环保设备股份有限公司】鳞斗干渣机下托辊\GDCZ-GLD18.4B</t>
  </si>
  <si>
    <t>【青岛达能环保设备股份有限公司】鳞斗干渣机下托辊\GDCZ-GLD18.4A</t>
  </si>
  <si>
    <t>【青岛达能环保设备股份有限公司】鳞斗干渣机上托辊\GDCZ-GLD18.3A</t>
  </si>
  <si>
    <t>【青岛达能环保设备股份有限公司】鳞斗干渣机上托辊的轴承座\GDCZ-GLD18.3-1</t>
  </si>
  <si>
    <t>【青岛达能环保设备股份有限公司】鳞斗干渣机拖动链轮\GDCZ-GLD18.2-5\40Cr\GLD</t>
  </si>
  <si>
    <t>【青岛达能环保设备股份有限公司】鳞斗干渣机拖动轴\GDCZ-GLD18.2-1\45\GLD</t>
  </si>
  <si>
    <t>【青岛达能环保设备股份有限公司】鳞斗干渣机拖动机构\GDCZ-GLD18.2\Q235B、45、40Cr、QT球铁\GLD</t>
  </si>
  <si>
    <t>【青岛达能环保设备股份有限公司】鳞斗干渣机夹板\GDCZ-GLD18.1-2\GLD</t>
  </si>
  <si>
    <t>【青岛达能环保设备股份有限公司】鳞斗干渣机张紧链轮\GDCZ-GLD18.11-5\40Cr\GLD</t>
  </si>
  <si>
    <t>【青岛达能环保设备股份有限公司】鳞斗干渣机张紧轴\GDCZ-GLD18.11-3\45\GLD</t>
  </si>
  <si>
    <t>【青岛达能环保设备股份有限公司】鳞斗干渣机芯轴\GDCZ-GLD18.1-1\GLD</t>
  </si>
  <si>
    <t>【青岛达能环保设备股份有限公司】鳞斗干渣机套筒模锻链\GDCZ-GLD18.1.3\GLD</t>
  </si>
  <si>
    <t>【青岛达能环保设备股份有限公司】鳞斗干渣机清扫鳞斗\GDCZ-GLD18.1.2\GLD</t>
  </si>
  <si>
    <t>【青岛达能环保设备股份有限公司】鳞斗干渣机鳞斗\GDCZ-GLD18.1.1\GLD</t>
  </si>
  <si>
    <t>【青岛达能环保设备股份有限公司】鳞斗干渣机输送链组装\GDCZ-GLD18.1\GLD</t>
  </si>
  <si>
    <t>【青岛达能环保设备股份有限公司】卸料系统电动给料机\GDCZ-GL400</t>
  </si>
  <si>
    <t>【青岛达能环保设备股份有限公司】单辊碎渣机被动链轮用感应挡盘\GDCZ-GDGS590.8-1\Q235B\GSGS</t>
  </si>
  <si>
    <t>【青岛达能环保设备股份有限公司】单辊碎渣机牙板\GDCZ-GDGS590.1-5\GDGS</t>
  </si>
  <si>
    <t>【青岛达能环保设备股份有限公司】单辊碎渣机主动链轮用挡盘\GDCZ-GDGS590.1-1\Q235B\GSGS</t>
  </si>
  <si>
    <t>【青岛达能环保设备股份有限公司】单辊碎渣机定位键\GDCZ-GDGS590.1.1-4\45\GSGS</t>
  </si>
  <si>
    <t>【青岛达能环保设备股份有限公司】单辊碎渣机压盘\GDCZ-GDGS590.1.1-3\GDGS</t>
  </si>
  <si>
    <t>【青岛达能环保设备股份有限公司】单辊碎渣机外轴封套\GDCZ-GDGS590.1.1-2</t>
  </si>
  <si>
    <t>【青岛达能环保设备股份有限公司】单辊碎渣机内轴封套\GDCZ-GDGS590.1.1-1</t>
  </si>
  <si>
    <t>【青岛达能环保设备股份有限公司】单辊碎渣机轴承座\GDCZ-GDGS590.1.1.1</t>
  </si>
  <si>
    <t>【青岛达能环保设备股份有限公司】单辊碎渣机轴封组件\GDCZ-GDGS590.1.1</t>
  </si>
  <si>
    <t>【青岛达能环保设备股份有限公司】单辊碎渣机齿辊轴\GDCZ-GDGS587.1B.2.1\45、Q235B\GSGS</t>
  </si>
  <si>
    <t>【青岛达能环保设备股份有限公司】单辊碎渣机齿辊组装\GDCZ-GDGS587.1B.2\45、Q235B、DNCr30Ni2MoCu\GSGS</t>
  </si>
  <si>
    <t>【青岛达能环保设备股份有限公司】单辊碎渣机清渣板\GDCZ-GDGS587.1-1\GDGS</t>
  </si>
  <si>
    <t>【青岛达能环保设备股份有限公司】单辊碎渣机更换辊齿板用压板\GDCZ-GDGS586.1D.1-2\GDGS</t>
  </si>
  <si>
    <t>【青岛达能环保设备股份有限公司】单辊碎渣机辊齿板\GDCZ-GDGS586.1D.1-1\GDGS</t>
  </si>
  <si>
    <t>【青岛达能环保设备股份有限公司】单辊碎渣机右端衬板\GDCZ-GDGS586.1B-3\GDGS</t>
  </si>
  <si>
    <t>【青岛达能环保设备股份有限公司】单辊碎渣机左端衬板\GDCZ-GDGS586.1B-2\GDGS</t>
  </si>
  <si>
    <t>【青岛达能环保设备股份有限公司】单辊碎渣机端衬板\GDCZ-GDGS586.1B-1\GDGS</t>
  </si>
  <si>
    <t>【青岛达能环保设备股份有限公司】渣井机械密封软连接\GDCZ-GDCZ2.GZJ340.1-20</t>
  </si>
  <si>
    <t>【青岛达能环保设备股份有限公司】渣井机械密封软连接\GDCZ-GDCZ1.GZJ340.1-32</t>
  </si>
  <si>
    <t>【青岛达能环保设备股份有限公司】散装机卸料口\GDCZ-GDCZ.SZJ100.4\Q235B\SZJ</t>
  </si>
  <si>
    <t>【青岛达能环保设备股份有限公司】鳞斗干渣机张紧机构\GDCZ-GDCZ.GLD18.10.1R\Q235B、40Cr、QT球铁、20、45\GLD</t>
  </si>
  <si>
    <t>【青岛达能环保设备股份有限公司】鳞斗干渣机张紧机构\GDCZ-GDCZ.GLD18.10.1L\Q235B、40Cr、QT球铁、20、45\GLD</t>
  </si>
  <si>
    <t>【青岛达能环保设备股份有限公司】单辊碎渣机被动链轮\GDCZ-GBL/TQ2-6\QT球铁\GSGS</t>
  </si>
  <si>
    <t>【青岛达能环保设备股份有限公司】单辊碎渣机更换辊齿板用圆钢\GDCZ-GB702-16/370\GDGS</t>
  </si>
  <si>
    <t>【青岛达能环保设备股份有限公司】卸料系统电动给料机的主动链轮\GDCZ-DSG450-9\QT球铁\DSG</t>
  </si>
  <si>
    <t>【青岛达能环保设备股份有限公司】卸料系统电动给料机的被动链轮\GDCZ-DSG450-10\QT球铁\DSG</t>
  </si>
  <si>
    <t>【青岛达能环保设备股份有限公司】鳞斗干渣机被动滚子大链轮\GDCZ-DNLL32A2T-57\QT球铁\GLD</t>
  </si>
  <si>
    <t>【青岛达能环保设备股份有限公司】单辊碎渣机鄂板\GDCZ-DGS584.1.6\GDGS</t>
  </si>
  <si>
    <t>【青岛达能环保设备股份有限公司】销轴\GDCQWS-GDM-5\45\GDM</t>
  </si>
  <si>
    <t>【青岛达能环保设备股份有限公司】销轴\GDCQWS-GDM-4\45\GDM</t>
  </si>
  <si>
    <t>【青岛达能环保设备股份有限公司】销轴\GDCQWS-GDM-3\45\GDM</t>
  </si>
  <si>
    <t>【青岛达能环保设备股份有限公司】推杆\GDCQWS-GDM.TG.0</t>
  </si>
  <si>
    <t>【青岛达能环保设备股份有限公司】端门\GDCQWS-GDM.1400.6</t>
  </si>
  <si>
    <t>【青岛达能环保设备股份有限公司】外侧门\GDCQWS-CQWS.GDM.5</t>
  </si>
  <si>
    <t>【青岛达能环保设备股份有限公司】外侧门\GDCQWS-CQWS.GDM.4</t>
  </si>
  <si>
    <t>【青岛达能环保设备股份有限公司】内侧门\GDCQWS-CQWS.GDM.3</t>
  </si>
  <si>
    <t>【青岛达能环保设备股份有限公司】内侧门\GDCQWS-CQWS.GDM.2</t>
  </si>
  <si>
    <t>【青岛达能环保设备股份有限公司】孔条\GDCQJZ-TY1.2×n.1-7</t>
  </si>
  <si>
    <t>【青岛达能环保设备股份有限公司】链轮总成\GDCQJZ-LL30*120-9A\GBL</t>
  </si>
  <si>
    <t>【青岛达能环保设备股份有限公司】拖动机构\GDCQJZ-HBXSS.GBL12C.2\GBL</t>
  </si>
  <si>
    <t>【青岛达能环保设备股份有限公司】齿条滑轨\GDCQJZ-HBLS.GBL12A.1.2Z-2\［无］\［无］\GBL</t>
  </si>
  <si>
    <t>【青岛达能环保设备股份有限公司】刮板\GDCQJZ-GBL12C.8B\20CrMnTi+65Mn\GBL</t>
  </si>
  <si>
    <t>【青岛达能环保设备股份有限公司】内导轮总成\GDCQJZ-GA.DN012.2E.1\GBL</t>
  </si>
  <si>
    <t>【青岛达能环保设备股份有限公司】前导轮总成\GDCQJZ-DN01B4.5\GBL</t>
  </si>
  <si>
    <t>【青岛达能环保设备股份有限公司】张紧轮总成\GDCQJZ-DN01B4.3C\［无］\［无］\GBL</t>
  </si>
  <si>
    <t>【青岛达能环保设备股份有限公司】止退机构\GDCQJZ-DN01B2.3.2C\［无］\［无］\GBL</t>
  </si>
  <si>
    <t>【青岛达能环保设备股份有限公司】捞渣机扫渣帘\GDCQJZ-CQWS.GBL12D.30</t>
  </si>
  <si>
    <t>【青岛达能环保设备股份有限公司】链轮\GDCQHT-LL34×126-SHLX\GBL</t>
  </si>
  <si>
    <t>【青岛达能环保设备股份有限公司】销轴\GDCQHT-GDM-5\45\GDM</t>
  </si>
  <si>
    <t>【青岛达能环保设备股份有限公司】销轴\GDCQHT-GDM-4\45\GDM</t>
  </si>
  <si>
    <t>【青岛达能环保设备股份有限公司】销轴\GDCQHT-GDM-3\45\GDM</t>
  </si>
  <si>
    <t>【青岛达能环保设备股份有限公司】推杆\GDCQHT-GDM.TG.0</t>
  </si>
  <si>
    <t>【青岛达能环保设备股份有限公司】端门\GDCQHT-GDM.1400.6</t>
  </si>
  <si>
    <t>【青岛达能环保设备股份有限公司】旋盖式油杯\GDCQHT-GBL3034RM.3Q\GBL</t>
  </si>
  <si>
    <t>【青岛达能环保设备股份有限公司】销轴\GDCQHT-GBL12D.8-3B\45\GBL</t>
  </si>
  <si>
    <t>【青岛达能环保设备股份有限公司】内导轮组装\GDCQHT-GA.DN012.2E.1\GBL</t>
  </si>
  <si>
    <t>【青岛达能环保设备股份有限公司】刮板\GDCQHT-DN01B4.7A\20CrMnTi+65Mn\GBL</t>
  </si>
  <si>
    <t>【青岛达能环保设备股份有限公司】前导轮总成\GDCQHT-DN01B4.5\GBL</t>
  </si>
  <si>
    <t>【青岛达能环保设备股份有限公司】张紧轮组装\GDCQHT-DN01B4.3C\［无］\［无］\GBL</t>
  </si>
  <si>
    <t>【青岛达能环保设备股份有限公司】圆销\GDCQHT-DN01B2.7-2\304\GBL</t>
  </si>
  <si>
    <t>【青岛达能环保设备股份有限公司】尾导轮总成\GDCQHT-DN01B2.4B\GBL</t>
  </si>
  <si>
    <t>【青岛达能环保设备股份有限公司】外侧门\GDCQHT-CQWS.GDM.5</t>
  </si>
  <si>
    <t>【青岛达能环保设备股份有限公司】外侧门\GDCQHT-CQWS.GDM.4</t>
  </si>
  <si>
    <t>【青岛达能环保设备股份有限公司】内侧门\GDCQHT-CQWS.GDM.3</t>
  </si>
  <si>
    <t>【青岛达能环保设备股份有限公司】内侧门\GDCQHT-CQWS.GDM.2</t>
  </si>
  <si>
    <t>【青岛达能环保设备股份有限公司】拖动机构\GDCQHT-CQWS.GBL12D.2\GBL</t>
  </si>
  <si>
    <t>【青岛达能环保设备股份有限公司】斗式提升机张紧机构的轮毂\GDBJ-ZBT600.2-9\QT球铁\ZBT</t>
  </si>
  <si>
    <t>【青岛达能环保设备股份有限公司】斗式提升机被动大链轮\GDBJ-ZBT600.1-1\QT球铁\ZBT</t>
  </si>
  <si>
    <t>【青岛达能环保设备股份有限公司】斗式提升机从动轴\GDBJ-ZBT500.2-1\45\ZBT</t>
  </si>
  <si>
    <t>【青岛达能环保设备股份有限公司】斗式提升机张紧轴\GDBJ-ZBT500.2-1\45\ZBT</t>
  </si>
  <si>
    <t>【青岛达能环保设备股份有限公司】斗式提升机张紧装置\GDBJ-ZBT500.2.1\45\ZBT</t>
  </si>
  <si>
    <t>【青岛达能环保设备股份有限公司】斗式提升机重锤\GDBJ-ZBT500.15-4.1\HT灰铁\ZBT</t>
  </si>
  <si>
    <t>【青岛达能环保设备股份有限公司】斗式提升机拖动轴\GDBJ-ZBT500.1-3\45\ZBT</t>
  </si>
  <si>
    <t>【青岛达能环保设备股份有限公司】斗式提升机张紧机构的重锤\GDBJ-ZBT.ZC-880</t>
  </si>
  <si>
    <t>【青岛达能环保设备股份有限公司】斗式提升机驱动小链轮\GDBJ-TQ117-1\QT球铁\ZBT</t>
  </si>
  <si>
    <t>【青岛达能环保设备股份有限公司】斗式提升机拖动机构的导向轮缘\GDBJ-SXHG.ZBT500.16-4\Q235B\ZBT</t>
  </si>
  <si>
    <t>【青岛达能环保设备股份有限公司】斗式提升机拖动机构用导向轮缘\GDBJ-SXHG.ZBT500.16-4\Q235B\ZBT</t>
  </si>
  <si>
    <t>【青岛达能环保设备股份有限公司】斗式提升机拖动链轮\GDBJ-SXHG.ZBT500.16-2\40Cr\ZBT</t>
  </si>
  <si>
    <t>【青岛达能环保设备股份有限公司】斗式提升机被动大链轮用挡板\GDBJ-SXHG.ZBT500.16-1\Q235B\ZBT</t>
  </si>
  <si>
    <t>【青岛达能环保设备股份有限公司】斗式提升机张紧机构的导向轮缘\GDBJ-SXHG.ZBT500.15-5\Q235B\ZBT</t>
  </si>
  <si>
    <t>【青岛达能环保设备股份有限公司】斗式提升机张紧机构用导向轮缘\GDBJ-SXHG.ZBT500.15-5\Q235B\ZBT</t>
  </si>
  <si>
    <t>【青岛达能环保设备股份有限公司】斗式提升机被动带齿链轮\GDBJ-SXHG.ZBT500.15-3a\40Cr\ZBT</t>
  </si>
  <si>
    <t>【青岛达能环保设备股份有限公司】斗式提升机尾部张紧被动大链轮\GDBJ-SXHG.ZBT500.15-3a\40Cr\ZBT</t>
  </si>
  <si>
    <t>【青岛达能环保设备股份有限公司】斗式提升机料斗\GDBJ-SXHG.ZBT500.11\ZBT</t>
  </si>
  <si>
    <t>【青岛达能环保设备股份有限公司】斗式提升机张紧机构的槽框\GDBJ-SJZ2.ZBT500.17-2</t>
  </si>
  <si>
    <t>【青岛达能环保设备股份有限公司】斗式提升机尾部张紧机构\GDBJ-SJZ2.ZBT500.17\Q235B、40Cr、QT球铁、20、45、HT灰铁\ZBT</t>
  </si>
  <si>
    <t>【青岛达能环保设备股份有限公司】斗式提升机尾轮张紧机构\GDBJ-SJZ2.ZBT500.17\Q235B、40Cr、QT球铁、20、45、HT灰铁\ZBT</t>
  </si>
  <si>
    <t>【青岛达能环保设备股份有限公司】斗式提升机头部拖动机构\GDBJ-SJZ.ZBT500.4\Q235B、45、40Cr、QT球铁\ZBT</t>
  </si>
  <si>
    <t>【青岛达能环保设备股份有限公司】斗式提升机拖动机构总成\GDBJ-SJZ.ZBT500.4\Q235B、45、40Cr、QT球铁\ZBT</t>
  </si>
  <si>
    <t>【青岛达能环保设备股份有限公司】斗式提升机张紧机构的压盖\GDBJ-MBS800.5-6</t>
  </si>
  <si>
    <t>【青岛达能环保设备股份有限公司】斗式提升机张紧机构的透盖\GDBJ-MBS800.5-5</t>
  </si>
  <si>
    <t>【青岛达能环保设备股份有限公司】斗式提升机张紧机构的闷盖\GDBJ-MBS800.5-3</t>
  </si>
  <si>
    <t>【青岛达能环保设备股份有限公司】斗式提升机张紧机构的轴承座\GDBJ-MBS800.5-2A</t>
  </si>
  <si>
    <t>【青岛达能环保设备股份有限公司】斗式提升机张紧机构用轴承座\GDBJ-MBS800.5-2A</t>
  </si>
  <si>
    <t>【青岛达能环保设备股份有限公司】斗式提升机张紧机构的轴承座\GDBJ-MBS800.5-2</t>
  </si>
  <si>
    <t>【青岛达能环保设备股份有限公司】斗式提升机张紧机构用轴承座\GDBJ-MBS800.5-2</t>
  </si>
  <si>
    <t>【青岛达能环保设备股份有限公司】斗式提升机拖动机构的闷盖\GDBJ-MBS800.1-9</t>
  </si>
  <si>
    <t>【青岛达能环保设备股份有限公司】斗式提升机拖动机构的压盖\GDBJ-MBS800.1-8</t>
  </si>
  <si>
    <t>【青岛达能环保设备股份有限公司】斗式提升机拖动机构的填料座\GDBJ-MBS800.1-6</t>
  </si>
  <si>
    <t>【青岛达能环保设备股份有限公司】斗式提升机嵌入透盖\GDBJ-MBS800.1-3</t>
  </si>
  <si>
    <t>【青岛达能环保设备股份有限公司】斗式提升机拖动机构的轴承座\GDBJ-MBS800.1.1</t>
  </si>
  <si>
    <t>【青岛达能环保设备股份有限公司】斗式提升机拖动机构用轴承座\GDBJ-MBS800.1.1</t>
  </si>
  <si>
    <t>【青岛达能环保设备股份有限公司】链轮总成\GDBJ-LL30×108-SHHX\GBL</t>
  </si>
  <si>
    <t>【青岛达能环保设备股份有限公司】斗式提升机张紧机构的隔套\GDBJ-GZT650.2-5</t>
  </si>
  <si>
    <t>【青岛达能环保设备股份有限公司】斗式提升机张紧机构的滑板\GDBJ-GZT650.2-1a</t>
  </si>
  <si>
    <t>【青岛达能环保设备股份有限公司】销轴\GDBJ-GDM-5\45\GDM</t>
  </si>
  <si>
    <t>【青岛达能环保设备股份有限公司】销轴\GDBJ-GDM-4\45\GDM</t>
  </si>
  <si>
    <t>【青岛达能环保设备股份有限公司】销轴\GDBJ-GDM-3\45\GDM</t>
  </si>
  <si>
    <t>【青岛达能环保设备股份有限公司】推杆\GDBJ-GDM.TG.0</t>
  </si>
  <si>
    <t>【青岛达能环保设备股份有限公司】前导轮组装\GDBJ-GBL12A.5\GBL</t>
  </si>
  <si>
    <t>【青岛达能环保设备股份有限公司】尾导轮总成\GDBJ-GBL12A.2-9\GBL</t>
  </si>
  <si>
    <t>【青岛达能环保设备股份有限公司】轮毂\GDBJ-GBL12A.2-8\GBL</t>
  </si>
  <si>
    <t>【青岛达能环保设备股份有限公司】销轴\GDBJ-GBL12A.2-8\45\GBL</t>
  </si>
  <si>
    <t>【青岛达能环保设备股份有限公司】托轮\GDBJ-GBL12A.22\GBL</t>
  </si>
  <si>
    <t>【青岛达能环保设备股份有限公司】拖动机构\GDBJ-GBL12A.2\GBL</t>
  </si>
  <si>
    <t>【青岛达能环保设备股份有限公司】内导轮组装\GDBJ-GBL12A.19\GBL</t>
  </si>
  <si>
    <t>【青岛达能环保设备股份有限公司】行轮组装\GDBJ-GBL12A.12</t>
  </si>
  <si>
    <t>【青岛达能环保设备股份有限公司】滚子链轮\GDBJ-DNLL32A2T-57\GBL</t>
  </si>
  <si>
    <t>【青岛达能环保设备股份有限公司】张紧轮组装\GDBJ-DN01B4.3CA\［无］\［无］\GBL</t>
  </si>
  <si>
    <t>【青岛达能环保设备股份有限公司】销轴\GDBJ-DN01B2.3-3\45\GBL</t>
  </si>
  <si>
    <t>【青岛达能环保设备股份有限公司】圆销\GDBJ-DN01B2.3-2\304\GBL</t>
  </si>
  <si>
    <t>【青岛达能环保设备股份有限公司】刮板\GDBJ-DN01B2.3.2\20CrMnTi+65Mn\GBL</t>
  </si>
  <si>
    <t>【青岛达能环保设备股份有限公司】止退机构\GDBJ-DN01B2.3.2\［无］\［无］\GBL</t>
  </si>
  <si>
    <t>【青岛达能环保设备股份有限公司】齿条滑轨\GDBJ-DN01B.8B-5\［无］\［无］\GBL</t>
  </si>
  <si>
    <t>【青岛达能环保设备股份有限公司】导轨块\GDBJ-DN01B.8B-10\［无］\［无］\GBL</t>
  </si>
  <si>
    <t>【青岛达能环保设备股份有限公司】内侧门\GDBJ-BJGDM.5</t>
  </si>
  <si>
    <t>【青岛达能环保设备股份有限公司】外侧门\GDBJ-BJGDM.4</t>
  </si>
  <si>
    <t>【青岛达能环保设备股份有限公司】外侧门\GDBJ-BJGDM.3</t>
  </si>
  <si>
    <t>【青岛达能环保设备股份有限公司】内侧门\GDBJ-BJGDM.2</t>
  </si>
  <si>
    <t>【青岛达能环保设备股份有限公司】端门\GDBJ-BJGDM.1</t>
  </si>
  <si>
    <t>【青岛达能环保设备股份有限公司】扫渣帘\GDBJ-BED.GBL12A.30</t>
  </si>
  <si>
    <t>【青岛达能环保设备股份有限公司】三棱形滤网\GDAS-TSC.5-4\TSC</t>
  </si>
  <si>
    <t>【青岛达能环保设备股份有限公司】三棱形滤网\GDAS-TSC.5-3\TSC</t>
  </si>
  <si>
    <t>【青岛达能环保设备股份有限公司】三棱形滤网\GDAS-TSC.5-2\TSC</t>
  </si>
  <si>
    <t>【青岛达能环保设备股份有限公司】滤芯\GDAS-TSC.350.1\TSC</t>
  </si>
  <si>
    <t>【青岛达能环保设备股份有限公司】销轴\GDAS-GDM-5\45\GDM</t>
  </si>
  <si>
    <t>【青岛达能环保设备股份有限公司】销轴\GDAS-GDM-4\45\GDM</t>
  </si>
  <si>
    <t>【青岛达能环保设备股份有限公司】销轴\GDAS-GDM-3\45\GDM</t>
  </si>
  <si>
    <t>【青岛达能环保设备股份有限公司】推杆\GDAS-GDM.TG.0</t>
  </si>
  <si>
    <t>【青岛达能环保设备股份有限公司】端门\GDAS-GDM.1060.6</t>
  </si>
  <si>
    <t>【青岛达能环保设备股份有限公司】齿板\GDAS-DGS830B.1.2-5A</t>
  </si>
  <si>
    <t>【青岛达能环保设备股份有限公司】辊齿板\GDAS-DGS830B.1.2-3</t>
  </si>
  <si>
    <t>【青岛达能环保设备股份有限公司】单辊碎渣机\GDAS-DGS830-AQH-S</t>
  </si>
  <si>
    <t>【青岛达能环保设备股份有限公司】右端衬板\GDAS-DGS830.1-9\GBL</t>
  </si>
  <si>
    <t>【青岛达能环保设备股份有限公司】左端衬板\GDAS-DGS830.1-8\GBL</t>
  </si>
  <si>
    <t>【青岛达能环保设备股份有限公司】鄂板\GDAS-DGS830.1-7</t>
  </si>
  <si>
    <t>【青岛达能环保设备股份有限公司】端衬板\GDAS-DGS830.1-6\GBL</t>
  </si>
  <si>
    <t>【青岛达能环保设备股份有限公司】后侧衬板\GDAS-DGS830.1-11</t>
  </si>
  <si>
    <t>【青岛达能环保设备股份有限公司】内侧门\GDAS-ASGDM.5</t>
  </si>
  <si>
    <t>【青岛达能环保设备股份有限公司】外侧门\GDAS-ASGDM.4</t>
  </si>
  <si>
    <t>【青岛达能环保设备股份有限公司】外侧门\GDAS-ASGDM.3</t>
  </si>
  <si>
    <t>【青岛达能环保设备股份有限公司】内侧门\GDAS-ASGDM.2</t>
  </si>
  <si>
    <t>【青岛达能环保设备股份有限公司】关断门\GDAS-ASGDM.0</t>
  </si>
  <si>
    <t>【青岛达能环保设备股份有限公司】张紧轮总成\GBLA12.ZJL.O\［无］\［无］\GBL</t>
  </si>
  <si>
    <t>【青岛达能环保设备股份有限公司】内导论总成\GBL3034RW.NDL.0\GBL</t>
  </si>
  <si>
    <t>【青岛达能环保设备股份有限公司】捞渣机内导轮加油杯\GBL3034RW.3Q\GBL</t>
  </si>
  <si>
    <t>【青岛达能环保设备股份有限公司】捞渣机刮板\GBL20E.8\20CrMnTi+65Mn\GBL</t>
  </si>
  <si>
    <t>【青岛达能环保设备股份有限公司】捞渣机刮板\GBL20D.8\20CrMnTi+65Mn\GBL</t>
  </si>
  <si>
    <t>【青岛达能环保设备股份有限公司】捞渣机张紧机构\GBL20A×39 GBL12A.15\［无］\［无］\GBL</t>
  </si>
  <si>
    <t>【青岛达能环保设备股份有限公司】刮板输渣机刮板销轴\GBL-12E*8-3H\45\GBL</t>
  </si>
  <si>
    <t>【青岛达能环保设备股份有限公司】刮板输渣机涨紧止退机构\GBL-12E*35\［无］\［无］\GBL</t>
  </si>
  <si>
    <t>【青岛达能环保设备股份有限公司】捞渣机刮板\GBL12A.8\20CrMnTi+65Mn\GBL</t>
  </si>
  <si>
    <t>【青岛达能环保设备股份有限公司】捞渣机尾导轮\GBL12A.18C\GBL</t>
  </si>
  <si>
    <t>【青岛达能环保设备股份有限公司】捞渣机液压张紧装置用滑座\GBL12A.15C-5A\［无］\［无］\GBL</t>
  </si>
  <si>
    <t>【青岛达能环保设备股份有限公司】捞渣机驱动总成\GBL12A*40\GBL</t>
  </si>
  <si>
    <t>【青岛达能环保设备股份有限公司】捞渣机变速箱\GBL12A\GBL</t>
  </si>
  <si>
    <t>【青岛达能环保设备股份有限公司】捞渣机轴承外置式潜水导轮\GBL12.A\GBL</t>
  </si>
  <si>
    <t>【青岛达能环保设备股份有限公司】捞渣机浸水轮\GBL\GBL</t>
  </si>
  <si>
    <t>【青岛达能环保设备股份有限公司】刮板输渣机下内导轮总成\GBL.3034RMNDL.0\GBL</t>
  </si>
  <si>
    <t>【青岛达能环保设备股份有限公司】捞渣机刮板耐磨条\GBL.20D×52\200*20*10\65Mn\GBL</t>
  </si>
  <si>
    <t>【青岛达能环保设备股份有限公司】尾导轮总成\DNOIB2.4\GBL</t>
  </si>
  <si>
    <t>【青岛达能环保设备股份有限公司】捞渣机涨紧轮组件\DN01B4.3C\［无］\［无］\GBL</t>
  </si>
  <si>
    <t>【青岛达能环保设备股份有限公司】刮板输渣机涨紧轮总成\DN01B4.3C\GBL</t>
  </si>
  <si>
    <t>【青岛达能环保设备股份有限公司】张紧轮总成\DN01B4.3C\［无］\［无］\GBL</t>
  </si>
  <si>
    <t>【青岛达能环保设备股份有限公司】改进型刮板\DN01B2.7A\20CrMnTi+65Mn\GBL</t>
  </si>
  <si>
    <t>【青岛达能环保设备股份有限公司】前导轮总成\DN01B2.5\GBL</t>
  </si>
  <si>
    <t>【青岛达能环保设备股份有限公司】后导轮总成\DN01B2.4B.1\GBL</t>
  </si>
  <si>
    <t>【青岛达能环保设备股份有限公司】刮板输渣机涨紧轮销轴\DN01B2.3-3B\45\GBL</t>
  </si>
  <si>
    <t>【青岛达能环保设备股份有限公司】捞渣机张紧机构滑座\DN01B2.3.2C--1\［无］\［无］\GBL</t>
  </si>
  <si>
    <t>【青岛达能环保设备股份有限公司】张紧滑块\DN01B2.3\［无］\［无］\GBL</t>
  </si>
  <si>
    <t>【青岛达能环保设备股份有限公司】外置式内导轮\DN012.2E.1\GBL</t>
  </si>
  <si>
    <t>【青岛达能环保设备股份有限公司】轴承外置导流式内导轮\DN011.2\GBL</t>
  </si>
  <si>
    <t>【青岛达能环保设备股份有限公司】捞渣机涨紧轮轴\DN.ZJLZ001\［无］\［无］\GBL</t>
  </si>
  <si>
    <t>【青岛达能环保设备股份有限公司】捞渣机涨紧轮\DN.ZJL001\［无］\［无］\GBL</t>
  </si>
  <si>
    <t>【青岛达能环保设备股份有限公司】捞渣机轴承外置式尾部张紧轮总成\DN.WZJLZC\［无］\［无］\GBL</t>
  </si>
  <si>
    <t>【青岛达能环保设备股份有限公司】防脱型关断门端门\DN.SOFX1.G.ZT</t>
  </si>
  <si>
    <t>【青岛达能环保设备股份有限公司】防脱型关断门侧门\DN.SOFX1.G.ZT</t>
  </si>
  <si>
    <t>【青岛达能环保设备股份有限公司】捞渣机扫渣帘\DLD.GB12A*44.9</t>
  </si>
  <si>
    <t>【青岛达能环保设备股份有限公司】捞渣机张紧油缸油管\DIN EN853 1SN\10\WP\180\BAR-SAE100\RIT\3\8″\［无］\［无］\GBL</t>
  </si>
  <si>
    <t>【青岛达能环保设备股份有限公司】鄂板\DGS830-BYW</t>
  </si>
  <si>
    <t>【青岛达能环保设备股份有限公司】轴承组件\DGS830-BYW</t>
  </si>
  <si>
    <t>【青岛达能环保设备股份有限公司】壳体\DGS830-BYW</t>
  </si>
  <si>
    <t>【青岛达能环保设备股份有限公司】辊齿总成\DGS</t>
  </si>
  <si>
    <t>【青岛达能环保设备股份有限公司】捞渣机比例阀\D41 FHE02E1 NB00+5004072 Parker\GBL</t>
  </si>
  <si>
    <t>【青岛达能环保设备股份有限公司】比例换向阀\D31FHE02C1NB00+5004072\GBL</t>
  </si>
  <si>
    <t>【青岛达能环保设备股份有限公司】捞渣机液压缸密封件\CDLIMP5/80/45/500D1X/B1CFUMWW\GBL</t>
  </si>
  <si>
    <t>【青岛达能环保设备股份有限公司】捞渣机尾部张紧装置液压缸\CDL1MP5\80\45\500DX\B1CFUMWW\［无］\［无］\GBL</t>
  </si>
  <si>
    <t>【青岛达能环保设备股份有限公司】齿轮泵\CBT-F310\GBL</t>
  </si>
  <si>
    <t>【青岛达能环保设备股份有限公司】捞渣机导轮座\CBL3034rw.1-4\GBL</t>
  </si>
  <si>
    <t>【青岛达能环保设备股份有限公司】捞渣机油泵\CB-FA10C-FC\GBL</t>
  </si>
  <si>
    <t>【青岛达能环保设备股份有限公司】内侧门\CAYY-YYGDM.5</t>
  </si>
  <si>
    <t>【青岛达能环保设备股份有限公司】内侧门\CAYY-YYGDM.4</t>
  </si>
  <si>
    <t>【青岛达能环保设备股份有限公司】外侧门\CAYY-YYGDM.3</t>
  </si>
  <si>
    <t>【青岛达能环保设备股份有限公司】外侧门\CAYY-YYGDM.2</t>
  </si>
  <si>
    <t>【青岛达能环保设备股份有限公司】孔条\CAYY-TY12.×n.1-7</t>
  </si>
  <si>
    <t>【青岛达能环保设备股份有限公司】三棱形滤网\CAYY-TSC.5B-2\TSC</t>
  </si>
  <si>
    <t>【青岛达能环保设备股份有限公司】链轮总成\CAYY-LL34*126.1\GBL</t>
  </si>
  <si>
    <t>【青岛达能环保设备股份有限公司】捞渣机扫渣帘\CAYY-HNYY.GBL20D.30</t>
  </si>
  <si>
    <t>【青岛达能环保设备股份有限公司】拖动机构\CAYY-HHB3.GBL20D.2\GBL</t>
  </si>
  <si>
    <t>【青岛达能环保设备股份有限公司】齿条滑轨\CAYY-HBLS.GBL12A.1.2Z-2\［无］\［无］\GBL</t>
  </si>
  <si>
    <t>【青岛达能环保设备股份有限公司】销轴\CAYY-GDM-5\45\GDM</t>
  </si>
  <si>
    <t>【青岛达能环保设备股份有限公司】销轴\CAYY-GDM-4\45\GDM</t>
  </si>
  <si>
    <t>【青岛达能环保设备股份有限公司】销轴\CAYY-GDM-3\45\GDM</t>
  </si>
  <si>
    <t>【青岛达能环保设备股份有限公司】推杆\CAYY-GDM.TG.0</t>
  </si>
  <si>
    <t>【青岛达能环保设备股份有限公司】端门\CAYY-GDM.1060.6</t>
  </si>
  <si>
    <t>【青岛达能环保设备股份有限公司】刮板\CAYY-DN01D4.7A\20CrMnTi+65Mn\GBL</t>
  </si>
  <si>
    <t>【青岛达能环保设备股份有限公司】前导轮总成\CAYY-DN01D4.5\GBL</t>
  </si>
  <si>
    <t>【青岛达能环保设备股份有限公司】尾导轮总成\CAYY-DN01D4.4\GBL</t>
  </si>
  <si>
    <t>【青岛达能环保设备股份有限公司】张紧轮总成\CAYY-DN01D4.3C\［无］\［无］\GBL</t>
  </si>
  <si>
    <t>【青岛达能环保设备股份有限公司】止退机构\CAYY-DN01B2.3.2C\［无］\［无］\GBL</t>
  </si>
  <si>
    <t>【青岛达能环保设备股份有限公司】内导轮总成\CAYY-DN012.2G.1\GBL</t>
  </si>
  <si>
    <t>【青岛达能环保设备股份有限公司】捞渣机动力头\GBL</t>
  </si>
  <si>
    <t>【青岛达能环保设备股份有限公司】捞渣机扫渣帘\AQD3.GBL20D×75.11.1</t>
  </si>
  <si>
    <t>【青岛达能环保设备股份有限公司】孔条\AHBB-TY1.2×N.1-7</t>
  </si>
  <si>
    <t>【青岛达能环保设备股份有限公司】张紧轮\AHBB-DN01B4.3.1\［无］\［无］\GBL</t>
  </si>
  <si>
    <t>【青岛达能环保设备股份有限公司】链轮轴套组件\AHBB-DN014.6A-2\GBL</t>
  </si>
  <si>
    <t>【青岛达能环保设备股份有限公司】单辊碎渣机\AHBB-DGS830-BQM-S</t>
  </si>
  <si>
    <t>【青岛达能环保设备股份有限公司】辊齿板\AHBB-DGS830B.1.2-3</t>
  </si>
  <si>
    <t>【青岛达能环保设备股份有限公司】右端衬板\AHBB-DGS830.1-9\GBL</t>
  </si>
  <si>
    <t>【青岛达能环保设备股份有限公司】左端衬板\AHBB-DGS830.1-8\GBL</t>
  </si>
  <si>
    <t>【青岛达能环保设备股份有限公司】鄂板\AHBB-DGS830.1-7</t>
  </si>
  <si>
    <t>【青岛达能环保设备股份有限公司】端衬板\AHBB-DGS830.1-6\GBL</t>
  </si>
  <si>
    <t>【青岛达能环保设备股份有限公司】后侧衬板\AHBB-DGS830.1-11</t>
  </si>
  <si>
    <t>【青岛达能环保设备股份有限公司】活动底板\AHBB-AHBB.GBL20D×50.22</t>
  </si>
  <si>
    <t>【青岛达能环保设备股份有限公司】澄清斜板\AHBB-AHBB.GBL20D×50.21</t>
  </si>
  <si>
    <t>【青岛达能环保设备股份有限公司】扫渣帘\AHBB-AHBB.GBL20D×50.11</t>
  </si>
  <si>
    <t>【青岛达能环保设备股份有限公司】捞渣机液压泵\A4VG40EP2DM1\GBL</t>
  </si>
  <si>
    <t>【青岛达能环保设备股份有限公司】捞渣机溢流水泵靠背轮\80YZ-80-20\GBL</t>
  </si>
  <si>
    <t>【青岛达能环保设备股份有限公司】关断门机械锁油缸\80*260</t>
  </si>
  <si>
    <t>【青岛达能环保设备股份有限公司】电磁换向阀\34BO-H6B-T\GBL</t>
  </si>
  <si>
    <t>【青岛达能环保设备股份有限公司】刮板输渣机滚子链条\32A-3\［无］\GBL</t>
  </si>
  <si>
    <t>【青岛达能环保设备股份有限公司】捞渣机滤网\311433\GBL</t>
  </si>
  <si>
    <t>【青岛达能环保设备股份有限公司】捞渣机滤网\300065\GBL</t>
  </si>
  <si>
    <t>【青岛达能环保设备股份有限公司】轴承\23236CC/W33\GBL</t>
  </si>
  <si>
    <t>【青岛达能环保设备股份有限公司】轴承\23222CC/W33\GBL</t>
  </si>
  <si>
    <t>【青岛达能环保设备股份有限公司】轴承\22220CC/W33\GBL</t>
  </si>
  <si>
    <t>【青岛达能环保设备股份有限公司】刮板\200MM*2000MM\20CrMnTi+65Mn\GBL</t>
  </si>
  <si>
    <t>【青岛达能环保设备股份有限公司】关断门高压软管\13II</t>
  </si>
  <si>
    <t>【青岛达能环保设备股份有限公司】电磁阀\01-3C2\GBL</t>
  </si>
  <si>
    <t>【青岛达能环保设备股份有限公司】捞渣机接链环\GBL</t>
  </si>
  <si>
    <t>【青岛达能环保设备股份有限公司】捞渣机九凹齿链轮专用螺栓\M30㎜*160㎜\GBL</t>
  </si>
  <si>
    <t>【青岛达能环保设备股份有限公司】捞渣机9凹齿链轮的凹齿\34*126-9\GBL</t>
  </si>
  <si>
    <t>【青岛达能环保设备股份有限公司】刮板输渣机驱动轮轴套组件\GBL</t>
  </si>
  <si>
    <t>【青岛达能环保设备股份有限公司】捞渣机牙轮\￠30×108\GBL</t>
  </si>
  <si>
    <t>【青岛达能环保设备股份有限公司】方橡皮条\12*12*1888\GBL</t>
  </si>
  <si>
    <t>【青岛达能环保设备股份有限公司】接链环\φ30×108(RUD)\［无］\GBL</t>
  </si>
  <si>
    <t>【青岛达能环保设备股份有限公司】捞渣机刮板销\φ30\304\GBL</t>
  </si>
  <si>
    <t>【青岛达能环保设备股份有限公司】捞渣机下槽体耐磨铸石板</t>
  </si>
  <si>
    <t>【青岛达能环保设备股份有限公司】捞渣机靠背轮螺栓</t>
  </si>
  <si>
    <t>【青岛达能环保设备股份有限公司】捞渣机减速机输出轴端油封\GBL</t>
  </si>
  <si>
    <t>【青岛达能环保设备股份有限公司】捞渣机三排链大齿轮专用螺栓、螺母\GBL</t>
  </si>
  <si>
    <t>【青岛达能环保设备股份有限公司】捞渣机传动链轮\GBL/12BXN-8972\GBL/12B</t>
  </si>
  <si>
    <t>【青岛达能环保设备股份有限公司】拖动链轮\SDLN.GBL/H12B.2\20CRmNTI\GBL/12B</t>
  </si>
  <si>
    <t>【青岛达能环保设备股份有限公司】驱动机构\GZJC.GBL/H12B×23-3\GBL/H12B</t>
  </si>
  <si>
    <t>【青岛达能环保设备股份有限公司】主动链轮\SHNM.DN021.6-1\GBL/H12B</t>
  </si>
  <si>
    <t>【青岛达能环保设备股份有限公司】滚子链轮\DNLL32A2T-57\GBL/H12B</t>
  </si>
  <si>
    <t>【青岛达能环保设备股份有限公司】拖动机构总成\DN02A1.1A2T\GBL/H12B</t>
  </si>
  <si>
    <t>【青岛达能环保设备股份有限公司】偏心套\GBL12B-T11\GBL12B</t>
  </si>
  <si>
    <t>【青岛达能环保设备股份有限公司】拖动链轮\SHNM.DN021.6-3\GBL12B</t>
  </si>
  <si>
    <t>【青岛达能环保设备股份有限公司】驱动端链轮\SHNM.DN021.6-2\GBL12B</t>
  </si>
  <si>
    <t>【青岛达能环保设备股份有限公司】链轮总成\DN022.6\QBL12A×23</t>
  </si>
  <si>
    <t>【青岛达能环保设备股份有限公司】链轮\TQ117-1\NM25.QBL12A×23</t>
  </si>
  <si>
    <t>【青岛达能环保设备股份有限公司】从动轴\HSJ-60-3RHSJ60.3.1R\SJ100Z</t>
  </si>
  <si>
    <t>【青岛达能环保设备股份有限公司】大轴主动轴\HSJ-60-3LHSJ60.3\SJ100Z</t>
  </si>
  <si>
    <t>【青岛达能环保设备股份有限公司】单向阀\CRG-03A1\DN27.YZ\YMP-165</t>
  </si>
  <si>
    <t>【青岛达能环保设备股份有限公司】拖动机构\NMMZY.MGB.1\NMMZY1Q.MGB.GZ</t>
  </si>
  <si>
    <t>【青岛达能环保设备股份有限公司】链齿\NMMZY.MGB.1-1\NMMZY1Q.MGB.GZ</t>
  </si>
  <si>
    <t>【青岛达能环保设备股份有限公司】托轮\NMMZY.MGB.TL\NMMZY1Q.MGB.GZ</t>
  </si>
  <si>
    <t>【青岛达能环保设备股份有限公司】卡圈\YTSB.MGB440×4.3-4\NMMZY1Q.MGB.GZ</t>
  </si>
  <si>
    <t>【青岛达能环保设备股份有限公司】三排套筒滚子链轮\ZG.TY1.2Xn.2-2\GBL/12BXn</t>
  </si>
  <si>
    <t>【青岛达能环保设备股份有限公司】滚子链\32A-3\GBL/12BXn</t>
  </si>
  <si>
    <t>【青岛达能环保设备股份有限公司】链接头\32A-3\GBL/12BXn</t>
  </si>
  <si>
    <t>【青岛达能环保设备股份有限公司】Y型过滤器\Y-DN32-PN1.0\GLD18</t>
  </si>
  <si>
    <t>【青岛达能环保设备股份有限公司】布袋除尘器滤袋\BD-120×2000-DL\GWS16</t>
  </si>
  <si>
    <t>【青岛达能环保设备股份有限公司】齿辊轴\GDGS590.1.3\GDGS590</t>
  </si>
  <si>
    <t>【青岛达能环保设备股份有限公司】齿辊轴\ALE.GDGS586.1.1.1\GDGS586</t>
  </si>
  <si>
    <t>【青岛达能环保设备股份有限公司】齿辊轴\SHHM.GDGS588.1.2.1\GDGS588</t>
  </si>
  <si>
    <t>【青岛达能环保设备股份有限公司】齿辊组装\ALE.GDGS586.1.1\GDGS586</t>
  </si>
  <si>
    <t>【青岛达能环保设备股份有限公司】齿辊组装\SHHM.GDGS588.1.2\GDGS588</t>
  </si>
  <si>
    <t>【青岛达能环保设备股份有限公司】防松板\GDGS590.1A-4\GDGS590</t>
  </si>
  <si>
    <t>【青岛达能环保设备股份有限公司】刮板连接组件\GWS14.5\GWS14</t>
  </si>
  <si>
    <t>【青岛达能环保设备股份有限公司】辊齿板\DGS830B.1.2-3GG\DGS830</t>
  </si>
  <si>
    <t>【青岛达能环保设备股份有限公司】辊齿板\GDGS587.1.2-2\GDGS587</t>
  </si>
  <si>
    <t>【青岛达能环保设备股份有限公司】鳞斗\GLD18.1A.1\GLD18</t>
  </si>
  <si>
    <t>【青岛达能环保设备股份有限公司】鳞斗\GLD18.1A.1-A\GLD18</t>
  </si>
  <si>
    <t>【青岛达能环保设备股份有限公司】螺旋轴总成\XJHF.SJ100B.1\SJ100</t>
  </si>
  <si>
    <t>【青岛达能环保设备股份有限公司】螺旋轴总成\XJHM.SJ100B.0.1\SJ100</t>
  </si>
  <si>
    <t>【青岛达能环保设备股份有限公司】螺旋轴总成\SJ100Z.1\SJ100</t>
  </si>
  <si>
    <t>【青岛达能环保设备股份有限公司】清扫鳞斗\GLD18.1A.2\GLD18</t>
  </si>
  <si>
    <t>【青岛达能环保设备股份有限公司】清扫鳞斗\GLD18.1A.2-A\GLD18</t>
  </si>
  <si>
    <t>【青岛达能环保设备股份有限公司】清渣鄂板\GDGS580.1-1\GDGS580</t>
  </si>
  <si>
    <t>【青岛达能环保设备股份有限公司】输送带组装\GLD18.1A\GLD18</t>
  </si>
  <si>
    <t>【青岛达能环保设备股份有限公司】输送链组装\GLD18.1A\GLD18</t>
  </si>
  <si>
    <t>【青岛达能环保设备股份有限公司】输送网带\WD-304\GWS14</t>
  </si>
  <si>
    <t>【青岛达能环保设备股份有限公司】套筒模锻链\GLD18.1.3B\GLD18</t>
  </si>
  <si>
    <t>【青岛达能环保设备股份有限公司】托板\GWS14.6.1\GWS14</t>
  </si>
  <si>
    <t>【青岛达能环保设备股份有限公司】托档板\GWS14.6.1A\GWS14</t>
  </si>
  <si>
    <t>【青岛达能环保设备股份有限公司】右端衬板\GDGS584.1-9\GDGS584</t>
  </si>
  <si>
    <t>【青岛达能环保设备股份有限公司】不锈钢输送带\GWS12.6K\GWS12</t>
  </si>
  <si>
    <t>【青岛达能环保设备股份有限公司】输送链固定板\MGP5-SR001\NMA1.GWS12×30</t>
  </si>
  <si>
    <t>【青岛达能环保设备股份有限公司】鱼鳞板\NM.GWS8.5.1\GWS8</t>
  </si>
  <si>
    <t>【青岛达能环保设备股份有限公司】清扫链接连环\JX.GWS14.5-2\GWS14</t>
  </si>
  <si>
    <t>【青岛达能环保设备股份有限公司】输送链托辊轴\MGP-5-04\NMA1.GWS12×30</t>
  </si>
  <si>
    <t>【青岛达能环保设备股份有限公司】刮板连接组件\GWS12.5\GWS12</t>
  </si>
  <si>
    <t>【青岛达能环保设备股份有限公司】刮板联接块\GWS12.5-1\GWS12</t>
  </si>
  <si>
    <t>【青岛达能环保设备股份有限公司】输送网带\WD-316L-1200\NMA1.GWS12×30</t>
  </si>
  <si>
    <t>【青岛达能环保设备股份有限公司】托板\GWS12.6C.1\GWS12</t>
  </si>
  <si>
    <t>【青岛达能环保设备股份有限公司】刮板\GWS12.5.1\GWS12</t>
  </si>
  <si>
    <t>【青岛达能环保设备股份有限公司】环\KH18064/280\NMA1.GWS12×30</t>
  </si>
  <si>
    <t>【青岛达能环保设备股份有限公司】高强度圆环链\GWS12.5-6\GWS12</t>
  </si>
  <si>
    <t>【青岛达能环保设备股份有限公司】链刮板\SHNM.GWS10.5.1\GWS10</t>
  </si>
  <si>
    <t>【青岛达能环保设备股份有限公司】料斗\FK.ZBT400-6\ZBT400×21</t>
  </si>
  <si>
    <t>【青岛达能环保设备股份有限公司】齿辊轴\ZJWZ4.L.1.1\GDGS586.1-GZ</t>
  </si>
  <si>
    <t>【青岛达能环保设备股份有限公司】鄂板\DGS584.1.6\DGS584</t>
  </si>
  <si>
    <t>【青岛达能环保设备股份有限公司】清渣板\GDGS587.1-1\GDGS587</t>
  </si>
  <si>
    <t>【青岛达能环保设备股份有限公司】右端衬板\GDGS586.1B-3\GDGS586</t>
  </si>
  <si>
    <t>【青岛达能环保设备股份有限公司】左端衬板\GDGS586.1B-2\GDGS586</t>
  </si>
  <si>
    <t>【青岛达能环保设备股份有限公司】端衬板\GDGS586.1B-1\GDGS586</t>
  </si>
  <si>
    <t>【青岛达能环保设备股份有限公司】压板\GDGS586.1D.1-2\GDGS586</t>
  </si>
  <si>
    <t>【青岛达能环保设备股份有限公司】鄂板\GDGS590.1A-6\GDGS590</t>
  </si>
  <si>
    <t>【青岛达能环保设备股份有限公司】牙板\GDGS590.1-5\GDGS590</t>
  </si>
  <si>
    <t>【青岛达能环保设备股份有限公司】压盘\GDGS590.1.1-3\GDGS590</t>
  </si>
  <si>
    <t>【青岛达能环保设备股份有限公司】叶片\SJ100.B.3-4B\SJ100</t>
  </si>
  <si>
    <t>【青岛达能环保设备股份有限公司】液压油缸\HSGL01-80/55E-4511-400\［无］\［无］\GBL/12B</t>
  </si>
  <si>
    <t>【青岛达能环保设备股份有限公司】密封组件\MF-HSG01-80/55E-4511-YQ\［无］\［无］\GBL/H12B</t>
  </si>
  <si>
    <t>【青岛达能环保设备股份有限公司】尾轮张紧机构\NMMZY.MGB.3\［无］\［无］\NMMZY1Q.MGB.GZ</t>
  </si>
  <si>
    <t>【青岛达能环保设备股份有限公司】尾张紧轮架左\T1108004600806\19\［无］\［无］\GBL/12BXn</t>
  </si>
  <si>
    <t>【青岛达能环保设备股份有限公司】尾张紧轮架右\T1108004700806\20\［无］\［无］\GBL/12BXn</t>
  </si>
  <si>
    <t>【青岛达能环保设备股份有限公司】滑座\T0108008900806\2\QT700-2\［无］\［无］\GBL/12BXn</t>
  </si>
  <si>
    <t>【青岛达能环保设备股份有限公司】透盖\T0101100400805\3\HT200\［无］\［无］\GBL/12BXn</t>
  </si>
  <si>
    <t>【青岛达能环保设备股份有限公司】套\T0101184000805\4\Q235A\［无］\［无］\GBL/12BXn</t>
  </si>
  <si>
    <t>【青岛达能环保设备股份有限公司】隔套\T0101105900805\5\Q235A\［无］\［无］\GBL/12BXn</t>
  </si>
  <si>
    <t>【青岛达能环保设备股份有限公司】链轮\T0101106000805\6\QT700-2\［无］\［无］\GBL/12BXn</t>
  </si>
  <si>
    <t>【青岛达能环保设备股份有限公司】轮毂\T0101106300805\7\QT500-7\［无］\［无］\GBL/12BXn</t>
  </si>
  <si>
    <t>【青岛达能环保设备股份有限公司】透盖\T0101100900805\8\HT200\［无］\［无］\GBL/12BXn</t>
  </si>
  <si>
    <t>【青岛达能环保设备股份有限公司】油缸座\T1108009400806\10\［无］\［无］\GBL/12BXn</t>
  </si>
  <si>
    <t>【青岛达能环保设备股份有限公司】销轴\T0101102700805\11\45#\［无］\［无］\GBL/12BXn</t>
  </si>
  <si>
    <t>【青岛达能环保设备股份有限公司】销轴\T0101102800805\12\45#\［无］\［无］\GBL/12BXn</t>
  </si>
  <si>
    <t>【青岛达能环保设备股份有限公司】鸭嘴\T1108005300806\［无］\［无］\GBL/12BXn</t>
  </si>
  <si>
    <t>【青岛达能环保设备股份有限公司】油缸\W0600300100052\［无］\［无］\GBL/12BXn</t>
  </si>
  <si>
    <t>【青岛达能环保设备股份有限公司】气缸\JB400×1150-f\［无］\［无］\GBL/12BXn</t>
  </si>
  <si>
    <t>【青岛达能环保设备股份有限公司】排渣门\B0129008003000\650\［无］\［无］\GBL/12BXn</t>
  </si>
  <si>
    <t>【青岛达能环保设备股份有限公司】气缸\W0600300200006\J200×460-MT437\［无］\［无］\GBL/12BXn</t>
  </si>
  <si>
    <t>【青岛达能环保设备股份有限公司】矩形刮板\SSCC160.GBF.0\铰叉20CrMnTi锻制+耐磨板65Mn热处理\GBL20</t>
  </si>
  <si>
    <t>【青岛达能环保设备股份有限公司】U型卡销\GBLMDLB.SYGB.3\1Cr13\GBL20</t>
  </si>
  <si>
    <t>【青岛达能环保设备股份有限公司】捞渣机模锻链\SSCC160.0\20CrMnTi锻制\GBL20</t>
  </si>
  <si>
    <t>【青岛达能环保设备股份有限公司】刮板\SSCC120\1042\铰叉20CrMnTi锻制+耐磨板65Mn热处理\GBL20</t>
  </si>
  <si>
    <t>【青岛达能环保设备股份有限公司】开口销\Φ8\1Cr13\GBL20</t>
  </si>
  <si>
    <t>【青岛达能环保设备股份有限公司】刮板输送链\SSCC120.0\20CrMnTi锻制\GBL20</t>
  </si>
  <si>
    <t>【青岛达能环保设备股份有限公司】驱动链条\32A-2\40Mn\GBL20</t>
  </si>
  <si>
    <t>【青岛达能环保设备股份有限公司】刮板总成\SHNM.DN02A1.7\铰叉20CrMnTi锻制+耐磨板65Mn热处理\GBL/12B</t>
  </si>
  <si>
    <t>【青岛达能环保设备股份有限公司】圆环链条\φ26×92mm\23CrMnTi\CrMnTi合金\HGBL-1400</t>
  </si>
  <si>
    <t>【青岛达能环保设备股份有限公司】耐磨刮板\GBL12B.8AX-128\铰叉20CrMnTi锻制+耐磨板65Mn热处理\GBL/H12B</t>
  </si>
  <si>
    <t>【青岛达能环保设备股份有限公司】三角形刮板销卡子\QTLD.GBL12B.8B-1\304\GBL/H12B</t>
  </si>
  <si>
    <t>【青岛达能环保设备股份有限公司】三角型刮板\DN01B1.7GA.2\铰叉20CrMnTi锻制+耐磨板65Mn热处理\GBL/H12B</t>
  </si>
  <si>
    <t>【青岛达能环保设备股份有限公司】圆环链\φ26×92mm\604\CrNiMo合金\GBL/H12B×15</t>
  </si>
  <si>
    <t>【青岛达能环保设备股份有限公司】圆环链\φ26×92mm\464\CrNiMo合金\GBL/H12B×26</t>
  </si>
  <si>
    <t>【青岛达能环保设备股份有限公司】圆环链\φ26×92mm\304\CrNiMo合金\GBL/12B×26</t>
  </si>
  <si>
    <t>【青岛达能环保设备股份有限公司】圆销\DN01B2.7-2\304\QBL12A×23</t>
  </si>
  <si>
    <t>【青岛达能环保设备股份有限公司】圆环链\30×108-NM-HEKO\CrNiMo合金\QBL12A×23</t>
  </si>
  <si>
    <t>【青岛达能环保设备股份有限公司】接链环\30×108-NM-JLH-HEKO\CrNiMo合金\QBL12A×23</t>
  </si>
  <si>
    <t>【青岛达能环保设备股份有限公司】刮板\DN01B2.7DA\铰叉20CrMnTi锻制+耐磨板65Mn热处理\QBL12A×23</t>
  </si>
  <si>
    <t>【青岛达能环保设备股份有限公司】销轴\GBL12A.8B-3B\45锻制\NM25.QBL12A×23</t>
  </si>
  <si>
    <t>【青岛达能环保设备股份有限公司】接链环\φ26×92\CrNiMo合金\GBL12B×28.0</t>
  </si>
  <si>
    <t>【青岛达能环保设备股份有限公司】滚子链\32A-2\40Mn\GBL/12BXn</t>
  </si>
  <si>
    <t>【青岛达能环保设备股份有限公司】接头组件\MBP-04H\接头\YPM165</t>
  </si>
  <si>
    <t>【青岛达能环保设备股份有限公司】链条\NM-CICSA-19\φ26×92\CrNiMo合金\GBL/H12B</t>
  </si>
  <si>
    <t>【青岛达能环保设备股份有限公司】高耐磨圆环链\φ30x108\RUD\CrNiMo合金\GBL12A×22.0</t>
  </si>
  <si>
    <t>【青岛达能环保设备股份有限公司】链节\NMMZY.MGB.LJ\20CrMnTi锻制\NMMZY1Q.MGB.GZ</t>
  </si>
  <si>
    <t>【青岛达能环保设备股份有限公司】刮板\NMMZY.MGB.GB\耐磨条NM400+本体Q235B\NMMZY1Q.MGB.GZ</t>
  </si>
  <si>
    <t>【青岛达能环保设备股份有限公司】销轴\NMMZY.MGB.GBZJ-1\20CrMnTi\NMMZY1Q.MGB.GZ</t>
  </si>
  <si>
    <t>【青岛达能环保设备股份有限公司】销轴\NMMZY.MGB.GBZJ-2\20CrMnTi\NMMZY1Q.MGB.GZ</t>
  </si>
  <si>
    <t>【青岛达能环保设备股份有限公司】圆环链\W0801100100002\φ26×9248mm\CrNiMo合金\GBL/12BXn</t>
  </si>
  <si>
    <t>【青岛达能环保设备股份有限公司】接链环\GBL12BXnC0102000010006\CrNiMo合金\GBL/12BXn</t>
  </si>
  <si>
    <t>【青岛达能环保设备股份有限公司】刮板\T1101302700805\50\铰叉20CrMnTi锻制+耐磨板65Mn热处理\GBL/12BXn</t>
  </si>
  <si>
    <t>【青岛达能环保设备股份有限公司】销轴\T0101303500805\51\45锻制\GBL/12BXn</t>
  </si>
  <si>
    <t>【青岛达能环保设备股份有限公司】圆销\GBL/12BXnC0102000010006\304\GBL/12BXn</t>
  </si>
  <si>
    <t>【青岛达能环保设备股份有限公司】打压器组件\GH.GBL-LYB.0\GBL/12B</t>
  </si>
  <si>
    <t>【青岛达能环保设备股份有限公司】溢流阀\DBDH6P1X/100\GBL/H12B</t>
  </si>
  <si>
    <t>【青岛达能环保设备股份有限公司】手动泵\PM4500SVM\GBL/H12B</t>
  </si>
  <si>
    <t>【青岛达能环保设备股份有限公司】蓄能器\W0600600210002\NXQ1-L25/10-Y\GBL/12BXn</t>
  </si>
  <si>
    <t>【青岛达能环保设备股份有限公司】充气工具\W0600700200004\CQJ-16\GBL/12BXn</t>
  </si>
  <si>
    <t>【青岛达能环保设备股份有限公司】蓄能器接头\W0600600240008\M60×2/M18×1.5\GBL/12BXn</t>
  </si>
  <si>
    <t>【青岛达能环保设备股份有限公司】短臂导向轮\GWS16.11\GWS16</t>
  </si>
  <si>
    <t>【青岛达能环保设备股份有限公司】弧段压轮\GLD18.14\GLD18</t>
  </si>
  <si>
    <t>【青岛达能环保设备股份有限公司】上托辊\GLD18.3\GLD18</t>
  </si>
  <si>
    <t>【青岛达能环保设备股份有限公司】上托辊\GLD18.3B\GLD18</t>
  </si>
  <si>
    <t>【青岛达能环保设备股份有限公司】下托辊\GLD18.4C\GLD18</t>
  </si>
  <si>
    <t>【青岛达能环保设备股份有限公司】长臂导向轮\GWS16.10\GWS16</t>
  </si>
  <si>
    <t>【青岛达能环保设备股份有限公司】防跑偏轮\MGP-5-05\GWS16</t>
  </si>
  <si>
    <t>【青岛达能环保设备股份有限公司】回程托轮\GWS14.8A\GWS14</t>
  </si>
  <si>
    <t>【青岛达能环保设备股份有限公司】清扫托轮\GWS14.9A\GWS14</t>
  </si>
  <si>
    <t>【青岛达能环保设备股份有限公司】输送上托辊\GWS12.7\GWS12</t>
  </si>
  <si>
    <t>【青岛达能环保设备股份有限公司】输送上托辊\GWS12.7A\GWS12</t>
  </si>
  <si>
    <t>【青岛达能环保设备股份有限公司】回程托轮\GWS14.8\GWS14</t>
  </si>
  <si>
    <t>【青岛达能环保设备股份有限公司】短臂导向轮\GWS14.11B\GWS14</t>
  </si>
  <si>
    <t>【青岛达能环保设备股份有限公司】方橡皮条\GBL/H12B</t>
  </si>
  <si>
    <t>【青岛达能环保设备股份有限公司】右端衬板\DGS-830</t>
  </si>
  <si>
    <t>【青岛达能环保设备股份有限公司】左端衬板\DGS-830</t>
  </si>
  <si>
    <t>【青岛达能环保设备股份有限公司】端衬板\DGS-830</t>
  </si>
  <si>
    <t>【青岛达能环保设备股份有限公司】插板\NMA1.GDGS586</t>
  </si>
  <si>
    <t>【青岛达能环保设备股份有限公司】躯段盖\GBL/H12B</t>
  </si>
  <si>
    <t>【青岛达能环保设备股份有限公司】躯段垫\GBL/H12B</t>
  </si>
  <si>
    <t>【青岛达能环保设备股份有限公司】长盖\GBL/H12B</t>
  </si>
  <si>
    <t>【青岛达能环保设备股份有限公司】长垫\GBL/H12B</t>
  </si>
  <si>
    <t>【青岛达能环保设备股份有限公司】梁甲\GBL/H12B</t>
  </si>
  <si>
    <t>【青岛达能环保设备股份有限公司】梁乙\GBL/H12B</t>
  </si>
  <si>
    <t>【青岛达能环保设备股份有限公司】梁丙\GBL/H12B</t>
  </si>
  <si>
    <t>【青岛达能环保设备股份有限公司】不锈钢丝\GBL/12BXn</t>
  </si>
  <si>
    <t>【青岛达能环保设备股份有限公司】低合金中厚钢板\GBL/12BXn</t>
  </si>
  <si>
    <t>【青岛达能环保设备股份有限公司】前导轮总成\SSCC160.QDLZC.0\GBL20</t>
  </si>
  <si>
    <t>【青岛达能环保设备股份有限公司】前导轮\SSCC160.QDL\GBL20</t>
  </si>
  <si>
    <t>【青岛达能环保设备股份有限公司】尾导轮总成\SSCC160.WDLZC.0\GBL20</t>
  </si>
  <si>
    <t>【青岛达能环保设备股份有限公司】拖动总成\GBL-TDZC.0\GBL12</t>
  </si>
  <si>
    <t>【青岛达能环保设备股份有限公司】链轮总成\GBL-LLZC.0\GBL12</t>
  </si>
  <si>
    <t>【青岛达能环保设备股份有限公司】张紧轮总成\GBL-WZJ\GBL12</t>
  </si>
  <si>
    <t>【青岛达能环保设备股份有限公司】尾张紧轮\SSCC160.WZJL\GBL20</t>
  </si>
  <si>
    <t>【青岛达能环保设备股份有限公司】内导轮总成\SSCC160.NDLB.0\GBL20</t>
  </si>
  <si>
    <t>【青岛达能环保设备股份有限公司】内导轮\SSCC160.NDLB.1-1\GBL20</t>
  </si>
  <si>
    <t>【青岛达能环保设备股份有限公司】尾导轮\SSCC160.WDL\GBL20</t>
  </si>
  <si>
    <t>【青岛达能环保设备股份有限公司】链轮总成\GDHZ.LLZC.0\GBL20</t>
  </si>
  <si>
    <t>【青岛达能环保设备股份有限公司】尾链轮总成\GBL-WLLZC.A\GBL12</t>
  </si>
  <si>
    <t>【青岛达能环保设备股份有限公司】内导轮\Φ348\SSCC120\GBL20</t>
  </si>
  <si>
    <t>【青岛达能环保设备股份有限公司】尾导轮\WDL416-L135\GBL20</t>
  </si>
  <si>
    <t>【青岛达能环保设备股份有限公司】前导轮\QDL300-L98\GBL20</t>
  </si>
  <si>
    <t>【青岛达能环保设备股份有限公司】链轮总成\SSCL120\GBL20</t>
  </si>
  <si>
    <t>【青岛达能环保设备股份有限公司】链轮\Z7\GBL20</t>
  </si>
  <si>
    <t>【青岛达能环保设备股份有限公司】联轴器\ZL7-100×175\GBL20</t>
  </si>
  <si>
    <t>【青岛达能环保设备股份有限公司】螺杆\M30/M36\GBL20</t>
  </si>
  <si>
    <t>【青岛达能环保设备股份有限公司】螺母\M30/M36\GBL20</t>
  </si>
  <si>
    <t>【青岛达能环保设备股份有限公司】驱动链轮\TL32A2-19\GBL20</t>
  </si>
  <si>
    <t>【青岛达能环保设备股份有限公司】油封\FB60×80\GBL20</t>
  </si>
  <si>
    <t>【青岛达能环保设备股份有限公司】油封\FB170×200\GBL20</t>
  </si>
  <si>
    <t>【青岛达能环保设备股份有限公司】油封\FB140×170\GBL20</t>
  </si>
  <si>
    <t>【青岛达能环保设备股份有限公司】油封\FB120×150-A\GBL20</t>
  </si>
  <si>
    <t>【青岛达能环保设备股份有限公司】油封\FB120×150\GBL20</t>
  </si>
  <si>
    <t>【青岛达能环保设备股份有限公司】油封\FB110×140\GBL20</t>
  </si>
  <si>
    <t>【青岛达能环保设备股份有限公司】小导轮轴\GBL/H12B-4\GBL/12B</t>
  </si>
  <si>
    <t>【青岛达能环保设备股份有限公司】尾张紧轮轴\GBL/12BXN-1300\GBL/12B</t>
  </si>
  <si>
    <t>【青岛达能环保设备股份有限公司】滑座插板\DZ.GBL/H12B×20.2-8.1\GBL/H12BXN</t>
  </si>
  <si>
    <t>【青岛达能环保设备股份有限公司】压导轮滑座\DZ.GBL/H12B×20.2-8.2\GBL/H12BXN</t>
  </si>
  <si>
    <t>【青岛达能环保设备股份有限公司】小导轮滑座\GBL/H12B×15.6-9\GBL/H12B</t>
  </si>
  <si>
    <t>【青岛达能环保设备股份有限公司】尾张紧轮总成\GZJC.GBL/H12B.18\GBL/H12B</t>
  </si>
  <si>
    <t>【青岛达能环保设备股份有限公司】张紧链轮\SHNY.GBL/H12BX15.9\GBL/H12B</t>
  </si>
  <si>
    <t>【青岛达能环保设备股份有限公司】张紧链轮轴组装\NXMY.GBL/H12BX15.9-A\GBL/H12B</t>
  </si>
  <si>
    <t>【青岛达能环保设备股份有限公司】尾张紧轮轴\NXMY.DNL/H12BX15.9\GBL/H12B</t>
  </si>
  <si>
    <t>【青岛达能环保设备股份有限公司】压导轮轴\YK.DN012B.5\GBL/H12B</t>
  </si>
  <si>
    <t>【青岛达能环保设备股份有限公司】轮毂\GBL12B.15-8\GBL/H12B</t>
  </si>
  <si>
    <t>【青岛达能环保设备股份有限公司】压导轮\YK.DN012B.5.1\GBL12B</t>
  </si>
  <si>
    <t>【青岛达能环保设备股份有限公司】压导轮总成\DN02B2.4\QBL12A×23</t>
  </si>
  <si>
    <t>【青岛达能环保设备股份有限公司】小导轮总成\DN02B2.5\QBL12A×23</t>
  </si>
  <si>
    <t>【青岛达能环保设备股份有限公司】内导轮总成\DN01B2.2\QBL12A×23</t>
  </si>
  <si>
    <t>【青岛达能环保设备股份有限公司】调心轴\SSC30120.15-1\NM25.QBL12A×23</t>
  </si>
  <si>
    <t>【青岛达能环保设备股份有限公司】滑座\LN.GBL/H12B.15-1\NM25.QBL12A×23</t>
  </si>
  <si>
    <t>【青岛达能环保设备股份有限公司】方橡皮条\10×10×1870\GBL/H12B×22</t>
  </si>
  <si>
    <t>【青岛达能环保设备股份有限公司】联轴节\JBQ750.1\JBQ750×3300</t>
  </si>
  <si>
    <t>【青岛达能环保设备股份有限公司】主轴\JBQ750×3300SA.1\JBQ750×3300</t>
  </si>
  <si>
    <t>【青岛达能环保设备股份有限公司】叶轮\JBQ750×3300SA.2\JBQ750×3300</t>
  </si>
  <si>
    <t>【青岛达能环保设备股份有限公司】联轴器\NL4SHNM.YPM165.9-WG\NMA1.GWS12×30</t>
  </si>
  <si>
    <t>【青岛达能环保设备股份有限公司】联轴器\HLH.DN29C2.6\NMA1.GDGS586</t>
  </si>
  <si>
    <t>【青岛达能环保设备股份有限公司】套筒滚子链轮\NMMZY.MGB.1-2\NMMZY1Q.MGB.GZ</t>
  </si>
  <si>
    <t>【青岛达能环保设备股份有限公司】内导轮总成右\T2108014000806\GBL12</t>
  </si>
  <si>
    <t>【青岛达能环保设备股份有限公司】内导轮总成左\T2108014100806\GBL12</t>
  </si>
  <si>
    <t>【青岛达能环保设备股份有限公司】调心滚子轴承\22328\CC/W33\GBL12</t>
  </si>
  <si>
    <t>【青岛达能环保设备股份有限公司】骨架油封\180×220×18MM\GBL12</t>
  </si>
  <si>
    <t>【青岛达能环保设备股份有限公司】六角头螺栓\M20×130MM\GBL12</t>
  </si>
  <si>
    <t>【青岛达能环保设备股份有限公司】六角螺母\M20\GBL12</t>
  </si>
  <si>
    <t>【青岛达能环保设备股份有限公司】深沟球轴承\6312\GBL12</t>
  </si>
  <si>
    <t>【青岛达能环保设备股份有限公司】圆柱滚子轴承\NJ219E\GBL12</t>
  </si>
  <si>
    <t>【青岛达能环保设备股份有限公司】内六角螺栓\M16×35MM\GBL12</t>
  </si>
  <si>
    <t>【青岛达能环保设备股份有限公司】圆螺母用止动垫圈\85MM\GBL12</t>
  </si>
  <si>
    <t>【青岛达能环保设备股份有限公司】圆螺母\M85×2\GBL12</t>
  </si>
  <si>
    <t>【青岛达能环保设备股份有限公司】内六角螺栓\M16×35MM-A\GBL12</t>
  </si>
  <si>
    <t>【青岛达能环保设备股份有限公司】六角头螺栓\M16×35MM-A\GBL12</t>
  </si>
  <si>
    <t>【青岛达能环保设备股份有限公司】六角头螺栓\M24×130MM\GBL12</t>
  </si>
  <si>
    <t>【青岛达能环保设备股份有限公司】六角螺母\M24\GBL12</t>
  </si>
  <si>
    <t>【青岛达能环保设备股份有限公司】六角头螺栓\M24×70mm\GBL12</t>
  </si>
  <si>
    <t>【青岛达能环保设备股份有限公司】压轮\T0108002800806\GBL12</t>
  </si>
  <si>
    <t>【青岛达能环保设备股份有限公司】导轮\T0108003800806\GBL/12BXn</t>
  </si>
  <si>
    <t>【青岛达能环保设备股份有限公司】小导轮轴\T2108003100806\14\GBL/12BXn</t>
  </si>
  <si>
    <t>【青岛达能环保设备股份有限公司】小导轮\T0108003600806\GBL/12BXn</t>
  </si>
  <si>
    <t>【青岛达能环保设备股份有限公司】链轮总成\T1108001600806\GBL/12BXn</t>
  </si>
  <si>
    <t>【青岛达能环保设备股份有限公司】内导轮\T0101251200805\GBL/12BXn</t>
  </si>
  <si>
    <t>【青岛达能环保设备股份有限公司】压导轮轴\T2108002600806\GBL/12BXn</t>
  </si>
  <si>
    <t>【青岛达能环保设备股份有限公司】尾张紧轮轴\T2108008800806\GBL/12BXn</t>
  </si>
  <si>
    <t>【青岛达能环保设备股份有限公司】外卡簧\φ95\GBL/12BXn</t>
  </si>
  <si>
    <t>【青岛达能环保设备股份有限公司】外卡簧\φ85×75\GBL/12BXn</t>
  </si>
  <si>
    <t>【青岛达能环保设备股份有限公司】外卡簧\φ65×55\GBL/12BXn</t>
  </si>
  <si>
    <t>【青岛达能环保设备股份有限公司】卡簧\φ58\GBL/12BXn</t>
  </si>
  <si>
    <t>【青岛达能环保设备股份有限公司】O型密封圈\φ24×3.55mm\GBL/12BXn</t>
  </si>
  <si>
    <t>【青岛达能环保设备股份有限公司】O型密封圈\φ115×3.55mm\GBL/12BXn</t>
  </si>
  <si>
    <t>【青岛达能环保设备股份有限公司】O型密封圈\φ580×10mm\GBL/12BXn</t>
  </si>
  <si>
    <t>【青岛达能环保设备股份有限公司】骨架油封\TC65×90×12mm\GBL/12BXn</t>
  </si>
  <si>
    <t>【青岛达能环保设备股份有限公司】骨架油封\TC70×95×12mm\GBL/12BXn</t>
  </si>
  <si>
    <t>【青岛达能环保设备股份有限公司】骨架油封\TC95×120×12mm\GBL/12BXn</t>
  </si>
  <si>
    <t>【青岛达能环保设备股份有限公司】骨架油封\TC65×85×10mm\GBL/12BXn</t>
  </si>
  <si>
    <t>【青岛达能环保设备股份有限公司】内导轮压盖\件号3\GBL/12BXn</t>
  </si>
  <si>
    <t>【青岛达能环保设备股份有限公司】骨架油封\110×140×14mm\GBL/12BXn</t>
  </si>
  <si>
    <t>【青岛达能环保设备股份有限公司】骨架油封\TC115×140×14MM\GBL/12BXn</t>
  </si>
  <si>
    <t>【青岛达能环保设备股份有限公司】六角螺母\M24-A\GBL12</t>
  </si>
  <si>
    <t>【青岛达能环保设备股份有限公司】内六角螺栓\M16×35MM-B\GBL12</t>
  </si>
  <si>
    <t>【青岛达能环保设备股份有限公司】六角头螺栓\M16×35MM-B\GBL12</t>
  </si>
  <si>
    <t>【青岛达能环保设备股份有限公司】内六角圆柱头螺钉\M16×30mm\GBL/12BXn</t>
  </si>
  <si>
    <t>【青岛达能环保设备股份有限公司】六角螺栓\M16×50\GBL/12BXn</t>
  </si>
  <si>
    <t>【青岛达能环保设备股份有限公司】六角头螺栓\M20×140mm\GBL/12BXn</t>
  </si>
  <si>
    <t>【青岛达能环保设备股份有限公司】深沟球轴承\6216-2RS\GBL/12BXn</t>
  </si>
  <si>
    <t>【青岛达能环保设备股份有限公司】骨架油封\80×110×12mm\GBL/12BXn</t>
  </si>
  <si>
    <t>【青岛达能环保设备股份有限公司】圆锥滚子轴承\30215A\GBL/12BXn</t>
  </si>
  <si>
    <t>【青岛达能环保设备股份有限公司】深沟球轴承\6207E\GBL/12BXn</t>
  </si>
  <si>
    <t>【青岛达能环保设备股份有限公司】圆锥滚子轴承\30209\GBL/12BXn</t>
  </si>
  <si>
    <t>【青岛达能环保设备股份有限公司】圆锥滚子轴承\30216\GBL/12BXn</t>
  </si>
  <si>
    <t>【青岛达能环保设备股份有限公司】圆锥滚子轴承\30308\GBL/12BXn</t>
  </si>
  <si>
    <t>【青岛达能环保设备股份有限公司】齿轮泵\G520\GLD18</t>
  </si>
  <si>
    <t>【青岛达能环保设备股份有限公司】弹性柱销齿式联轴器\ZL5\55×112\GDGD</t>
  </si>
  <si>
    <t>【青岛达能环保设备股份有限公司】导向轮缘\GZT650.1-4\GZT650</t>
  </si>
  <si>
    <t>【青岛达能环保设备股份有限公司】电磁换向阀\JUW-32\GLD18</t>
  </si>
  <si>
    <t>【青岛达能环保设备股份有限公司】电磁脉冲阀\DCF-Z-25\GWS16</t>
  </si>
  <si>
    <t>【青岛达能环保设备股份有限公司】电机\1TL0001-2BC23-3AA5\GLD18</t>
  </si>
  <si>
    <t>【青岛达能环保设备股份有限公司】电机\YE3-200L2-6-B5\GLD18</t>
  </si>
  <si>
    <t>【青岛达能环保设备股份有限公司】滚子链\32A-2-76\GWS14</t>
  </si>
  <si>
    <t>【青岛达能环保设备股份有限公司】换向阀\D3W009\GLD18</t>
  </si>
  <si>
    <t>【青岛达能环保设备股份有限公司】回油滤油器\RFA-25\GLD18</t>
  </si>
  <si>
    <t>【青岛达能环保设备股份有限公司】减速机\XW30-10-23\GLD18</t>
  </si>
  <si>
    <t>【青岛达能环保设备股份有限公司】减速机\XWD10-29-22\GLD18</t>
  </si>
  <si>
    <t>【青岛达能环保设备股份有限公司】胶管总成\16II-1250\GLD18</t>
  </si>
  <si>
    <t>【青岛达能环保设备股份有限公司】链条\32A-2×58\GLD18</t>
  </si>
  <si>
    <t>【青岛达能环保设备股份有限公司】链条\16A-1-62-A\GLD18</t>
  </si>
  <si>
    <t>【青岛达能环保设备股份有限公司】链条\16A-1-62\GLD18</t>
  </si>
  <si>
    <t>【青岛达能环保设备股份有限公司】清扫拖动机构\GWS14.E9\Q235B/35/45/20CRMNTI\GWS14</t>
  </si>
  <si>
    <t>【青岛达能环保设备股份有限公司】清扫张紧机构\GWS14.4\Q235B/ZG270-500/HT200/45/QT500-7\GWS14</t>
  </si>
  <si>
    <t>【青岛达能环保设备股份有限公司】头部拖动轴承\ZC-24040CA/W33\GLD18</t>
  </si>
  <si>
    <t>【青岛达能环保设备股份有限公司】拖动机构\SHHM.GLD18×52.2\Q235B/ZG200-400/HT200/45/QT500-7/40cr\GLD18</t>
  </si>
  <si>
    <t>【青岛达能环保设备股份有限公司】拖动机构\SHHM2.GLD18×52.10.1\Q235B/ZG200-400/HT200/45/QT500-7/40cr\GLD18</t>
  </si>
  <si>
    <t>【青岛达能环保设备股份有限公司】拖动机构\GWHM.GZT650.8\Q235B/HT200/45/QT500-7\GLD18</t>
  </si>
  <si>
    <t>【青岛达能环保设备股份有限公司】拖动机构\GLD18.2A\Q235B/ZG200-400/45/QT500-7/40cr\GLD18</t>
  </si>
  <si>
    <t>【青岛达能环保设备股份有限公司】拖动链轮\GLD18.2-5A\40Cr\GLD18</t>
  </si>
  <si>
    <t>【青岛达能环保设备股份有限公司】拖动链轮\SHHM.GLD18.2-5A\40Cr\GLD18</t>
  </si>
  <si>
    <t>【青岛达能环保设备股份有限公司】拖动链轮\GZT650.1-2A\40Cr\GLD18</t>
  </si>
  <si>
    <t>【青岛达能环保设备股份有限公司】尾部张紧轴承\ZC-22224CC/W33-SKF\GLD18</t>
  </si>
  <si>
    <t>【青岛达能环保设备股份有限公司】尾轮总成\GZT650.2A\Q235B/HT200/2#合金球铁/QT500-7\GZT650</t>
  </si>
  <si>
    <t>【青岛达能环保设备股份有限公司】尾轮总成轴承\ZC-22220CCK/W33\ZBT400</t>
  </si>
  <si>
    <t>【青岛达能环保设备股份有限公司】限位开关\XCKN2110P20C\GBL20</t>
  </si>
  <si>
    <t>【青岛达能环保设备股份有限公司】张紧机构\GLD18.11-L\Q235B/ZG200-400/45/QT500-7/40cr\GLD18</t>
  </si>
  <si>
    <t>【青岛达能环保设备股份有限公司】张紧机构\GLD18.11-R\Q235B/ZG200-400/45/QT500-7/40cr\GLD18</t>
  </si>
  <si>
    <t>【青岛达能环保设备股份有限公司】张紧链轮\GZT650.1-2A\40Cr\GLD18</t>
  </si>
  <si>
    <t>【青岛达能环保设备股份有限公司】主动链轮\TQ95-1\QT700-2\DGS830</t>
  </si>
  <si>
    <t>【青岛达能环保设备股份有限公司】吸油滤油器\WU-40×100-J\GLD18</t>
  </si>
  <si>
    <t>【青岛达能环保设备股份有限公司】回油滤芯\FAX-63×20\GLD18</t>
  </si>
  <si>
    <t>【青岛达能环保设备股份有限公司】链条\224P125D3530(20)\45#/40Cr\ZBT400</t>
  </si>
  <si>
    <t>【青岛达能环保设备股份有限公司】减速机\XWD5-59-4\GLD18</t>
  </si>
  <si>
    <t>【青岛达能环保设备股份有限公司】从动轴\GWS12.4-1\45#\MGP-5</t>
  </si>
  <si>
    <t>【青岛达能环保设备股份有限公司】链轮\GWS14.4-11 \45#\MGP-5</t>
  </si>
  <si>
    <t>【青岛达能环保设备股份有限公司】蓄能器\NXQ1-L25/10-H\NMA1.GWS12×30</t>
  </si>
  <si>
    <t>【青岛达能环保设备股份有限公司】溢流阀\MBP-03H\NMA1.GWS12×30</t>
  </si>
  <si>
    <t>【青岛达能环保设备股份有限公司】链轮\DN/TQ2-6\NMA1.GWS12×30</t>
  </si>
  <si>
    <t>【青岛达能环保设备股份有限公司】链轮\TQ95-2\ZG230-450\NMA1.GWS12×30</t>
  </si>
  <si>
    <t>【青岛达能环保设备股份有限公司】换向阀\D5-03-3C6-D24-5\NMA1.GWS12×30</t>
  </si>
  <si>
    <t>【青岛达能环保设备股份有限公司】换向阀\D5-02-2B2-D24-5\NMA1.GWS12×30</t>
  </si>
  <si>
    <t>【青岛达能环保设备股份有限公司】测压软管\CSH-M14X1.5+CSHM\NMA1.GWS12×30</t>
  </si>
  <si>
    <t>【青岛达能环保设备股份有限公司】密封圈\MF-SHNM-YYG\NMA1.GWS12×30</t>
  </si>
  <si>
    <t>【青岛达能环保设备股份有限公司】回油滤油器\RFA-63×20\NMA1.GWS12×30</t>
  </si>
  <si>
    <t>【青岛达能环保设备股份有限公司】换向阀组\YPM237-FZ\NMA1.GWS12×30</t>
  </si>
  <si>
    <t>【青岛达能环保设备股份有限公司】清扫张紧机构\GWS12.4\Q235B/ZG270-500/45/QT500-7/HT200\NMA1.GWS12×30</t>
  </si>
  <si>
    <t>【青岛达能环保设备股份有限公司】清扫拖动机构\ZYQL1.GWS12×30.1.5\Q235B/ZG200-400/45/QT500-7/20CRMNTI\NMA1.GWS12×30</t>
  </si>
  <si>
    <t>【青岛达能环保设备股份有限公司】尾轮张紧机构\SHSD.ZBT400.2\Q235B/HT200/40cr/2#合金球铁/HT150\ZBT400</t>
  </si>
  <si>
    <t>【青岛达能环保设备股份有限公司】链轮\FK.ZBT400.2-2\ZG310-570\ZBT400</t>
  </si>
  <si>
    <t>【青岛达能环保设备股份有限公司】链轮\ZBT400.1-02\QT700-2\ZBT400</t>
  </si>
  <si>
    <t>【青岛达能环保设备股份有限公司】链轮\FK.ZBT400.1-2/FK.ZBT400.1\2#合金钢铁\ZBT400</t>
  </si>
  <si>
    <t>【青岛达能环保设备股份有限公司】轮毂\ZBT400.1-07A\FK.ZBT400.1\QT500-7\ZBT400</t>
  </si>
  <si>
    <t>【青岛达能环保设备股份有限公司】轴\FK.ZBT400.2-1-1\45#/40Cr\ZBT400</t>
  </si>
  <si>
    <t>【青岛达能环保设备股份有限公司】轴\FK.ZBT400.1-3\45#/40Cr\ZBT400</t>
  </si>
  <si>
    <t>【青岛达能环保设备股份有限公司】轴套\H316FK.ZBT400.2\ZBT400</t>
  </si>
  <si>
    <t>【青岛达能环保设备股份有限公司】链轮\SLQ.TQ8-1\QT700-2\ZBT400</t>
  </si>
  <si>
    <t>【青岛达能环保设备股份有限公司】拖动总成\FK.ZBT400.1\Q235B/HT200/40cr/QT500-7/HT150/ZG25\ZBT400</t>
  </si>
  <si>
    <t>【青岛达能环保设备股份有限公司】辊齿板\GDGS586.1D.1-1\DNCr30NiMoCu\GDGS586</t>
  </si>
  <si>
    <t>【青岛达能环保设备股份有限公司】挡盘\GDGS590.1-1\Q235B\GDGS586</t>
  </si>
  <si>
    <t>【青岛达能环保设备股份有限公司】滚子链\32A-1×68\GLD18</t>
  </si>
  <si>
    <t>【青岛达能环保设备股份有限公司】齿轮泵\P214RP01DT\GLD18</t>
  </si>
  <si>
    <t>【青岛达能环保设备股份有限公司】被动链轮\GDGS586/2-6\QT700-2\NMA1.GDGS586</t>
  </si>
  <si>
    <t>【青岛达能环保设备股份有限公司】主动链轮\GDGS586-95-1\QT700-2\NMA1.GDGS586</t>
  </si>
  <si>
    <t>【青岛达能环保设备股份有限公司】齿辊组装\ZJWZ4.GDGS586.1L.1\DNCr30NiMoCu/45/Q235B\NMA1.GDGS586</t>
  </si>
  <si>
    <t>【青岛达能环保设备股份有限公司】轴封组件\AFR.GDGS600.1.3\Q235B/45/QT700-2\NMA1.GDGS586</t>
  </si>
  <si>
    <t>【青岛达能环保设备股份有限公司】轴封组件\BFR.GDGS600.1.5\Q235B/45/QT700-2\NMA1.GDGS586</t>
  </si>
  <si>
    <t>【青岛达能环保设备股份有限公司】电机\Y180L-4\NMA1.GDGS586</t>
  </si>
  <si>
    <t>【青岛达能环保设备股份有限公司】减速机\BW16-29-22\NMA1.GDGS586</t>
  </si>
  <si>
    <t>【青岛达能环保设备股份有限公司】输送拖动机构\JXH.GWS12.7.2\Q235B/HT200/45/QT500-7/HT250\NMA1.GWS12×30</t>
  </si>
  <si>
    <t>【青岛达能环保设备股份有限公司】输送张紧机构\GWS12.2\Q235B/HT200/45/QT500-7\NMA1.GWS12×30</t>
  </si>
  <si>
    <t>【青岛达能环保设备股份有限公司】链轮\H4HS9-19\QT700-2\NMMZY1Q.MGB.GZ</t>
  </si>
  <si>
    <t>【青岛达能环保设备股份有限公司】垫圈\M36</t>
  </si>
  <si>
    <t>【青岛达能环保设备股份有限公司】端直通管接头\16/M22</t>
  </si>
  <si>
    <t>【青岛达能环保设备股份有限公司】高水基耐磨盘根\PG-10×10-SJ</t>
  </si>
  <si>
    <t>【青岛达能环保设备股份有限公司】固定盘\HBMD.SJ100B.3-7</t>
  </si>
  <si>
    <t>【青岛达能环保设备股份有限公司】管接头\JB971-18</t>
  </si>
  <si>
    <t>【青岛达能环保设备股份有限公司】机械密封软连接\XJHF.ZJ.1-1</t>
  </si>
  <si>
    <t>【青岛达能环保设备股份有限公司】机械密封软连接\SHHM.JXMF-1</t>
  </si>
  <si>
    <t>【青岛达能环保设备股份有限公司】间隔板\GDGS590.1A-3</t>
  </si>
  <si>
    <t>【青岛达能环保设备股份有限公司】开口销\8×60</t>
  </si>
  <si>
    <t>【青岛达能环保设备股份有限公司】密封盘根\14×14</t>
  </si>
  <si>
    <t>【青岛达能环保设备股份有限公司】耐热油缸\HSGL02-80/45E</t>
  </si>
  <si>
    <t>【青岛达能环保设备股份有限公司】气动插板门\QBMb300.0</t>
  </si>
  <si>
    <t>【青岛达能环保设备股份有限公司】气动插板门\QBM800</t>
  </si>
  <si>
    <t>【青岛达能环保设备股份有限公司】散热导管\YPM237.8</t>
  </si>
  <si>
    <t>【青岛达能环保设备股份有限公司】散热导管\YPM.DG600B</t>
  </si>
  <si>
    <t>【青岛达能环保设备股份有限公司】散热导管\YPM136.7</t>
  </si>
  <si>
    <t>【青岛达能环保设备股份有限公司】伸缩软管\SZJ100Z-DH1/2</t>
  </si>
  <si>
    <t>【青岛达能环保设备股份有限公司】手动插板门\SBM800</t>
  </si>
  <si>
    <t>【青岛达能环保设备股份有限公司】销轴\40×120-B</t>
  </si>
  <si>
    <t>【青岛达能环保设备股份有限公司】液压油缸\HSGL02-90/50E</t>
  </si>
  <si>
    <t>【青岛达能环保设备股份有限公司】液压油缸\YPM-YYG</t>
  </si>
  <si>
    <t>【青岛达能环保设备股份有限公司】油缸接管\YPM237.9-A</t>
  </si>
  <si>
    <t>【青岛达能环保设备股份有限公司】油缸接管\YPM237.9</t>
  </si>
  <si>
    <t>【青岛达能环保设备股份有限公司】轴承座\SJ200A.3-2A-B</t>
  </si>
  <si>
    <t>【青岛达能环保设备股份有限公司】轴承座\SJ200A.3-2A</t>
  </si>
  <si>
    <t>【青岛达能环保设备股份有限公司】轴承座\GLD18.14-1</t>
  </si>
  <si>
    <t>【青岛达能环保设备股份有限公司】轴承座\ZCZ30A</t>
  </si>
  <si>
    <t>【青岛达能环保设备股份有限公司】轴封组件\SJ100B.3</t>
  </si>
  <si>
    <t>【青岛达能环保设备股份有限公司】油缸管路组件\SHNM.YPM165.9-1</t>
  </si>
  <si>
    <t>【青岛达能环保设备股份有限公司】液压油缸\DNNM-YYG</t>
  </si>
  <si>
    <t>【青岛达能环保设备股份有限公司】导流板\GWS-I</t>
  </si>
  <si>
    <t>【青岛达能环保设备股份有限公司】散热导管\SHNM.YP165.6</t>
  </si>
  <si>
    <t>【青岛达能环保设备股份有限公司】液压破碎关断门油缸密封件\YYGMF-80</t>
  </si>
  <si>
    <t>【青岛达能环保设备股份有限公司】油缸\YPM-YYG-500</t>
  </si>
  <si>
    <t>【青岛达能环保设备股份有限公司】张紧油缸500\GWS16.17-2</t>
  </si>
  <si>
    <t>【青岛达能环保设备股份有限公司】张紧油缸\GWS16.17-1</t>
  </si>
  <si>
    <t>【青岛达能环保设备股份有限公司】压盖\DLA.MBS440×20.6-4</t>
  </si>
  <si>
    <t>【青岛达能环保设备股份有限公司】毡箱\DLA.MBS440×20.6-8</t>
  </si>
  <si>
    <t>【青岛达能环保设备股份有限公司】轴承座\DLA.MBS440×20.6-2A</t>
  </si>
  <si>
    <t>【青岛达能环保设备股份有限公司】轴承座\ZBT400.1-15</t>
  </si>
  <si>
    <t>【青岛达能环保设备股份有限公司】轴套\ZBT400.1-06</t>
  </si>
  <si>
    <t>【青岛达能环保设备股份有限公司】隔套\PQ.MBS410×25.3-3</t>
  </si>
  <si>
    <t>【青岛达能环保设备股份有限公司】轴承座\DLA.MBS440×20.6-2</t>
  </si>
  <si>
    <t>【青岛达能环保设备股份有限公司】闷盖\KX.ZBT400.1-3.1</t>
  </si>
  <si>
    <t>【青岛达能环保设备股份有限公司】压板\ZBT400.2-12</t>
  </si>
  <si>
    <t>【青岛达能环保设备股份有限公司】填料箱\ZBT400.1-10</t>
  </si>
  <si>
    <t>【青岛达能环保设备股份有限公司】插板\ZBT400.1-11</t>
  </si>
  <si>
    <t>【青岛达能环保设备股份有限公司】闷盖\ZBT400.1-13</t>
  </si>
  <si>
    <t>【青岛达能环保设备股份有限公司】滑板\KX.ZBT400.1-5</t>
  </si>
  <si>
    <t>【青岛达能环保设备股份有限公司】压盖\ZBT400.1-12</t>
  </si>
  <si>
    <t>【青岛达能环保设备股份有限公司】座板\DLA.MBS440×20.6-3A</t>
  </si>
  <si>
    <t>【青岛达能环保设备股份有限公司】透盖\DLA.MBS440×20.6-9</t>
  </si>
  <si>
    <t>【青岛达能环保设备股份有限公司】槽框\ZBT400.2-11</t>
  </si>
  <si>
    <t>【青岛达能环保设备股份有限公司】嵌盖\ZBT400.1-04</t>
  </si>
  <si>
    <t>【青岛达能环保设备股份有限公司】驱动底座\NMXT.GDGS586.3-1</t>
  </si>
  <si>
    <t>【青岛达能环保设备股份有限公司】轴承盖\FR.GDGS600.1.5-1</t>
  </si>
  <si>
    <t>【青岛达能环保设备股份有限公司】轴承座\GDGS590.1.1.1</t>
  </si>
  <si>
    <t>【青岛达能环保设备股份有限公司】外轴封套\GDGS590.1.1-2</t>
  </si>
  <si>
    <t>【青岛达能环保设备股份有限公司】内轴封套\FR.GDGS600.1.3-1</t>
  </si>
  <si>
    <t>【青岛达能环保设备股份有限公司】防尘罩\SHNM.YPM165.9-2</t>
  </si>
  <si>
    <t>【青岛达能环保设备股份有限公司】拖动机构轴组装\SDLN.GBL/H12B.2 HT250+20\GBL/H12B.2</t>
  </si>
  <si>
    <t>【琳宇】宣恩蜂蜜柚子果茶(白柚)230g\230g</t>
  </si>
  <si>
    <t>【3S】免爬器\CF-120D</t>
  </si>
  <si>
    <t>中际联合</t>
  </si>
  <si>
    <t>3S</t>
  </si>
  <si>
    <t>WZSCCG-2020-BJ-1060</t>
  </si>
  <si>
    <t>2020年度集团级免爬器Ⅱ标段长协采购</t>
  </si>
  <si>
    <t>中际联合(北京)科技股份有限公司</t>
  </si>
  <si>
    <t>【3S】免爬器\CF-120D\85＜h≤100</t>
  </si>
  <si>
    <t>【3S】免爬器\CF-120D\100＜h≤110</t>
  </si>
  <si>
    <t>【3S】免爬器\CF-120D\＞110</t>
  </si>
  <si>
    <t>【TLD】免爬器\TLD-A30</t>
  </si>
  <si>
    <t>普若泰克</t>
  </si>
  <si>
    <t>TLD</t>
  </si>
  <si>
    <t>WZSCCG-2020-BJ-1059</t>
  </si>
  <si>
    <t>2020年度集团级免爬器I标段长协采购</t>
  </si>
  <si>
    <t>普若泰克科技发展(北京)有限公司</t>
  </si>
  <si>
    <t>【TLD】免爬器\TLD-A30\85＜h≤100</t>
  </si>
  <si>
    <t>【TLD】免爬器\TLD-A30\100＜h≤110</t>
  </si>
  <si>
    <t>【TLD】免爬器\TLD-A30\＞110</t>
  </si>
  <si>
    <t>【东方汽轮机】连接轴\D150C-361000A001</t>
  </si>
  <si>
    <t>【东方汽轮机】阀杆\D150C-261000A030</t>
  </si>
  <si>
    <t>【东方汽轮机】阀碟\D150C-261000A038</t>
  </si>
  <si>
    <t>【东方汽轮机】阀杆\D150C-261000A041</t>
  </si>
  <si>
    <t>【东方汽轮机】导向键\D150C-261000A045</t>
  </si>
  <si>
    <t>【东方汽轮机】导向键\D150C-261000A046</t>
  </si>
  <si>
    <t>【东方汽轮机】金属缠绕垫片\D135A-293000A002</t>
  </si>
  <si>
    <t>【东方汽轮机】滑块\D125A-181200A001</t>
  </si>
  <si>
    <t>【东方汽轮机】滑块\D125A-181200A002</t>
  </si>
  <si>
    <t>【东方汽轮机】滑块\D125A-181200A003</t>
  </si>
  <si>
    <t>【东方汽轮机】调整板\D125A-181000A013</t>
  </si>
  <si>
    <t>【东方汽轮机】调整垫片\D125A-181000A005</t>
  </si>
  <si>
    <t>【东方汽轮机】调整垫片\D135A-181000B006</t>
  </si>
  <si>
    <t>【东方汽轮机】定位片\D135A-182000A004</t>
  </si>
  <si>
    <t>【东方汽轮机】自润滑固体填料\F09010020</t>
  </si>
  <si>
    <t>【东方汽轮机】等长双头螺柱\GB0000901G48B8</t>
  </si>
  <si>
    <t>【东方汽轮机】六角螺母\D00-010450B309</t>
  </si>
  <si>
    <t>【东方汽轮机】盖板\D125A-181000A010</t>
  </si>
  <si>
    <t>【东方汽轮机】调整板\D125A-182000A012</t>
  </si>
  <si>
    <t>【东方汽轮机】覆膜材料\F05010770</t>
  </si>
  <si>
    <t>【东方汽轮机】齿型垫片\D150C-261000A021</t>
  </si>
  <si>
    <t>【东方汽轮机】螺母\D150C-261000A042</t>
  </si>
  <si>
    <t>【东方汽轮机】双头螺栓\D150C-261000A012</t>
  </si>
  <si>
    <t>【东方汽轮机】轴承\D1000A-506300B</t>
  </si>
  <si>
    <t>【东方汽轮机】推力轴承\D1000A-506400B</t>
  </si>
  <si>
    <t>【东方汽轮机】轴\D660F-506000A013</t>
  </si>
  <si>
    <t>【东方汽轮机】阀碟\D150C-261000A029</t>
  </si>
  <si>
    <t>【东方汽轮机】堵头\D9.6C-231200A003</t>
  </si>
  <si>
    <t>【东方汽轮机】棘爪\B1320E-231200A003</t>
  </si>
  <si>
    <t>【东方汽轮机】棘爪弹簧\B1320E-231200A004</t>
  </si>
  <si>
    <t>【东方汽轮机】危机遮断器\(LJ3)M109-401000A</t>
  </si>
  <si>
    <t>【东方汽轮机】汽封圈\(BJ)X300N-160101A</t>
  </si>
  <si>
    <t>【东方汽轮机】汽封圈\(BJ)X300N-160102A</t>
  </si>
  <si>
    <t>【东方汽轮机】汽封圈\(BJ)X300N-160103A</t>
  </si>
  <si>
    <t>【东方汽轮机】汽封圈\(BJ)X300N-160104A</t>
  </si>
  <si>
    <t>【东方汽轮机】汽封圈\(BJ)X300N-160105A</t>
  </si>
  <si>
    <t>【东方汽轮机】汽封圈\(BJ)X300N-160106A</t>
  </si>
  <si>
    <t>【东方汽轮机】汽封圈\(BJ)X300N-160107A</t>
  </si>
  <si>
    <t>【东方汽轮机】汽封圈\(BJ)X300N-160108A</t>
  </si>
  <si>
    <t>【东方汽轮机】汽封圈\(BJ)X300N-160109A</t>
  </si>
  <si>
    <t>【东方汽轮机】汽封圈\(BJ)X300N-160301A</t>
  </si>
  <si>
    <t>【东方汽轮机】汽封圈\(BJ)X300N-160302A</t>
  </si>
  <si>
    <t>【东方汽轮机】汽封圈\(BJ)X300N-160303A</t>
  </si>
  <si>
    <t>【东方汽轮机】汽封圈\(BJ)X300N-160304A</t>
  </si>
  <si>
    <t>【东方汽轮机】汽封圈\(BJ)X300N-160305A</t>
  </si>
  <si>
    <t>【东方汽轮机】汽封圈\(BJ)X300N-160306A</t>
  </si>
  <si>
    <t>【东方汽轮机】汽封圈\(BJ)X300N-160307A</t>
  </si>
  <si>
    <t>【东方汽轮机】汽封圈\(BJ)X300N-160308A</t>
  </si>
  <si>
    <t>【东方汽轮机】汽封圈\(BJ)X300N-160201A</t>
  </si>
  <si>
    <t>【东方汽轮机】汽封圈\(BJ)X300N-160202A</t>
  </si>
  <si>
    <t>【东方汽轮机】汽封圈\(BJ)X300N-160203A</t>
  </si>
  <si>
    <t>【东方汽轮机】汽封圈\(BJ)X300N-160204A</t>
  </si>
  <si>
    <t>【东方汽轮机】汽封圈\(BJ)X300N-160205A</t>
  </si>
  <si>
    <t>【东方汽轮机】汽封圈\(BJ)X300N-160206A</t>
  </si>
  <si>
    <t>【东方汽轮机】汽封圈\(BJ)X300N-160207A</t>
  </si>
  <si>
    <t>【东方汽轮机】汽封圈\(BJ)X300N-160208A</t>
  </si>
  <si>
    <t>【东方汽轮机】汽封圈\(BJ)X300N-160209A</t>
  </si>
  <si>
    <t>【东方汽轮机】汽封圈\(BJ)X300N-100101A</t>
  </si>
  <si>
    <t>【东方汽轮机】汽封圈\(BJ)X300N-100102A</t>
  </si>
  <si>
    <t>【东方汽轮机】汽封圈\(BJ)X300N-100103A</t>
  </si>
  <si>
    <t>【东方汽轮机】汽封圈\(BJ)X300N-100104A</t>
  </si>
  <si>
    <t>【东方汽轮机】汽封圈\(BJ)X300N-100105A</t>
  </si>
  <si>
    <t>【东方汽轮机】汽封圈\(BJ)X300N-100106A</t>
  </si>
  <si>
    <t>【东方汽轮机】汽封圈\(BJ)X300N-100107A</t>
  </si>
  <si>
    <t>【东方汽轮机】汽封圈\(BJ)X300N-100108A</t>
  </si>
  <si>
    <t>【东方汽轮机】汽封圈\(BJ)X300N-100202A</t>
  </si>
  <si>
    <t>【东方汽轮机】汽封圈\(BJ)X300N-100203A</t>
  </si>
  <si>
    <t>【东方汽轮机】汽封圈\(BJ)X300N-100204A</t>
  </si>
  <si>
    <t>【东方汽轮机】汽封圈\(BJ)X300N-100205A</t>
  </si>
  <si>
    <t>【东方汽轮机】汽封圈\(BJ)X300N-100206A</t>
  </si>
  <si>
    <t>【东方汽轮机】汽封圈\(BJ)X300N-100302A</t>
  </si>
  <si>
    <t>【东方汽轮机】汽封圈\(BJ)X300N-100303A</t>
  </si>
  <si>
    <t>【东方汽轮机】汽封圈\(BJ)X300N-100304A</t>
  </si>
  <si>
    <t>【东方汽轮机】汽封圈\(BJ)X300N-100305A</t>
  </si>
  <si>
    <t>【东方汽轮机】汽封圈\(BJ)X300N-100306A</t>
  </si>
  <si>
    <t>【东方汽轮机】汽封圈\(BJ)X300N-100307A</t>
  </si>
  <si>
    <t>【东方汽轮机】汽封圈\(BJ)X300N-100308A</t>
  </si>
  <si>
    <t>【东方汽轮机】汽封圈\(BJ)X300N-100309A</t>
  </si>
  <si>
    <t>【东方汽轮机】汽封圈\(BJ)X300N-100401A</t>
  </si>
  <si>
    <t>【东方汽轮机】汽封圈\(BJ)X300N-100402A</t>
  </si>
  <si>
    <t>【东方汽轮机】汽封圈\(BJ)X300N-100403A</t>
  </si>
  <si>
    <t>【东方汽轮机】汽封圈\(BJ)X300N-100404A</t>
  </si>
  <si>
    <t>【东方汽轮机】汽封圈\(BJ)X300N-100405A</t>
  </si>
  <si>
    <t>【东方汽轮机】汽封圈\(BJ)X300N-100406A</t>
  </si>
  <si>
    <t>【东方汽轮机】汽封圈\(BJ)X300N-160401A</t>
  </si>
  <si>
    <t>【东方汽轮机】汽封圈\(BJ)X300N-160402A</t>
  </si>
  <si>
    <t>【东方汽轮机】汽封圈\(BJ)X300N-160403A</t>
  </si>
  <si>
    <t>【东方汽轮机】汽封圈\(BJ)X300N-160404A</t>
  </si>
  <si>
    <t>【东方汽轮机】汽封圈\(BJ)X300N-160405A</t>
  </si>
  <si>
    <t>【东方汽轮机】汽封圈\(BJ)X300N-160501A</t>
  </si>
  <si>
    <t>【东方汽轮机】汽封圈\(BJ)X300N-160502A</t>
  </si>
  <si>
    <t>【东方汽轮机】汽封圈\(BJ)X300N-160503A</t>
  </si>
  <si>
    <t>【东方汽轮机】汽封圈\(BJ)X300N-160504A</t>
  </si>
  <si>
    <t>【东方汽轮机】汽封圈\(BJ)X300N-160505A</t>
  </si>
  <si>
    <t>【东方汽轮机】汽封圈\(BJ)X300N-100501A</t>
  </si>
  <si>
    <t>【东方汽轮机】汽封圈\(BJ)X300N-100502A</t>
  </si>
  <si>
    <t>【东方汽轮机】汽封圈\(BJ)X300N-100503A</t>
  </si>
  <si>
    <t>【东方汽轮机】汽封圈\(BJ)X300N-100504A</t>
  </si>
  <si>
    <t>【东方汽轮机】汽封圈\(BJ)X300N-100505A</t>
  </si>
  <si>
    <t>【东方汽轮机】汽封圈\(BJ)X300N-100601A</t>
  </si>
  <si>
    <t>【东方汽轮机】汽封圈\(BJ)X300N-100602A</t>
  </si>
  <si>
    <t>【东方汽轮机】汽封圈\(BJ)X300N-100603A</t>
  </si>
  <si>
    <t>【东方汽轮机】汽封圈\(BJ)X300N-100604A</t>
  </si>
  <si>
    <t>【东方汽轮机】汽封圈\(BJ)X300N-100605A</t>
  </si>
  <si>
    <t>【东方汽轮机】汽封圈\(BJ)X300N-100606A</t>
  </si>
  <si>
    <t>【东方汽轮机】汽封圈\(BJ)X300N-100701A</t>
  </si>
  <si>
    <t>【东方汽轮机】汽封圈\(BJ)X300N-100702A</t>
  </si>
  <si>
    <t>【东方汽轮机】汽封圈\(BJ)X300N-100703A</t>
  </si>
  <si>
    <t>【东方汽轮机】汽封圈\(BJ)X300N-100704A</t>
  </si>
  <si>
    <t>【东方汽轮机】汽封圈\(BJ)X300N-100801A</t>
  </si>
  <si>
    <t>【东方汽轮机】汽封圈\(BJ)X300N-100802A</t>
  </si>
  <si>
    <t>【东方汽轮机】汽封圈\(BJ)X300N-100803A</t>
  </si>
  <si>
    <t>【东方汽轮机】汽封圈\(BJ)X300N-100804A</t>
  </si>
  <si>
    <t>【东方汽轮机】汽封圈\(BJ)X300N-100705A</t>
  </si>
  <si>
    <t>【东方汽轮机】汽封圈\(BJ)X300N-100706A</t>
  </si>
  <si>
    <t>【东方汽轮机】汽封圈\(BJ)X300N-100805A</t>
  </si>
  <si>
    <t>【东方汽轮机】汽封圈\(BJ)X300N-100806A</t>
  </si>
  <si>
    <t>【东方汽轮机】汽封齿\(BJ)X300N-100901A</t>
  </si>
  <si>
    <t>【东方汽轮机】汽封圈\(BJ)X300N-160601A</t>
  </si>
  <si>
    <t>【东方汽轮机】汽封圈\(BJ)X300N-160602A</t>
  </si>
  <si>
    <t>【东方汽轮机】汽封圈\(BJ)X300N-160603A</t>
  </si>
  <si>
    <t>【东方汽轮机】汽封圈\(BJ)X300N-160604A</t>
  </si>
  <si>
    <t>【东方汽轮机】汽封接触齿\(BJ)X300N-160605A</t>
  </si>
  <si>
    <t>【东方汽轮机】汽封浮动齿\(BJ)X300N-160606A</t>
  </si>
  <si>
    <t>【东方汽轮机】六角头螺栓\E1-30-45922/06-0508</t>
  </si>
  <si>
    <t>【东方汽轮机】双头螺柱\E1-T2-A0004/10-06238</t>
  </si>
  <si>
    <t>【东方汽轮机】罩螺母\E1-T2-A0018-06</t>
  </si>
  <si>
    <t>【东方汽轮机】双头螺栓\E1-T2-A0035/06-01143</t>
  </si>
  <si>
    <t>【东方汽轮机】传感器垫片\G1-B8636-23/G1-A3401-14</t>
  </si>
  <si>
    <t>【东方汽轮机】传感器垫片\G1-B8636-27/G1-A3401-12</t>
  </si>
  <si>
    <t>【东方汽轮机】支撑轴承\X330B-251000A</t>
  </si>
  <si>
    <t>【东方汽轮机】上衬套\X1000A-261410A</t>
  </si>
  <si>
    <t>【东方汽轮机】下衬套\X1000A-261420A</t>
  </si>
  <si>
    <t>【东方汽轮机】中联门阀座\D1000A-265300A001</t>
  </si>
  <si>
    <t>【东方汽轮机】上套筒\X1000A-265541A</t>
  </si>
  <si>
    <t>【东方汽轮机】下套筒\X1000A-265542A</t>
  </si>
  <si>
    <t>【东方汽轮机】上套管\X1000A-271300B002</t>
  </si>
  <si>
    <t>【东方汽轮机】下套管\X1000A-271300B003</t>
  </si>
  <si>
    <t>【东方汽轮机】滤芯\W38C0041C</t>
  </si>
  <si>
    <t>【东方汽轮机】阀杆\D330E-271000A001</t>
  </si>
  <si>
    <t>【东方汽轮机】套筒\D330E-271000A002</t>
  </si>
  <si>
    <t>【东方汽轮机】阀碟套筒\D330E-271000A004</t>
  </si>
  <si>
    <t>【东方汽轮机】阀碟\D330E-271000A006</t>
  </si>
  <si>
    <t>【东方汽轮机】双头螺柱\E1-T2-A0002/06-18D05</t>
  </si>
  <si>
    <t>【东方汽轮机】双头螺柱\E1-T2-A0002/06-28C71</t>
  </si>
  <si>
    <t>【东方汽轮机】双头螺柱\E1-T2-A0004/08-09352</t>
  </si>
  <si>
    <t>【东方汽轮机】双头螺柱\E1-T2-A0004/11-14400</t>
  </si>
  <si>
    <t>【东方汽轮机】双头螺柱\E1-T2-A0004/11-07296</t>
  </si>
  <si>
    <t>【东方汽轮机】铰制双头螺柱\E1-T2-A0007/06-11369</t>
  </si>
  <si>
    <t>【东方汽轮机】罩螺母\E1-T2-A0017/06-78184</t>
  </si>
  <si>
    <t>【东方汽轮机】罩螺母\E1-T2-A0017/06-83220</t>
  </si>
  <si>
    <t>【东方汽轮机】双头螺栓\E1-T2-A0035/06-10439</t>
  </si>
  <si>
    <t>【东方汽轮机】双头螺栓\E1-T2-A0035/06-10469</t>
  </si>
  <si>
    <t>【东方汽轮机】双头螺栓\E1-T1-BD976-02</t>
  </si>
  <si>
    <t>【东方汽轮机】铰制双头螺栓\E1-T1-BD976-01</t>
  </si>
  <si>
    <t>【东方汽轮机】罩螺母\E1-T2-7B701-23</t>
  </si>
  <si>
    <t>【东方汽轮机】罩螺母\E1-T2-7B701-21</t>
  </si>
  <si>
    <t>【东方汽轮机】套筒\E1-T2-M5384-01</t>
  </si>
  <si>
    <t>【东方汽轮机】套筒\E1-T1-M4982-04</t>
  </si>
  <si>
    <t>【东方汽轮机】压力密封环\E1-T1-M4983-01</t>
  </si>
  <si>
    <t>【东方汽轮机】六角头螺栓\E1-A112G30A5</t>
  </si>
  <si>
    <t>【东方汽轮机】罩螺母\E1-T2-A0017/06-73143</t>
  </si>
  <si>
    <t>【东方汽轮机】高主门阀座\D1000A-261600A</t>
  </si>
  <si>
    <t>【东方汽轮机】热电阻\D1000A-798910B002</t>
  </si>
  <si>
    <t>【东方汽轮机】热电阻\D1000A-798910B003</t>
  </si>
  <si>
    <t>【东方汽轮机】热电阻\D1000A-798910B008</t>
  </si>
  <si>
    <t>【东方汽轮机】热电阻\D1000A-798910B013</t>
  </si>
  <si>
    <t>【东方汽轮机】热电阻\D1000A-798910B016</t>
  </si>
  <si>
    <t>【东方汽轮机】热电阻\D1000A-798910B022</t>
  </si>
  <si>
    <t>【东方汽轮机】热电阻\D1000A-798910B023</t>
  </si>
  <si>
    <t>【东方汽轮机】双头螺柱\GB0000897W48A1</t>
  </si>
  <si>
    <t>【东方汽轮机】锥面垫圈\GB0000850W0016</t>
  </si>
  <si>
    <t>【东方汽轮机】热电阻\D1000A-798910B024</t>
  </si>
  <si>
    <t>【东方汽轮机】热电阻\D1000A-798910B030</t>
  </si>
  <si>
    <t>【东方汽轮机】内六角圆柱头螺钉\GB00070.1B30A3</t>
  </si>
  <si>
    <t>【东方汽轮机】六角头螺栓\GB0005783C24A0</t>
  </si>
  <si>
    <t>【东方汽轮机】螺母\GB06172.1W0024</t>
  </si>
  <si>
    <t>【东方汽轮机】轴瓦\(LJ)D1000A-247000B</t>
  </si>
  <si>
    <t>【东方汽轮机】高压油管\D1000A-038210A007</t>
  </si>
  <si>
    <t>【东方汽轮机】高压油管\D1000A-038110A008</t>
  </si>
  <si>
    <t>【东方汽轮机】异形接头\D1000A-038110A011</t>
  </si>
  <si>
    <t>【东方汽轮机】连接螺栓\D1000A-462000A009</t>
  </si>
  <si>
    <t>【东方汽轮机】连接螺栓\D1000A-463000A008</t>
  </si>
  <si>
    <t>【东方汽轮机】主汽阀芯\(LJ)D1000K-265500A</t>
  </si>
  <si>
    <t>【东方汽轮机】调节阀杆\(BJ)D600B-271300A001</t>
  </si>
  <si>
    <t>【东方汽轮机】调节阀芯\(LJ)D1000K-265400A</t>
  </si>
  <si>
    <t>【东方汽轮机】卡环\D1000K-265510A</t>
  </si>
  <si>
    <t>【东方汽轮机】销\D1000K-265500A005</t>
  </si>
  <si>
    <t>【东方汽轮机】疏水集管\M740-625450A</t>
  </si>
  <si>
    <t>【东方汽轮机】疏水集管\M740-616100B</t>
  </si>
  <si>
    <t>【东方汽轮机】疏水集管\M740-625350A</t>
  </si>
  <si>
    <t>【东方汽轮机】主轴\D600B-343000A010</t>
  </si>
  <si>
    <t>【东方汽轮机】疏水接管\M740-617500A</t>
  </si>
  <si>
    <t>【东方汽轮机】疏水集管\M740-625200A</t>
  </si>
  <si>
    <t>【东方汽轮机】疏水集管\M740-625300A</t>
  </si>
  <si>
    <t>【东方汽轮机】螺栓加热棒\W05A0095A</t>
  </si>
  <si>
    <t>【东方汽轮机】螺栓加热棒\W05A0104A</t>
  </si>
  <si>
    <t>【东方汽轮机】螺栓加热棒\W05A0105A</t>
  </si>
  <si>
    <t>【东方汽轮机】垫板\d600B-189100A004</t>
  </si>
  <si>
    <t>【LHM兰花妹】兰花妹石磨鲜胚核桃油\500ml/瓶</t>
  </si>
  <si>
    <t>湖北古月香粮油科技有限公司</t>
  </si>
  <si>
    <t>LHM兰花妹</t>
  </si>
  <si>
    <t>WZSCCG-2020-BJ-1081</t>
  </si>
  <si>
    <t>2020年度北京配送古月香粮油商城铺货长协采购框架合同（湖北帮扶房县）</t>
  </si>
  <si>
    <t>【LHM兰花妹】兰花妹石磨核桃油\500ml/瓶</t>
  </si>
  <si>
    <t>【LHM兰花妹】兰花妹石磨核桃油\500ml*2瓶/提</t>
  </si>
  <si>
    <t>【LHM兰花妹】兰花妹石磨核桃油\250ml*2瓶/提</t>
  </si>
  <si>
    <t>【LHM兰花妹】兰花妹石磨核桃配方油食用植物调和油\5L/瓶</t>
  </si>
  <si>
    <t>【LHM兰花妹】兰花妹石磨核桃配方油食用植物调和油\1.8L/瓶</t>
  </si>
  <si>
    <t>【LHM兰花妹】兰花妹核桃配方油\1.88L/壶</t>
  </si>
  <si>
    <t>【LHM兰花妹】兰花妹核桃配方油\3L/壶</t>
  </si>
  <si>
    <t>【LHM兰花妹】兰花妹核桃配方油\1.8L*2瓶/提</t>
  </si>
  <si>
    <t>【LHM兰花妹】兰花妹核桃配方油\5L/壶</t>
  </si>
  <si>
    <t>【LHM兰花妹】兰花妹母婴专用核桃油(石磨核桃油)\248ml/瓶</t>
  </si>
  <si>
    <t>【LHM兰花妹】兰花妹母婴专用核桃油(石磨核桃油)\100ml/瓶</t>
  </si>
  <si>
    <t>【LHM兰花妹】兰花妹浓香花生油\5L/壶</t>
  </si>
  <si>
    <t>【LHM兰花妹】兰花妹浓香花生油\1.8L/瓶</t>
  </si>
  <si>
    <t>【LHM兰花妹】兰花妹清香菜籽油\5L/壶</t>
  </si>
  <si>
    <t>【LHM兰花妹】兰花妹农家小榨菜籽油\5L/壶</t>
  </si>
  <si>
    <t>【LHM兰花妹】兰花妹纯葵花籽油\5L/壶</t>
  </si>
  <si>
    <t>【LHM兰花妹】兰花妹石磨芝麻油\5L/壶</t>
  </si>
  <si>
    <t>【LHM兰花妹】兰花妹石磨芝麻油\1.8L/瓶</t>
  </si>
  <si>
    <t>【电建重工】销轴\FZ151.0-3A,45t/h</t>
  </si>
  <si>
    <t>中国电建集团武汉重工装备有限公司</t>
  </si>
  <si>
    <t>电建重工</t>
  </si>
  <si>
    <t>WZSCCG-2020-BJ-1063</t>
  </si>
  <si>
    <t>国家能源e购商城2020年度北京配送电建武汉重工翻车机备件商城铺货长协采购框架合同</t>
  </si>
  <si>
    <t>【电建重工】压板\FZ151.0-4A,Q235At/h</t>
  </si>
  <si>
    <t>【电建重工】销轴\FZ151.0-5A,45t/h</t>
  </si>
  <si>
    <t>【电建重工】压板\FZ151.0-6A,Q235At/h</t>
  </si>
  <si>
    <t>【电建重工】销轴\FZ151.0-7A,45t/h</t>
  </si>
  <si>
    <t>【电建重工】支撑座\FZ151.0-9A,Q235At/h</t>
  </si>
  <si>
    <t>【电建重工】销轴\FZ151.0-8A,45t/h</t>
  </si>
  <si>
    <t>【电建重工】销轴\FZ151.0-10A,45t/h</t>
  </si>
  <si>
    <t>【电建重工】托板\FZ151.0-11A,Q235At/h</t>
  </si>
  <si>
    <t>【电建重工】销轴\FZ151.0-12A,45t/h</t>
  </si>
  <si>
    <t>【电建重工】透盖\FZ151.13-1A,Q235At/h</t>
  </si>
  <si>
    <t>【电建重工】滚轮\FZ151.13-2A,ZG35CrMnSit/h</t>
  </si>
  <si>
    <t>【电建重工】滚轮\FZ151.13-10A,ZG35CrMnSit/h</t>
  </si>
  <si>
    <t>【电建重工】外套\FZ151.13-3A,20t/h</t>
  </si>
  <si>
    <t>【电建重工】内套\FZ151.13-4A,20t/h</t>
  </si>
  <si>
    <t>【电建重工】轴\FZ151.13-5A,45t/h</t>
  </si>
  <si>
    <t>【电建重工】轴\FZ151.13-9A,45t/h</t>
  </si>
  <si>
    <t>【电建重工】轴\FZ150A.4-14a,45t/h</t>
  </si>
  <si>
    <t>【电建重工】摇臂装置\FZ150A.4.12a,Q235At/h</t>
  </si>
  <si>
    <t>【电建重工】轴\FZ150A.1-1-152,45t/h</t>
  </si>
  <si>
    <t>【电建重工】齿轮\FZ153.5-1B,40Crt/h</t>
  </si>
  <si>
    <t>【电建重工】齿轮\FZ156.8-1-363,40Crt/h</t>
  </si>
  <si>
    <t>【电建重工】齿轮\FZ152.8-1-463,40Crt/h</t>
  </si>
  <si>
    <t>【电建重工】齿轮\FZ150.5-7A,40Crt/h</t>
  </si>
  <si>
    <t>【电建重工】齿条\FZ151.1-14A,ZG310-570t/h</t>
  </si>
  <si>
    <t>【电建重工】齿条\FZ153.1-1-260G,ZG310-570t/h</t>
  </si>
  <si>
    <t>【电建重工】夹板\FZ151.1.4-1A,Q235At/h</t>
  </si>
  <si>
    <t>【电建重工】短轴\FZ150.5-18A,45t/h</t>
  </si>
  <si>
    <t>【电建重工】轴\FZ151.5.8-2A,45t/h</t>
  </si>
  <si>
    <t>【电建重工】支座\FZ151.5.8-1A,16Mnt/h</t>
  </si>
  <si>
    <t>【电建重工】靠板振动器\FZ153.15-218,Q235A、16Mnt/h</t>
  </si>
  <si>
    <t>【电建重工】靠板\FZ150.5.2-175,Q235A、16Mnt/h</t>
  </si>
  <si>
    <t>【电建重工】轴承座\FZ150.5.4A,ZG270-500、Q235At/h</t>
  </si>
  <si>
    <t>【电建重工】齿轮联轴器\FZ150.5.8A,45t/h</t>
  </si>
  <si>
    <t>【电建重工】YA型外齿轴套\FZ150.5.8-1A,45t/h</t>
  </si>
  <si>
    <t>【电建重工】YA型外齿轴套\FZ153A.5.8-5-262,45t/h</t>
  </si>
  <si>
    <t>【电建重工】内齿圈\FZ150.5.8-2A,45t/h</t>
  </si>
  <si>
    <t>【电建重工】内齿圈\FZ150.5.8-3A,45t/h</t>
  </si>
  <si>
    <t>【电建重工】带制动轮柱销联轴器\FZ150.5.3,45t/h</t>
  </si>
  <si>
    <t>【电建重工】半联轴器\FZ150.5.10-1 A,ZG310-570t/h</t>
  </si>
  <si>
    <t>【电建重工】柱销\FZ150.5.10-3 A,尼龙t/h</t>
  </si>
  <si>
    <t>【电建重工】制动轮\FZ150A.5.1-1-177,ZG310-570t/h</t>
  </si>
  <si>
    <t>【电建重工】滑块联轴器\FZ150YG2-13,装配件t/h</t>
  </si>
  <si>
    <t>【电建重工】滑块联轴器\FZ150B.6.1.7-172,装配件t/h</t>
  </si>
  <si>
    <t>【电建重工】半联轴器\FZ150g.6.1-9a,ZG310-570t/h</t>
  </si>
  <si>
    <t>【电建重工】半联轴器\FZ150g.6.1-10 a,ZG310-570t/h</t>
  </si>
  <si>
    <t>【电建重工】支撑座\FZ150.4-1A,Q235At/h</t>
  </si>
  <si>
    <t>【电建重工】支座\FZ151.4-3(4)A,Q235At/h</t>
  </si>
  <si>
    <t>【电建重工】导套\FZ151.4-8A,Q235At/h</t>
  </si>
  <si>
    <t>【电建重工】外轮箍\FZ150.1.2 A,装配件t/h</t>
  </si>
  <si>
    <t>盘</t>
  </si>
  <si>
    <t>【电建重工】支承块\FZ151.5.8A,装配件t/h</t>
  </si>
  <si>
    <t>【电建重工】靠车缓冲板\FZ150g.5-3A,橡胶t/h</t>
  </si>
  <si>
    <t>【电建重工】靠车缓冲板\FZ150g.5-4A,橡胶t/h</t>
  </si>
  <si>
    <t>【电建重工】靠车缓冲板\FZ150g.5-5A,橡胶t/h</t>
  </si>
  <si>
    <t>【电建重工】靠车缓冲板\FZ150g.5-6A,橡胶t/h</t>
  </si>
  <si>
    <t>【电建重工】靠车缓冲板\FZ150g.5-7A,橡胶t/h</t>
  </si>
  <si>
    <t>【电建重工】靠车缓冲板\FZ150g.5-8A,橡胶t/h</t>
  </si>
  <si>
    <t>【电建重工】靠车缓冲板\FZ150g.5-9A,橡胶t/h</t>
  </si>
  <si>
    <t>【电建重工】靠车缓冲板\FZ150g.5-10A,橡胶t/h</t>
  </si>
  <si>
    <t>【电建重工】靠车缓冲板\FZ150g.5-11A,橡胶t/h</t>
  </si>
  <si>
    <t>【电建重工】压车缓冲板\FZ151.6-2A,橡胶t/h</t>
  </si>
  <si>
    <t>【电建重工】压车缓冲板\FZ151.6-3A,橡胶t/h</t>
  </si>
  <si>
    <t>【电建重工】压车缓冲板\FZ151.6-4A,橡胶t/h</t>
  </si>
  <si>
    <t>【电建重工】压车缓冲板\FZ151.7-1A,橡胶t/h</t>
  </si>
  <si>
    <t>【电建重工】轨道压板\FZ151.1-48A,ZG230-450t/h</t>
  </si>
  <si>
    <t>【电建重工】挡铁\FZ150b.5-9A,Q235At/h</t>
  </si>
  <si>
    <t>【电建重工】靠车信号放大大装置\FZ150A.9.0a,Q235At/h</t>
  </si>
  <si>
    <t>【电建重工】导杆装置\FZ150g.5.12A,装配件t/h</t>
  </si>
  <si>
    <t>【电建重工】轴\FZ151.5.20-5A,45t/h</t>
  </si>
  <si>
    <t>【电建重工】压车发讯装置\FZ151.7.3gA,Q235At/h</t>
  </si>
  <si>
    <t>【电建重工】齿轮\FZ151.14-13A,40Crt/h</t>
  </si>
  <si>
    <t>【电建重工】挡圈\FZ151.14-12A,Q235At/h</t>
  </si>
  <si>
    <t>【电建重工】齿轮\FZ151.14-11A,40Crt/h</t>
  </si>
  <si>
    <t>【电建重工】齿轮\FZ150A.5-4,40Crt/h</t>
  </si>
  <si>
    <t>【电建重工】齿轮\FZ150.B.5-5b,45t/h</t>
  </si>
  <si>
    <t>【电建重工】齿轮\FZ153.5-3-158,45t/h</t>
  </si>
  <si>
    <t>【电建重工】齿轮\FZ153.5-1-163,40Crt/h</t>
  </si>
  <si>
    <t>【电建重工】齿轮\FZ153.5-3-ZSY,45t/h</t>
  </si>
  <si>
    <t>【电建重工】透盖\FZ154.11-4,Q235At/h</t>
  </si>
  <si>
    <t>【电建重工】齿轮\FZ150.5-3-FLD,45t/h</t>
  </si>
  <si>
    <t>【电建重工】内套\FZ151.6-1A,Xi2-ZUA10Fe3t/h</t>
  </si>
  <si>
    <t>【电建重工】铜套\FZ151.10-1A,Xi2-ZUA10Fe3t/h</t>
  </si>
  <si>
    <t>【电建重工】铜套\FZ151.10-3A,Xi2-ZUA10Fe3t/h</t>
  </si>
  <si>
    <t>【电建重工】接头体\FZ151.11-2A,35t/h</t>
  </si>
  <si>
    <t>【电建重工】齿轮\FZ150B.5-5b,40Crt/h</t>
  </si>
  <si>
    <t>【电建重工】挡板\DZ11.2-11A,Q235At/h</t>
  </si>
  <si>
    <t>【电建重工】遥杆\DZ11.2.29.Ob,Q235At/h</t>
  </si>
  <si>
    <t>【电建重工】自动摘钩装置\DZ11.2.3.Oc,装配件t/h</t>
  </si>
  <si>
    <t>【电建重工】链环\DZ11.2.3.1.0c,Q235At/h</t>
  </si>
  <si>
    <t>【电建重工】轴\DZ11.2.3.2-1c,35t/h</t>
  </si>
  <si>
    <t>【电建重工】力矩测试器\893-03-01-00a,装配件t/h</t>
  </si>
  <si>
    <t>【电建重工】垫片\DZ11.2.16-2b,Q235At/h</t>
  </si>
  <si>
    <t>【电建重工】导向轮\DZ11.8.0,装配件t/h</t>
  </si>
  <si>
    <t>【电建重工】固定架\DZ11.8.1.0,Q235At/h</t>
  </si>
  <si>
    <t>【电建重工】压块\DZ11.8-3,Q235At/h</t>
  </si>
  <si>
    <t>【电建重工】主轴\DZ11.8-4,45t/h</t>
  </si>
  <si>
    <t>【电建重工】轴套\DZ11.8-5,Q235At/h</t>
  </si>
  <si>
    <t>【电建重工】闷盖\DZ11.8-7,Q235At/h</t>
  </si>
  <si>
    <t>【电建重工】导向滚轮\DZ11.8-8,ZG310-570t/h</t>
  </si>
  <si>
    <t>【电建重工】透盖\DZ11.8-9,Q235At/h</t>
  </si>
  <si>
    <t>【电建重工】刚性行走轮\DZ11.9.0c,装配件t/h</t>
  </si>
  <si>
    <t>【电建重工】车轮\DZ11.9-6a,50SiMnt/h</t>
  </si>
  <si>
    <t>【电建重工】轴\DZ11.9-3a,45t/h</t>
  </si>
  <si>
    <t>【电建重工】轴套\DZ11.9-4a,Q235At/h</t>
  </si>
  <si>
    <t>【电建重工】透盖\DZ11.9-5a,Q235At/h</t>
  </si>
  <si>
    <t>【电建重工】弹性行走轮\DZ11.10.0c,装配件t/h</t>
  </si>
  <si>
    <t>【电建重工】轴\DZ11.5-2a,45t/h</t>
  </si>
  <si>
    <t>【电建重工】轴套\DZ11.5.3-2a,Q235At/h</t>
  </si>
  <si>
    <t>【电建重工】轴\DZ11.5-4a,45t/h</t>
  </si>
  <si>
    <t>【电建重工】弹簧\DZ11.5-6a,60Si2MnAt/h</t>
  </si>
  <si>
    <t>【电建重工】弹簧轴\DZ11.5-5a,45t/h</t>
  </si>
  <si>
    <t>【电建重工】挡 块\DZ11.5-7a,Q235At/h</t>
  </si>
  <si>
    <t>【电建重工】车钩装置\DZ11.2.1-345,装配件t/h</t>
  </si>
  <si>
    <t>【电建重工】车钩\DZ11.2.1-1-345,ZG230-450t/h</t>
  </si>
  <si>
    <t>【电建重工】车钩开启扭簧装置\DZ(D).4,装配件t/h</t>
  </si>
  <si>
    <t>【电建重工】连杆轴\DZ18.2-18,45t/h</t>
  </si>
  <si>
    <t>【电建重工】螺纹挡圈\DZ18.2-19,Q235At/h</t>
  </si>
  <si>
    <t>【电建重工】销\DZ18.2-21,Q235At/h</t>
  </si>
  <si>
    <t>【电建重工】端盖\DZ18.2-17,Q235At/h</t>
  </si>
  <si>
    <t>【电建重工】挡圈\DZ11.2-19a,Q235At/h</t>
  </si>
  <si>
    <t>【电建重工】挡圈\DZ11.2-18a,Q235At/h</t>
  </si>
  <si>
    <t>【电建重工】挡圈\DZ18.2-20,Q235At/h</t>
  </si>
  <si>
    <t>【电建重工】轴\DZ18.2-6,45t/h</t>
  </si>
  <si>
    <t>【电建重工】油缸杆接头\DZ11.2-10b,45t/h</t>
  </si>
  <si>
    <t>【电建重工】弹性拄销联轴器\DZ11.6.1-262,装配件t/h</t>
  </si>
  <si>
    <t>【电建重工】半联轴器\DZ11.6.4-1V,ZG310-570t/h</t>
  </si>
  <si>
    <t>【电建重工】尼龙柱销\DZ11.6.4-3V,尼龙t/h</t>
  </si>
  <si>
    <t>【电建重工】半联轴器\DZ11.6.1-1-262,ZG310-570t/h</t>
  </si>
  <si>
    <t>【电建重工】联轴器\DZ11.6.4v,装配件t/h</t>
  </si>
  <si>
    <t>【电建重工】半联轴器\DZ11.4.1-6,ZG310-570t/h</t>
  </si>
  <si>
    <t>【电建重工】半联轴器\DZ11.4.1-5,ZG310-570t/h</t>
  </si>
  <si>
    <t>【电建重工】齿轮联轴器\DLY300G.1.1,装配件t/h</t>
  </si>
  <si>
    <t>【电建重工】外齿轴套\DLY300G.1.1-1,45t/h</t>
  </si>
  <si>
    <t>【电建重工】内齿圈\DZ11.2.2-4b,45t/h</t>
  </si>
  <si>
    <t>【电建重工】内齿圈\DZ11.2.2-5b,45t/h</t>
  </si>
  <si>
    <t>【电建重工】外齿轴套\DZ11.2.2-6b,45t/h</t>
  </si>
  <si>
    <t>【电建重工】连杆\DZ11.2-2i,Q235At/h</t>
  </si>
  <si>
    <t>【电建重工】力矩测试器\LC2001-00,装配件t/h</t>
  </si>
  <si>
    <t>【电建重工】轴套\DZ18.2-11,Q235At/h</t>
  </si>
  <si>
    <t>【电建重工】导向块\DZ11A.1-2i,45t/h</t>
  </si>
  <si>
    <t>【电建重工】接头体\DZ11.4.1-20,35t/h</t>
  </si>
  <si>
    <t>【电建重工】牵车臂总成\DZ11A.2-163,装配件t/h</t>
  </si>
  <si>
    <t>【电建重工】牵车臂体\DZ11B.2.1-168,Q235At/h</t>
  </si>
  <si>
    <t>【电建重工】轴套\DZ11.2-13i,XqZ-ZCuA10Fe3t/h</t>
  </si>
  <si>
    <t>【电建重工】轴套\DZ11.2-5b,XqZ-ZCuA10Fe3t/h</t>
  </si>
  <si>
    <t>【电建重工】连杆轴\DZ11.2-1-4700,45t/h</t>
  </si>
  <si>
    <t>【电建重工】缓冲垫片\DZ11.2.16.0b,组合件t/h</t>
  </si>
  <si>
    <t>【电建重工】缓冲器框架\DZ17.2-12,Q235At/h</t>
  </si>
  <si>
    <t>【电建重工】车钩盖板\DZ17.2-6,Q235At/h</t>
  </si>
  <si>
    <t>【电建重工】中轴\DZ17.8-3,45t/h</t>
  </si>
  <si>
    <t>【电建重工】楔块\DZ12.Oa(A)-19,Q235At/h</t>
  </si>
  <si>
    <t>【电建重工】自润滑轴承\DZ18.2-3,XqZ-ZCuA10Fe3t/h</t>
  </si>
  <si>
    <t>【电建重工】自润滑轴承\DZ18.2-5,XqZ-ZCuA10Fe3t/h</t>
  </si>
  <si>
    <t>【电建重工】自润滑轴承\DZ18.2-7,XqZ-ZCuA10Fe3t/h</t>
  </si>
  <si>
    <t>【电建重工】滑动轴承\DZ11.5-9a,装配件t/h</t>
  </si>
  <si>
    <t>【电建重工】轴\DZ18.2.16.0b,45t/h</t>
  </si>
  <si>
    <t>【电建重工】弹性联轴器\DZ221.9.1-345,装配件t/h</t>
  </si>
  <si>
    <t>【电建重工】定位销\DZ11.6-6,45t/h</t>
  </si>
  <si>
    <t>【电建重工】主令控制装置\DK16.1,Q235At/h</t>
  </si>
  <si>
    <t>【电建重工】导向轮\DK12.3,装配件t/h</t>
  </si>
  <si>
    <t>【电建重工】导向滚轮\DK12.3-3,ZG310-570t/h</t>
  </si>
  <si>
    <t>【电建重工】轴\DK12.3-2,45t/h</t>
  </si>
  <si>
    <t>【电建重工】力矩测试器\DK11.4-2,装配件t/h</t>
  </si>
  <si>
    <t>【电建重工】刚性行走轮\DK12.7b,装配件t/h</t>
  </si>
  <si>
    <t>【电建重工】弹性行走轮\DK12.2b,装配件t/h</t>
  </si>
  <si>
    <t>【电建重工】车轮\DK11.7-2,ZG310-570t/h</t>
  </si>
  <si>
    <t>【电建重工】轴\DK12.7-2b,45t/h</t>
  </si>
  <si>
    <t>【电建重工】轴\DK12.2-2b,45t/h</t>
  </si>
  <si>
    <t>【电建重工】轴套\DK12.2-8b,XqZ-ZCuA10Fe3t/h</t>
  </si>
  <si>
    <t>【电建重工】轴\DK12.2-7b,装配件t/h</t>
  </si>
  <si>
    <t>【电建重工】钩头\DK12.1.3,Q235At/h</t>
  </si>
  <si>
    <t>【电建重工】弹簧托板\DK11.1-11,Q235At/h</t>
  </si>
  <si>
    <t>【电建重工】缓冲座板\DK11.1-10,Q235At/h</t>
  </si>
  <si>
    <t>【电建重工】缓冲板\DK11.1-8,橡胶板t/h</t>
  </si>
  <si>
    <t>【电建重工】缓冲板\DK11.1-6,橡胶板t/h</t>
  </si>
  <si>
    <t>【电建重工】端板\DK11.1-9,Q235At/h</t>
  </si>
  <si>
    <t>【电建重工】车钩盖板\DK11.1-5,Q235At/h</t>
  </si>
  <si>
    <t>【电建重工】车钩托板\DK11.1-4,Q235At/h</t>
  </si>
  <si>
    <t>【电建重工】轴套\DK12.2.5-2b,Q235At/h</t>
  </si>
  <si>
    <t>【电建重工】导向块\DK12B.1-2-156,45t/h</t>
  </si>
  <si>
    <t>【电建重工】齿条\DK12.0a(J)-1,ZG310-570t/h</t>
  </si>
  <si>
    <t>【电建重工】底座\DZ11.1-3h,ZG350-570t/h</t>
  </si>
  <si>
    <t>【电建重工】套筒\DK12.3-4-152,Q235At/h</t>
  </si>
  <si>
    <t>【电建重工】滑动轴承\DK12.2-4b,装配件t/h</t>
  </si>
  <si>
    <t>【电建重工】双缘车轮\QK14.10-1b,ZG310-570t/h</t>
  </si>
  <si>
    <t>【电建重工】齿轮联轴器(GII C18型)\QK14.7.1.0,装配件t/h</t>
  </si>
  <si>
    <t>【电建重工】齿轮联轴器\QK15.1.1.0,装配件t/h</t>
  </si>
  <si>
    <t>【电建重工】销齿轮\QK14.7-6,ZG310-570t/h</t>
  </si>
  <si>
    <t>【电建重工】轴\QK14.7-7,45t/h</t>
  </si>
  <si>
    <t>【电建重工】轴套\QK14.7-2,Q235At/h</t>
  </si>
  <si>
    <t>【电建重工】轴套\QK14.7-5,Q235At/h</t>
  </si>
  <si>
    <t>【电建重工】滚动止挡\QK14.9.0a,装配件t/h</t>
  </si>
  <si>
    <t>【电建重工】尼龙拄销联轴器\QK17.1.2-297,装配件t/h</t>
  </si>
  <si>
    <t>【电建重工】半联轴器\QK17.1.2-1-297,ZG310-570t/h</t>
  </si>
  <si>
    <t>【电建重工】半联轴器\QK17.1.2-2-297,ZG310-570t/h</t>
  </si>
  <si>
    <t>【电建重工】固定支架\QK13.9-04b,Q235At/h</t>
  </si>
  <si>
    <t>【电建重工】定位器\QK15.2.1c,Q235At/h</t>
  </si>
  <si>
    <t>【电建重工】回转轴\QK15.2-3c,45t/h</t>
  </si>
  <si>
    <t>【电建重工】插销座\QKG13.5-00,Q235At/h</t>
  </si>
  <si>
    <t>【电建重工】插销对位装置\QK17.1-283,Q235At/h</t>
  </si>
  <si>
    <t>【电建重工】插板\QK17.1-2-283,Q235At/h</t>
  </si>
  <si>
    <t>【电建重工】套\QKG13.5-01,Q235At/h</t>
  </si>
  <si>
    <t>【电建重工】胀轮器\QK14.1-155,装配件t/h</t>
  </si>
  <si>
    <t>【电建重工】座\QK14.1-5a,Q235At/h</t>
  </si>
  <si>
    <t>【电建重工】衬板\QK17.2-1-348,Q235At/h</t>
  </si>
  <si>
    <t>【电建重工】销轴\QK14.1-8a,45t/h</t>
  </si>
  <si>
    <t>【电建重工】轴套\QK14.1-9a,Q235At/h</t>
  </si>
  <si>
    <t>【电建重工】销轴\QK17.2-3-348,45t/h</t>
  </si>
  <si>
    <t>【电建重工】销齿轴\QK14.2-2,45t/h</t>
  </si>
  <si>
    <t>【电建重工】上轴瓦\QK15.5-11b,Cut/h</t>
  </si>
  <si>
    <t>【电建重工】下轴瓦\QK15.5-12 b,Cut/h</t>
  </si>
  <si>
    <t>【电建重工】高位缓冲止挡\QK17.1,装配件t/h</t>
  </si>
  <si>
    <t>【电建重工】销轴\QK14.1-10a,35t/h</t>
  </si>
  <si>
    <t>【电建重工】透盖\QK16.2-2,Q235At/h</t>
  </si>
  <si>
    <t>【电建重工】闷盖\QK16.2-3,Q235At/h</t>
  </si>
  <si>
    <t>【电建重工】销齿装置\QK14.2.0,装配件t/h</t>
  </si>
  <si>
    <t>【电建重工】长销齿轴\QK17.3-3,45t/h</t>
  </si>
  <si>
    <t>【电建重工】销齿板\QK17.3-1,Q235At/h</t>
  </si>
  <si>
    <t>【电建重工】联板\QK17.3-2,Q235At/h</t>
  </si>
  <si>
    <t>【电建重工】卡板\QK14.2-3,Q235At/h</t>
  </si>
  <si>
    <t>【电建重工】定性行走轮\QK17.2-2,ZG310-570t/h</t>
  </si>
  <si>
    <t>【电建重工】非定性行走轮\QK17.2-4,ZG310-570t/h</t>
  </si>
  <si>
    <t>【电建重工】半联轴器\JLQ1.1.1-5a,ZG310-570t/h</t>
  </si>
  <si>
    <t>【电建重工】半联轴器\JLQ1.1.1-6a,ZG310-570t/h</t>
  </si>
  <si>
    <t>【电建重工】接头\JLQ1.1.1-4a,35t/h</t>
  </si>
  <si>
    <t>【电建重工】夹钳装置\JLQ1.2b,装配件t/h</t>
  </si>
  <si>
    <t>【电建重工】轴\871-01-01a,45t/h</t>
  </si>
  <si>
    <t>【电建重工】嵌入透盖\871-01-13a,Q235At/h</t>
  </si>
  <si>
    <t>【电建重工】嵌入闷盖\871-01-15a,Q235At/h</t>
  </si>
  <si>
    <t>【电建重工】小齿轮\871-01-08,40Crt/h</t>
  </si>
  <si>
    <t>【电建重工】轴承座\871-01-07-00a,Q235At/h</t>
  </si>
  <si>
    <t>【电建重工】双轴承座\871-01-07-01a,Q235At/h</t>
  </si>
  <si>
    <t>【电建重工】四螺栓滚动轴承盖\871-01-07-02a,Q235At/h</t>
  </si>
  <si>
    <t>【电建重工】联轴器\871A-01-02-00a,ZG310-570t/h</t>
  </si>
  <si>
    <t>【电建重工】盖板\871A-01-02-01a,Q235At/h</t>
  </si>
  <si>
    <t>【电建重工】内齿圈\871A-01-02-02a,45t/h</t>
  </si>
  <si>
    <t>【电建重工】外齿轴套\871A-01-02-03a,45t/h</t>
  </si>
  <si>
    <t>【电建重工】内齿圈\871A-01-02-04a,45t/h</t>
  </si>
  <si>
    <t>【电建重工】盖板\871A-01-02-05a,Q235At/h</t>
  </si>
  <si>
    <t>【电建重工】外齿轴套\871A-01-02-06a,45t/h</t>
  </si>
  <si>
    <t>【电建重工】带制动轮尼龙柱销联轴器\871-01-02b,ZG310-570t/h</t>
  </si>
  <si>
    <t>【电建重工】半联轴器\871-01-02-01b,ZG310-570t/h</t>
  </si>
  <si>
    <t>【电建重工】挡板\871-01-02-02b,Q235At/h</t>
  </si>
  <si>
    <t>【电建重工】柱销\871-01-02-03b,尼龙t/h</t>
  </si>
  <si>
    <t>【电建重工】制动轮\871-01-02-04b,ZG310-570t/h</t>
  </si>
  <si>
    <t>【电建重工】传动底座\871G-01-1b,Q235At/h</t>
  </si>
  <si>
    <t>【电建重工】主令控制器架\871G-01-2b,Q235At/h</t>
  </si>
  <si>
    <t>【电建重工】轴套\871G-01-3b,45t/h</t>
  </si>
  <si>
    <t>【电建重工】齿轮\871A-02-03-04a,40Crt/h</t>
  </si>
  <si>
    <t>【电建重工】小轴\871A-02-03-03a,45t/h</t>
  </si>
  <si>
    <t>【电建重工】齿轮\871A-02-03-01a,40Crt/h</t>
  </si>
  <si>
    <t>【电建重工】平台销座\871-03-03,Q235At/h</t>
  </si>
  <si>
    <t>【电建重工】主轴支承套\871-03-04-03,Q235At/h</t>
  </si>
  <si>
    <t>【电建重工】定位销\871-03-07,45t/h</t>
  </si>
  <si>
    <t>【电建重工】销齿\871-03-10,ZG310-570t/h</t>
  </si>
  <si>
    <t>【电建重工】销轴\871-05-05-04,45t/h</t>
  </si>
  <si>
    <t>【电建重工】轴\871-06-14,45t/h</t>
  </si>
  <si>
    <t>【电建重工】轴\871-07-15-05,45t/h</t>
  </si>
  <si>
    <t>【电建重工】自润滑轴承\871-07-20,XqZ-ZCuA10Fe3t/h</t>
  </si>
  <si>
    <t>【电建重工】轴\871-07-23,45t/h</t>
  </si>
  <si>
    <t>【电建重工】主轴\871-09-02a,45t/h</t>
  </si>
  <si>
    <t>【电建重工】轴承座\871-09-10a,Q235At/h</t>
  </si>
  <si>
    <t>【电建重工】主轴承底座\871-09-14a,Q235At/h</t>
  </si>
  <si>
    <t>【电建重工】导向块\DZ18A.1-2d,45t/h</t>
  </si>
  <si>
    <t>【电建重工】导向块\DZ11.1-4h,45t/h</t>
  </si>
  <si>
    <t>【电建重工】导向块\DZ18A.1-1d,45t/h</t>
  </si>
  <si>
    <t>【电建重工】联轴器\DZ11.2.2.0b,ZG310-570t/h</t>
  </si>
  <si>
    <t>【电建重工】外齿轴套\DZ11.2.2-1b,45t/h</t>
  </si>
  <si>
    <t>【电建重工】盖板\DZ11.2.2-2b,Q235At/h</t>
  </si>
  <si>
    <t>【电建重工】透盖\DZ11.2.2-3b,Q235At/h</t>
  </si>
  <si>
    <t>【电建重工】透盖\DZ11.2.2-7b,Q235At/h</t>
  </si>
  <si>
    <t>【电建重工】盖板\DZ11.2.2-8b,Q235At/h</t>
  </si>
  <si>
    <t>【电建重工】轴\DZ18.2-8,45t/h</t>
  </si>
  <si>
    <t>【电建重工】销轴\DZ18.2-13,45t/h</t>
  </si>
  <si>
    <t>【电建重工】车钩装置\DZ18.2.15.0,装配件t/h</t>
  </si>
  <si>
    <t>【电建重工】销\DZ11.2.13-1,45t/h</t>
  </si>
  <si>
    <t>【电建重工】销\DZ11.2.13-4,45t/h</t>
  </si>
  <si>
    <t>【电建重工】销轴\DZ11.2.3-4c,45t/h</t>
  </si>
  <si>
    <t>【电建重工】销轴\DZ11.2.31-8a,45t/h</t>
  </si>
  <si>
    <t>【电建重工】销轴\DZ11.2.31-7a,45t/h</t>
  </si>
  <si>
    <t>【电建重工】定位销\DZ11.6-1c,45t/h</t>
  </si>
  <si>
    <t>【电建重工】导向块\DK12A.1-1d,45t/h</t>
  </si>
  <si>
    <t>【电建重工】导向块\DK12A.1-1j,45t/h</t>
  </si>
  <si>
    <t>【电建重工】导向块\DK12A.1-2j,45t/h</t>
  </si>
  <si>
    <t>【电建重工】调车臂\DK12.1,装配件t/h</t>
  </si>
  <si>
    <t>【电建重工】调车臂体\DK12.1.1,装配件t/h</t>
  </si>
  <si>
    <t>【电建重工】销\DK12.1.2,45t/h</t>
  </si>
  <si>
    <t>【电建重工】轴\DK11.1.3-3,45t/h</t>
  </si>
  <si>
    <t>【电建重工】摩擦力矩测试器\DK11.4.2,装配件t/h</t>
  </si>
  <si>
    <t>【电建重工】透盖\813.01-3,Q235At/h</t>
  </si>
  <si>
    <t>【电建重工】闷盖\813.01-6,Q235At/h</t>
  </si>
  <si>
    <t>【电建重工】主动轮装置\QK15.1.0d,装配件t/h</t>
  </si>
  <si>
    <t>【电建重工】轴\813.03-1,45t/h</t>
  </si>
  <si>
    <t>【电建重工】联轴器\QK15.1.1-0,ZG310-570t/h</t>
  </si>
  <si>
    <t>【电建重工】外齿轴套\QK15.1.1-1,45t/h</t>
  </si>
  <si>
    <t>【电建重工】挡板\QK14.7.1-2,Q235At/h</t>
  </si>
  <si>
    <t>【电建重工】盖\QK14.7.1-3,Q235At/h</t>
  </si>
  <si>
    <t>【电建重工】内齿圈\QK15.1.1-2,45t/h</t>
  </si>
  <si>
    <t>【电建重工】内齿圈\QK14.7.1-6,45t/h</t>
  </si>
  <si>
    <t>【电建重工】外齿轴套\QK14.7.1-7,45t/h</t>
  </si>
  <si>
    <t>【电建重工】胀轮器\QK14.1-00a,装配件t/h</t>
  </si>
  <si>
    <t>【电建重工】插销装置\QK15.3.0d,装配件t/h</t>
  </si>
  <si>
    <t>【电建重工】定位装置\813AG-04-0,装配件t/h</t>
  </si>
  <si>
    <t>【电建重工】柱销联轴器\873A-02-03-00,ZG310-570t/h</t>
  </si>
  <si>
    <t>【电建重工】圆锥孔半联轴器\873A-02-03-01,ZG310-570t/h</t>
  </si>
  <si>
    <t>【电建重工】挡板\873A-02-03-02,Q235At/h</t>
  </si>
  <si>
    <t>【电建重工】柱销\873A-02-03-03,尼龙t/h</t>
  </si>
  <si>
    <t>【电建重工】圆柱孔半联轴器\873A-02-03-04,ZG310-570t/h</t>
  </si>
  <si>
    <t>【电建重工】带制动轮柱销联轴器\873A-02-09-00,ZG310-570t/h</t>
  </si>
  <si>
    <t>【电建重工】半联轴器\873A-02-09-01,ZG310-570t/h</t>
  </si>
  <si>
    <t>【电建重工】制动轮\873A-02-09-02,45t/h</t>
  </si>
  <si>
    <t>【电建重工】挡板\873A-02-09-03,Q235At/h</t>
  </si>
  <si>
    <t>【电建重工】齿轮\811A-02-31,45t/h</t>
  </si>
  <si>
    <t>【电建重工】齿轮\811A-02-32,45t/h</t>
  </si>
  <si>
    <t>【电建重工】齿轮联轴器\811A-02-03-00,ZG310-570t/h</t>
  </si>
  <si>
    <t>【电建重工】外齿轴套\811A-02-03-01,45t/h</t>
  </si>
  <si>
    <t>【电建重工】内齿圈\811A-02-03-02,45t/h</t>
  </si>
  <si>
    <t>【电建重工】内齿圈\811A-02-03-03,45t/h</t>
  </si>
  <si>
    <t>【电建重工】外齿轴套\811A-02-03-05,45t/h</t>
  </si>
  <si>
    <t>【电建重工】销轴\811A-02-33,45t/h</t>
  </si>
  <si>
    <t>【电建重工】齿轮\821A-02-08,45t/h</t>
  </si>
  <si>
    <t>【电建重工】销\811A-15-04,45t/h</t>
  </si>
  <si>
    <t>【电建重工】销\811A-15-07,45t/h</t>
  </si>
  <si>
    <t>【电建重工】销轴\873A-06-04,45t/h</t>
  </si>
  <si>
    <t>【电建重工】凸缘滚轮组成\873A-07-01,装配件t/h</t>
  </si>
  <si>
    <t>【电建重工】滚轮轴\873A-07-01-1,45t/h</t>
  </si>
  <si>
    <t>【电建重工】滚轮\873A-07-01-4,ZG310-570t/h</t>
  </si>
  <si>
    <t>【电建重工】平滚轮组成\873A-07-02,装配件t/h</t>
  </si>
  <si>
    <t>【电建重工】滚轮\873A-07-02-1,ZG35CrMnSit/h</t>
  </si>
  <si>
    <t>【电建重工】支撑轴\873A-07-05,45t/h</t>
  </si>
  <si>
    <t>【电建重工】夹具组成\873A-08-00,装配件t/h</t>
  </si>
  <si>
    <t>【电建重工】滚轮轴\873A-08-04,45t/h</t>
  </si>
  <si>
    <t>【电建重工】滚轮\873A-08-05,ZG35CrMnSit/h</t>
  </si>
  <si>
    <t>【电建重工】自润滑轴承\873A-08-06,XQZ-ZCuA10Fe3t/h</t>
  </si>
  <si>
    <t>【电建重工】自润滑轴承\873A-08-21,XQZ-ZCuA10Fe3t/h</t>
  </si>
  <si>
    <t>【电建重工】辊子装置\811A-14-42-01-00,装配件t/h</t>
  </si>
  <si>
    <t>【电建重工】联轴器\811A-14-10-00,装配件t/h</t>
  </si>
  <si>
    <t>【电建重工】半联轴器\811A-14-10-01,ZG310-570t/h</t>
  </si>
  <si>
    <t>【电建重工】半联轴器\811A-14-10-05,ZG310-570t/h</t>
  </si>
  <si>
    <t>【电建重工】齿轮联轴器\811A-14-11-00,ZG310-570t/h</t>
  </si>
  <si>
    <t>【电建重工】内齿圈\811A-14-11-04,45t/h</t>
  </si>
  <si>
    <t>【电建重工】外齿轴套\811A-14-11-05,45t/h</t>
  </si>
  <si>
    <t>【电建重工】内齿圈\811A-14-11-06,45t/h</t>
  </si>
  <si>
    <t>【电建重工】外齿轴套\811A-14-11-07,45t/h</t>
  </si>
  <si>
    <t>【电建重工】推车器\811A-14-13,装配件t/h</t>
  </si>
  <si>
    <t>【电建重工】托辊\814-2,装配件t/h</t>
  </si>
  <si>
    <t>【电建重工】轴\814-4,45t/h</t>
  </si>
  <si>
    <t>【电建重工】辊子\814-6,ZG35CrMnSit/h</t>
  </si>
  <si>
    <t>【电建重工】轴\814-9,45t/h</t>
  </si>
  <si>
    <t>【电建重工】轴\814-12,45t/h</t>
  </si>
  <si>
    <t>【电建重工】托辊\814-13,装配件t/h</t>
  </si>
  <si>
    <t>【电建重工】辊子\814-14,ZG35CrMnSit/h</t>
  </si>
  <si>
    <t>【电建重工】轴\814-15,45t/h</t>
  </si>
  <si>
    <t>【电建重工】托辊\814-20,装配件t/h</t>
  </si>
  <si>
    <t>【电建重工】轴\814-26,45t/h</t>
  </si>
  <si>
    <t>【电建重工】辊子\814-27,ZG35CrMnSit/h</t>
  </si>
  <si>
    <t>【电建重工】联轴器\814-101,装配件t/h</t>
  </si>
  <si>
    <t>【电建重工】制动轮\814-105,ZG310-570t/h</t>
  </si>
  <si>
    <t>【电建重工】齿轮联轴器\814-107,装配件t/h</t>
  </si>
  <si>
    <t>【电建重工】外齿轴套\814-110,45t/h</t>
  </si>
  <si>
    <t>【电建重工】内齿圈\814-111,45t/h</t>
  </si>
  <si>
    <t>【电建重工】外齿轴套\814-112,45t/h</t>
  </si>
  <si>
    <t>【电建重工】内齿圈\814-113,45t/h</t>
  </si>
  <si>
    <t>【电建重工】导向轮\814-115,装配件t/h</t>
  </si>
  <si>
    <t>【电建重工】轴\814-119,45t/h</t>
  </si>
  <si>
    <t>【电建重工】托辊\814-130,装配件t/h</t>
  </si>
  <si>
    <t>【电建重工】辊子\814-132,ZG35CrMnSit/h</t>
  </si>
  <si>
    <t>【电建重工】轴\814-136,45t/h</t>
  </si>
  <si>
    <t>【电建重工】摘钩装置\814.02.01,装配件t/h</t>
  </si>
  <si>
    <t>【电建重工】张紧轮\815-11,ZG310-570t/h</t>
  </si>
  <si>
    <t>【电建重工】轴\815-17,45t/h</t>
  </si>
  <si>
    <t>【电建重工】销\815-21,Q235At/h</t>
  </si>
  <si>
    <t>【电建重工】导向轮\815g.01-0,装配件t/h</t>
  </si>
  <si>
    <t>【电建重工】轴\815g.01-3,45t/h</t>
  </si>
  <si>
    <t>【电建重工】齿轮联轴器\815g-31,装配件t/h</t>
  </si>
  <si>
    <t>【电建重工】内齿圈\815-34,45t/h</t>
  </si>
  <si>
    <t>【电建重工】外齿轴套\815g-35,45t/h</t>
  </si>
  <si>
    <t>【电建重工】内齿圈\815-36,45t/h</t>
  </si>
  <si>
    <t>【电建重工】外齿轴套\815-37,45t/h</t>
  </si>
  <si>
    <t>【电建重工】齿轮轴\815-64,45t/h</t>
  </si>
  <si>
    <t>【电建重工】联轴器\814g-101,装配件t/h</t>
  </si>
  <si>
    <t>【电建重工】半联轴器\814g-102,ZG310-570t/h</t>
  </si>
  <si>
    <t>【电建重工】尼龙柱销\814-104,尼龙t/h</t>
  </si>
  <si>
    <t>【电建重工】制动轮\814g-105,ZG310-570t/h</t>
  </si>
  <si>
    <t>【电建重工】辊子\815g-04,装配件t/h</t>
  </si>
  <si>
    <t>【电建重工】辊子\815g-05,ZG310-570t/h</t>
  </si>
  <si>
    <t>【电建重工】滑轮装置\815g-02-0,装配件t/h</t>
  </si>
  <si>
    <t>【电建重工】从动轮装置\813.01.0,装配件t/h</t>
  </si>
  <si>
    <t>【电建重工】轴\813.01-1,45t/h</t>
  </si>
  <si>
    <t>【电建重工】主动轮装置\813.03,装配件t/h</t>
  </si>
  <si>
    <t>【电建重工】联轴器\813.03-8-0,装配件t/h</t>
  </si>
  <si>
    <t>【电建重工】半联轴器\813.03-8-1,ZG310-570t/h</t>
  </si>
  <si>
    <t>【电建重工】柱销\813.03-8-3,尼龙t/h</t>
  </si>
  <si>
    <t>【电建重工】制动轮\813.03-8-4,ZG310-570t/h</t>
  </si>
  <si>
    <t>【电建重工】齿形联轴器\813.03.9-0,装配件t/h</t>
  </si>
  <si>
    <t>【电建重工】外齿轴套\813.03.9-1,45t/h</t>
  </si>
  <si>
    <t>【电建重工】内齿圈\813.03.9-4,45t/h</t>
  </si>
  <si>
    <t>【电建重工】内齿圈\813.03.9-5,45t/h</t>
  </si>
  <si>
    <t>【电建重工】外齿轴套\813.03.9-6,45t/h</t>
  </si>
  <si>
    <t>【电建重工】滚动止挡\813.14-02,Q235At/h</t>
  </si>
  <si>
    <t>【电建重工】导向轮\816.01,装配件t/h</t>
  </si>
  <si>
    <t>【电建重工】柱销\816.02.02-4,尼龙t/h</t>
  </si>
  <si>
    <t>【电建重工】联轴器\816.02-03,ZG310-570t/h</t>
  </si>
  <si>
    <t>【电建重工】内齿圈\816.02.03-3,45t/h</t>
  </si>
  <si>
    <t>【电建重工】内齿圈\816.02.03-4,45t/h</t>
  </si>
  <si>
    <t>【电建重工】外齿轴套\816.02.03-5,45t/h</t>
  </si>
  <si>
    <t>【电建重工】外齿轴套\816.02.03-6,45t/h</t>
  </si>
  <si>
    <t>【电建重工】张紧轮\816.06,ZG310-570t/h</t>
  </si>
  <si>
    <t>【维民】A100绿茶礼盒\180g/件</t>
  </si>
  <si>
    <t>湖北宣恩维民实业有限公司</t>
  </si>
  <si>
    <t>维民</t>
  </si>
  <si>
    <t>WZSCCG-2020-BJ-2036</t>
  </si>
  <si>
    <t>2020年度北京配送维民茶叶商城铺货长协采购框架合同（湖北帮扶宣恩县）</t>
  </si>
  <si>
    <t>【维民】308红茶礼盒\240g/件</t>
  </si>
  <si>
    <t>【维民】小皮箱\160g/件</t>
  </si>
  <si>
    <t>【秦楚源】娃娃鱼香菇酱\2×200</t>
  </si>
  <si>
    <t>湖北房县秦楚源大鲵专业合作社</t>
  </si>
  <si>
    <t>秦楚源</t>
  </si>
  <si>
    <t>WZSCCG-2020-BJ-1061</t>
  </si>
  <si>
    <t>2020年度北京配送房县秦楚源食品商城铺货采购合同（湖北帮扶房县）</t>
  </si>
  <si>
    <t>湖北省房县秦楚源大鲵专业合作社</t>
  </si>
  <si>
    <t>【秦楚源】娃娃鱼香菇酱\6×200</t>
  </si>
  <si>
    <t>【日照三奇】湿巾</t>
  </si>
  <si>
    <t>【EW】大型开放齿轮油\EW93B,00#,1×18L EW</t>
  </si>
  <si>
    <t>E&amp;W特种科技集团</t>
  </si>
  <si>
    <t>EW</t>
  </si>
  <si>
    <t>WZSCCG-2020-BJ-1065</t>
  </si>
  <si>
    <t>E&amp;W特种润滑油商城铺货长协采购框架协议</t>
  </si>
  <si>
    <t>济南万畅经贸有限公司</t>
  </si>
  <si>
    <t>【EW】大型开放齿轮油\EW93,00#,1×18L EW</t>
  </si>
  <si>
    <t>【EW】超高温合成润滑脂\2#,1×16kg EW</t>
  </si>
  <si>
    <t>【EW】高温轴承脂\2#,1×16kg EW</t>
  </si>
  <si>
    <t>【EW】防水抗腐蚀润滑脂\3#,1×16kg EW</t>
  </si>
  <si>
    <t>【EW】超低温合成润滑脂\2#,1×16kg EW</t>
  </si>
  <si>
    <t>【EW】超低温合成润滑脂\3#,1×16kg EW</t>
  </si>
  <si>
    <t>【EW】高温润滑脂\2#,1×16kg EW</t>
  </si>
  <si>
    <t>【EW】多用途高温润滑脂\3#,1×16kg EW</t>
  </si>
  <si>
    <t>【EW】机械螺丝防卡油脂\1#,1×1kg EW</t>
  </si>
  <si>
    <t>【EW】全能防锈清洗润滑剂\EW110\1×450mL EW</t>
  </si>
  <si>
    <t>【EW】空冷塔齿轮箱专用油\EW201,VG220,1×20L EW</t>
  </si>
  <si>
    <t>【EW】空冷塔齿轮箱专用油\EW201,VG320,1×20L EW</t>
  </si>
  <si>
    <t>【EW】空冷塔齿轮箱专用油\EW201,VG220,1×209L EW</t>
  </si>
  <si>
    <t>【EW】空冷塔齿轮箱专用油\EW201,VG320,1×209L EW</t>
  </si>
  <si>
    <t>【EW】全能清洗润滑剂\EW208\1×209L EW</t>
  </si>
  <si>
    <t>【EW】全能清洗润滑剂\EW208\1×20L EW</t>
  </si>
  <si>
    <t>【EW】抗极压重型齿轮箱油\EW609,VG220,1×20L EW</t>
  </si>
  <si>
    <t>【EW】抗极压重型齿轮箱油\EW609,VG320,1×20L EW</t>
  </si>
  <si>
    <t>【EW】抗极压重型齿轮箱油\EW609,VG460,1×20L EW</t>
  </si>
  <si>
    <t>【EW】抗极压重型齿轮箱油\EW609,VG220,1×209L EW</t>
  </si>
  <si>
    <t>【EW】抗极压重型齿轮箱油\EW609,VG320,1×209L EW</t>
  </si>
  <si>
    <t>【EW】抗极压重型齿轮箱油\EW609,VG460,1×209L EW</t>
  </si>
  <si>
    <t>【EW】磨煤机轴瓦专用油\EW619,VG100,1×20L EW</t>
  </si>
  <si>
    <t>【EW】磨煤机轴瓦专用油\EW619,VG150,1×20L EW</t>
  </si>
  <si>
    <t>【EW】磨煤机轴瓦专用油\EW619,VG100,1×209L EW</t>
  </si>
  <si>
    <t>【EW】磨煤机轴瓦专用油\EW619,VG150,1×209L EW</t>
  </si>
  <si>
    <t>【EW】多用途工业润滑油\EW612,VG32,1×20L EW</t>
  </si>
  <si>
    <t>【EW】多用途工业润滑油\EW612,VG46,1×20L EW</t>
  </si>
  <si>
    <t>【EW】多用途工业润滑油\EW612,VG68,1×20L EW</t>
  </si>
  <si>
    <t>【EW】多用途工业润滑油\EW612,VG100,1×20L EW</t>
  </si>
  <si>
    <t>【EW】多用途工业润滑油\EW612,VG150,1×20L EW</t>
  </si>
  <si>
    <t>【EW】多用途工业润滑油\EW612,VG32,1×209L EW</t>
  </si>
  <si>
    <t>【EW】多用途工业润滑油\EW612,VG46,1×209L EW</t>
  </si>
  <si>
    <t>【EW】多用途工业润滑油\EW612,VG68,1×209L EW</t>
  </si>
  <si>
    <t>【EW】多用途工业润滑油\EW612,VG100,1×209L EW</t>
  </si>
  <si>
    <t>【EW】多用途工业润滑油\EW612,VG150,1×209L EW</t>
  </si>
  <si>
    <t>【EW】重负荷大型齿轮油\EW618,VG460,1×20L EW</t>
  </si>
  <si>
    <t>【EW】重负荷大型齿轮油\EW618,VG680,1×20L EW</t>
  </si>
  <si>
    <t>【EW】重负荷大型齿轮油\EW618,VG1000,1×20L EW</t>
  </si>
  <si>
    <t>【EW】重负荷大型齿轮油\EW618,VG460,1×209L EW</t>
  </si>
  <si>
    <t>【EW】重负荷大型齿轮油\EW618,VG680,1×209L EW</t>
  </si>
  <si>
    <t>【EW】重负荷大型齿轮油\EW618,VG1000,1×209L EW</t>
  </si>
  <si>
    <t>【EW】风力发动机偏航润滑脂\1#,1×16kg EW</t>
  </si>
  <si>
    <t>【EW】风力发电机长效润滑脂\2#,1×16kg EW</t>
  </si>
  <si>
    <t>【EW】风力发电机长效润滑脂\1#,1×16kg EW</t>
  </si>
  <si>
    <t>【EW】风力发动机合成长效液压油\EW306,VG32,1×20L EW</t>
  </si>
  <si>
    <t>【EW】风力发动机合成长效液压油\EW306,VG46,1×20L EW</t>
  </si>
  <si>
    <t>【EW】风力发动机合成长效液压油\EW306,VG32,1×209L EW</t>
  </si>
  <si>
    <t>【EW】风力发动机合成长效液压油\EW306,VG46,1×209L EW</t>
  </si>
  <si>
    <t>【EW】风力发电机合成齿轮箱油\EW307,VG100,1×20L EW</t>
  </si>
  <si>
    <t>【EW】风力发电机合成齿轮箱油\EW307,VG150,1×20L EW</t>
  </si>
  <si>
    <t>【EW】风力发电机齿轮箱专用油\EW307,VG220,1×20L EW</t>
  </si>
  <si>
    <t>【EW】风力发电机齿轮箱专用油\EW307,VG320,1×20L EW</t>
  </si>
  <si>
    <t>【EW】风力发电机齿轮箱专用油\EW307,VG100,1×209L EW</t>
  </si>
  <si>
    <t>【EW】风力发电机齿轮箱专用油\EW307,VG150,1×209L EW</t>
  </si>
  <si>
    <t>【EW】风力发电机齿轮箱专用油\EW307,VG220,1×209L EW</t>
  </si>
  <si>
    <t>【EW】风力发电机合成齿轮箱油\EW307,VG320,1×209L EW</t>
  </si>
  <si>
    <t>【EW】风力发电机齿轮箱专用油\EW308,VG100,1×20L EW</t>
  </si>
  <si>
    <t>【EW】风力发电机齿轮箱专用油\EW308,VG150,1×20L EW</t>
  </si>
  <si>
    <t>【EW】风力发电机齿轮箱专用油\EW308,VG220,1×20L EW</t>
  </si>
  <si>
    <t>【EW】风力发电机齿轮箱专用油\EW308,VG320,1×20L EW</t>
  </si>
  <si>
    <t>【EW】风力发电机齿轮箱专用油\EW308,VG100,1×209L EW</t>
  </si>
  <si>
    <t>【EW】风力发电机齿轮箱专用油\EW308,VG150,1×209L EW</t>
  </si>
  <si>
    <t>【EW】风力发电机齿轮箱专用油\EW308,VG220,1×209L EW</t>
  </si>
  <si>
    <t>【EW】风力发电机齿轮箱专用油\EW308,VG320,1×209L EW</t>
  </si>
  <si>
    <t>【维民】伍家台贡茶一叶动天下礼盒\240g/件</t>
  </si>
  <si>
    <t>【维民】绿茶铁罐\150g/件</t>
  </si>
  <si>
    <t>【维民】红茶铁罐\150g/件</t>
  </si>
  <si>
    <t>【维民】高山绿茶\100g/件</t>
  </si>
  <si>
    <t>【维民】高山红茶\100g/件</t>
  </si>
  <si>
    <t>【维民】香茶\250g/件</t>
  </si>
  <si>
    <t>【维民】贡芽礼盒\300g/件</t>
  </si>
  <si>
    <t>【克鲁勃】齿轮油\CF 3Ultra,16500,1×180kg KLUBER</t>
  </si>
  <si>
    <t>克鲁勃润滑剂（上海）有限公司</t>
  </si>
  <si>
    <t>克鲁勃</t>
  </si>
  <si>
    <t>WZSCCG-2020-BJ-1066</t>
  </si>
  <si>
    <t>克鲁勃润滑油商城铺货长协采购框架合同</t>
  </si>
  <si>
    <t>济南路博润滑油有限公司</t>
  </si>
  <si>
    <t>【神武山珍】神武山珍精品礼盒\精装小花菇400g+精装黑木耳400g</t>
  </si>
  <si>
    <t>【神武山珍】神武山珍红色礼盒\椴木白花菇500g+椴木黑木耳500g</t>
  </si>
  <si>
    <t>【神武山珍】神武山珍绿色礼盒\罐装小花菇250g+罐装小碗耳250g</t>
  </si>
  <si>
    <t>房县农副产品礼包\房县黑木耳400g(精品压缩礼盒装)+房县小花菇(礼盒装)400g+房县香菇(牛皮纸袋装)300g+蜂蜜(胶瓶)500g</t>
  </si>
  <si>
    <t>【康寿】一次性使用医用口罩\17.5*9.5cm(50枚/盒)</t>
  </si>
  <si>
    <t>湖北康寿轻纺工业有限公司</t>
  </si>
  <si>
    <t>康寿</t>
  </si>
  <si>
    <t>WZSCCG-2020-BJ-2040</t>
  </si>
  <si>
    <t>国家能源e购商城2020年度北京配送康寿口罩商城铺货长协采购框架合同</t>
  </si>
  <si>
    <t>【康寿】一次性使用口罩(非医用)\17.5*9.5cm（50枚/盒）</t>
  </si>
  <si>
    <t>【康寿】KN95折叠式防护口罩\13.5*13.5cm（10枚/盒）</t>
  </si>
  <si>
    <t>【紫皇冠】开式齿轮油\TUFF9200,8800,1×209L 紫皇冠</t>
  </si>
  <si>
    <t>紫皇冠公司</t>
  </si>
  <si>
    <t>紫皇冠</t>
  </si>
  <si>
    <t>WZSCCG-2020-BJ-1064</t>
  </si>
  <si>
    <t>紫皇冠润滑油商城铺货长协采购框架合同</t>
  </si>
  <si>
    <t>上海路普康润滑技术有限公司</t>
  </si>
  <si>
    <t>【康寿】一次性使用医用口罩（白色）\17.5*9.5cm(成人款)50只/件</t>
  </si>
  <si>
    <t>【康寿】一次性使用医用口罩（白色）\17.5*9.5cm(成人款)20只/件</t>
  </si>
  <si>
    <t>【康寿】一次性使用医用口罩（白色）\17.5*9.5cm(成人款)10只/件</t>
  </si>
  <si>
    <t>【康寿】一次性使用医用口罩(蓝色)\17.5*9.5cm(成人款)20只/件</t>
  </si>
  <si>
    <t>【康寿】一次性使用医用口罩(蓝色)\17.5*9.5cm(成人款)10只/件</t>
  </si>
  <si>
    <t>【康寿】一次性使用口罩(非医用)\17.5*9.5cm（20只/件）</t>
  </si>
  <si>
    <t>【康寿】一次性使用口罩(非医用)\17.5*9.5cm（10只/件）</t>
  </si>
  <si>
    <t>【航天瑞奇】交联电力电缆\ZC-YJLV22-26/35kV\3×50mm2</t>
  </si>
  <si>
    <t>航天瑞奇电缆有限公司</t>
  </si>
  <si>
    <t>航天瑞奇</t>
  </si>
  <si>
    <t>WZSCCG-2020-BJ-1096</t>
  </si>
  <si>
    <t>国家能源e购商城6-35kV电力电缆铺货长协采购框架合同</t>
  </si>
  <si>
    <t>【航天瑞奇】交联电力电缆\ZC-YJLV22-26/35kV\3×70mm2</t>
  </si>
  <si>
    <t>【航天瑞奇】交联电力电缆\ZC-YJLV22-26/35kV\3×95mm2</t>
  </si>
  <si>
    <t>【航天瑞奇】交联电力电缆\ZC-YJLV22-26/35kV\3×120mm2</t>
  </si>
  <si>
    <t>【航天瑞奇】交联电力电缆\ZC-YJLV22-26/35kV\3×150mm2</t>
  </si>
  <si>
    <t>【航天瑞奇】交联电力电缆\ZC-YJLV22-26/35kV\3×185mm2</t>
  </si>
  <si>
    <t>【航天瑞奇】交联电力电缆\ZC-YJLV22-26/35kV\3×240mm2</t>
  </si>
  <si>
    <t>【航天瑞奇】交联电力电缆\ZC-YJLV22-26/35kV\3×300mm2</t>
  </si>
  <si>
    <t>【航天瑞奇】交联电力电缆\ZC-YJLV22-26/35kV\3×400mm2</t>
  </si>
  <si>
    <t>【航天瑞奇】交联电力电缆\ZC-YJLV62-26/35kV\1×120mm2</t>
  </si>
  <si>
    <t>【航天瑞奇】交联电力电缆\ZC-YJLV62-26/35kV\1×150mm2</t>
  </si>
  <si>
    <t>【航天瑞奇】交联电力电缆\ZC-YJLV62-26/35kV\1×185mm2</t>
  </si>
  <si>
    <t>【航天瑞奇】交联电力电缆\ZC-YJLV62-26/35kV\1×240mm2</t>
  </si>
  <si>
    <t>【航天瑞奇】交联电力电缆\ZC-YJLV62-26/35kV\1×300mm2</t>
  </si>
  <si>
    <t>【航天瑞奇】交联电力电缆\ZC-YJLV62-26/35kV\1×400mm2</t>
  </si>
  <si>
    <t>【航天瑞奇】交联电力电缆\ZC-YJLV62-26/35kV\1×500mm2</t>
  </si>
  <si>
    <t>【航天瑞奇】交联电力电缆\ZC-YJLY23-26/35kV\3×50mm2</t>
  </si>
  <si>
    <t>【航天瑞奇】交联电力电缆\ZC-YJLY23-26/35kV\3×70mm2</t>
  </si>
  <si>
    <t>【航天瑞奇】交联电力电缆\ZC-YJLY23-26/35kV\3×95mm2</t>
  </si>
  <si>
    <t>【航天瑞奇】交联电力电缆\ZC-YJLY23-26/35kV\3×120mm2</t>
  </si>
  <si>
    <t>【航天瑞奇】交联电力电缆\ZC-YJLY23-26/35kV\3×150mm2</t>
  </si>
  <si>
    <t>【航天瑞奇】交联电力电缆\ZC-YJLY23-26/35kV\3×185mm2</t>
  </si>
  <si>
    <t>【航天瑞奇】交联电力电缆\ZC-YJLY23-26/35kV\3×240mm2</t>
  </si>
  <si>
    <t>【航天瑞奇】交联电力电缆\ZC-YJLY23-26/35kV\3×300mm2</t>
  </si>
  <si>
    <t>【航天瑞奇】交联电力电缆\ZC-YJLY23-26/35kV\3×400mm2</t>
  </si>
  <si>
    <t>【航天瑞奇】交联电力电缆\ZC-YJLY63-26/35kV\1×120mm2</t>
  </si>
  <si>
    <t>【航天瑞奇】交联电力电缆\ZC-YJLY63-26/35kV\1×150mm2</t>
  </si>
  <si>
    <t>【航天瑞奇】交联电力电缆\ZC-YJLY63-26/35kV\1×185mm2</t>
  </si>
  <si>
    <t>【航天瑞奇】交联电力电缆\ZC-YJLY63-26/35kV\1×240mm2</t>
  </si>
  <si>
    <t>【航天瑞奇】交联电力电缆\ZC-YJLY63-26/35kV\1×300mm2</t>
  </si>
  <si>
    <t>【航天瑞奇】交联电力电缆\ZC-YJLY63-26/35kV\1×400mm2</t>
  </si>
  <si>
    <t>【航天瑞奇】交联电力电缆\ZC-YJV22-26/35KV\3×50mm2</t>
  </si>
  <si>
    <t>【航天瑞奇】交联电力电缆\ZC-YJV22-26/35KV\3×70mm2</t>
  </si>
  <si>
    <t>【航天瑞奇】交联电力电缆\ZC-YJV22-26/35kV\3×95mm2</t>
  </si>
  <si>
    <t>【航天瑞奇】交联电力电缆\ZC-YJV22-26/35kV\3×120mm2</t>
  </si>
  <si>
    <t>【航天瑞奇】交联电力电缆\ZC-YJV22-26/35kV\3×150mm2</t>
  </si>
  <si>
    <t>【航天瑞奇】交联电力电缆\ZC-YJV22-26/35kV\3×185mm2</t>
  </si>
  <si>
    <t>【航天瑞奇】交联电力电缆\ZC-YJV22-26/35kV\3×240mm2</t>
  </si>
  <si>
    <t>【航天瑞奇】交联电力电缆\ZC-YJV22-26/35kV\3×300mm2</t>
  </si>
  <si>
    <t>【航天瑞奇】交联电力电缆\ZC-YJV22-26/35kV\3×400mm2</t>
  </si>
  <si>
    <t>【航天瑞奇】交联电力电缆\ZC-YJV62-26/35KV\1×70mm2</t>
  </si>
  <si>
    <t>【航天瑞奇】交联电力电缆\ZC-YJV62-26/35KV\1×95mm2</t>
  </si>
  <si>
    <t>【航天瑞奇】交联电力电缆\ZC-YJV62-26/35KV\1×120mm2</t>
  </si>
  <si>
    <t>【航天瑞奇】交联电力电缆\ZC-YJV62-26/35KV\1×150mm2</t>
  </si>
  <si>
    <t>【航天瑞奇】交联电力电缆\ZC-YJV62-26/35KV\1×185mm2</t>
  </si>
  <si>
    <t>【航天瑞奇】交联电力电缆\ZC-YJV62-26/35KV\1×240mm2</t>
  </si>
  <si>
    <t>【航天瑞奇】交联电力电缆\ZC-YJV62-26/35KV\1×300mm2</t>
  </si>
  <si>
    <t>【航天瑞奇】交联电力电缆\ZC-YJV62-26/35KV\1×400mm2</t>
  </si>
  <si>
    <t>【航天瑞奇】交联电力电缆\ZC-YJV62-26/35KV\1×500mm2</t>
  </si>
  <si>
    <t>【航天瑞奇】交联电力电缆\ZC-YJV-26/35KV\3×50mm2</t>
  </si>
  <si>
    <t>【航天瑞奇】交联电力电缆\ZC-YJV-26/35KV\3×70mm2</t>
  </si>
  <si>
    <t>【航天瑞奇】交联电力电缆\ZC-YJV-26/35kV\3×95mm2</t>
  </si>
  <si>
    <t>【航天瑞奇】交联电力电缆\ZC-YJV-26/35kV\3×120mm2</t>
  </si>
  <si>
    <t>【航天瑞奇】交联电力电缆\ZC-YJV-26/35kV\3×150mm2</t>
  </si>
  <si>
    <t>【航天瑞奇】交联电力电缆\ZC-YJV-26/35kV\3×185mm2</t>
  </si>
  <si>
    <t>【航天瑞奇】交联电力电缆\ZC-YJV-26/35kV\3×240mm2</t>
  </si>
  <si>
    <t>【航天瑞奇】交联电力电缆\ZC-YJV-26/35kV\3×300mm2</t>
  </si>
  <si>
    <t>【航天瑞奇】交联电力电缆\ZC-YJV-26/35kV\3×400mm2</t>
  </si>
  <si>
    <t>【航天瑞奇】交联电力电缆\ZC-YJY23-26/35KV\3×50mm2</t>
  </si>
  <si>
    <t>【航天瑞奇】交联电力电缆\ZC-YJY23-26/35KV\3×70mm2</t>
  </si>
  <si>
    <t>【航天瑞奇】交联电力电缆\ZC-YJY23-26/35KV\3×95mm2</t>
  </si>
  <si>
    <t>【航天瑞奇】交联电力电缆\ZC-YJY23-26/35kV\3×120mm2</t>
  </si>
  <si>
    <t>【航天瑞奇】交联电力电缆\ZC-YJY23-26/35kV\3×150mm2</t>
  </si>
  <si>
    <t>【航天瑞奇】交联电力电缆\ZC-YJY23-26/35kV\3×185mm2</t>
  </si>
  <si>
    <t>【航天瑞奇】交联电力电缆\ZC-YJY23-26/35kV\3×240mm2</t>
  </si>
  <si>
    <t>【航天瑞奇】交联电力电缆\ZC-YJY23-26/35kV\3×300mm2</t>
  </si>
  <si>
    <t>【航天瑞奇】交联电力电缆\ZC-YJY23-26/35kV\3×400mm2</t>
  </si>
  <si>
    <t>【航天瑞奇】交联电力电缆\ZC-YJY63-26/35KV\1×70mm2</t>
  </si>
  <si>
    <t>【航天瑞奇】交联电力电缆\ZC-YJY63-26/35KV\1×95mm2</t>
  </si>
  <si>
    <t>【航天瑞奇】交联电力电缆\ZC-YJY63-26/35KV\1×120mm2</t>
  </si>
  <si>
    <t>【航天瑞奇】交联电力电缆\ZC-YJY63-26/35KV\1×150mm2</t>
  </si>
  <si>
    <t>【航天瑞奇】交联电力电缆\ZC-YJY63-26/35KV\1×185mm2</t>
  </si>
  <si>
    <t>【航天瑞奇】交联电力电缆\ZC-YJY63-26/35KV\1×240mm2</t>
  </si>
  <si>
    <t>【航天瑞奇】交联电力电缆\ZC-YJY63-26/35KV\1×300mm2</t>
  </si>
  <si>
    <t>【航天瑞奇】交联电力电缆\ZC-YJY63-26/35KV\1×400mm2</t>
  </si>
  <si>
    <t>【航天瑞奇】交联电力电缆\ZC-YJY63-26/35KV\1×500mm2</t>
  </si>
  <si>
    <t>【航天瑞奇】交联电力电缆\ZC-YJY-26/35KV\3×50mm2</t>
  </si>
  <si>
    <t>【航天瑞奇】交联电力电缆\ZC-YJY-26/35KV\3×70mm2</t>
  </si>
  <si>
    <t>【航天瑞奇】交联电力电缆\ZC-YJY-26/35kV\3×95mm2</t>
  </si>
  <si>
    <t>【航天瑞奇】交联电力电缆\ZC-YJY-26/35kV\3×120mm2</t>
  </si>
  <si>
    <t>【航天瑞奇】交联电力电缆\ZC-YJY-26/35kV\3×150mm2</t>
  </si>
  <si>
    <t>【航天瑞奇】交联电力电缆\ZC-YJY-26/35kV\3×185mm2</t>
  </si>
  <si>
    <t>【航天瑞奇】交联电力电缆\ZC-YJY-26/35kV\3×240mm2</t>
  </si>
  <si>
    <t>【航天瑞奇】交联电力电缆\ZC-YJY-26/35kV\3×300mm2</t>
  </si>
  <si>
    <t>【航天瑞奇】交联电力电缆\ZC-YJY-26/35kV\3×400mm2</t>
  </si>
  <si>
    <t>【航天瑞奇】交联电力电缆\ZC-YJLY63-26/35kV\1×500mm2</t>
  </si>
  <si>
    <t>运输专区</t>
  </si>
  <si>
    <t>【马丁】一级清扫器\MartinXHD-60\35899-6011T\钢材、聚氨酯</t>
  </si>
  <si>
    <t>马丁工程技术（昆山）有限公司</t>
  </si>
  <si>
    <t>马丁</t>
  </si>
  <si>
    <t>WZSCCG-2020-BJ-2043</t>
  </si>
  <si>
    <t>国家能源e购商城马丁清扫器备件商城铺货长协采购</t>
  </si>
  <si>
    <t>中交一航局安装工程有限公司</t>
  </si>
  <si>
    <t>【马丁】一级清扫器\MartinXHD-96\35899D9611T\钢材、聚氨酯</t>
  </si>
  <si>
    <t>【马丁】一级清扫器\MartinXHD-78\35899-7811T\钢材、聚氨酯</t>
  </si>
  <si>
    <t>【马丁】一级清扫器\MartinXHD-84\35899D8411T\钢材、聚氨酯</t>
  </si>
  <si>
    <t>【马丁】一级清扫器刀片\MARTIN-XHD-60N\35897-6011\聚氨酯</t>
  </si>
  <si>
    <t>【马丁】一级清扫器刀片\MARTIN-XHD-72N\35897-7211\聚氨酯</t>
  </si>
  <si>
    <t>【马丁】一级清扫器刀片\MARTIN-XHD-78N\35897-7811\聚氨酯</t>
  </si>
  <si>
    <t>【马丁】一级清扫器刀片\MARTIN-XHD-84N\35897D8411L/35897D8411R\聚氨酯</t>
  </si>
  <si>
    <t>【马丁】一级清扫器刀片\MARTIN-XHD-96N\35897D9611L/35897D9611R\聚氨酯</t>
  </si>
  <si>
    <t>【马丁】V型清扫器\MARTIN-VPLOWZ-60\PLWVH-66ORT\钢材、聚氨酯</t>
  </si>
  <si>
    <t>【马丁】V型清扫器刀片\MARTIN-VPLOWZ-60PU\38196-OR&amp;38197-66OR\聚氨酯</t>
  </si>
  <si>
    <t>【马丁】V型清扫器\MARTIN-VPLOWZ-72\PLWVH-72ORT\钢材、聚氨酯</t>
  </si>
  <si>
    <t>【马丁】V型清扫器\MartinVPLOW-72\PLWVH-72ORT\钢材、聚氨酯</t>
  </si>
  <si>
    <t>【马丁】V型清扫器刀片\MARTIN-VPLOWZ-72PU\38196-OR&amp;38197-72OR\聚氨酯</t>
  </si>
  <si>
    <t>【马丁】V型清扫器\MARTIN-VPLOWZ-78\PLWVH-78ORT\钢材、聚氨酯</t>
  </si>
  <si>
    <t>【马丁】V型清扫器刀片\MARTIN-VPLOWZ-78PU\38196-OR&amp;38197-78OR\聚氨酯</t>
  </si>
  <si>
    <t>【马丁】一级清扫器\XHD-35899-7211T\35899-7211T\钢材、聚氨酯</t>
  </si>
  <si>
    <t>【马丁】防溢裙边\MARTINTM100724-07\100724\橡胶</t>
  </si>
  <si>
    <t>【马丁】上纠偏装置\MARTIN-72UH\37249-72UH\钢材</t>
  </si>
  <si>
    <t>【马丁】下纠偏装置\MARTIN-72LH\37249-72LH\钢材</t>
  </si>
  <si>
    <t>【马丁】上纠偏装置\MARTIN-78UH\37249-78UH\钢材</t>
  </si>
  <si>
    <t>【马丁】下纠偏装置\MARTIN-78LH\37249-78LH\钢材</t>
  </si>
  <si>
    <t>【马丁】上纠偏装置\MARTIN-90UH\37249-96UH\钢材</t>
  </si>
  <si>
    <t>【马丁】下纠偏装置\MARTIN-90LH\37249-96LH\钢材</t>
  </si>
  <si>
    <t>【马丁】上纠偏装置\MARTIN-84UH\37249-84UH\钢材</t>
  </si>
  <si>
    <t>【马丁】下纠偏装置\MARTIN-84LH\37249-84LH\钢材</t>
  </si>
  <si>
    <t>【马丁】除水清扫器刀片\Martin-H2O-52-n84\H2O4001-841182\软基聚氨酯</t>
  </si>
  <si>
    <t>【马丁】除水清扫器\Martin-H2O-52-584\H2O4000-84-SCT-A\钢材、软基聚氨酯</t>
  </si>
  <si>
    <t>【马丁】除水清扫器\Martin-H2O-52-572\H2O4000-72-SCT-A\钢材、软基聚氨酯</t>
  </si>
  <si>
    <t>【马丁】除水清扫器\Martin-H2O-52-578\H2O4000-78-SCT-A\钢材、软基聚氨酯</t>
  </si>
  <si>
    <t>【马丁】除水清扫器刀片\Martin-H2O-52-n72\H2O4001-721170\软基聚氨酯</t>
  </si>
  <si>
    <t>【马丁】除水清扫器刀片\Martin-H2O-52-n78\H2O4001-781176\软基聚氨酯</t>
  </si>
  <si>
    <t>【马丁】除水清扫器\Martin-H2O-52-596\H2O4000-96-SCT-A\钢材、软基聚氨酯</t>
  </si>
  <si>
    <t>【马丁】三级除水清扫器\Martin-H2O-52-560\H2O4000-60-SCT-A\钢材、软基聚氨酯</t>
  </si>
  <si>
    <t>【马丁】三级除水清扫器刀片\Martin-H2O-52-n60\H2O4001-601158\聚氨酯</t>
  </si>
  <si>
    <t>【马丁】除水清扫器刀片\Martin-H2O-52-n96\H2O4001-961194\软基聚氨酯</t>
  </si>
  <si>
    <t>【马丁】二级清扫器\MartinDT2H-72A\DT2H-72T66ORPS\钢材、聚氨酯、碳化钨</t>
  </si>
  <si>
    <t>【马丁】二级清扫器\MartinDT2H-72U\DT2H-72U66ORPS\钢材、聚氨酯</t>
  </si>
  <si>
    <t>【马丁】二级清扫器\MartinDT2H-60A\DT2H-60T54ORPS\钢材、聚氨酯、碳化钨</t>
  </si>
  <si>
    <t>【马丁】二级清扫器\MartinDT2H-60U\DT2H-60U54ORPS\钢材、聚氨酯</t>
  </si>
  <si>
    <t>【马丁】二级清扫器\MartinDT2H-78A\DT2H-78T72ORPS\钢材、聚氨酯、碳化钨</t>
  </si>
  <si>
    <t>【马丁】二级清扫器\MartinDT2H-78U\DT2H-78U72ORPS\钢材、聚氨酯</t>
  </si>
  <si>
    <t>【马丁】二级清扫器\Martin-Hjcs1-60c\SC16-60-A(自动补偿张紧)\钢材、橡胶、碳化钨</t>
  </si>
  <si>
    <t>【马丁】二级清扫器\Martin-Hjcs1-78c\SC16-78-A(自动补偿张紧)\钢材、橡胶、碳化钨</t>
  </si>
  <si>
    <t>【马丁】二级清扫器刀片\Martin-Hjcs1-ND\SC-10002-RA-C-2/SC-10002-RA-C\钢材、橡胶、碳化钨</t>
  </si>
  <si>
    <t>【马丁】二级清扫器\MartinDT2H-84A\DT2H-84T78ORPS\钢材、聚氨酯、碳化钨</t>
  </si>
  <si>
    <t>【马丁】二级清扫器\MartinDT2H-84U\DT2H-84U78ORPS\钢材、聚氨酯</t>
  </si>
  <si>
    <t>【马丁】二级清扫器\MartinDT2H-96A\DT2H-96T90ORPS\钢材、聚氨酯、碳化钨</t>
  </si>
  <si>
    <t>【马丁】二级清扫器\MartinDT2H-96U\DT2H-96U90ORPS\钢材、聚氨酯</t>
  </si>
  <si>
    <t>【马丁】二级清扫器\MartinDT2S-72A\SC16-72-A(自动补偿张紧)\钢材、橡胶、碳化钨</t>
  </si>
  <si>
    <t>【马丁】二级清扫器\MartinSC16-72A\SC16-72-A(自动补偿张紧)\钢材、橡胶、碳化钨</t>
  </si>
  <si>
    <t>【马丁】一级清扫器\MartinXHD-72\35899-7211T\钢材、聚氨酯</t>
  </si>
  <si>
    <t>【马丁】二级清扫器\Martin-Hjcs1-96c\SC16-96-A(自动补偿张紧)\钢材、橡胶、碳化钨</t>
  </si>
  <si>
    <t>【马丁】二级清扫器\Martin-Hjcs1-72c\SC16-72-A(自动补偿张紧)\钢材、橡胶、碳化钨</t>
  </si>
  <si>
    <t>【马丁】二级清扫器\Martin-Hjcs1-84c\SC16-84-A(自动补偿张紧)\钢材、橡胶、碳化钨</t>
  </si>
  <si>
    <t>【马丁】二级清扫器刀片\Martin-Hjcs1-Nty\SC-10002-RA-C-2/SC-10002-RA-C\钢材、橡胶、碳化钨</t>
  </si>
  <si>
    <t>【航天瑞奇】交联电力电缆\YJV\1.8/3.3kV\3×120mm2</t>
  </si>
  <si>
    <t>【航天瑞奇】交联电力电缆\YJV\1.8/3.3kV\3X240mm2</t>
  </si>
  <si>
    <t>【航天瑞奇】交联电力电缆\YJV\1.8/3.3kV\3×95mm2</t>
  </si>
  <si>
    <t>【航天瑞奇】交联电力电缆\YJV\3.6/6kV\3×35mm2</t>
  </si>
  <si>
    <t>【航天瑞奇】交联电力电缆\YJV\3.6/6kV\3×95mm2</t>
  </si>
  <si>
    <t>【航天瑞奇】交联电力电缆\ZC-YJV-6/6kV\3x50mm2</t>
  </si>
  <si>
    <t>【航天瑞奇】交联电力电缆\ZC-YJV-6/6kV\3x70mm2</t>
  </si>
  <si>
    <t>【航天瑞奇】交联电力电缆\ZC-YJV-6/6kV\3x95mm2</t>
  </si>
  <si>
    <t>【航天瑞奇】交联电力电缆\ZC-YJV-6/6kV\3x120mm2</t>
  </si>
  <si>
    <t>【航天瑞奇】交联电力电缆\ZC-YJV-6/6kV\3x150mm2</t>
  </si>
  <si>
    <t>【航天瑞奇】交联电力电缆\ZC-YJV-6/6kV\3x185mm2</t>
  </si>
  <si>
    <t>【航天瑞奇】交联电力电缆\ZC-YJV-6/6kV\3x240mm2</t>
  </si>
  <si>
    <t>【航天瑞奇】交联电力电缆\ZC-YJV-6/6kV\3x300mm2</t>
  </si>
  <si>
    <t>【航天瑞奇】交联电力电缆\ZC-YJV-6/6kV\3x400mm2</t>
  </si>
  <si>
    <t>【航天瑞奇】交联电力电缆\ZC-YJV22-6/6kV\3x50mm2</t>
  </si>
  <si>
    <t>【航天瑞奇】交联电力电缆\ZC-YJV22-6/6kV\3x70mm2</t>
  </si>
  <si>
    <t>【航天瑞奇】交联电力电缆\ZC-YJV22-6/6kV\3x95mm2</t>
  </si>
  <si>
    <t>【航天瑞奇】交联电力电缆\ZC-YJV22-6/6kV\3x120mm2</t>
  </si>
  <si>
    <t>【航天瑞奇】交联电力电缆\ZC-YJV22-6/6kV\3x150mm2</t>
  </si>
  <si>
    <t>【航天瑞奇】交联电力电缆\ZC-YJV22-6/6kV\3x185mm2</t>
  </si>
  <si>
    <t>【航天瑞奇】交联电力电缆\ZC-YJV22-6/6kV\3x240mm2</t>
  </si>
  <si>
    <t>【航天瑞奇】交联电力电缆\ZC-YJV22-6/6kV\3x300mm2</t>
  </si>
  <si>
    <t>【航天瑞奇】交联电力电缆\ZC-YJV22-6/6kV\3x400mm2</t>
  </si>
  <si>
    <t>【航天瑞奇】交联电力电缆\ZC-YJY-6/6kV\3x50mm2</t>
  </si>
  <si>
    <t>【航天瑞奇】交联电力电缆\ZC-YJY-6/6kV\3x70mm2</t>
  </si>
  <si>
    <t>【航天瑞奇】交联电力电缆\ZC-YJY-6/6kV\3x95mm2</t>
  </si>
  <si>
    <t>【航天瑞奇】交联电力电缆\ZC-YJY-6/6kV\3x120mm2</t>
  </si>
  <si>
    <t>【航天瑞奇】交联电力电缆\ZC-YJY-6/6kV\3x150mm2</t>
  </si>
  <si>
    <t>【航天瑞奇】交联电力电缆\ZC-YJY-6/6kV\3x185mm2</t>
  </si>
  <si>
    <t>【航天瑞奇】交联电力电缆\ZC-YJY-6/6kV\3x240mm2</t>
  </si>
  <si>
    <t>【航天瑞奇】交联电力电缆\ZC-YJY-6/6kV\3x300mm2</t>
  </si>
  <si>
    <t>【航天瑞奇】交联电力电缆\ZC-YJY-6/6kV\3x400mm2</t>
  </si>
  <si>
    <t>【航天瑞奇】交联电力电缆\YJV\8.7/10kV\3×35mm2</t>
  </si>
  <si>
    <t>【航天瑞奇】交联电力电缆\ZC-YJV-8.7/10kV\3x50mm2</t>
  </si>
  <si>
    <t>【航天瑞奇】交联电力电缆\ZC-YJV-8.7/10kV\3x70mm2</t>
  </si>
  <si>
    <t>【航天瑞奇】交联电力电缆\ZC-YJV-8.7/10kV\3x95mm2</t>
  </si>
  <si>
    <t>【航天瑞奇】交联电力电缆\ZC-YJV-8.7/10kV\3x120mm2</t>
  </si>
  <si>
    <t>【航天瑞奇】交联电力电缆\ZC-YJV-8.7/10kV\3x150mm2</t>
  </si>
  <si>
    <t>【航天瑞奇】交联电力电缆\ZC-YJV-8.7/10kV\3x185mm2</t>
  </si>
  <si>
    <t>【航天瑞奇】交联电力电缆\ZC-YJV-8.7/10kV\3x240mm2</t>
  </si>
  <si>
    <t>【航天瑞奇】交联电力电缆\ZC-YJV-8.7/10kV\3x300mm2</t>
  </si>
  <si>
    <t>【航天瑞奇】交联电力电缆\ZC-YJV-8.7/10kV\3x400mm2</t>
  </si>
  <si>
    <t>【航天瑞奇】交联电力电缆\YJV22\8.7/10kV\3×35mm2</t>
  </si>
  <si>
    <t>【航天瑞奇】交联电力电缆\ZC-YJV22-8.7/10kV\3x50mm2</t>
  </si>
  <si>
    <t>【航天瑞奇】交联电力电缆\ZC-YJV22-8.7/10kV\3x70mm2</t>
  </si>
  <si>
    <t>【航天瑞奇】交联电力电缆\ZC-YJV22-8.7/10kV\3x95mm2</t>
  </si>
  <si>
    <t>【航天瑞奇】交联电力电缆\ZC-YJV22-8.7/10kV\3x120mm2</t>
  </si>
  <si>
    <t>【航天瑞奇】交联电力电缆\ZC-YJV22-8.7/10kV\3x150mm2</t>
  </si>
  <si>
    <t>【航天瑞奇】交联电力电缆\ZC-YJV22-8.7/10kV\3x185mm2</t>
  </si>
  <si>
    <t>【航天瑞奇】交联电力电缆\ZC-YJV22-8.7/10kV\3x240mm2</t>
  </si>
  <si>
    <t>【航天瑞奇】交联电力电缆\ZC-YJV22-8.7/10kV\3x300mm2</t>
  </si>
  <si>
    <t>【航天瑞奇】交联电力电缆\ZC-YJV22-8.7/10kV\3x400mm2</t>
  </si>
  <si>
    <t>【航天瑞奇】交联电力电缆\ZC-YJY-8.7/10kV\3x50mm2</t>
  </si>
  <si>
    <t>【航天瑞奇】交联电力电缆\ZC-YJY-8.7/10kV\3x70mm2</t>
  </si>
  <si>
    <t>【航天瑞奇】交联电力电缆\ZC-YJY-8.7/10kV\3x95mm2</t>
  </si>
  <si>
    <t>【航天瑞奇】交联电力电缆\ZC-YJY-8.7/10kV\3x120mm2</t>
  </si>
  <si>
    <t>【航天瑞奇】交联电力电缆\ZC-YJY-8.7/10kV\3x150mm2</t>
  </si>
  <si>
    <t>【航天瑞奇】交联电力电缆\ZC-YJY-8.7/10kV\3x185mm2</t>
  </si>
  <si>
    <t>【航天瑞奇】交联电力电缆\ZC-YJY-8.7/10kV\3x240mm2</t>
  </si>
  <si>
    <t>【航天瑞奇】交联电力电缆\ZC-YJY-8.7/10kV\3x300mm2</t>
  </si>
  <si>
    <t>【航天瑞奇】交联电力电缆\ZC-YJY-8.7/10kV\3x400mm2</t>
  </si>
  <si>
    <t>【航天瑞奇】交联电力电缆\ZC-YJY23-8.7/10kV\3x50mm2</t>
  </si>
  <si>
    <t>【航天瑞奇】交联电力电缆\ZC-YJY23-8.7/10kV\3x70mm2</t>
  </si>
  <si>
    <t>【航天瑞奇】交联电力电缆\ZC-YJY23-8.7/10kV\3x95mm2</t>
  </si>
  <si>
    <t>【航天瑞奇】交联电力电缆\ZC-YJY23-8.7/10kV\3x120mm2</t>
  </si>
  <si>
    <t>【航天瑞奇】交联电力电缆\ZC-YJY23-8.7/10kV\3x150mm2</t>
  </si>
  <si>
    <t>【航天瑞奇】交联电力电缆\ZC-YJY23-8.7/10kV\3x185mm2</t>
  </si>
  <si>
    <t>【航天瑞奇】交联电力电缆\ZC-YJY23-8.7/10kV\3x240mm2</t>
  </si>
  <si>
    <t>【航天瑞奇】交联电力电缆\ZC-YJY23-8.7/10kV\3x300mm2</t>
  </si>
  <si>
    <t>【航天瑞奇】交联电力电缆\ZC-YJY23-8.7/10kV\3x400mm2</t>
  </si>
  <si>
    <t>【航天瑞奇】交联电力电缆\ZC-YJY23-6/6kV\3x50mm2</t>
  </si>
  <si>
    <t>【航天瑞奇】交联电力电缆\ZC-YJY23-6/6kV\3x70mm2</t>
  </si>
  <si>
    <t>【航天瑞奇】交联电力电缆\ZC-YJY23-6/6kV\3x95mm2</t>
  </si>
  <si>
    <t>【航天瑞奇】交联电力电缆\ZC-YJY23-6/6kV\3x120mm2</t>
  </si>
  <si>
    <t>【航天瑞奇】交联电力电缆\ZC-YJY23-6/6kV\3x150mm2</t>
  </si>
  <si>
    <t>【航天瑞奇】交联电力电缆\ZC-YJY23-6/6kV\3x185mm2</t>
  </si>
  <si>
    <t>【航天瑞奇】交联电力电缆\ZC-YJY23-6/6kV\3x240mm2</t>
  </si>
  <si>
    <t>【航天瑞奇】交联电力电缆\ZC-YJY23-6/6kV\3x300mm2</t>
  </si>
  <si>
    <t>【航天瑞奇】交联电力电缆\ZC-YJY23-6/6kV\3x400mm2</t>
  </si>
  <si>
    <t>【航天瑞奇】交联电力电缆\ZC- YJV -6/6kV\1×50mm2</t>
  </si>
  <si>
    <t>【航天瑞奇】交联电力电缆\ZC- YJV -6/6kV\1×70mm2</t>
  </si>
  <si>
    <t>【航天瑞奇】交联电力电缆\ZC- YJV -6/6kV\1×95mm2</t>
  </si>
  <si>
    <t>【航天瑞奇】交联电力电缆\ZC- YJV -6/6kV\1×120mm2</t>
  </si>
  <si>
    <t>【航天瑞奇】交联电力电缆\ZC- YJV -6/6kV\1×150mm2</t>
  </si>
  <si>
    <t>【航天瑞奇】交联电力电缆\ZC- YJV -6/6kV\1×185mm2</t>
  </si>
  <si>
    <t>【航天瑞奇】交联电力电缆\ZC- YJV -6/6kV\1×240mm2</t>
  </si>
  <si>
    <t>【航天瑞奇】交联电力电缆\ZC- YJV -6/6kV\1×300mm2</t>
  </si>
  <si>
    <t>【航天瑞奇】交联电力电缆\ZC- YJY -6/6kV\1×50mm2</t>
  </si>
  <si>
    <t>【航天瑞奇】交联电力电缆\ZC- YJY -6/6kV\1×70mm2</t>
  </si>
  <si>
    <t>【航天瑞奇】交联电力电缆\ZC- YJY -6/6kV\1×95mm2</t>
  </si>
  <si>
    <t>【航天瑞奇】交联电力电缆\ZC- YJY -6/6kV\1×120mm2</t>
  </si>
  <si>
    <t>【航天瑞奇】交联电力电缆\ZC- YJY -6/6kV\1×150mm2</t>
  </si>
  <si>
    <t>【航天瑞奇】交联电力电缆\ZC- YJY -6/6kV\1×185mm2</t>
  </si>
  <si>
    <t>【航天瑞奇】交联电力电缆\ZC- YJY -6/6kV\1×240mm2</t>
  </si>
  <si>
    <t>【航天瑞奇】交联电力电缆\ZC- YJY -6/6kV\1×300mm2</t>
  </si>
  <si>
    <t>【航天瑞奇】交联电力电缆\ZC- YJY -6/6kV\1×400mm2</t>
  </si>
  <si>
    <t>【航天瑞奇】交联电力电缆\ZC- YJY -6/6kV\1×500mm2</t>
  </si>
  <si>
    <t>【航天瑞奇】交联电力电缆\ZC-YJV-8.7/10kV\1×50mm2</t>
  </si>
  <si>
    <t>【航天瑞奇】交联电力电缆\ZC-YJV-8.7/10kV\1×70mm2</t>
  </si>
  <si>
    <t>【航天瑞奇】交联电力电缆\ZC-YJV-8.7/10kV\1×95mm2</t>
  </si>
  <si>
    <t>【航天瑞奇】交联电力电缆\ZC-YJV-8.7/10kV\1×120mm2</t>
  </si>
  <si>
    <t>【航天瑞奇】交联电力电缆\ZC-YJV-8.7/10kV\1×150mm2</t>
  </si>
  <si>
    <t>【航天瑞奇】交联电力电缆\ZC-YJV-8.7/10kV\1×185mm2</t>
  </si>
  <si>
    <t>【航天瑞奇】交联电力电缆\ZC-YJV-8.7/10kV\1×240mm2</t>
  </si>
  <si>
    <t>【航天瑞奇】交联电力电缆\ZC-YJV-8.7/10kV\1×300mm2</t>
  </si>
  <si>
    <t>【航天瑞奇】交联电力电缆\ZC-YJY-8.7/10kV\1×50mm2</t>
  </si>
  <si>
    <t>【航天瑞奇】交联电力电缆\ZC-YJY-8.7/10kV\1×70mm2</t>
  </si>
  <si>
    <t>【航天瑞奇】交联电力电缆\ZC-YJY-8.7/10kV\1×95mm2</t>
  </si>
  <si>
    <t>【航天瑞奇】交联电力电缆\ZC-YJY-8.7/10kV\1×120mm2</t>
  </si>
  <si>
    <t>【航天瑞奇】交联电力电缆\ZC-YJY-8.7/10kV\1×150mm2</t>
  </si>
  <si>
    <t>【航天瑞奇】交联电力电缆\ZC-YJY-8.7/10kV\1×185mm2</t>
  </si>
  <si>
    <t>【航天瑞奇】交联电力电缆\ZC-YJY-8.7/10kV\1×240mm2</t>
  </si>
  <si>
    <t>【航天瑞奇】交联电力电缆\ZC-YJY-8.7/10kV\1×300mm2</t>
  </si>
  <si>
    <t>【航天瑞奇】交联电力电缆\ZC-YJY-8.7/10kV\1×400mm2</t>
  </si>
  <si>
    <t>【航天瑞奇】交联电力电缆\ZC-YJY-8.7/10kV\1×500mm2</t>
  </si>
  <si>
    <t>【航天瑞奇】交联电力电缆\ZC- YJV62 -6/6kV\1×50mm2</t>
  </si>
  <si>
    <t>【航天瑞奇】交联电力电缆\ZC- YJV62 -6/6kV\1×70mm2</t>
  </si>
  <si>
    <t>【航天瑞奇】交联电力电缆\ZC- YJV62 -6/6kV\1×95mm2</t>
  </si>
  <si>
    <t>【航天瑞奇】交联电力电缆\ZC- YJV62 -6/6kV\1×120mm2</t>
  </si>
  <si>
    <t>【航天瑞奇】交联电力电缆\ZC- YJV62 -6/6kV\1×150mm2</t>
  </si>
  <si>
    <t>【航天瑞奇】交联电力电缆\ZC- YJV62 -6/6kV\1×185mm2</t>
  </si>
  <si>
    <t>【航天瑞奇】交联电力电缆\ZC- YJV62 -6/6kV\1×240mm2</t>
  </si>
  <si>
    <t>【航天瑞奇】交联电力电缆\ZC- YJV62 -6/6kV\1×300mm2</t>
  </si>
  <si>
    <t>【航天瑞奇】交联电力电缆\ZC- YJV62 -6/6kV\1×400mm2</t>
  </si>
  <si>
    <t>【航天瑞奇】交联电力电缆\ZC- YJV62 -6/6kV\1×500mm2</t>
  </si>
  <si>
    <t>【航天瑞奇】交联电力电缆\YJV32\8.7/10kV\3×240mm2</t>
  </si>
  <si>
    <t>【航天瑞奇】交联电力电缆\YJV42\8.7/10kV\3×240mm2</t>
  </si>
  <si>
    <t>【航天瑞奇】交联电力电缆\YJV42\8.7/10kV\3×70mm2</t>
  </si>
  <si>
    <t>【航天瑞奇】交联电力电缆\ZC-YJV62-8.7/10kV\1×50mm2</t>
  </si>
  <si>
    <t>【航天瑞奇】交联电力电缆\ZC-YJV62-8.7/10kV\1×70mm2</t>
  </si>
  <si>
    <t>【航天瑞奇】交联电力电缆\ZC-YJV62-8.7/10kV\1×95mm2</t>
  </si>
  <si>
    <t>【航天瑞奇】交联电力电缆\ZC-YJV62-8.7/10kV\1×120mm2</t>
  </si>
  <si>
    <t>【航天瑞奇】交联电力电缆\ZC-YJV62-8.7/10kV\1×150mm2</t>
  </si>
  <si>
    <t>【航天瑞奇】交联电力电缆\ZC-YJV62-8.7/10kV\1×185mm2</t>
  </si>
  <si>
    <t>【航天瑞奇】交联电力电缆\ZC-YJV62-8.7/10kV\1×240mm2</t>
  </si>
  <si>
    <t>【航天瑞奇】交联电力电缆\ZC-YJV62-8.7/10kV\1×300mm2</t>
  </si>
  <si>
    <t>【航天瑞奇】交联电力电缆\ZC-YJV62-8.7/10kV\1×400mm2</t>
  </si>
  <si>
    <t>【航天瑞奇】交联电力电缆\ZC-YJV62-8.7/10kV\1×500mm2</t>
  </si>
  <si>
    <t>【航天瑞奇】交联电力电缆\ZC- YJY63 -6/6kV\1×50mm2</t>
  </si>
  <si>
    <t>【航天瑞奇】交联电力电缆\ZC- YJY63 -6/6kV\1×70mm2</t>
  </si>
  <si>
    <t>【航天瑞奇】交联电力电缆\ZC- YJY63 -6/6kV\1×95mm2</t>
  </si>
  <si>
    <t>【航天瑞奇】交联电力电缆\ZC- YJY63 -6/6kV\1×120mm2</t>
  </si>
  <si>
    <t>【航天瑞奇】交联电力电缆\ZC- YJY63 -6/6kV\1×150mm2</t>
  </si>
  <si>
    <t>【航天瑞奇】交联电力电缆\ZC- YJY63 -6/6kV\1×185mm2</t>
  </si>
  <si>
    <t>【航天瑞奇】交联电力电缆\ZC- YJY63 -6/6kV\1×240mm2</t>
  </si>
  <si>
    <t>【航天瑞奇】交联电力电缆\ZC- YJY63 -6/6kV\1×300mm2</t>
  </si>
  <si>
    <t>【航天瑞奇】交联电力电缆\ZC- YJY63 -6/6kV\1×400mm2</t>
  </si>
  <si>
    <t>【航天瑞奇】交联电力电缆\ZC- YJY63 -6/6kV\1×500mm2</t>
  </si>
  <si>
    <t>【航天瑞奇】交联电力电缆\ZC-YJY63-8.7/10kV\1×50mm2</t>
  </si>
  <si>
    <t>【航天瑞奇】交联电力电缆\ZC-YJY63-8.7/10kV\1×70mm2</t>
  </si>
  <si>
    <t>【航天瑞奇】交联电力电缆\ZC-YJY63-8.7/10kV\1×95mm2</t>
  </si>
  <si>
    <t>【航天瑞奇】交联电力电缆\ZC-YJY63-8.7/10kV\1×120mm2</t>
  </si>
  <si>
    <t>【航天瑞奇】交联电力电缆\ZC-YJY63-8.7/10kV\1×150mm2</t>
  </si>
  <si>
    <t>【航天瑞奇】交联电力电缆\ZC-YJY63-8.7/10kV\1×185mm2</t>
  </si>
  <si>
    <t>【航天瑞奇】交联电力电缆\ZC-YJY63-8.7/10kV\1×240mm2</t>
  </si>
  <si>
    <t>【航天瑞奇】交联电力电缆\ZC-YJY63-8.7/10kV\1×300mm2</t>
  </si>
  <si>
    <t>【航天瑞奇】交联电力电缆\ZC-YJY63-8.7/10kV\1×400mm2</t>
  </si>
  <si>
    <t>【航天瑞奇】交联电力电缆\ZC-YJY63-8.7/10kV\1×500mm2</t>
  </si>
  <si>
    <t>【航天瑞奇】交联电力电缆\YJV22\8.7/15kV\3×120mm2</t>
  </si>
  <si>
    <t>【航天瑞奇】交联电力电缆\YJV22\8.7/15kV\3×150mm2</t>
  </si>
  <si>
    <t>【航天瑞奇】交联电力电缆\YJV22\8.7/15kV\3×185mm2</t>
  </si>
  <si>
    <t>【航天瑞奇】交联电力电缆\YJV22\8.7/15kV\3×240mm2</t>
  </si>
  <si>
    <t>【航天瑞奇】交联电力电缆\YJV22\8.7/15kV\3×300mm2</t>
  </si>
  <si>
    <t>【航天瑞奇】交联电力电缆\YJV22\8.7/15kV\3×70mm2</t>
  </si>
  <si>
    <t>【航天瑞奇】交联电力电缆\ZC-YJV-0.6/1.0kV\1*1.5mm2,0.6/1kV</t>
  </si>
  <si>
    <t>WZSCCG-2020-BJ-1087</t>
  </si>
  <si>
    <t>国家能源e购商城 1kV电力电缆铺货长协采购框架合同</t>
  </si>
  <si>
    <t>【航天瑞奇】交联电力电缆\ZC-YJV-0.6/1.0kV\1*2.5mm2,0.6/1kV</t>
  </si>
  <si>
    <t>【航天瑞奇】交联电力电缆\ZC-YJV-0.6/1.0kV\1*4mm2,0.6/1kV</t>
  </si>
  <si>
    <t>【航天瑞奇】交联电力电缆\ZC-YJV-0.6/1.0kV\1*6mm2,0.6/1kV</t>
  </si>
  <si>
    <t>【航天瑞奇】交联电力电缆\ZC-YJV-0.6/1.0kV\1*10mm2,0.6/1kV</t>
  </si>
  <si>
    <t>【航天瑞奇】交联电力电缆\ZC-YJV-0.6/1.0kV\1*16mm2,0.6/1kV</t>
  </si>
  <si>
    <t>【航天瑞奇】交联电力电缆\ZC-YJV-0.6/1.0kV\1*25mm2,0.6/1kV</t>
  </si>
  <si>
    <t>【航天瑞奇】交联电力电缆\ZC-YJV-0.6/1.0kV\1*35mm2,0.6/1kV</t>
  </si>
  <si>
    <t>【航天瑞奇】交联电力电缆\ZC-YJV-0.6/1.0kV\1*50mm2,0.6/1kV</t>
  </si>
  <si>
    <t>【航天瑞奇】交联电力电缆\ZC-YJV-0.6/1.0kV\1*70mm2,0.6/1kV</t>
  </si>
  <si>
    <t>【航天瑞奇】交联电力电缆\ZC-YJV-0.6/1.0kV\1*95mm2,0.6/1kV</t>
  </si>
  <si>
    <t>【航天瑞奇】交联电力电缆\ZC-YJV-0.6/1.0kV\1*120mm2,0.6/1kV</t>
  </si>
  <si>
    <t>【航天瑞奇】交联电力电缆\ZC-YJV-0.6/1.0kV\1*150mm2,0.6/1kV</t>
  </si>
  <si>
    <t>【航天瑞奇】交联电力电缆\ZC-YJV-0.6/1.0kV\1*185mm2,0.6/1kV</t>
  </si>
  <si>
    <t>【航天瑞奇】交联电力电缆\ZC-YJV-0.6/1.0kV\1*240mm2,0.6/1kV</t>
  </si>
  <si>
    <t>【航天瑞奇】交联电力电缆\ZC-YJV-0.6/1.0kV\1*300mm2,0.6/1kV</t>
  </si>
  <si>
    <t>【航天瑞奇】交联电力电缆\ZC-YJV-0.6/1.0kV\1*400mm2,0.6/1kV</t>
  </si>
  <si>
    <t>【航天瑞奇】交联电力电缆\ZC-YJV-0.6/1.0kV\1*500mm2,0.6/1kV</t>
  </si>
  <si>
    <t>【航天瑞奇】交联电力电缆\ZC-YJV-0.6/1.0kV\2*1.5mm2,0.6/1kV</t>
  </si>
  <si>
    <t>【航天瑞奇】交联电力电缆\ZC-YJV-0.6/1.0kV\2*2.5mm2,0.6/1kV</t>
  </si>
  <si>
    <t>【航天瑞奇】交联电力电缆\ZC-YJV-0.6/1.0kV\2*4mm2,0.6/1kV</t>
  </si>
  <si>
    <t>【航天瑞奇】交联电力电缆\ZC-YJV-0.6/1.0kV\2*6mm2,0.6/1kV</t>
  </si>
  <si>
    <t>【航天瑞奇】交联电力电缆\ZC-YJV-0.6/1.0kV\2*10mm2,0.6/1kV</t>
  </si>
  <si>
    <t>【航天瑞奇】交联电力电缆\ZC-YJV-0.6/1.0kV\2*16mm2,0.6/1kV</t>
  </si>
  <si>
    <t>【航天瑞奇】交联电力电缆\ZC-YJV-0.6/1.0kV\2*25mm2,0.6/1kV</t>
  </si>
  <si>
    <t>【航天瑞奇】交联电力电缆\ZC-YJV-0.6/1.0kV\2*35mm2,0.6/1kV</t>
  </si>
  <si>
    <t>【航天瑞奇】交联电力电缆\ZC-YJV-0.6/1.0kV\2*50mm2,0.6/1kV</t>
  </si>
  <si>
    <t>【航天瑞奇】交联电力电缆\ZC-YJV-0.6/1.0kV\2*70mm2,0.6/1kV</t>
  </si>
  <si>
    <t>【航天瑞奇】交联电力电缆\ZC-YJV-0.6/1.0kV\2*95mm2,0.6/1kV</t>
  </si>
  <si>
    <t>【航天瑞奇】交联电力电缆\ZC-YJV-0.6/1.0kV\2*120mm2,0.6/1kV</t>
  </si>
  <si>
    <t>【航天瑞奇】交联电力电缆\ZC-YJV-0.6/1.0kV\2*150mm2,0.6/1kV</t>
  </si>
  <si>
    <t>【航天瑞奇】交联电力电缆\ZC-YJV-0.6/1.0kV\2*185mm2,0.6/1kV</t>
  </si>
  <si>
    <t>【航天瑞奇】交联电力电缆\ZC-YJV-0.6/1.0kV\2*240mm2,0.6/1kV</t>
  </si>
  <si>
    <t>【航天瑞奇】交联电力电缆\ZC-YJV-0.6/1.0kV\2*300mm2,0.6/1kV</t>
  </si>
  <si>
    <t>【航天瑞奇】交联电力电缆\ZC-YJV-0.6/1.0kV\3*1.5mm2,0.6/1kV</t>
  </si>
  <si>
    <t>【航天瑞奇】交联电力电缆\ZC-YJV-0.6/1.0kV\3*2.5mm2,0.6/1kV</t>
  </si>
  <si>
    <t>【航天瑞奇】交联电力电缆\ZC-YJV-0.6/1.0kV\3*4mm2,0.6/1kV</t>
  </si>
  <si>
    <t>【航天瑞奇】交联电力电缆\ZC-YJV-0.6/1.0kV\3*6mm2,0.6/1kV</t>
  </si>
  <si>
    <t>【航天瑞奇】交联电力电缆\ZC-YJV-0.6/1.0kV\3*10mm2,0.6/1kV</t>
  </si>
  <si>
    <t>【航天瑞奇】交联电力电缆\ZC-YJV-0.6/1.0kV\3*16mm2,0.6/1kV</t>
  </si>
  <si>
    <t>【航天瑞奇】交联电力电缆\ZC-YJV-0.6/1.0kV\3*25mm2,0.6/1kV</t>
  </si>
  <si>
    <t>【航天瑞奇】交联电力电缆\ZC-YJV-0.6/1.0kV\3*35mm2,0.6/1kV</t>
  </si>
  <si>
    <t>【航天瑞奇】交联电力电缆\ZC-YJV-0.6/1.0kV\3*50mm2,0.6/1kV</t>
  </si>
  <si>
    <t>【航天瑞奇】交联电力电缆\ZC-YJV-0.6/1.0kV\3*70mm2,0.6/1kV</t>
  </si>
  <si>
    <t>【航天瑞奇】交联电力电缆\ZC-YJV-0.6/1.0kV\3*95mm2,0.6/1kV</t>
  </si>
  <si>
    <t>【航天瑞奇】交联电力电缆\ZC-YJV-0.6/1.0kV\3*120mm2,0.6/1kV</t>
  </si>
  <si>
    <t>【航天瑞奇】交联电力电缆\ZC-YJV-0.6/1.0kV\3*150mm2,0.6/1kV</t>
  </si>
  <si>
    <t>【航天瑞奇】交联电力电缆\ZC-YJV-0.6/1.0kV\3*185mm2,0.6/1kV</t>
  </si>
  <si>
    <t>【航天瑞奇】交联电力电缆\ZC-YJV-0.6/1.0kV\3*240mm2,0.6/1kV</t>
  </si>
  <si>
    <t>【航天瑞奇】交联电力电缆\ZC-YJV-0.6/1.0kV\3*300mm2,0.6/1kV</t>
  </si>
  <si>
    <t>【航天瑞奇】交联电力电缆\ZC-YJV-0.6/1.0kV\3*400mm2,0.6/1kV</t>
  </si>
  <si>
    <t>【航天瑞奇】交联电力电缆\YJV\0.6/1.0kV\3*10+2*6mm2,0.6/1kV</t>
  </si>
  <si>
    <t>【航天瑞奇】交联电力电缆\YJV\0.6/1.0kV\3*120+2*70mm2,0.6/1kV</t>
  </si>
  <si>
    <t>【航天瑞奇】交联电力电缆\YJV\0.6/1.0kV\3*185+1*120mm2,0.6/1kV</t>
  </si>
  <si>
    <t>【航天瑞奇】交联电力电缆\YJV\0.6/1.0kV\3*185+1*95mm2,0.6/1kV</t>
  </si>
  <si>
    <t>【航天瑞奇】交联电力电缆\YJV\0.6/1.0kV\3*185+2*95mm2,0.6/1kV</t>
  </si>
  <si>
    <t>【航天瑞奇】交联电力电缆\YJV\0.6/1.0kV\3*240+2*120mm2,0.6/1kV</t>
  </si>
  <si>
    <t>【航天瑞奇】交联电力电缆\YJV\0.6/1.0kV\3*35+1*16mm2,0.6/1kV</t>
  </si>
  <si>
    <t>【航天瑞奇】交联电力电缆\YJV\0.6/1.0kV\3*35+2*16mm2,0.6/1kV</t>
  </si>
  <si>
    <t>【航天瑞奇】交联电力电缆\YJV\0.6/1.0kV\3*35+2*25mm2,0.6/1kV</t>
  </si>
  <si>
    <t>【航天瑞奇】交联电力电缆\YJV\0.6/1.0kV\3*50+1*25mm2,0.6/1kV</t>
  </si>
  <si>
    <t>【航天瑞奇】交联电力电缆\YJV\0.6/1.0kV\3*70+1*35mm2,0.6/1kV</t>
  </si>
  <si>
    <t>【航天瑞奇】交联电力电缆\YJV\0.6/1.0kV\3*70+2*35mm2,0.6/1kV</t>
  </si>
  <si>
    <t>【航天瑞奇】交联电力电缆\YJV\0.6/1.0kV\3*95+1*50mm2,0.6/1kV</t>
  </si>
  <si>
    <t>【航天瑞奇】交联电力电缆\YJV\0.6/1.0kV\3*95+2*50mm2,0.6/1kV</t>
  </si>
  <si>
    <t>【航天瑞奇】交联电力电缆\ZC-YJV-0.6/1.0kV\3*50+2*25mm2,0.6/1kV</t>
  </si>
  <si>
    <t>【航天瑞奇】交联电力电缆\ZC-YJV-0.6/1.0kV\3*70+2*35mm2,0.6/1kV</t>
  </si>
  <si>
    <t>【航天瑞奇】交联电力电缆\ZC-YJV-0.6/1.0kV\3*95+2*50mm2,0.6/1kV</t>
  </si>
  <si>
    <t>【航天瑞奇】交联电力电缆\ZC-YJV-0.6/1.0kV\3*120+2*70mm2,0.6/1kV</t>
  </si>
  <si>
    <t>【航天瑞奇】交联电力电缆\ZC-YJV-0.6/1.0kV\3*150+2*70mm2,0.6/1kV</t>
  </si>
  <si>
    <t>【航天瑞奇】交联电力电缆\ZC-YJV-0.6/1.0kV\3*185+2*95mm2,0.6/1kV</t>
  </si>
  <si>
    <t>【航天瑞奇】交联电力电缆\ZC-YJV-0.6/1.0kV\3*240+2*120mm2,0.6/1kV</t>
  </si>
  <si>
    <t>【航天瑞奇】交联电力电缆\ZC-YJV-0.6/1.0kV\3*300+2*150mm2,0.6/1kV</t>
  </si>
  <si>
    <t>【航天瑞奇】交联电力电缆\ZC-YJV-0.6/1.0kV\3*400+2*185mm2,0.6/1kV</t>
  </si>
  <si>
    <t>【航天瑞奇】交联电力电缆\ZC-YJV-0.6/1.0kV\4*2.5+1*1.5mm2,0.6/1kV</t>
  </si>
  <si>
    <t>【航天瑞奇】交联电力电缆\ZC-YJV-0.6/1.0kV\4*4+1*2.5mm2,0.6/1kV</t>
  </si>
  <si>
    <t>【航天瑞奇】交联电力电缆\ZC-YJV-0.6/1.0kV\4*6+1*4mm2,0.6/1kV</t>
  </si>
  <si>
    <t>【航天瑞奇】交联电力电缆\ZC-YJV-0.6/1.0kV\4*10+1*6mm2,0.6/1kV</t>
  </si>
  <si>
    <t>【航天瑞奇】交联电力电缆\ZC-YJV-0.6/1.0kV\4*16+1*10mm2,0.6/1kV</t>
  </si>
  <si>
    <t>【航天瑞奇】交联电力电缆\ZC-YJV-0.6/1.0kV\4*25+1*16mm2,0.6/1kV</t>
  </si>
  <si>
    <t>【航天瑞奇】交联电力电缆\ZC-YJV-0.6/1.0kV\4*35+1*16mm2,0.6/1kV</t>
  </si>
  <si>
    <t>【航天瑞奇】交联电力电缆\ZC-YJV-0.6/1.0kV\4*50+1*25mm2,0.6/1kV</t>
  </si>
  <si>
    <t>【航天瑞奇】交联电力电缆\ZC-YJV-0.6/1.0kV\4*70+1*35mm2,0.6/1kV</t>
  </si>
  <si>
    <t>【航天瑞奇】交联电力电缆\ZC-YJV-0.6/1.0kV\4*95+1*50mm2,0.6/1kV</t>
  </si>
  <si>
    <t>【航天瑞奇】交联电力电缆\ZC-YJV-0.6/1.0kV\4*120+1*70mm2,0.6/1kV</t>
  </si>
  <si>
    <t>【航天瑞奇】交联电力电缆\ZC-YJV-0.6/1.0kV\4*150+1*70mm2,0.6/1kV</t>
  </si>
  <si>
    <t>【航天瑞奇】交联电力电缆\ZC-YJV-0.6/1.0kV\4*185+1*95mm2,0.6/1kV</t>
  </si>
  <si>
    <t>【航天瑞奇】交联电力电缆\ZC-YJV-0.6/1.0kV\4*1.5mm2,0.6/1kV</t>
  </si>
  <si>
    <t>【航天瑞奇】交联电力电缆\ZC-YJV-0.6/1.0kV\4*2.5mm2,0.6/1kV</t>
  </si>
  <si>
    <t>【航天瑞奇】交联电力电缆\ZC-YJV-0.6/1.0kV\4*4mm2,0.6/1kV</t>
  </si>
  <si>
    <t>【航天瑞奇】交联电力电缆\ZC-YJV-0.6/1.0kV\4*6mm2,0.6/1kV</t>
  </si>
  <si>
    <t>【航天瑞奇】交联电力电缆\ZC-YJV-0.6/1.0kV\4*10mm2,0.6/1kV</t>
  </si>
  <si>
    <t>【航天瑞奇】交联电力电缆\ZC-YJV-0.6/1.0kV\4*16mm2,0.6/1kV</t>
  </si>
  <si>
    <t>【航天瑞奇】交联电力电缆\ZC-YJV-0.6/1.0kV\4*25mm2,0.6/1kV</t>
  </si>
  <si>
    <t>【航天瑞奇】交联电力电缆\ZC-YJV-0.6/1.0kV\4*35mm2,0.6/1kV</t>
  </si>
  <si>
    <t>【航天瑞奇】交联电力电缆\ZC-YJV-0.6/1.0kV\4*50mm2,0.6/1kV</t>
  </si>
  <si>
    <t>【航天瑞奇】交联电力电缆\ZC-YJV-0.6/1.0kV\4*70mm2,0.6/1kV</t>
  </si>
  <si>
    <t>【航天瑞奇】交联电力电缆\ZC-YJV-0.6/1.0kV\4*95mm2,0.6/1kV</t>
  </si>
  <si>
    <t>【航天瑞奇】交联电力电缆\ZC-YJV-0.6/1.0kV\4*120mm2,0.6/1kV</t>
  </si>
  <si>
    <t>【航天瑞奇】交联电力电缆\ZC-YJV-0.6/1.0kV\4*150mm2,0.6/1kV</t>
  </si>
  <si>
    <t>【航天瑞奇】交联电力电缆\ZC-YJV-0.6/1.0kV\4*185mm2,0.6/1kV</t>
  </si>
  <si>
    <t>【航天瑞奇】交联电力电缆\ZC-YJV-0.6/1.0kV\5*1.5mm2,0.6/1kV</t>
  </si>
  <si>
    <t>【航天瑞奇】交联电力电缆\ZC-YJV-0.6/1.0kV\5*2.5mm2,0.6/1kV</t>
  </si>
  <si>
    <t>【航天瑞奇】交联电力电缆\ZC-YJV-0.6/1.0kV\5*4mm2,0.6/1kV</t>
  </si>
  <si>
    <t>【航天瑞奇】交联电力电缆\ZC-YJV-0.6/1.0kV\5*6mm2,0.6/1kV</t>
  </si>
  <si>
    <t>【航天瑞奇】交联电力电缆\ZC-YJV-0.6/1.0kV\5*10mm2,0.6/1kV</t>
  </si>
  <si>
    <t>【航天瑞奇】交联电力电缆\ZC-YJV-0.6/1.0kV\5*16mm2,0.6/1kV</t>
  </si>
  <si>
    <t>【航天瑞奇】交联电力电缆\ZC-YJV-0.6/1.0kV\5*25mm2,0.6/1kV</t>
  </si>
  <si>
    <t>【航天瑞奇】交联电力电缆\ZC-YJV-0.6/1.0kV\5*35mm2,0.6/1kV</t>
  </si>
  <si>
    <t>【航天瑞奇】交联电力电缆\ZC-YJV-0.6/1.0kV\5*50mm2,0.6/1kV</t>
  </si>
  <si>
    <t>【航天瑞奇】交联电力电缆\ZC-YJV-0.6/1.0kV\5*70mm2,0.6/1kV</t>
  </si>
  <si>
    <t>【航天瑞奇】交联电力电缆\ZC-YJV-0.6/1.0kV\5*95mm2,0.6/1kV</t>
  </si>
  <si>
    <t>【航天瑞奇】交联电力电缆\ZC-YJV-0.6/1.0kV\5*120mm2,0.6/1kV</t>
  </si>
  <si>
    <t>【航天瑞奇】交联电力电缆\ZC-YJV-0.6/1.0kV\5*150mm2,0.6/1kV</t>
  </si>
  <si>
    <t>【航天瑞奇】交联电力电缆\ZC-YJV-0.6/1.0kV\3*2.5+1*1.5mm2,0.6/1kV</t>
  </si>
  <si>
    <t>【航天瑞奇】交联电力电缆\ZC-YJV-0.6/1.0kV\3*4+1*2.5mm2,0.6/1kV</t>
  </si>
  <si>
    <t>【航天瑞奇】交联电力电缆\ZC-YJV-0.6/1.0kV\3*6+1*4mm2,0.6/1kV</t>
  </si>
  <si>
    <t>【航天瑞奇】交联电力电缆\ZC-YJV-0.6/1.0kV\3*10+1*6mm2,0.6/1kV</t>
  </si>
  <si>
    <t>【航天瑞奇】交联电力电缆\ZC-YJV-0.6/1.0kV\3*16+1*10mm2,0.6/1kV</t>
  </si>
  <si>
    <t>【航天瑞奇】交联电力电缆\ZC-YJV-0.6/1.0kV\3*25+1*16mm2,0.6/1kV</t>
  </si>
  <si>
    <t>【航天瑞奇】交联电力电缆\ZC-YJV-0.6/1.0kV\3*35+1*16mm2,0.6/1kV</t>
  </si>
  <si>
    <t>【航天瑞奇】交联电力电缆\ZC-YJV-0.6/1.0kV\3*50+1*25mm2,0.6/1kV</t>
  </si>
  <si>
    <t>【航天瑞奇】交联电力电缆\ZC-YJV-0.6/1.0kV\3*70+1*35mm2,0.6/1kV</t>
  </si>
  <si>
    <t>【航天瑞奇】交联电力电缆\ZC-YJV-0.6/1.0kV\3*95+1*50mm2,0.6/1kV</t>
  </si>
  <si>
    <t>【航天瑞奇】交联电力电缆\ZC-YJV-0.6/1.0kV\3*120+1*70mm2,0.6/1kV</t>
  </si>
  <si>
    <t>【航天瑞奇】交联电力电缆\ZC-YJV-0.6/1.0kV\3*150+1*70mm2,0.6/1kV</t>
  </si>
  <si>
    <t>【航天瑞奇】交联电力电缆\ZC-YJV-0.6/1.0kV\3*185+1*95mm2,0.6/1kV</t>
  </si>
  <si>
    <t>【航天瑞奇】交联电力电缆\ZC-YJV-0.6/1.0kV\3*240+1*120mm2,0.6/1kV</t>
  </si>
  <si>
    <t>【航天瑞奇】交联电力电缆\ZC-YJV-0.6/1.0kV\3*300+1*150mm2,0.6/1kV</t>
  </si>
  <si>
    <t>【航天瑞奇】交联电力电缆\ZC-YJV-0.6/1.0kV\3*400+1*185mm2,0.6/1kV</t>
  </si>
  <si>
    <t>【航天瑞奇】交联电力电缆\ZC-YJV-0.6/1.0kV\3*2.5+2*1.5mm2,0.6/1kV</t>
  </si>
  <si>
    <t>【航天瑞奇】交联电力电缆\ZC-YJV-0.6/1.0kV\3*4+2*2.5mm2,0.6/1kV</t>
  </si>
  <si>
    <t>【航天瑞奇】交联电力电缆\ZC-YJV-0.6/1.0kV\3*6+2*4mm2,0.6/1kV</t>
  </si>
  <si>
    <t>【航天瑞奇】交联电力电缆\ZC-YJV-0.6/1.0kV\3*10+2*6mm2,0.6/1kV</t>
  </si>
  <si>
    <t>【航天瑞奇】交联电力电缆\ZC-YJV-0.6/1.0kV\3*16+2*10mm2,0.6/1kV</t>
  </si>
  <si>
    <t>【航天瑞奇】交联电力电缆\ZC-YJV-0.6/1.0kV\3*25+2*16mm2,0.6/1kV</t>
  </si>
  <si>
    <t>【航天瑞奇】交联电力电缆\ZC-YJV-0.6/1.0kV\3*35+2*16mm2,0.6/1kV</t>
  </si>
  <si>
    <t>【航天瑞奇】交联电力电缆\ZC-YJV22-0.6/1kV\2*1.5mm2,0.6/1kV</t>
  </si>
  <si>
    <t>【航天瑞奇】交联电力电缆\ZC-YJV22-0.6/1kV\2*2.5mm2,0.6/1kV</t>
  </si>
  <si>
    <t>【航天瑞奇】交联电力电缆\ZC-YJV22-0.6/1kV\2*4mm2,0.6/1kV</t>
  </si>
  <si>
    <t>【航天瑞奇】交联电力电缆\ZC-YJV22-0.6/1kV\2*6mm2,0.6/1kV</t>
  </si>
  <si>
    <t>【航天瑞奇】交联电力电缆\ZC-YJV22-0.6/1kV\2*10mm2,0.6/1kV</t>
  </si>
  <si>
    <t>【航天瑞奇】交联电力电缆\ZC-YJV22-0.6/1kV\2*16mm2,0.6/1kV</t>
  </si>
  <si>
    <t>【航天瑞奇】交联电力电缆\ZC-YJV22-0.6/1kV\2*25mm2,0.6/1kV</t>
  </si>
  <si>
    <t>【航天瑞奇】交联电力电缆\ZC-YJV22-0.6/1kV\2*35mm2,0.6/1kV</t>
  </si>
  <si>
    <t>【航天瑞奇】交联电力电缆\ZC-YJV22-0.6/1kV\2*50mm2,0.6/1kV</t>
  </si>
  <si>
    <t>【航天瑞奇】交联电力电缆\ZC-YJV22-0.6/1kV\2*70mm2,0.6/1kV</t>
  </si>
  <si>
    <t>【航天瑞奇】交联电力电缆\ZC-YJV22-0.6/1kV\2*95mm2,0.6/1kV</t>
  </si>
  <si>
    <t>【航天瑞奇】交联电力电缆\ZC-YJV22-0.6/1kV\2*120mm2,0.6/1kV</t>
  </si>
  <si>
    <t>【航天瑞奇】交联电力电缆\ZC-YJV22-0.6/1kV\2*150mm2,0.6/1kV</t>
  </si>
  <si>
    <t>【航天瑞奇】交联电力电缆\ZC-YJV22-0.6/1kV\2*185mm2,0.6/1kV</t>
  </si>
  <si>
    <t>【航天瑞奇】交联电力电缆\ZC-YJV22-0.6/1kV\2*240mm2,0.6/1kV</t>
  </si>
  <si>
    <t>【航天瑞奇】交联电力电缆\ZC-YJV22-0.6/1kV\2*300mm2,0.6/1kV</t>
  </si>
  <si>
    <t>【航天瑞奇】交联电力电缆\ZC-YJV22-0.6/1kV\3*1.5mm2,0.6/1kV</t>
  </si>
  <si>
    <t>【航天瑞奇】交联电力电缆\ZC-YJV22-0.6/1kV\3*2.5mm2,0.6/1kV</t>
  </si>
  <si>
    <t>【航天瑞奇】交联电力电缆\ZC-YJV22-0.6/1kV\3*4mm2,0.6/1kV</t>
  </si>
  <si>
    <t>【航天瑞奇】交联电力电缆\ZC-YJV22-0.6/1kV\3*6mm2,0.6/1kV</t>
  </si>
  <si>
    <t>【航天瑞奇】交联电力电缆\ZC-YJV22-0.6/1kV\3*10mm2,0.6/1kV</t>
  </si>
  <si>
    <t>【航天瑞奇】交联电力电缆\ZC-YJV22-0.6/1kV\3*16mm2,0.6/1kV</t>
  </si>
  <si>
    <t>【航天瑞奇】交联电力电缆\ZC-YJV22-0.6/1kV\3*25mm2,0.6/1kV</t>
  </si>
  <si>
    <t>【航天瑞奇】交联电力电缆\ZC-YJV22-0.6/1kV\3*35mm2,0.6/1kV</t>
  </si>
  <si>
    <t>【航天瑞奇】交联电力电缆\ZC-YJV22-0.6/1kV\3*50mm2,0.6/1kV</t>
  </si>
  <si>
    <t>【航天瑞奇】交联电力电缆\ZC-YJV22-0.6/1kV\3*70mm2,0.6/1kV</t>
  </si>
  <si>
    <t>【航天瑞奇】交联电力电缆\ZC-YJV22-0.6/1kV\3*95mm2,0.6/1kV</t>
  </si>
  <si>
    <t>【航天瑞奇】交联电力电缆\ZC-YJV22-0.6/1kV\3*120mm2,0.6/1kV</t>
  </si>
  <si>
    <t>【航天瑞奇】交联电力电缆\ZC-YJV22-0.6/1kV\3*150mm2,0.6/1kV</t>
  </si>
  <si>
    <t>【航天瑞奇】交联电力电缆\ZC-YJV22-0.6/1kV\3*185mm2,0.6/1kV</t>
  </si>
  <si>
    <t>【航天瑞奇】交联电力电缆\ZC-YJV22-0.6/1kV\3*240mm2,0.6/1kV</t>
  </si>
  <si>
    <t>【航天瑞奇】交联电力电缆\ZC-YJV22-0.6/1kV\3*300mm2,0.6/1kV</t>
  </si>
  <si>
    <t>【航天瑞奇】交联电力电缆\ZC-YJV22-0.6/1kV\3*400mm2,0.6/1kV</t>
  </si>
  <si>
    <t>【航天瑞奇】交联电力电缆\YJV22\0.6/1kV\3*120+1*70mm2,0.6/1kV</t>
  </si>
  <si>
    <t>【航天瑞奇】交联电力电缆\YJV22\0.6/1kV\3*120+2*70mm2,0.6/1kV</t>
  </si>
  <si>
    <t>【航天瑞奇】交联电力电缆\YJV22\0.6/1kV\3*150+1*70mm2,0.6/1kV</t>
  </si>
  <si>
    <t>【航天瑞奇】交联电力电缆\YJV22\0.6/1kV\3*150+2*70mm2,0.6/1kV</t>
  </si>
  <si>
    <t>【航天瑞奇】交联电力电缆\YJV22\0.6/1kV\3*185+1*95mm2,0.6/1kV</t>
  </si>
  <si>
    <t>【航天瑞奇】交联电力电缆\YJV22\0.6/1kV\3*185+2*95mm2,0.6/1kV</t>
  </si>
  <si>
    <t>【航天瑞奇】交联电力电缆\YJV22\0.6/1kV\3*240+1*120mm2,0.6/1kV</t>
  </si>
  <si>
    <t>【航天瑞奇】交联电力电缆\YJV22\0.6/1kV\3*240+2*120mm2,0.6/1kV</t>
  </si>
  <si>
    <t>【航天瑞奇】交联电力电缆\YJV22\0.6/1kV\3*240+3*120mm2,0.6/1kV</t>
  </si>
  <si>
    <t>【航天瑞奇】交联电力电缆\YJV22\0.6/1kV\3*300+1*150mm2,0.6/1kV</t>
  </si>
  <si>
    <t>【航天瑞奇】交联电力电缆\YJV22\0.6/1kV\3*35+1*16mm2,0.6/1kV</t>
  </si>
  <si>
    <t>【航天瑞奇】交联电力电缆\YJV22\0.6/1kV\3*50+1*25mm2,0.6/1kV</t>
  </si>
  <si>
    <t>【航天瑞奇】交联电力电缆\YJV22\0.6/1kV\3*50+2*25mm2,0.6/1kV</t>
  </si>
  <si>
    <t>【航天瑞奇】交联电力电缆\YJV22\0.6/1kV\3*70+1*35mm2,0.6/1kV</t>
  </si>
  <si>
    <t>【航天瑞奇】交联电力电缆\YJV22\0.6/1kV\3*95+1*50mm2,0.6/1kV</t>
  </si>
  <si>
    <t>【航天瑞奇】交联电力电缆\YJV22\0.6/1kV\3*95+2*50mm2,0.6/1kV</t>
  </si>
  <si>
    <t>【航天瑞奇】交联电力电缆\ZC-YJV22-0.6/1kV\4*1.5mm2,0.6/1kV</t>
  </si>
  <si>
    <t>【航天瑞奇】交联电力电缆\ZC-YJV22-0.6/1kV\4*2.5mm2,0.6/1kV</t>
  </si>
  <si>
    <t>【航天瑞奇】交联电力电缆\ZC-YJV22-0.6/1kV\4*4mm2,0.6/1kV</t>
  </si>
  <si>
    <t>【航天瑞奇】交联电力电缆\ZC-YJV22-0.6/1kV\4*6mm2,0.6/1kV</t>
  </si>
  <si>
    <t>【航天瑞奇】交联电力电缆\ZC-YJV22-0.6/1kV\4*10mm2,0.6/1kV</t>
  </si>
  <si>
    <t>【航天瑞奇】交联电力电缆\ZC-YJV22-0.6/1kV\4*16mm2,0.6/1kV</t>
  </si>
  <si>
    <t>【航天瑞奇】交联电力电缆\ZC-YJV22-0.6/1kV\4*25mm2,0.6/1kV</t>
  </si>
  <si>
    <t>【航天瑞奇】交联电力电缆\ZC-YJV22-0.6/1kV\4*35mm2,0.6/1kV</t>
  </si>
  <si>
    <t>【航天瑞奇】交联电力电缆\ZC-YJV22-0.6/1kV\4*50mm2,0.6/1kV</t>
  </si>
  <si>
    <t>【航天瑞奇】交联电力电缆\ZC-YJV22-0.6/1kV\4*70mm2,0.6/1kV</t>
  </si>
  <si>
    <t>【航天瑞奇】交联电力电缆\ZC-YJV22-0.6/1kV\4*95mm2,0.6/1kV</t>
  </si>
  <si>
    <t>【航天瑞奇】交联电力电缆\ZC-YJV22-0.6/1kV\4*120mm2,0.6/1kV</t>
  </si>
  <si>
    <t>【航天瑞奇】交联电力电缆\ZC-YJV22-0.6/1kV\4*150mm2,0.6/1kV</t>
  </si>
  <si>
    <t>【航天瑞奇】交联电力电缆\ZC-YJV22-0.6/1kV\4*185mm2,0.6/1kV</t>
  </si>
  <si>
    <t>【航天瑞奇】交联电力电缆\ZC-YJV22-0.6/1kV\5*1.5mm2,0.6/1kV</t>
  </si>
  <si>
    <t>【航天瑞奇】交联电力电缆\ZC-YJV22-0.6/1kV\5*2.5mm2,0.6/1kV</t>
  </si>
  <si>
    <t>【航天瑞奇】交联电力电缆\ZC-YJV22-0.6/1kV\5*4mm2,0.6/1kV</t>
  </si>
  <si>
    <t>【航天瑞奇】交联电力电缆\ZC-YJV22-0.6/1kV\5*6mm2,0.6/1kV</t>
  </si>
  <si>
    <t>【航天瑞奇】交联电力电缆\ZC-YJV22-0.6/1kV\5*10mm2,0.6/1kV</t>
  </si>
  <si>
    <t>【航天瑞奇】交联电力电缆\ZC-YJV22-0.6/1kV\5*16mm2,0.6/1kV</t>
  </si>
  <si>
    <t>【航天瑞奇】交联电力电缆\ZC-YJV22-0.6/1kV\5*25mm2,0.6/1kV</t>
  </si>
  <si>
    <t>【航天瑞奇】交联电力电缆\ZC-YJV22-0.6/1kV\5*35mm2,0.6/1kV</t>
  </si>
  <si>
    <t>【航天瑞奇】交联电力电缆\ZC-YJV22-0.6/1kV\5*50mm2,0.6/1kV</t>
  </si>
  <si>
    <t>【航天瑞奇】交联电力电缆\ZC-YJV22-0.6/1kV\5*70mm2,0.6/1kV</t>
  </si>
  <si>
    <t>【航天瑞奇】交联电力电缆\ZC-YJV22-0.6/1kV\5*95mm2,0.6/1kV</t>
  </si>
  <si>
    <t>【航天瑞奇】交联电力电缆\ZC-YJV22-0.6/1kV\5*120mm2,0.6/1kV</t>
  </si>
  <si>
    <t>【航天瑞奇】交联电力电缆\ZC-YJV22-0.6/1kV\5*150mm2,0.6/1kV</t>
  </si>
  <si>
    <t>【航天瑞奇】交联电力电缆\ZC-YJV22-0.6/1kV\3*2.5+1*1.5mm2,0.6/1kV</t>
  </si>
  <si>
    <t>【航天瑞奇】交联电力电缆\ZC-YJV22-0.6/1kV\3*4+1*2.5mm2,0.6/1kV</t>
  </si>
  <si>
    <t>【航天瑞奇】交联电力电缆\ZC-YJV22-0.6/1kV\3*6+1*4mm2,0.6/1kV</t>
  </si>
  <si>
    <t>【航天瑞奇】交联电力电缆\ZC-YJV22-0.6/1kV\3*10+1*6mm2,0.6/1kV</t>
  </si>
  <si>
    <t>【航天瑞奇】交联电力电缆\ZC-YJV22-0.6/1kV\3*16+1*10mm2,0.6/1kV</t>
  </si>
  <si>
    <t>【航天瑞奇】交联电力电缆\ZC-YJV22-0.6/1kV\3*25+1*16mm2,0.6/1kV</t>
  </si>
  <si>
    <t>【航天瑞奇】交联电力电缆\ZC-YJV22-0.6/1kV\3*35+1*16mm2,0.6/1kV</t>
  </si>
  <si>
    <t>【航天瑞奇】交联电力电缆\ZC-YJV22-0.6/1kV\3*50+1*25mm2,0.6/1kV</t>
  </si>
  <si>
    <t>【航天瑞奇】交联电力电缆\ZC-YJV22-0.6/1kV\3*70+1*35mm2,0.6/1kV</t>
  </si>
  <si>
    <t>【航天瑞奇】交联电力电缆\ZC-YJV22-0.6/1kV\3*95+1*50mm2,0.6/1kV</t>
  </si>
  <si>
    <t>【航天瑞奇】交联电力电缆\ZC-YJV22-0.6/1kV\3*120+1*70mm2,0.6/1kV</t>
  </si>
  <si>
    <t>【航天瑞奇】交联电力电缆\ZC-YJV22-0.6/1kV\3*150+1*70mm2,0.6/1kV</t>
  </si>
  <si>
    <t>【航天瑞奇】交联电力电缆\ZC-YJV22-0.6/1kV\3*185+1*95mm2,0.6/1kV</t>
  </si>
  <si>
    <t>【航天瑞奇】交联电力电缆\ZC-YJV22-0.6/1kV\3*240+1*120mm2,0.6/1kV</t>
  </si>
  <si>
    <t>【航天瑞奇】交联电力电缆\ZC-YJV22-0.6/1kV\3*300+1*150mm2,0.6/1kV</t>
  </si>
  <si>
    <t>【航天瑞奇】交联电力电缆\ZC-YJV22-0.6/1kV\3*400+1*185mm2,0.6/1kV</t>
  </si>
  <si>
    <t>【航天瑞奇】交联电力电缆\ZC-YJV22-0.6/1kV\3*2.5+2*1.5mm2,0.6/1kV</t>
  </si>
  <si>
    <t>【航天瑞奇】交联电力电缆\ZC-YJV22-0.6/1kV\3*4+2*2.5mm2,0.6/1kV</t>
  </si>
  <si>
    <t>【航天瑞奇】交联电力电缆\ZC-YJV22-0.6/1kV\3*6+2*4mm2,0.6/1kV</t>
  </si>
  <si>
    <t>【航天瑞奇】交联电力电缆\ZC-YJV22-0.6/1kV\3*10+2*6mm2,0.6/1kV</t>
  </si>
  <si>
    <t>【航天瑞奇】交联电力电缆\ZC-YJV22-0.6/1kV\3*16+2*10mm2,0.6/1kV</t>
  </si>
  <si>
    <t>【航天瑞奇】交联电力电缆\ZC-YJV22-0.6/1kV\3*25+2*16mm2,0.6/1kV</t>
  </si>
  <si>
    <t>【航天瑞奇】交联电力电缆\ZC-YJV22-0.6/1kV\3*35+2*16mm2,0.6/1kV</t>
  </si>
  <si>
    <t>【航天瑞奇】交联电力电缆\ZC-YJV22-0.6/1kV\3*50+2*25mm2,0.6/1kV</t>
  </si>
  <si>
    <t>【航天瑞奇】交联电力电缆\ZC-YJV22-0.6/1kV\3*70+2*35mm2,0.6/1kV</t>
  </si>
  <si>
    <t>【航天瑞奇】交联电力电缆\ZC-YJV22-0.6/1kV\3*95+2*50mm2,0.6/1kV</t>
  </si>
  <si>
    <t>【航天瑞奇】交联电力电缆\ZC-YJV22-0.6/1kV\3*120+2*70mm2,0.6/1kV</t>
  </si>
  <si>
    <t>【航天瑞奇】交联电力电缆\ZC-YJV22-0.6/1kV\3*150+2*70mm2,0.6/1kV</t>
  </si>
  <si>
    <t>【航天瑞奇】交联电力电缆\ZC-YJV22-0.6/1kV\3*185+2*95mm2,0.6/1kV</t>
  </si>
  <si>
    <t>【航天瑞奇】交联电力电缆\ZC-YJV22-0.6/1kV\3*240+2*120mm2,0.6/1kV</t>
  </si>
  <si>
    <t>【航天瑞奇】交联电力电缆\ZC-YJV22-0.6/1kV\3*300+2*150mm2,0.6/1kV</t>
  </si>
  <si>
    <t>【航天瑞奇】交联电力电缆\ZC-YJV22-0.6/1kV\3*400+2*185mm2,0.6/1kV</t>
  </si>
  <si>
    <t>【航天瑞奇】交联电力电缆\ZC-YJV22-0.6/1kV\4*2.5+1*1.5mm2,0.6/1kV</t>
  </si>
  <si>
    <t>【航天瑞奇】交联电力电缆\ZC-YJV22-0.6/1kV\4*4+1*2.5mm2,0.6/1kV</t>
  </si>
  <si>
    <t>【航天瑞奇】交联电力电缆\ZC-YJV22-0.6/1kV\4*6+1*4mm2,0.6/1kV</t>
  </si>
  <si>
    <t>【航天瑞奇】交联电力电缆\ZC-YJV22-0.6/1kV\4*10+1*6mm2,0.6/1kV</t>
  </si>
  <si>
    <t>【航天瑞奇】交联电力电缆\ZC-YJV22-0.6/1kV\4*16+1*10mm2,0.6/1kV</t>
  </si>
  <si>
    <t>【航天瑞奇】交联电力电缆\ZC-YJV22-0.6/1kV\4*25+1*16mm2,0.6/1kV</t>
  </si>
  <si>
    <t>【航天瑞奇】交联电力电缆\ZC-YJV22-0.6/1kV\4*35+1*16mm2,0.6/1kV</t>
  </si>
  <si>
    <t>【航天瑞奇】交联电力电缆\ZC-YJV22-0.6/1kV\4*50+1*25mm2,0.6/1kV</t>
  </si>
  <si>
    <t>【航天瑞奇】交联电力电缆\ZC-YJV22-0.6/1kV\4*70+1*35mm2,0.6/1kV</t>
  </si>
  <si>
    <t>【航天瑞奇】交联电力电缆\ZC-YJV22-0.6/1kV\4*95+1*50mm2,0.6/1kV</t>
  </si>
  <si>
    <t>【航天瑞奇】交联电力电缆\ZC-YJV22-0.6/1kV\4*120+1*70mm2,0.6/1kV</t>
  </si>
  <si>
    <t>【航天瑞奇】交联电力电缆\ZC-YJV22-0.6/1kV\4*150+1*70mm2,0.6/1kV</t>
  </si>
  <si>
    <t>【航天瑞奇】交联电力电缆\ZC-YJV22-0.6/1kV\4*185+1*95mm2,0.6/1kV</t>
  </si>
  <si>
    <t>【航天瑞奇】交联电力电缆\ZC-YJV62-0.6/1kV\1*1.5mm2,0.6/1kV</t>
  </si>
  <si>
    <t>【航天瑞奇】交联电力电缆\ZC-YJV62-0.6/1kV\1*2.5mm2,0.6/1kV</t>
  </si>
  <si>
    <t>【航天瑞奇】交联电力电缆\ZC-YJV62-0.6/1kV\1*4mm2,0.6/1kV</t>
  </si>
  <si>
    <t>【航天瑞奇】交联电力电缆\ZC-YJV62-0.6/1kV\1*6mm2,0.6/1kV</t>
  </si>
  <si>
    <t>【航天瑞奇】交联电力电缆\ZC-YJV62-0.6/1kV\1*10mm2,0.6/1kV</t>
  </si>
  <si>
    <t>【航天瑞奇】交联电力电缆\ZC-YJV62-0.6/1kV\1*16mm2,0.6/1kV</t>
  </si>
  <si>
    <t>【航天瑞奇】交联电力电缆\ZC-YJV62-0.6/1kV\1*25mm2,0.6/1kV</t>
  </si>
  <si>
    <t>【航天瑞奇】交联电力电缆\ZC-YJV62-0.6/1kV\1*35mm2,0.6/1kV</t>
  </si>
  <si>
    <t>【航天瑞奇】交联电力电缆\ZC-YJV62-0.6/1kV\1*50mm2,0.6/1kV</t>
  </si>
  <si>
    <t>【航天瑞奇】交联电力电缆\ZC-YJV62-0.6/1kV\1*70mm2,0.6/1kV</t>
  </si>
  <si>
    <t>【航天瑞奇】交联电力电缆\ZC-YJV62-0.6/1kV\1*95mm2,0.6/1kV</t>
  </si>
  <si>
    <t>【航天瑞奇】交联电力电缆\ZC-YJV62-0.6/1kV\1*120mm2,0.6/1kV</t>
  </si>
  <si>
    <t>【航天瑞奇】交联电力电缆\ZC-YJV62-0.6/1kV\1*150mm2,0.6/1kV</t>
  </si>
  <si>
    <t>【航天瑞奇】交联电力电缆\ZC-YJV62-0.6/1kV\1*185mm2,0.6/1kV</t>
  </si>
  <si>
    <t>【航天瑞奇】交联电力电缆\ZC-YJV62-0.6/1kV\1*240mm2,0.6/1kV</t>
  </si>
  <si>
    <t>【航天瑞奇】交联电力电缆\ZC-YJV62-0.6/1kV\1*300mm2,0.6/1kV</t>
  </si>
  <si>
    <t>【航天瑞奇】交联电力电缆\ZC-YJV62-0.6/1kV\1*400mm2,0.6/1kV</t>
  </si>
  <si>
    <t>【航天瑞奇】交联电力电缆\ZC-YJV62-0.6/1kV\1*500mm2,0.6/1kV</t>
  </si>
  <si>
    <t>【航天瑞奇】交联电力电缆\ZC-YJY-0.6/1.0kV\1*1.5mm2,0.6/1kV</t>
  </si>
  <si>
    <t>【航天瑞奇】交联电力电缆\ZC-YJY-0.6/1.0kV\1*2.5mm2,0.6/1kV</t>
  </si>
  <si>
    <t>【航天瑞奇】交联电力电缆\ZC-YJY-0.6/1.0kV\1*4mm2,0.6/1kV</t>
  </si>
  <si>
    <t>【航天瑞奇】交联电力电缆\ZC-YJY-0.6/1.0kV\1*6mm2,0.6/1kV</t>
  </si>
  <si>
    <t>【航天瑞奇】交联电力电缆\ZC-YJY-0.6/1.0kV\1*10mm2,0.6/1kV</t>
  </si>
  <si>
    <t>【航天瑞奇】交联电力电缆\ZC-YJY-0.6/1.0kV\1*16mm2,0.6/1kV</t>
  </si>
  <si>
    <t>【航天瑞奇】交联电力电缆\ZC-YJY-0.6/1.0kV\1*25mm2,0.6/1kV</t>
  </si>
  <si>
    <t>【航天瑞奇】交联电力电缆\ZC-YJY-0.6/1.0kV\1*35mm2,0.6/1kV</t>
  </si>
  <si>
    <t>【航天瑞奇】交联电力电缆\ZC-YJY-0.6/1.0kV\1*50mm2,0.6/1kV</t>
  </si>
  <si>
    <t>【航天瑞奇】交联电力电缆\ZC-YJY-0.6/1.0kV\1*70mm2,0.6/1kV</t>
  </si>
  <si>
    <t>【航天瑞奇】交联电力电缆\ZC-YJY-0.6/1.0kV\1*95mm2,0.6/1kV</t>
  </si>
  <si>
    <t>【航天瑞奇】交联电力电缆\ZC-YJY-0.6/1.0kV\1*120mm2,0.6/1kV</t>
  </si>
  <si>
    <t>【航天瑞奇】交联电力电缆\ZC-YJY-0.6/1.0kV\1*150mm2,0.6/1kV</t>
  </si>
  <si>
    <t>【航天瑞奇】交联电力电缆\ZC-YJY-0.6/1.0kV\1*185mm2,0.6/1kV</t>
  </si>
  <si>
    <t>【航天瑞奇】交联电力电缆\ZC-YJY-0.6/1.0kV\1*240mm2,0.6/1kV</t>
  </si>
  <si>
    <t>【航天瑞奇】交联电力电缆\ZC-YJY-0.6/1.0kV\1*300mm2,0.6/1kV</t>
  </si>
  <si>
    <t>【航天瑞奇】交联电力电缆\ZC-YJY-0.6/1.0kV\1*400mm2,0.6/1kV</t>
  </si>
  <si>
    <t>【航天瑞奇】交联电力电缆\ZC-YJY-0.6/1.0kV\1*500mm2,0.6/1kV</t>
  </si>
  <si>
    <t>【航天瑞奇】交联电力电缆\ZC-YJY-0.6/1.0kV\2*1.5mm2,0.6/1kV</t>
  </si>
  <si>
    <t>【航天瑞奇】交联电力电缆\ZC-YJY-0.6/1.0kV\2*2.5mm2,0.6/1kV</t>
  </si>
  <si>
    <t>【航天瑞奇】交联电力电缆\ZC-YJY-0.6/1.0kV\2*4mm2,0.6/1kV</t>
  </si>
  <si>
    <t>【航天瑞奇】交联电力电缆\ZC-YJY-0.6/1.0kV\2*6mm2,0.6/1kV</t>
  </si>
  <si>
    <t>【航天瑞奇】交联电力电缆\ZC-YJY-0.6/1.0kV\2*10mm2,0.6/1kV</t>
  </si>
  <si>
    <t>【航天瑞奇】交联电力电缆\ZC-YJY-0.6/1.0kV\2*16mm2,0.6/1kV</t>
  </si>
  <si>
    <t>【航天瑞奇】交联电力电缆\ZC-YJY-0.6/1.0kV\2*25mm2,0.6/1kV</t>
  </si>
  <si>
    <t>【航天瑞奇】交联电力电缆\ZC-YJY-0.6/1.0kV\2*35mm2,0.6/1kV</t>
  </si>
  <si>
    <t>【航天瑞奇】交联电力电缆\ZC-YJY-0.6/1.0kV\2*50mm2,0.6/1kV</t>
  </si>
  <si>
    <t>【航天瑞奇】交联电力电缆\ZC-YJY-0.6/1.0kV\2*70mm2,0.6/1kV</t>
  </si>
  <si>
    <t>【航天瑞奇】交联电力电缆\ZC-YJY-0.6/1.0kV\2*95mm2,0.6/1kV</t>
  </si>
  <si>
    <t>【航天瑞奇】交联电力电缆\ZC-YJY-0.6/1.0kV\2*120mm2,0.6/1kV</t>
  </si>
  <si>
    <t>【航天瑞奇】交联电力电缆\ZC-YJY-0.6/1.0kV\2*150mm2,0.6/1kV</t>
  </si>
  <si>
    <t>【航天瑞奇】交联电力电缆\ZC-YJY-0.6/1.0kV\2*185mm2,0.6/1kV</t>
  </si>
  <si>
    <t>【航天瑞奇】交联电力电缆\ZC-YJY-0.6/1.0kV\2*240mm2,0.6/1kV</t>
  </si>
  <si>
    <t>【航天瑞奇】交联电力电缆\ZC-YJY-0.6/1.0kV\2*300mm2,0.6/1kV</t>
  </si>
  <si>
    <t>【航天瑞奇】交联电力电缆\ZC-YJY-0.6/1.0kV\3*1.5mm2,0.6/1kV</t>
  </si>
  <si>
    <t>【航天瑞奇】交联电力电缆\ZC-YJY-0.6/1.0kV\3*2.5mm2,0.6/1kV</t>
  </si>
  <si>
    <t>【航天瑞奇】交联电力电缆\ZC-YJY-0.6/1.0kV\3*4mm2,0.6/1kV</t>
  </si>
  <si>
    <t>【航天瑞奇】交联电力电缆\ZC-YJY-0.6/1.0kV\3*6mm2,0.6/1kV</t>
  </si>
  <si>
    <t>【航天瑞奇】交联电力电缆\ZC-YJY-0.6/1.0kV\3*10mm2,0.6/1kV</t>
  </si>
  <si>
    <t>【航天瑞奇】交联电力电缆\ZC-YJY-0.6/1.0kV\3*16mm2,0.6/1kV</t>
  </si>
  <si>
    <t>【航天瑞奇】交联电力电缆\ZC-YJY-0.6/1.0kV\3*25mm2,0.6/1kV</t>
  </si>
  <si>
    <t>【航天瑞奇】交联电力电缆\ZC-YJY-0.6/1.0kV\3*35mm2,0.6/1kV</t>
  </si>
  <si>
    <t>【航天瑞奇】交联电力电缆\ZC-YJY-0.6/1.0kV\3*50mm2,0.6/1kV</t>
  </si>
  <si>
    <t>【航天瑞奇】交联电力电缆\ZC-YJY-0.6/1.0kV\3*70mm2,0.6/1kV</t>
  </si>
  <si>
    <t>【航天瑞奇】交联电力电缆\ZC-YJY-0.6/1.0kV\3*95mm2,0.6/1kV</t>
  </si>
  <si>
    <t>【航天瑞奇】交联电力电缆\ZC-YJY-0.6/1.0kV\3*120mm2,0.6/1kV</t>
  </si>
  <si>
    <t>【航天瑞奇】交联电力电缆\ZC-YJY-0.6/1.0kV\3*150mm2,0.6/1kV</t>
  </si>
  <si>
    <t>【航天瑞奇】交联电力电缆\ZC-YJY-0.6/1.0kV\3*185mm2,0.6/1kV</t>
  </si>
  <si>
    <t>【航天瑞奇】交联电力电缆\ZC-YJY-0.6/1.0kV\3*240mm2,0.6/1kV</t>
  </si>
  <si>
    <t>【航天瑞奇】交联电力电缆\ZC-YJY-0.6/1.0kV\3*300mm2,0.6/1kV</t>
  </si>
  <si>
    <t>【航天瑞奇】交联电力电缆\ZC-YJY-0.6/1.0kV\3*400mm2,0.6/1kV</t>
  </si>
  <si>
    <t>【航天瑞奇】交联电力电缆\ZC-YJY-0.6/1.0kV\4*1.5mm2,0.6/1kV</t>
  </si>
  <si>
    <t>【航天瑞奇】交联电力电缆\ZC-YJY-0.6/1.0kV\4*2.5mm2,0.6/1kV</t>
  </si>
  <si>
    <t>【航天瑞奇】交联电力电缆\ZC-YJY-0.6/1.0kV\4*4mm2,0.6/1kV</t>
  </si>
  <si>
    <t>【航天瑞奇】交联电力电缆\ZC-YJY-0.6/1.0kV\4*6mm2,0.6/1kV</t>
  </si>
  <si>
    <t>【航天瑞奇】交联电力电缆\ZC-YJY-0.6/1.0kV\4*10mm2,0.6/1kV</t>
  </si>
  <si>
    <t>【航天瑞奇】交联电力电缆\ZC-YJY-0.6/1.0kV\4*16mm2,0.6/1kV</t>
  </si>
  <si>
    <t>【航天瑞奇】交联电力电缆\ZC-YJY-0.6/1.0kV\4*25mm2,0.6/1kV</t>
  </si>
  <si>
    <t>【航天瑞奇】交联电力电缆\ZC-YJY-0.6/1.0kV\4*35mm2,0.6/1kV</t>
  </si>
  <si>
    <t>【航天瑞奇】交联电力电缆\ZC-YJY-0.6/1.0kV\4*50mm2,0.6/1kV</t>
  </si>
  <si>
    <t>【航天瑞奇】交联电力电缆\ZC-YJY-0.6/1.0kV\4*70mm2,0.6/1kV</t>
  </si>
  <si>
    <t>【航天瑞奇】交联电力电缆\ZC-YJY-0.6/1.0kV\4*95mm2,0.6/1kV</t>
  </si>
  <si>
    <t>【航天瑞奇】交联电力电缆\ZC-YJY-0.6/1.0kV\4*120mm2,0.6/1kV</t>
  </si>
  <si>
    <t>【航天瑞奇】交联电力电缆\ZC-YJY-0.6/1.0kV\4*150mm2,0.6/1kV</t>
  </si>
  <si>
    <t>【航天瑞奇】交联电力电缆\ZC-YJY-0.6/1.0kV\4*185mm2,0.6/1kV</t>
  </si>
  <si>
    <t>【航天瑞奇】交联电力电缆\ZC-YJY-0.6/1.0kV\5*1.5mm2,0.6/1kV</t>
  </si>
  <si>
    <t>【航天瑞奇】交联电力电缆\ZC-YJY-0.6/1.0kV\5*2.5mm2,0.6/1kV</t>
  </si>
  <si>
    <t>【航天瑞奇】交联电力电缆\ZC-YJY-0.6/1.0kV\5*4mm2,0.6/1kV</t>
  </si>
  <si>
    <t>【航天瑞奇】交联电力电缆\ZC-YJY-0.6/1.0kV\5*6mm2,0.6/1kV</t>
  </si>
  <si>
    <t>【航天瑞奇】交联电力电缆\ZC-YJY-0.6/1.0kV\5*10mm2,0.6/1kV</t>
  </si>
  <si>
    <t>【航天瑞奇】交联电力电缆\ZC-YJY-0.6/1.0kV\5*16mm2,0.6/1kV</t>
  </si>
  <si>
    <t>【航天瑞奇】交联电力电缆\ZC-YJY-0.6/1.0kV\5*25mm2,0.6/1kV</t>
  </si>
  <si>
    <t>【航天瑞奇】交联电力电缆\ZC-YJY-0.6/1.0kV\5*35mm2,0.6/1kV</t>
  </si>
  <si>
    <t>【航天瑞奇】交联电力电缆\ZC-YJY-0.6/1.0kV\5*50mm2,0.6/1kV</t>
  </si>
  <si>
    <t>【航天瑞奇】交联电力电缆\ZC-YJY-0.6/1.0kV\5*70mm2,0.6/1kV</t>
  </si>
  <si>
    <t>【航天瑞奇】交联电力电缆\ZC-YJY-0.6/1.0kV\5*95mm2,0.6/1kV</t>
  </si>
  <si>
    <t>【航天瑞奇】交联电力电缆\ZC-YJY-0.6/1.0kV\5*120mm2,0.6/1kV</t>
  </si>
  <si>
    <t>【航天瑞奇】交联电力电缆\ZC-YJY-0.6/1.0kV\5*150mm2,0.6/1kV</t>
  </si>
  <si>
    <t>【航天瑞奇】交联电力电缆\ZC-YJY-0.6/1.0kV\3*2.5+1*1.5mm2,0.6/1kV</t>
  </si>
  <si>
    <t>【航天瑞奇】交联电力电缆\ZC-YJY-0.6/1.0kV\3*4+1*2.5mm2,0.6/1kV</t>
  </si>
  <si>
    <t>【航天瑞奇】交联电力电缆\ZC-YJY-0.6/1.0kV\3*6+1*4mm2,0.6/1kV</t>
  </si>
  <si>
    <t>【航天瑞奇】交联电力电缆\ZC-YJY-0.6/1.0kV\3*10+1*6mm2,0.6/1kV</t>
  </si>
  <si>
    <t>【航天瑞奇】交联电力电缆\ZC-YJY-0.6/1.0kV\3*16+1*10mm2,0.6/1kV</t>
  </si>
  <si>
    <t>【航天瑞奇】交联电力电缆\ZC-YJY-0.6/1.0kV\3*25+1*16mm2,0.6/1kV</t>
  </si>
  <si>
    <t>【航天瑞奇】交联电力电缆\ZC-YJY-0.6/1.0kV\3*35+1*16mm2,0.6/1kV</t>
  </si>
  <si>
    <t>【航天瑞奇】交联电力电缆\ZC-YJY-0.6/1.0kV\3*50+1*25mm2,0.6/1kV</t>
  </si>
  <si>
    <t>【航天瑞奇】交联电力电缆\ZC-YJY-0.6/1.0kV\3*70+1*35mm2,0.6/1kV</t>
  </si>
  <si>
    <t>【航天瑞奇】交联电力电缆\ZC-YJY-0.6/1.0kV\3*95+1*50mm2,0.6/1kV</t>
  </si>
  <si>
    <t>【航天瑞奇】交联电力电缆\ZC-YJY-0.6/1.0kV\3*120+1*70mm2,0.6/1kV</t>
  </si>
  <si>
    <t>【航天瑞奇】交联电力电缆\ZC-YJY-0.6/1.0kV\3*150+1*70mm2,0.6/1kV</t>
  </si>
  <si>
    <t>【航天瑞奇】交联电力电缆\ZC-YJY-0.6/1.0kV\3*185+1*95mm2,0.6/1kV</t>
  </si>
  <si>
    <t>【航天瑞奇】交联电力电缆\ZC-YJY-0.6/1.0kV\3*240+1*120mm2,0.6/1kV</t>
  </si>
  <si>
    <t>【航天瑞奇】交联电力电缆\ZC-YJY-0.6/1.0kV\3*300+1*150mm2,0.6/1kV</t>
  </si>
  <si>
    <t>【航天瑞奇】交联电力电缆\ZC-YJY-0.6/1.0kV\3*400+1*185mm2,0.6/1kV</t>
  </si>
  <si>
    <t>【航天瑞奇】交联电力电缆\ZC-YJY-0.6/1.0kV\3*2.5+2*1.5mm2,0.6/1kV</t>
  </si>
  <si>
    <t>【航天瑞奇】交联电力电缆\ZC-YJY-0.6/1.0kV\3*4+2*2.5mm2,0.6/1kV</t>
  </si>
  <si>
    <t>【航天瑞奇】交联电力电缆\ZC-YJY-0.6/1.0kV\3*6+2*4mm2,0.6/1kV</t>
  </si>
  <si>
    <t>【航天瑞奇】交联电力电缆\ZC-YJY-0.6/1.0kV\3*10+2*6mm2,0.6/1kV</t>
  </si>
  <si>
    <t>【航天瑞奇】交联电力电缆\ZC-YJY-0.6/1.0kV\3*16+2*10mm2,0.6/1kV</t>
  </si>
  <si>
    <t>【航天瑞奇】交联电力电缆\ZC-YJY-0.6/1.0kV\3*25+2*16mm2,0.6/1kV</t>
  </si>
  <si>
    <t>【航天瑞奇】交联电力电缆\ZC-YJY-0.6/1.0kV\3*35+2*16mm2,0.6/1kV</t>
  </si>
  <si>
    <t>【航天瑞奇】交联电力电缆\ZC-YJY-0.6/1.0kV\3*50+2*25mm2,0.6/1kV</t>
  </si>
  <si>
    <t>【航天瑞奇】交联电力电缆\ZC-YJY-0.6/1.0kV\3*70+2*35mm2,0.6/1kV</t>
  </si>
  <si>
    <t>【航天瑞奇】交联电力电缆\ZC-YJY-0.6/1.0kV\3*95+2*50mm2,0.6/1kV</t>
  </si>
  <si>
    <t>【航天瑞奇】交联电力电缆\ZC-YJY-0.6/1.0kV\3*120+2*70mm2,0.6/1kV</t>
  </si>
  <si>
    <t>【航天瑞奇】交联电力电缆\ZC-YJY-0.6/1.0kV\3*150+2*70mm2,0.6/1kV</t>
  </si>
  <si>
    <t>【航天瑞奇】交联电力电缆\ZC-YJY-0.6/1.0kV\3*185+2*95mm2,0.6/1kV</t>
  </si>
  <si>
    <t>【航天瑞奇】交联电力电缆\ZC-YJY-0.6/1.0kV\3*240+2*120mm2,0.6/1kV</t>
  </si>
  <si>
    <t>【航天瑞奇】交联电力电缆\ZC-YJY-0.6/1.0kV\3*300+2*150mm2,0.6/1kV</t>
  </si>
  <si>
    <t>【航天瑞奇】交联电力电缆\ZC-YJY-0.6/1.0kV\3*400+2*185mm2,0.6/1kV</t>
  </si>
  <si>
    <t>【航天瑞奇】交联电力电缆\ZC-YJY-0.6/1.0kV\4*2.5+1*1.5mm2,0.6/1kV</t>
  </si>
  <si>
    <t>【航天瑞奇】交联电力电缆\ZC-YJY-0.6/1.0kV\4*4+1*2.5mm2,0.6/1kV</t>
  </si>
  <si>
    <t>【航天瑞奇】交联电力电缆\ZC-YJY-0.6/1.0kV\4*6+1*4mm2,0.6/1kV</t>
  </si>
  <si>
    <t>【航天瑞奇】交联电力电缆\ZC-YJY-0.6/1.0kV\4*10+1*6mm2,0.6/1kV</t>
  </si>
  <si>
    <t>【航天瑞奇】交联电力电缆\ZC-YJY-0.6/1.0kV\4*16+1*10mm2,0.6/1kV</t>
  </si>
  <si>
    <t>【航天瑞奇】交联电力电缆\ZC-YJY-0.6/1.0kV\4*25+1*16mm2,0.6/1kV</t>
  </si>
  <si>
    <t>【航天瑞奇】交联电力电缆\ZC-YJY-0.6/1.0kV\4*35+1*16mm2,0.6/1kV</t>
  </si>
  <si>
    <t>【航天瑞奇】交联电力电缆\ZC-YJY-0.6/1.0kV\4*50+1*25mm2,0.6/1kV</t>
  </si>
  <si>
    <t>【航天瑞奇】交联电力电缆\ZC-YJY-0.6/1.0kV\4*70+1*35mm2,0.6/1kV</t>
  </si>
  <si>
    <t>【航天瑞奇】交联电力电缆\ZC-YJY-0.6/1.0kV\4*95+1*50mm2,0.6/1kV</t>
  </si>
  <si>
    <t>【航天瑞奇】交联电力电缆\ZC-YJY-0.6/1.0kV\4*120+1*70mm2,0.6/1kV</t>
  </si>
  <si>
    <t>【航天瑞奇】交联电力电缆\ZC-YJY-0.6/1.0kV\4*150+1*70mm2,0.6/1kV</t>
  </si>
  <si>
    <t>【航天瑞奇】交联电力电缆\ZC-YJY-0.6/1.0kV\4*185+1*95mm2,0.6/1kV</t>
  </si>
  <si>
    <t>【航天瑞奇】交联电力电缆\ZC-YJY23-0.6/1kV\2*1.5mm2,0.6/1kV</t>
  </si>
  <si>
    <t>【航天瑞奇】交联电力电缆\ZC-YJY23-0.6/1kV\2*2.5mm2,0.6/1kV</t>
  </si>
  <si>
    <t>【航天瑞奇】交联电力电缆\ZC-YJY23-0.6/1kV\2*4mm2,0.6/1kV</t>
  </si>
  <si>
    <t>【航天瑞奇】交联电力电缆\ZC-YJY23-0.6/1kV\2*6mm2,0.6/1kV</t>
  </si>
  <si>
    <t>【航天瑞奇】交联电力电缆\ZC-YJY23-0.6/1kV\2*10mm2,0.6/1kV</t>
  </si>
  <si>
    <t>【航天瑞奇】交联电力电缆\ZC-YJY23-0.6/1kV\2*16mm2,0.6/1kV</t>
  </si>
  <si>
    <t>【航天瑞奇】交联电力电缆\ZC-YJY23-0.6/1kV\2*25mm2,0.6/1kV</t>
  </si>
  <si>
    <t>【航天瑞奇】交联电力电缆\ZC-YJY23-0.6/1kV\2*35mm2,0.6/1kV</t>
  </si>
  <si>
    <t>【航天瑞奇】交联电力电缆\ZC-YJY23-0.6/1kV\2*50mm2,0.6/1kV</t>
  </si>
  <si>
    <t>【航天瑞奇】交联电力电缆\ZC-YJY23-0.6/1kV\2*70mm2,0.6/1kV</t>
  </si>
  <si>
    <t>【航天瑞奇】交联电力电缆\ZC-YJY23-0.6/1kV\2*95mm2,0.6/1kV</t>
  </si>
  <si>
    <t>【航天瑞奇】交联电力电缆\ZC-YJY23-0.6/1kV\2*120mm2,0.6/1kV</t>
  </si>
  <si>
    <t>【航天瑞奇】交联电力电缆\ZC-YJY23-0.6/1kV\2*150mm2,0.6/1kV</t>
  </si>
  <si>
    <t>【航天瑞奇】交联电力电缆\ZC-YJY23-0.6/1kV\2*185mm2,0.6/1kV</t>
  </si>
  <si>
    <t>【航天瑞奇】交联电力电缆\ZC-YJY23-0.6/1kV\2*240mm2,0.6/1kV</t>
  </si>
  <si>
    <t>【航天瑞奇】交联电力电缆\ZC-YJY23-0.6/1kV\2*300mm2,0.6/1kV</t>
  </si>
  <si>
    <t>【航天瑞奇】交联电力电缆\ZC-YJY23-0.6/1kV\3*1.5mm2,0.6/1kV</t>
  </si>
  <si>
    <t>【航天瑞奇】交联电力电缆\ZC-YJY23-0.6/1kV\3*2.5mm2,0.6/1kV</t>
  </si>
  <si>
    <t>【航天瑞奇】交联电力电缆\ZC-YJY23-0.6/1kV\3*4mm2,0.6/1kV</t>
  </si>
  <si>
    <t>【航天瑞奇】交联电力电缆\ZC-YJY23-0.6/1kV\3*6mm2,0.6/1kV</t>
  </si>
  <si>
    <t>【航天瑞奇】交联电力电缆\ZC-YJY23-0.6/1kV\3*10mm2,0.6/1kV</t>
  </si>
  <si>
    <t>【航天瑞奇】交联电力电缆\ZC-YJY23-0.6/1kV\3*16mm2,0.6/1kV</t>
  </si>
  <si>
    <t>【航天瑞奇】交联电力电缆\ZC-YJY23-0.6/1kV\3*25mm2,0.6/1kV</t>
  </si>
  <si>
    <t>【航天瑞奇】交联电力电缆\ZC-YJY23-0.6/1kV\3*35mm2,0.6/1kV</t>
  </si>
  <si>
    <t>【航天瑞奇】交联电力电缆\ZC-YJY23-0.6/1kV\3*50mm2,0.6/1kV</t>
  </si>
  <si>
    <t>【航天瑞奇】交联电力电缆\ZC-YJY23-0.6/1kV\3*70mm2,0.6/1kV</t>
  </si>
  <si>
    <t>【航天瑞奇】交联电力电缆\ZC-YJY23-0.6/1kV\3*95mm2,0.6/1kV</t>
  </si>
  <si>
    <t>【航天瑞奇】交联电力电缆\ZC-YJY23-0.6/1kV\3*120mm2,0.6/1kV</t>
  </si>
  <si>
    <t>【航天瑞奇】交联电力电缆\ZC-YJY23-0.6/1kV\3*150mm2,0.6/1kV</t>
  </si>
  <si>
    <t>【航天瑞奇】交联电力电缆\ZC-YJY23-0.6/1kV\3*185mm2,0.6/1kV</t>
  </si>
  <si>
    <t>【航天瑞奇】交联电力电缆\ZC-YJY23-0.6/1kV\3*240mm2,0.6/1kV</t>
  </si>
  <si>
    <t>【航天瑞奇】交联电力电缆\ZC-YJY23-0.6/1kV\3*300mm2,0.6/1kV</t>
  </si>
  <si>
    <t>【航天瑞奇】交联电力电缆\ZC-YJY23-0.6/1kV\3*400mm2,0.6/1kV</t>
  </si>
  <si>
    <t>【航天瑞奇】交联电力电缆\ZC-YJY23-0.6/1kV\4*1.5mm2,0.6/1kV</t>
  </si>
  <si>
    <t>【航天瑞奇】交联电力电缆\ZC-YJY23-0.6/1kV\4*2.5mm2,0.6/1kV</t>
  </si>
  <si>
    <t>【航天瑞奇】交联电力电缆\ZC-YJY23-0.6/1kV\4*4mm2,0.6/1kV</t>
  </si>
  <si>
    <t>【航天瑞奇】交联电力电缆\ZC-YJY23-0.6/1kV\4*6mm2,0.6/1kV</t>
  </si>
  <si>
    <t>【航天瑞奇】交联电力电缆\ZC-YJY23-0.6/1kV\4*10mm2,0.6/1kV</t>
  </si>
  <si>
    <t>【航天瑞奇】交联电力电缆\ZC-YJY23-0.6/1kV\4*16mm2,0.6/1kV</t>
  </si>
  <si>
    <t>【航天瑞奇】交联电力电缆\ZC-YJY23-0.6/1kV\4*25mm2,0.6/1kV</t>
  </si>
  <si>
    <t>【航天瑞奇】交联电力电缆\ZC-YJY23-0.6/1kV\4*35mm2,0.6/1kV</t>
  </si>
  <si>
    <t>【航天瑞奇】交联电力电缆\ZC-YJY23-0.6/1kV\4*50mm2,0.6/1kV</t>
  </si>
  <si>
    <t>【航天瑞奇】交联电力电缆\ZC-YJY23-0.6/1kV\4*70mm2,0.6/1kV</t>
  </si>
  <si>
    <t>【航天瑞奇】交联电力电缆\ZC-YJY23-0.6/1kV\4*95mm2,0.6/1kV</t>
  </si>
  <si>
    <t>【航天瑞奇】交联电力电缆\ZC-YJY23-0.6/1kV\4*120mm2,0.6/1kV</t>
  </si>
  <si>
    <t>【航天瑞奇】交联电力电缆\ZC-YJY23-0.6/1kV\4*150mm2,0.6/1kV</t>
  </si>
  <si>
    <t>【航天瑞奇】交联电力电缆\ZC-YJY23-0.6/1kV\4*185mm2,0.6/1kV</t>
  </si>
  <si>
    <t>【航天瑞奇】交联电力电缆\ZC-YJY23-0.6/1kV\5*1.5mm2,0.6/1kV</t>
  </si>
  <si>
    <t>【航天瑞奇】交联电力电缆\ZC-YJY23-0.6/1kV\5*2.5mm2,0.6/1kV</t>
  </si>
  <si>
    <t>【航天瑞奇】交联电力电缆\ZC-YJY23-0.6/1kV\5*4mm2,0.6/1kV</t>
  </si>
  <si>
    <t>【航天瑞奇】交联电力电缆\ZC-YJY23-0.6/1kV\5*6mm2,0.6/1kV</t>
  </si>
  <si>
    <t>【航天瑞奇】交联电力电缆\ZC-YJY23-0.6/1kV\5*10mm2,0.6/1kV</t>
  </si>
  <si>
    <t>【航天瑞奇】交联电力电缆\ZC-YJY23-0.6/1kV\5*16mm2,0.6/1kV</t>
  </si>
  <si>
    <t>【航天瑞奇】交联电力电缆\ZC-YJY23-0.6/1kV\5*25mm2,0.6/1kV</t>
  </si>
  <si>
    <t>【航天瑞奇】交联电力电缆\ZC-YJY23-0.6/1kV\5*35mm2,0.6/1kV</t>
  </si>
  <si>
    <t>【航天瑞奇】交联电力电缆\ZC-YJY23-0.6/1kV\5*50mm2,0.6/1kV</t>
  </si>
  <si>
    <t>【航天瑞奇】交联电力电缆\ZC-YJY23-0.6/1kV\5*70mm2,0.6/1kV</t>
  </si>
  <si>
    <t>【航天瑞奇】交联电力电缆\ZC-YJY23-0.6/1kV\5*95mm2,0.6/1kV</t>
  </si>
  <si>
    <t>【航天瑞奇】交联电力电缆\ZC-YJY23-0.6/1kV\5*120mm2,0.6/1kV</t>
  </si>
  <si>
    <t>【航天瑞奇】交联电力电缆\ZC-YJY23-0.6/1kV\5*150mm2,0.6/1kV</t>
  </si>
  <si>
    <t>【航天瑞奇】交联电力电缆\ZC-YJY23-0.6/1kV\3*2.5+1*1.5mm2,0.6/1kV</t>
  </si>
  <si>
    <t>【航天瑞奇】交联电力电缆\ZC-YJY23-0.6/1kV\3*4+1*2.5mm2,0.6/1kV</t>
  </si>
  <si>
    <t>【航天瑞奇】交联电力电缆\ZC-YJY23-0.6/1kV\3*6+1*4mm2,0.6/1kV</t>
  </si>
  <si>
    <t>【航天瑞奇】交联电力电缆\ZC-YJY23-0.6/1kV\3*10+1*6mm2,0.6/1kV</t>
  </si>
  <si>
    <t>【航天瑞奇】交联电力电缆\ZC-YJY23-0.6/1kV\3*16+1*10mm2,0.6/1kV</t>
  </si>
  <si>
    <t>【航天瑞奇】交联电力电缆\ZC-YJY23-0.6/1kV\3*25+1*16mm2,0.6/1kV</t>
  </si>
  <si>
    <t>【航天瑞奇】交联电力电缆\ZC-YJY23-0.6/1kV\3*35+1*16mm2,0.6/1kV</t>
  </si>
  <si>
    <t>【航天瑞奇】交联电力电缆\ZC-YJY23-0.6/1kV\3*50+1*25mm2,0.6/1kV</t>
  </si>
  <si>
    <t>【航天瑞奇】交联电力电缆\ZC-YJY23-0.6/1kV\3*70+1*35mm2,0.6/1kV</t>
  </si>
  <si>
    <t>【航天瑞奇】交联电力电缆\ZC-YJY23-0.6/1kV\3*95+1*50mm2,0.6/1kV</t>
  </si>
  <si>
    <t>【航天瑞奇】交联电力电缆\ZC-YJY23-0.6/1kV\3*120+1*70mm2,0.6/1kV</t>
  </si>
  <si>
    <t>【航天瑞奇】交联电力电缆\ZC-YJY23-0.6/1kV\3*150+1*70mm2,0.6/1kV</t>
  </si>
  <si>
    <t>【航天瑞奇】交联电力电缆\ZC-YJY23-0.6/1kV\3*185+1*95mm2,0.6/1kV</t>
  </si>
  <si>
    <t>【航天瑞奇】交联电力电缆\ZC-YJY23-0.6/1kV\3*240+1*120mm2,0.6/1kV</t>
  </si>
  <si>
    <t>【航天瑞奇】交联电力电缆\ZC-YJY23-0.6/1kV\3*300+1*150mm2,0.6/1kV</t>
  </si>
  <si>
    <t>【航天瑞奇】交联电力电缆\ZC-YJY23-0.6/1kV\3*400+1*185mm2,0.6/1kV</t>
  </si>
  <si>
    <t>【航天瑞奇】交联电力电缆\ZC-YJY23-0.6/1kV\3*2.5+2*1.5mm2,0.6/1kV</t>
  </si>
  <si>
    <t>【航天瑞奇】交联电力电缆\ZC-YJY23-0.6/1kV\3*4+2*2.5mm2,0.6/1kV</t>
  </si>
  <si>
    <t>【航天瑞奇】交联电力电缆\ZC-YJY23-0.6/1kV\3*6+2*4mm2,0.6/1kV</t>
  </si>
  <si>
    <t>【航天瑞奇】交联电力电缆\ZC-YJY23-0.6/1kV\3*10+2*6mm2,0.6/1kV</t>
  </si>
  <si>
    <t>【航天瑞奇】交联电力电缆\ZC-YJY23-0.6/1kV\3*16+2*10mm2,0.6/1kV</t>
  </si>
  <si>
    <t>【航天瑞奇】交联电力电缆\ZC-YJY23-0.6/1kV\3*25+2*16mm2,0.6/1kV</t>
  </si>
  <si>
    <t>【航天瑞奇】交联电力电缆\ZC-YJY23-0.6/1kV\3*35+2*16mm2,0.6/1kV</t>
  </si>
  <si>
    <t>【航天瑞奇】交联电力电缆\ZC-YJY23-0.6/1kV\3*50+2*25mm2,0.6/1kV</t>
  </si>
  <si>
    <t>【航天瑞奇】交联电力电缆\ZC-YJY23-0.6/1kV\3*70+2*35mm2,0.6/1kV</t>
  </si>
  <si>
    <t>【航天瑞奇】交联电力电缆\ZC-YJY23-0.6/1kV\3*95+2*50mm2,0.6/1kV</t>
  </si>
  <si>
    <t>【航天瑞奇】交联电力电缆\ZC-YJY23-0.6/1kV\3*120+2*70mm2,0.6/1kV</t>
  </si>
  <si>
    <t>【航天瑞奇】交联电力电缆\ZC-YJY23-0.6/1kV\3*150+2*70mm2,0.6/1kV</t>
  </si>
  <si>
    <t>【航天瑞奇】交联电力电缆\ZC-YJY23-0.6/1kV\3*185+2*95mm2,0.6/1kV</t>
  </si>
  <si>
    <t>【航天瑞奇】交联电力电缆\ZC-YJY23-0.6/1kV\3*240+2*120mm2,0.6/1kV</t>
  </si>
  <si>
    <t>【航天瑞奇】交联电力电缆\ZC-YJY23-0.6/1kV\3*300+2*150mm2,0.6/1kV</t>
  </si>
  <si>
    <t>【航天瑞奇】交联电力电缆\ZC-YJY23-0.6/1kV\3*400+2*185mm2,0.6/1kV</t>
  </si>
  <si>
    <t>【航天瑞奇】交联电力电缆\ZC-YJY23-0.6/1kV\4*2.5+1*1.5mm2,0.6/1kV</t>
  </si>
  <si>
    <t>【航天瑞奇】交联电力电缆\ZC-YJY23-0.6/1kV\4*4+1*2.5mm2,0.6/1kV</t>
  </si>
  <si>
    <t>【航天瑞奇】交联电力电缆\ZC-YJY23-0.6/1kV\4*6+1*4mm2,0.6/1kV</t>
  </si>
  <si>
    <t>【航天瑞奇】交联电力电缆\ZC-YJY23-0.6/1kV\4*10+1*6mm2,0.6/1kV</t>
  </si>
  <si>
    <t>【航天瑞奇】交联电力电缆\ZC-YJY23-0.6/1kV\4*16+1*10mm2,0.6/1kV</t>
  </si>
  <si>
    <t>【航天瑞奇】交联电力电缆\ZC-YJY23-0.6/1kV\4*25+1*16mm2,0.6/1kV</t>
  </si>
  <si>
    <t>【航天瑞奇】交联电力电缆\ZC-YJY23-0.6/1kV\4*35+1*16mm2,0.6/1kV</t>
  </si>
  <si>
    <t>【航天瑞奇】交联电力电缆\ZC-YJY23-0.6/1kV\4*50+1*25mm2,0.6/1kV</t>
  </si>
  <si>
    <t>【航天瑞奇】交联电力电缆\ZC-YJY23-0.6/1kV\4*70+1*35mm2,0.6/1kV</t>
  </si>
  <si>
    <t>【航天瑞奇】交联电力电缆\ZC-YJY23-0.6/1kV\4*95+1*50mm2,0.6/1kV</t>
  </si>
  <si>
    <t>【航天瑞奇】交联电力电缆\ZC-YJY23-0.6/1kV\4*120+1*70mm2,0.6/1kV</t>
  </si>
  <si>
    <t>【航天瑞奇】交联电力电缆\ZC-YJY23-0.6/1kV\4*150+1*70mm2,0.6/1kV</t>
  </si>
  <si>
    <t>【航天瑞奇】交联电力电缆\ZC-YJY23-0.6/1kV\4*185+1*95mm2,0.6/1kV</t>
  </si>
  <si>
    <t>【航天瑞奇】交联电力电缆\ZC-YJY63-0.6/1kV\1*1.5mm2,0.6/1kV</t>
  </si>
  <si>
    <t>【航天瑞奇】交联电力电缆\ZC-YJY63-0.6/1kV\1*2.5mm2,0.6/1kV</t>
  </si>
  <si>
    <t>【航天瑞奇】交联电力电缆\ZC-YJY63-0.6/1kV\1*4mm2,0.6/1kV</t>
  </si>
  <si>
    <t>【航天瑞奇】交联电力电缆\ZC-YJY63-0.6/1kV\1*6mm2,0.6/1kV</t>
  </si>
  <si>
    <t>【航天瑞奇】交联电力电缆\ZC-YJY63-0.6/1kV\1*10mm2,0.6/1kV</t>
  </si>
  <si>
    <t>【航天瑞奇】交联电力电缆\ZC-YJY63-0.6/1kV\1*16mm2,0.6/1kV</t>
  </si>
  <si>
    <t>【航天瑞奇】交联电力电缆\ZC-YJY63-0.6/1kV\1*25mm2,0.6/1kV</t>
  </si>
  <si>
    <t>【航天瑞奇】交联电力电缆\ZC-YJY63-0.6/1kV\1*35mm2,0.6/1kV</t>
  </si>
  <si>
    <t>【航天瑞奇】交联电力电缆\ZC-YJY63-0.6/1kV\1*50mm2,0.6/1kV</t>
  </si>
  <si>
    <t>【航天瑞奇】交联电力电缆\ZC-YJY63-0.6/1kV\1*70mm2,0.6/1kV</t>
  </si>
  <si>
    <t>【航天瑞奇】交联电力电缆\ZC-YJY63-0.6/1kV\1*95mm2,0.6/1kV</t>
  </si>
  <si>
    <t>【航天瑞奇】交联电力电缆\ZC-YJY63-0.6/1kV\1*120mm2,0.6/1kV</t>
  </si>
  <si>
    <t>【航天瑞奇】交联电力电缆\ZC-YJY63-0.6/1kV\1*150mm2,0.6/1kV</t>
  </si>
  <si>
    <t>【航天瑞奇】交联电力电缆\ZC-YJY63-0.6/1kV\1*185mm2,0.6/1kV</t>
  </si>
  <si>
    <t>【航天瑞奇】交联电力电缆\ZC-YJY63-0.6/1kV\1*240mm2,0.6/1kV</t>
  </si>
  <si>
    <t>【航天瑞奇】交联电力电缆\ZC-YJY63-0.6/1kV\1*300mm2,0.6/1kV</t>
  </si>
  <si>
    <t>【航天瑞奇】交联电力电缆\ZC-YJY63-0.6/1kV\1*400mm2,0.6/1kV</t>
  </si>
  <si>
    <t>【航天瑞奇】交联电力电缆\ZC-YJY63-0.6/1kV\1*500mm2,0.6/1kV</t>
  </si>
  <si>
    <t>【航天瑞奇】交联电力电缆\NH-YJV-0.6/1.0kV\1*1.5mm2,0.6/1kV</t>
  </si>
  <si>
    <t>【航天瑞奇】交联电力电缆\NH-YJV-0.6/1.0kV\1*2.5mm2,0.6/1kV</t>
  </si>
  <si>
    <t>【航天瑞奇】交联电力电缆\NH-YJV-0.6/1.0kV\1*4mm2,0.6/1kV</t>
  </si>
  <si>
    <t>【航天瑞奇】交联电力电缆\NH-YJV-0.6/1.0kV\1*6mm2,0.6/1kV</t>
  </si>
  <si>
    <t>【航天瑞奇】交联电力电缆\NH-YJV-0.6/1.0kV\1*10mm2,0.6/1kV</t>
  </si>
  <si>
    <t>【航天瑞奇】交联电力电缆\NH-YJV-0.6/1.0kV\1*16mm2,0.6/1kV</t>
  </si>
  <si>
    <t>【航天瑞奇】交联电力电缆\NH-YJV-0.6/1.0kV\1*25mm2,0.6/1kV</t>
  </si>
  <si>
    <t>【航天瑞奇】交联电力电缆\NH-YJV-0.6/1.0kV\1*35mm2,0.6/1kV</t>
  </si>
  <si>
    <t>【航天瑞奇】交联电力电缆\NH-YJV-0.6/1.0kV\1*50mm2,0.6/1kV</t>
  </si>
  <si>
    <t>【航天瑞奇】交联电力电缆\NH-YJV-0.6/1.0kV\1*70mm2,0.6/1kV</t>
  </si>
  <si>
    <t>【航天瑞奇】交联电力电缆\NH-YJV-0.6/1.0kV\1*95mm2,0.6/1kV</t>
  </si>
  <si>
    <t>【航天瑞奇】交联电力电缆\NH-YJV-0.6/1.0kV\1*120mm2,0.6/1kV</t>
  </si>
  <si>
    <t>【航天瑞奇】交联电力电缆\NH-YJV-0.6/1.0kV\1*150mm2,0.6/1kV</t>
  </si>
  <si>
    <t>【航天瑞奇】交联电力电缆\NH-YJV-0.6/1.0kV\1*185mm2,0.6/1kV</t>
  </si>
  <si>
    <t>【航天瑞奇】交联电力电缆\NH-YJV-0.6/1.0kV\1*240mm2,0.6/1kV</t>
  </si>
  <si>
    <t>【航天瑞奇】交联电力电缆\NH-YJV-0.6/1.0kV\1*300mm2,0.6/1kV</t>
  </si>
  <si>
    <t>【航天瑞奇】交联电力电缆\NH-YJV-0.6/1.0kV\1*400mm2,0.6/1kV</t>
  </si>
  <si>
    <t>【航天瑞奇】交联电力电缆\NH-YJV-0.6/1.0kV\1*500mm2,0.6/1kV</t>
  </si>
  <si>
    <t>【航天瑞奇】交联电力电缆\NH-YJV-0.6/1.0kV\2*1.5mm2,0.6/1kV</t>
  </si>
  <si>
    <t>【航天瑞奇】交联电力电缆\NH-YJV-0.6/1.0kV\2*2.5mm2,0.6/1kV</t>
  </si>
  <si>
    <t>【航天瑞奇】交联电力电缆\NH-YJV-0.6/1.0kV\2*4mm2,0.6/1kV</t>
  </si>
  <si>
    <t>【航天瑞奇】交联电力电缆\NH-YJV-0.6/1.0kV\2*6mm2,0.6/1kV</t>
  </si>
  <si>
    <t>【航天瑞奇】交联电力电缆\NH-YJV-0.6/1.0kV\2*10mm2,0.6/1kV</t>
  </si>
  <si>
    <t>【航天瑞奇】交联电力电缆\NH-YJV-0.6/1.0kV\2*16mm2,0.6/1kV</t>
  </si>
  <si>
    <t>【航天瑞奇】交联电力电缆\NH-YJV-0.6/1.0kV\2*25mm2,0.6/1kV</t>
  </si>
  <si>
    <t>【航天瑞奇】交联电力电缆\NH-YJV-0.6/1.0kV\2*35mm2,0.6/1kV</t>
  </si>
  <si>
    <t>【航天瑞奇】交联电力电缆\NH-YJV-0.6/1.0kV\2*50mm2,0.6/1kV</t>
  </si>
  <si>
    <t>【航天瑞奇】交联电力电缆\NH-YJV-0.6/1.0kV\2*70mm2,0.6/1kV</t>
  </si>
  <si>
    <t>【航天瑞奇】交联电力电缆\NH-YJV-0.6/1.0kV\2*95mm2,0.6/1kV</t>
  </si>
  <si>
    <t>【航天瑞奇】交联电力电缆\NH-YJV-0.6/1.0kV\2*120mm2,0.6/1kV</t>
  </si>
  <si>
    <t>【航天瑞奇】交联电力电缆\NH-YJV-0.6/1.0kV\2*150mm2,0.6/1kV</t>
  </si>
  <si>
    <t>【航天瑞奇】交联电力电缆\NH-YJV-0.6/1.0kV\2*185mm2,0.6/1kV</t>
  </si>
  <si>
    <t>【航天瑞奇】交联电力电缆\NH-YJV-0.6/1.0kV\2*240mm2,0.6/1kV</t>
  </si>
  <si>
    <t>【航天瑞奇】交联电力电缆\NH-YJV-0.6/1.0kV\2*300mm2,0.6/1kV</t>
  </si>
  <si>
    <t>【航天瑞奇】交联电力电缆\NH-YJV-0.6/1.0kV\3*1.5mm2,0.6/1kV</t>
  </si>
  <si>
    <t>【航天瑞奇】交联电力电缆\NH-YJV-0.6/1.0kV\3*2.5mm2,0.6/1kV</t>
  </si>
  <si>
    <t>【航天瑞奇】交联电力电缆\NH-YJV-0.6/1.0kV\3*4mm2,0.6/1kV</t>
  </si>
  <si>
    <t>【航天瑞奇】交联电力电缆\NH-YJV-0.6/1.0kV\3*6mm2,0.6/1kV</t>
  </si>
  <si>
    <t>【航天瑞奇】交联电力电缆\NH-YJV-0.6/1.0kV\3*10mm2,0.6/1kV</t>
  </si>
  <si>
    <t>【航天瑞奇】交联电力电缆\NH-YJV-0.6/1.0kV\3*16mm2,0.6/1kV</t>
  </si>
  <si>
    <t>【航天瑞奇】交联电力电缆\NH-YJV-0.6/1.0kV\3*25mm2,0.6/1kV</t>
  </si>
  <si>
    <t>【航天瑞奇】交联电力电缆\NH-YJV-0.6/1.0kV\3*35mm2,0.6/1kV</t>
  </si>
  <si>
    <t>【航天瑞奇】交联电力电缆\NH-YJV-0.6/1.0kV\3*50mm2,0.6/1kV</t>
  </si>
  <si>
    <t>【航天瑞奇】交联电力电缆\NH-YJV-0.6/1.0kV\3*70mm2,0.6/1kV</t>
  </si>
  <si>
    <t>【航天瑞奇】交联电力电缆\NH-YJV-0.6/1.0kV\3*95mm2,0.6/1kV</t>
  </si>
  <si>
    <t>【航天瑞奇】交联电力电缆\NH-YJV-0.6/1.0kV\3*120mm2,0.6/1kV</t>
  </si>
  <si>
    <t>【航天瑞奇】交联电力电缆\NH-YJV-0.6/1.0kV\3*150mm2,0.6/1kV</t>
  </si>
  <si>
    <t>【航天瑞奇】交联电力电缆\NH-YJV-0.6/1.0kV\3*185mm2,0.6/1kV</t>
  </si>
  <si>
    <t>【航天瑞奇】交联电力电缆\NH-YJV-0.6/1.0kV\3*240mm2,0.6/1kV</t>
  </si>
  <si>
    <t>【航天瑞奇】交联电力电缆\NH-YJV-0.6/1.0kV\3*300mm2,0.6/1kV</t>
  </si>
  <si>
    <t>【航天瑞奇】交联电力电缆\NH-YJV-0.6/1.0kV\3*400mm2,0.6/1kV</t>
  </si>
  <si>
    <t>【航天瑞奇】交联电力电缆\NH-YJV-0.6/1.0kV\4*1.5mm2,0.6/1kV</t>
  </si>
  <si>
    <t>【航天瑞奇】交联电力电缆\NH-YJV-0.6/1.0kV\4*2.5mm2,0.6/1kV</t>
  </si>
  <si>
    <t>【航天瑞奇】交联电力电缆\NH-YJV-0.6/1.0kV\4*4mm2,0.6/1kV</t>
  </si>
  <si>
    <t>【航天瑞奇】交联电力电缆\NH-YJV-0.6/1.0kV\4*6mm2,0.6/1kV</t>
  </si>
  <si>
    <t>【航天瑞奇】交联电力电缆\NH-YJV-0.6/1.0kV\4*10mm2,0.6/1kV</t>
  </si>
  <si>
    <t>【航天瑞奇】交联电力电缆\NH-YJV-0.6/1.0kV\4*16mm2,0.6/1kV</t>
  </si>
  <si>
    <t>【航天瑞奇】交联电力电缆\NH-YJV-0.6/1.0kV\4*25mm2,0.6/1kV</t>
  </si>
  <si>
    <t>【航天瑞奇】交联电力电缆\NH-YJV-0.6/1.0kV\4*35mm2,0.6/1kV</t>
  </si>
  <si>
    <t>【航天瑞奇】交联电力电缆\NH-YJV-0.6/1.0kV\4*50mm2,0.6/1kV</t>
  </si>
  <si>
    <t>【航天瑞奇】交联电力电缆\NH-YJV-0.6/1.0kV\4*70mm2,0.6/1kV</t>
  </si>
  <si>
    <t>【航天瑞奇】交联电力电缆\NH-YJV-0.6/1.0kV\4*95mm2,0.6/1kV</t>
  </si>
  <si>
    <t>【航天瑞奇】交联电力电缆\NH-YJV-0.6/1.0kV\4*120mm2,0.6/1kV</t>
  </si>
  <si>
    <t>【航天瑞奇】交联电力电缆\NH-YJV-0.6/1.0kV\4*150mm2,0.6/1kV</t>
  </si>
  <si>
    <t>【航天瑞奇】交联电力电缆\NH-YJV-0.6/1.0kV\4*185mm2,0.6/1kV</t>
  </si>
  <si>
    <t>【航天瑞奇】交联电力电缆\NH-YJV-0.6/1.0kV\5*1.5mm2,0.6/1kV</t>
  </si>
  <si>
    <t>【航天瑞奇】交联电力电缆\NH-YJV-0.6/1.0kV\5*2.5mm2,0.6/1kV</t>
  </si>
  <si>
    <t>【航天瑞奇】交联电力电缆\NH-YJV-0.6/1.0kV\5*4mm2,0.6/1kV</t>
  </si>
  <si>
    <t>【航天瑞奇】交联电力电缆\NH-YJV-0.6/1.0kV\5*6mm2,0.6/1kV</t>
  </si>
  <si>
    <t>【航天瑞奇】交联电力电缆\NH-YJV-0.6/1.0kV\5*10mm2,0.6/1kV</t>
  </si>
  <si>
    <t>【航天瑞奇】交联电力电缆\NH-YJV-0.6/1.0kV\5*16mm2,0.6/1kV</t>
  </si>
  <si>
    <t>【航天瑞奇】交联电力电缆\NH-YJV-0.6/1.0kV\5*25mm2,0.6/1kV</t>
  </si>
  <si>
    <t>【航天瑞奇】交联电力电缆\NH-YJV-0.6/1.0kV\5*35mm2,0.6/1kV</t>
  </si>
  <si>
    <t>【航天瑞奇】交联电力电缆\NH-YJV-0.6/1.0kV\5*50mm2,0.6/1kV</t>
  </si>
  <si>
    <t>【航天瑞奇】交联电力电缆\NH-YJV-0.6/1.0kV\5*70mm2,0.6/1kV</t>
  </si>
  <si>
    <t>【航天瑞奇】交联电力电缆\NH-YJV-0.6/1.0kV\5*95mm2,0.6/1kV</t>
  </si>
  <si>
    <t>【航天瑞奇】交联电力电缆\NH-YJV-0.6/1.0kV\5*120mm2,0.6/1kV</t>
  </si>
  <si>
    <t>【航天瑞奇】交联电力电缆\NH-YJV-0.6/1.0kV\5*150mm2,0.6/1kV</t>
  </si>
  <si>
    <t>【航天瑞奇】交联电力电缆\NH-YJV-0.6/1.0kV\3*2.5+1*1.5mm2,0.6/1kV</t>
  </si>
  <si>
    <t>【航天瑞奇】交联电力电缆\NH-YJV-0.6/1.0kV\3*4+1*2.5mm2,0.6/1kV</t>
  </si>
  <si>
    <t>【航天瑞奇】交联电力电缆\NH-YJV-0.6/1.0kV\3*6+1*4mm2,0.6/1kV</t>
  </si>
  <si>
    <t>【航天瑞奇】交联电力电缆\NH-YJV-0.6/1.0kV\3*10+1*6mm2,0.6/1kV</t>
  </si>
  <si>
    <t>【航天瑞奇】交联电力电缆\NH-YJV-0.6/1.0kV\3*16+1*10mm2,0.6/1kV</t>
  </si>
  <si>
    <t>【航天瑞奇】交联电力电缆\NH-YJV-0.6/1.0kV\3*25+1*16mm2,0.6/1kV</t>
  </si>
  <si>
    <t>【航天瑞奇】交联电力电缆\NH-YJV-0.6/1.0kV\3*35+1*16mm2,0.6/1kV</t>
  </si>
  <si>
    <t>【航天瑞奇】交联电力电缆\NH-YJV-0.6/1.0kV\3*50+1*25mm2,0.6/1kV</t>
  </si>
  <si>
    <t>【航天瑞奇】交联电力电缆\NH-YJV-0.6/1.0kV\3*70+1*35mm2,0.6/1kV</t>
  </si>
  <si>
    <t>【航天瑞奇】交联电力电缆\NH-YJV-0.6/1.0kV\3*95+1*50mm2,0.6/1kV</t>
  </si>
  <si>
    <t>【航天瑞奇】交联电力电缆\NH-YJV-0.6/1.0kV\3*120+1*70mm2,0.6/1kV</t>
  </si>
  <si>
    <t>【航天瑞奇】交联电力电缆\NH-YJV-0.6/1.0kV\3*150+1*70mm2,0.6/1kV</t>
  </si>
  <si>
    <t>【航天瑞奇】交联电力电缆\NH-YJV-0.6/1.0kV\3*185+1*95mm2,0.6/1kV</t>
  </si>
  <si>
    <t>【航天瑞奇】交联电力电缆\NH-YJV-0.6/1.0kV\3*240+1*120mm2,0.6/1kV</t>
  </si>
  <si>
    <t>【航天瑞奇】交联电力电缆\NH-YJV-0.6/1.0kV\3*300+1*150mm2,0.6/1kV</t>
  </si>
  <si>
    <t>【航天瑞奇】交联电力电缆\NH-YJV-0.6/1.0kV\3*400+1*185mm2,0.6/1kV</t>
  </si>
  <si>
    <t>【航天瑞奇】交联电力电缆\NH-YJV-0.6/1.0kV\3*2.5+2*1.5mm2,0.6/1kV</t>
  </si>
  <si>
    <t>【航天瑞奇】交联电力电缆\NH-YJV-0.6/1.0kV\3*4+2*2.5mm2,0.6/1kV</t>
  </si>
  <si>
    <t>【航天瑞奇】交联电力电缆\NH-YJV-0.6/1.0kV\3*6+2*4mm2,0.6/1kV</t>
  </si>
  <si>
    <t>【航天瑞奇】交联电力电缆\NH-YJV-0.6/1.0kV\3*10+2*6mm2,0.6/1kV</t>
  </si>
  <si>
    <t>【航天瑞奇】交联电力电缆\NH-YJV-0.6/1.0kV\3*16+2*10mm2,0.6/1kV</t>
  </si>
  <si>
    <t>【航天瑞奇】交联电力电缆\NH-YJV-0.6/1.0kV\3*25+2*16mm2,0.6/1kV</t>
  </si>
  <si>
    <t>【航天瑞奇】交联电力电缆\NH-YJV-0.6/1.0kV\3*35+2*16mm2,0.6/1kV</t>
  </si>
  <si>
    <t>【航天瑞奇】交联电力电缆\NH-YJV-0.6/1.0kV\3*50+2*25mm2,0.6/1kV</t>
  </si>
  <si>
    <t>【航天瑞奇】交联电力电缆\NH-YJV-0.6/1.0kV\3*70+2*35mm2,0.6/1kV</t>
  </si>
  <si>
    <t>【航天瑞奇】交联电力电缆\NH-YJV-0.6/1.0kV\3*95+2*50mm2,0.6/1kV</t>
  </si>
  <si>
    <t>【航天瑞奇】交联电力电缆\NH-YJV-0.6/1.0kV\3*120+2*70mm2,0.6/1kV</t>
  </si>
  <si>
    <t>【航天瑞奇】交联电力电缆\NH-YJV-0.6/1.0kV\3*150+2*70mm2,0.6/1kV</t>
  </si>
  <si>
    <t>【航天瑞奇】交联电力电缆\NH-YJV-0.6/1.0kV\3*185+2*95mm2,0.6/1kV</t>
  </si>
  <si>
    <t>【航天瑞奇】交联电力电缆\NH-YJV-0.6/1.0kV\3*240+2*120mm2,0.6/1kV</t>
  </si>
  <si>
    <t>【航天瑞奇】交联电力电缆\NH-YJV-0.6/1.0kV\3*300+2*150mm2,0.6/1kV</t>
  </si>
  <si>
    <t>【航天瑞奇】交联电力电缆\NH-YJV-0.6/1.0kV\3*400+2*185mm2,0.6/1kV</t>
  </si>
  <si>
    <t>【航天瑞奇】交联电力电缆\NH-YJV-0.6/1.0kV\4*2.5+1*1.5mm2,0.6/1kV</t>
  </si>
  <si>
    <t>【航天瑞奇】交联电力电缆\NH-YJV-0.6/1.0kV\4*4+1*2.5mm2,0.6/1kV</t>
  </si>
  <si>
    <t>【航天瑞奇】交联电力电缆\NH-YJV-0.6/1.0kV\4*6+1*4mm2,0.6/1kV</t>
  </si>
  <si>
    <t>【航天瑞奇】交联电力电缆\NH-YJV-0.6/1.0kV\4*10+1*6mm2,0.6/1kV</t>
  </si>
  <si>
    <t>【航天瑞奇】交联电力电缆\NH-YJV-0.6/1.0kV\4*16+1*10mm2,0.6/1kV</t>
  </si>
  <si>
    <t>【航天瑞奇】交联电力电缆\NH-YJV-0.6/1.0kV\4*25+1*16mm2,0.6/1kV</t>
  </si>
  <si>
    <t>【航天瑞奇】交联电力电缆\NH-YJV-0.6/1.0kV\4*35+1*16mm2,0.6/1kV</t>
  </si>
  <si>
    <t>【航天瑞奇】交联电力电缆\NH-YJV-0.6/1.0kV\4*50+1*25mm2,0.6/1kV</t>
  </si>
  <si>
    <t>【航天瑞奇】交联电力电缆\NH-YJV-0.6/1.0kV\4*70+1*35mm2,0.6/1kV</t>
  </si>
  <si>
    <t>【航天瑞奇】交联电力电缆\NH-YJV-0.6/1.0kV\4*95+1*50mm2,0.6/1kV</t>
  </si>
  <si>
    <t>【航天瑞奇】交联电力电缆\NH-YJV-0.6/1.0kV\4*120+1*70mm2,0.6/1kV</t>
  </si>
  <si>
    <t>【航天瑞奇】交联电力电缆\NH-YJV-0.6/1.0kV\4*150+1*70mm2,0.6/1kV</t>
  </si>
  <si>
    <t>【航天瑞奇】交联电力电缆\NH-YJV-0.6/1.0kV\4*185+1*95mm2,0.6/1kV</t>
  </si>
  <si>
    <t>【航天瑞奇】交联电力电缆\NH-YJV22-0.6/1kV\2*1.5mm2,0.6/1kV</t>
  </si>
  <si>
    <t>【航天瑞奇】交联电力电缆\NH-YJV22-0.6/1kV\2*2.5mm2,0.6/1kV</t>
  </si>
  <si>
    <t>【航天瑞奇】交联电力电缆\NH-YJV22-0.6/1kV\2*4mm2,0.6/1kV</t>
  </si>
  <si>
    <t>【航天瑞奇】交联电力电缆\NH-YJV22-0.6/1kV\2*6mm2,0.6/1kV</t>
  </si>
  <si>
    <t>【航天瑞奇】交联电力电缆\NH-YJV22-0.6/1kV\2*10mm2,0.6/1kV</t>
  </si>
  <si>
    <t>【航天瑞奇】交联电力电缆\NH-YJV22-0.6/1kV\2*16mm2,0.6/1kV</t>
  </si>
  <si>
    <t>【航天瑞奇】交联电力电缆\NH-YJV22-0.6/1kV\2*25mm2,0.6/1kV</t>
  </si>
  <si>
    <t>【航天瑞奇】交联电力电缆\NH-YJV22-0.6/1kV\2*35mm2,0.6/1kV</t>
  </si>
  <si>
    <t>【航天瑞奇】交联电力电缆\NH-YJV22-0.6/1kV\2*50mm2,0.6/1kV</t>
  </si>
  <si>
    <t>【航天瑞奇】交联电力电缆\NH-YJV22-0.6/1kV\2*70mm2,0.6/1kV</t>
  </si>
  <si>
    <t>【航天瑞奇】交联电力电缆\NH-YJV22-0.6/1kV\2*95mm2,0.6/1kV</t>
  </si>
  <si>
    <t>【航天瑞奇】交联电力电缆\NH-YJV22-0.6/1kV\2*120mm2,0.6/1kV</t>
  </si>
  <si>
    <t>【航天瑞奇】交联电力电缆\NH-YJV22-0.6/1kV\2*150mm2,0.6/1kV</t>
  </si>
  <si>
    <t>【航天瑞奇】交联电力电缆\NH-YJV22-0.6/1kV\2*185mm2,0.6/1kV</t>
  </si>
  <si>
    <t>【航天瑞奇】交联电力电缆\NH-YJV22-0.6/1kV\2*240mm2,0.6/1kV</t>
  </si>
  <si>
    <t>【航天瑞奇】交联电力电缆\NH-YJV22-0.6/1kV\2*300mm2,0.6/1kV</t>
  </si>
  <si>
    <t>【航天瑞奇】交联电力电缆\NH-YJV22-0.6/1kV\3*1.5mm2,0.6/1kV</t>
  </si>
  <si>
    <t>【航天瑞奇】交联电力电缆\NH-YJV22-0.6/1kV\3*2.5mm2,0.6/1kV</t>
  </si>
  <si>
    <t>【航天瑞奇】交联电力电缆\NH-YJV22-0.6/1kV\3*4mm2,0.6/1kV</t>
  </si>
  <si>
    <t>【航天瑞奇】交联电力电缆\NH-YJV22-0.6/1kV\3*6mm2,0.6/1kV</t>
  </si>
  <si>
    <t>【航天瑞奇】交联电力电缆\NH-YJV22-0.6/1kV\3*10mm2,0.6/1kV</t>
  </si>
  <si>
    <t>【航天瑞奇】交联电力电缆\NH-YJV22-0.6/1kV\3*16mm2,0.6/1kV</t>
  </si>
  <si>
    <t>【航天瑞奇】交联电力电缆\NH-YJV22-0.6/1kV\3*25mm2,0.6/1kV</t>
  </si>
  <si>
    <t>【航天瑞奇】交联电力电缆\NH-YJV22-0.6/1kV\3*35mm2,0.6/1kV</t>
  </si>
  <si>
    <t>【航天瑞奇】交联电力电缆\NH-YJV22-0.6/1kV\3*50mm2,0.6/1kV</t>
  </si>
  <si>
    <t>【航天瑞奇】交联电力电缆\NH-YJV22-0.6/1kV\3*70mm2,0.6/1kV</t>
  </si>
  <si>
    <t>【航天瑞奇】交联电力电缆\NH-YJV22-0.6/1kV\3*95mm2,0.6/1kV</t>
  </si>
  <si>
    <t>【航天瑞奇】交联电力电缆\NH-YJV22-0.6/1kV\3*120mm2,0.6/1kV</t>
  </si>
  <si>
    <t>【航天瑞奇】交联电力电缆\NH-YJV22-0.6/1kV\3*150mm2,0.6/1kV</t>
  </si>
  <si>
    <t>【航天瑞奇】交联电力电缆\NH-YJV22-0.6/1kV\3*185mm2,0.6/1kV</t>
  </si>
  <si>
    <t>【航天瑞奇】交联电力电缆\NH-YJV22-0.6/1kV\3*240mm2,0.6/1kV</t>
  </si>
  <si>
    <t>【航天瑞奇】交联电力电缆\NH-YJV22-0.6/1kV\3*300mm2,0.6/1kV</t>
  </si>
  <si>
    <t>【航天瑞奇】交联电力电缆\NH-YJV22-0.6/1kV\3*400mm2,0.6/1kV</t>
  </si>
  <si>
    <t>【航天瑞奇】交联电力电缆\NH-YJV22-0.6/1kV\4*1.5mm2,0.6/1kV</t>
  </si>
  <si>
    <t>【航天瑞奇】交联电力电缆\NH-YJV22-0.6/1kV\4*2.5mm2,0.6/1kV</t>
  </si>
  <si>
    <t>【航天瑞奇】交联电力电缆\NH-YJV22-0.6/1kV\4*4mm2,0.6/1kV</t>
  </si>
  <si>
    <t>【航天瑞奇】交联电力电缆\NH-YJV22-0.6/1kV\4*6mm2,0.6/1kV</t>
  </si>
  <si>
    <t>【航天瑞奇】交联电力电缆\NH-YJV22-0.6/1kV\4*10mm2,0.6/1kV</t>
  </si>
  <si>
    <t>【航天瑞奇】交联电力电缆\NH-YJV22-0.6/1kV\4*16mm2,0.6/1kV</t>
  </si>
  <si>
    <t>【航天瑞奇】交联电力电缆\NH-YJV22-0.6/1kV\4*25mm2,0.6/1kV</t>
  </si>
  <si>
    <t>【航天瑞奇】交联电力电缆\NH-YJV22-0.6/1kV\4*35mm2,0.6/1kV</t>
  </si>
  <si>
    <t>【航天瑞奇】交联电力电缆\NH-YJV22-0.6/1kV\4*50mm2,0.6/1kV</t>
  </si>
  <si>
    <t>【航天瑞奇】交联电力电缆\NH-YJV22-0.6/1kV\4*70mm2,0.6/1kV</t>
  </si>
  <si>
    <t>【航天瑞奇】交联电力电缆\NH-YJV22-0.6/1kV\4*95mm2,0.6/1kV</t>
  </si>
  <si>
    <t>【航天瑞奇】交联电力电缆\NH-YJV22-0.6/1kV\4*120mm2,0.6/1kV</t>
  </si>
  <si>
    <t>【航天瑞奇】交联电力电缆\NH-YJV22-0.6/1kV\4*150mm2,0.6/1kV</t>
  </si>
  <si>
    <t>【航天瑞奇】交联电力电缆\NH-YJV22-0.6/1kV\4*185mm2,0.6/1kV</t>
  </si>
  <si>
    <t>【航天瑞奇】交联电力电缆\NH-YJV22-0.6/1kV\5*1.5mm2,0.6/1kV</t>
  </si>
  <si>
    <t>【航天瑞奇】交联电力电缆\NH-YJV22-0.6/1kV\5*2.5mm2,0.6/1kV</t>
  </si>
  <si>
    <t>【航天瑞奇】交联电力电缆\NH-YJV22-0.6/1kV\5*4mm2,0.6/1kV</t>
  </si>
  <si>
    <t>【航天瑞奇】交联电力电缆\NH-YJV22-0.6/1kV\5*6mm2,0.6/1kV</t>
  </si>
  <si>
    <t>【航天瑞奇】交联电力电缆\NH-YJV22-0.6/1kV\5*10mm2,0.6/1kV</t>
  </si>
  <si>
    <t>【航天瑞奇】交联电力电缆\NH-YJV22-0.6/1kV\5*16mm2,0.6/1kV</t>
  </si>
  <si>
    <t>【航天瑞奇】交联电力电缆\NH-YJV22-0.6/1kV\5*25mm2,0.6/1kV</t>
  </si>
  <si>
    <t>【航天瑞奇】交联电力电缆\NH-YJV22-0.6/1kV\5*35mm2,0.6/1kV</t>
  </si>
  <si>
    <t>【航天瑞奇】交联电力电缆\NH-YJV22-0.6/1kV\5*50mm2,0.6/1kV</t>
  </si>
  <si>
    <t>【航天瑞奇】交联电力电缆\NH-YJV22-0.6/1kV\5*70mm2,0.6/1kV</t>
  </si>
  <si>
    <t>【航天瑞奇】交联电力电缆\NH-YJV22-0.6/1kV\5*95mm2,0.6/1kV</t>
  </si>
  <si>
    <t>【航天瑞奇】交联电力电缆\NH-YJV22-0.6/1kV\5*120mm2,0.6/1kV</t>
  </si>
  <si>
    <t>【航天瑞奇】交联电力电缆\NH-YJV22-0.6/1kV\5*150mm2,0.6/1kV</t>
  </si>
  <si>
    <t>【航天瑞奇】交联电力电缆\NH-YJV22-0.6/1kV\3*2.5+1*1.5mm2,0.6/1kV</t>
  </si>
  <si>
    <t>【航天瑞奇】交联电力电缆\NH-YJV22-0.6/1kV\3*4+1*2.5mm2,0.6/1kV</t>
  </si>
  <si>
    <t>【航天瑞奇】交联电力电缆\NH-YJV22-0.6/1kV\3*6+1*4mm2,0.6/1kV</t>
  </si>
  <si>
    <t>【航天瑞奇】交联电力电缆\NH-YJV22-0.6/1kV\3*10+1*6mm2,0.6/1kV</t>
  </si>
  <si>
    <t>【航天瑞奇】交联电力电缆\NH-YJV22-0.6/1kV\3*16+1*10mm2,0.6/1kV</t>
  </si>
  <si>
    <t>【航天瑞奇】交联电力电缆\NH-YJV22-0.6/1kV\3*25+1*16mm2,0.6/1kV</t>
  </si>
  <si>
    <t>【航天瑞奇】交联电力电缆\NH-YJV22-0.6/1kV\3*35+1*16mm2,0.6/1kV</t>
  </si>
  <si>
    <t>【航天瑞奇】交联电力电缆\NH-YJV22-0.6/1kV\3*50+1*25mm2,0.6/1kV</t>
  </si>
  <si>
    <t>【航天瑞奇】交联电力电缆\NH-YJV22-0.6/1kV\3*70+1*35mm2,0.6/1kV</t>
  </si>
  <si>
    <t>【航天瑞奇】交联电力电缆\NH-YJV22-0.6/1kV\3*95+1*50mm2,0.6/1kV</t>
  </si>
  <si>
    <t>【航天瑞奇】交联电力电缆\NH-YJV22-0.6/1kV\3*120+1*70mm2,0.6/1kV</t>
  </si>
  <si>
    <t>【航天瑞奇】交联电力电缆\NH-YJV22-0.6/1kV\3*150+1*70mm2,0.6/1kV</t>
  </si>
  <si>
    <t>【航天瑞奇】交联电力电缆\NH-YJV22-0.6/1kV\3*185+1*95mm2,0.6/1kV</t>
  </si>
  <si>
    <t>【航天瑞奇】交联电力电缆\NH-YJV22-0.6/1kV\3*240+1*120mm2,0.6/1kV</t>
  </si>
  <si>
    <t>【航天瑞奇】交联电力电缆\NH-YJV22-0.6/1kV\3*300+1*150mm2,0.6/1kV</t>
  </si>
  <si>
    <t>【航天瑞奇】交联电力电缆\NH-YJV22-0.6/1kV\3*400+1*185mm2,0.6/1kV</t>
  </si>
  <si>
    <t>【航天瑞奇】交联电力电缆\NH-YJV22-0.6/1kV\3*2.5+2*1.5mm2,0.6/1kV</t>
  </si>
  <si>
    <t>【航天瑞奇】交联电力电缆\NH-YJV22-0.6/1kV\3*4+2*2.5mm2,0.6/1kV</t>
  </si>
  <si>
    <t>【航天瑞奇】交联电力电缆\NH-YJV22-0.6/1kV\3*6+2*4mm2,0.6/1kV</t>
  </si>
  <si>
    <t>【航天瑞奇】交联电力电缆\NH-YJV22-0.6/1kV\3*10+2*6mm2,0.6/1kV</t>
  </si>
  <si>
    <t>【航天瑞奇】交联电力电缆\NH-YJV22-0.6/1kV\3*16+2*10mm2,0.6/1kV</t>
  </si>
  <si>
    <t>【航天瑞奇】交联电力电缆\NH-YJV22-0.6/1kV\3*25+2*16mm2,0.6/1kV</t>
  </si>
  <si>
    <t>【航天瑞奇】交联电力电缆\NH-YJV22-0.6/1kV\3*35+2*16mm2,0.6/1kV</t>
  </si>
  <si>
    <t>【航天瑞奇】交联电力电缆\NH-YJV22-0.6/1kV\3*50+2*25mm2,0.6/1kV</t>
  </si>
  <si>
    <t>【航天瑞奇】交联电力电缆\NH-YJV22-0.6/1kV\3*70+2*35mm2,0.6/1kV</t>
  </si>
  <si>
    <t>【航天瑞奇】交联电力电缆\NH-YJV22-0.6/1kV\3*95+2*50mm2,0.6/1kV</t>
  </si>
  <si>
    <t>【航天瑞奇】交联电力电缆\NH-YJV22-0.6/1kV\3*120+2*70mm2,0.6/1kV</t>
  </si>
  <si>
    <t>【航天瑞奇】交联电力电缆\NH-YJV22-0.6/1kV\3*150+2*70mm2,0.6/1kV</t>
  </si>
  <si>
    <t>【航天瑞奇】交联电力电缆\NH-YJV22-0.6/1kV\3*185+2*95mm2,0.6/1kV</t>
  </si>
  <si>
    <t>【航天瑞奇】交联电力电缆\NH-YJV22-0.6/1kV\3*240+2*120mm2,0.6/1kV</t>
  </si>
  <si>
    <t>【航天瑞奇】交联电力电缆\NH-YJV22-0.6/1kV\3*300+2*150mm2,0.6/1kV</t>
  </si>
  <si>
    <t>【航天瑞奇】交联电力电缆\NH-YJV22-0.6/1kV\3*400+2*185mm2,0.6/1kV</t>
  </si>
  <si>
    <t>【航天瑞奇】交联电力电缆\NH-YJV22-0.6/1kV\4*2.5+1*1.5mm2,0.6/1kV</t>
  </si>
  <si>
    <t>【航天瑞奇】交联电力电缆\NH-YJV22-0.6/1kV\4*4+1*2.5mm2,0.6/1kV</t>
  </si>
  <si>
    <t>【航天瑞奇】交联电力电缆\NH-YJV22-0.6/1kV\4*6+1*4mm2,0.6/1kV</t>
  </si>
  <si>
    <t>【航天瑞奇】交联电力电缆\NH-YJV22-0.6/1kV\4*10+1*6mm2,0.6/1kV</t>
  </si>
  <si>
    <t>【航天瑞奇】交联电力电缆\NH-YJV22-0.6/1kV\4*16+1*10mm2,0.6/1kV</t>
  </si>
  <si>
    <t>【航天瑞奇】交联电力电缆\NH-YJV22-0.6/1kV\4*25+1*16mm2,0.6/1kV</t>
  </si>
  <si>
    <t>【航天瑞奇】交联电力电缆\NH-YJV22-0.6/1kV\4*35+1*16mm2,0.6/1kV</t>
  </si>
  <si>
    <t>【航天瑞奇】交联电力电缆\NH-YJV22-0.6/1kV\4*50+1*25mm2,0.6/1kV</t>
  </si>
  <si>
    <t>【航天瑞奇】交联电力电缆\NH-YJV22-0.6/1kV\4*70+1*35mm2,0.6/1kV</t>
  </si>
  <si>
    <t>【航天瑞奇】交联电力电缆\NH-YJV22-0.6/1kV\4*95+1*50mm2,0.6/1kV</t>
  </si>
  <si>
    <t>【航天瑞奇】交联电力电缆\NH-YJV22-0.6/1kV\4*120+1*70mm2,0.6/1kV</t>
  </si>
  <si>
    <t>【航天瑞奇】交联电力电缆\NH-YJV22-0.6/1kV\4*150+1*70mm2,0.6/1kV</t>
  </si>
  <si>
    <t>【航天瑞奇】交联电力电缆\NH-YJV22-0.6/1kV\4*185+1*95mm2,0.6/1kV</t>
  </si>
  <si>
    <t>【航天瑞奇】交联电力电缆\NH-YJV62-0.6/1kV\1*1.5mm2,0.6/1kV</t>
  </si>
  <si>
    <t>【航天瑞奇】交联电力电缆\NH-YJV62-0.6/1kV\1*2.5mm2,0.6/1kV</t>
  </si>
  <si>
    <t>【航天瑞奇】交联电力电缆\NH-YJV62-0.6/1kV\1*4mm2,0.6/1kV</t>
  </si>
  <si>
    <t>【航天瑞奇】交联电力电缆\NH-YJV62-0.6/1kV\1*6mm2,0.6/1kV</t>
  </si>
  <si>
    <t>【航天瑞奇】交联电力电缆\NH-YJV62-0.6/1kV\1*10mm2,0.6/1kV</t>
  </si>
  <si>
    <t>【航天瑞奇】交联电力电缆\NH-YJV62-0.6/1kV\1*16mm2,0.6/1kV</t>
  </si>
  <si>
    <t>【航天瑞奇】交联电力电缆\NH-YJV62-0.6/1kV\1*25mm2,0.6/1kV</t>
  </si>
  <si>
    <t>【航天瑞奇】交联电力电缆\NH-YJV62-0.6/1kV\1*35mm2,0.6/1kV</t>
  </si>
  <si>
    <t>【航天瑞奇】交联电力电缆\NH-YJV62-0.6/1kV\1*50mm2,0.6/1kV</t>
  </si>
  <si>
    <t>【航天瑞奇】交联电力电缆\NH-YJV62-0.6/1kV\1*70mm2,0.6/1kV</t>
  </si>
  <si>
    <t>【航天瑞奇】交联电力电缆\NH-YJV62-0.6/1kV\1*95mm2,0.6/1kV</t>
  </si>
  <si>
    <t>【航天瑞奇】交联电力电缆\NH-YJV62-0.6/1kV\1*120mm2,0.6/1kV</t>
  </si>
  <si>
    <t>【航天瑞奇】交联电力电缆\NH-YJV62-0.6/1kV\1*150mm2,0.6/1kV</t>
  </si>
  <si>
    <t>【航天瑞奇】交联电力电缆\NH-YJV62-0.6/1kV\1*185mm2,0.6/1kV</t>
  </si>
  <si>
    <t>【航天瑞奇】交联电力电缆\NH-YJV62-0.6/1kV\1*240mm2,0.6/1kV</t>
  </si>
  <si>
    <t>【航天瑞奇】交联电力电缆\NH-YJV62-0.6/1kV\1*300mm2,0.6/1kV</t>
  </si>
  <si>
    <t>【航天瑞奇】交联电力电缆\NH-YJV62-0.6/1kV\1*400mm2,0.6/1kV</t>
  </si>
  <si>
    <t>【航天瑞奇】交联电力电缆\NH-YJV62-0.6/1kV\1*500mm2,0.6/1kV</t>
  </si>
  <si>
    <t>【航天瑞奇】交联电力电缆\NH-YJY-0.6/1.0kV\1*1.5mm2,0.6/1kV</t>
  </si>
  <si>
    <t>【航天瑞奇】交联电力电缆\NH-YJY-0.6/1.0kV\1*2.5mm2,0.6/1kV</t>
  </si>
  <si>
    <t>【航天瑞奇】交联电力电缆\NH-YJY-0.6/1.0kV\1*4mm2,0.6/1kV</t>
  </si>
  <si>
    <t>【航天瑞奇】交联电力电缆\NH-YJY-0.6/1.0kV\1*6mm2,0.6/1kV</t>
  </si>
  <si>
    <t>【航天瑞奇】交联电力电缆\NH-YJY-0.6/1.0kV\1*10mm2,0.6/1kV</t>
  </si>
  <si>
    <t>【航天瑞奇】交联电力电缆\NH-YJY-0.6/1.0kV\1*16mm2,0.6/1kV</t>
  </si>
  <si>
    <t>【航天瑞奇】交联电力电缆\NH-YJY-0.6/1.0kV\1*25mm2,0.6/1kV</t>
  </si>
  <si>
    <t>【航天瑞奇】交联电力电缆\NH-YJY-0.6/1.0kV\1*35mm2,0.6/1kV</t>
  </si>
  <si>
    <t>【航天瑞奇】交联电力电缆\NH-YJY-0.6/1.0kV\1*50mm2,0.6/1kV</t>
  </si>
  <si>
    <t>【航天瑞奇】交联电力电缆\NH-YJY-0.6/1.0kV\1*70mm2,0.6/1kV</t>
  </si>
  <si>
    <t>【航天瑞奇】交联电力电缆\NH-YJY-0.6/1.0kV\1*95mm2,0.6/1kV</t>
  </si>
  <si>
    <t>【航天瑞奇】交联电力电缆\NH-YJY-0.6/1.0kV\1*120mm2,0.6/1kV</t>
  </si>
  <si>
    <t>【航天瑞奇】交联电力电缆\NH-YJY-0.6/1.0kV\1*150mm2,0.6/1kV</t>
  </si>
  <si>
    <t>【航天瑞奇】交联电力电缆\NH-YJY-0.6/1.0kV\1*185mm2,0.6/1kV</t>
  </si>
  <si>
    <t>【航天瑞奇】交联电力电缆\NH-YJY-0.6/1.0kV\1*240mm2,0.6/1kV</t>
  </si>
  <si>
    <t>【航天瑞奇】交联电力电缆\NH-YJY-0.6/1.0kV\1*300mm2,0.6/1kV</t>
  </si>
  <si>
    <t>【航天瑞奇】交联电力电缆\NH-YJY-0.6/1.0kV\1*400mm2,0.6/1kV</t>
  </si>
  <si>
    <t>【航天瑞奇】交联电力电缆\NH-YJY-0.6/1.0kV\1*500mm2,0.6/1kV</t>
  </si>
  <si>
    <t>【航天瑞奇】交联电力电缆\NH-YJY-0.6/1.0kV\2*1.5mm2,0.6/1kV</t>
  </si>
  <si>
    <t>【航天瑞奇】交联电力电缆\NH-YJY-0.6/1.0kV\2*2.5mm2,0.6/1kV</t>
  </si>
  <si>
    <t>【航天瑞奇】交联电力电缆\NH-YJY-0.6/1.0kV\2*4mm2,0.6/1kV</t>
  </si>
  <si>
    <t>【航天瑞奇】交联电力电缆\NH-YJY-0.6/1.0kV\2*6mm2,0.6/1kV</t>
  </si>
  <si>
    <t>【航天瑞奇】交联电力电缆\NH-YJY-0.6/1.0kV\2*10mm2,0.6/1kV</t>
  </si>
  <si>
    <t>【航天瑞奇】交联电力电缆\NH-YJY-0.6/1.0kV\2*16mm2,0.6/1kV</t>
  </si>
  <si>
    <t>【航天瑞奇】交联电力电缆\NH-YJY-0.6/1.0kV\2*25mm2,0.6/1kV</t>
  </si>
  <si>
    <t>【航天瑞奇】交联电力电缆\NH-YJY-0.6/1.0kV\2*35mm2,0.6/1kV</t>
  </si>
  <si>
    <t>【航天瑞奇】交联电力电缆\NH-YJY-0.6/1.0kV\2*50mm2,0.6/1kV</t>
  </si>
  <si>
    <t>【航天瑞奇】交联电力电缆\NH-YJY-0.6/1.0kV\2*70mm2,0.6/1kV</t>
  </si>
  <si>
    <t>【航天瑞奇】交联电力电缆\NH-YJY-0.6/1.0kV\2*95mm2,0.6/1kV</t>
  </si>
  <si>
    <t>【航天瑞奇】交联电力电缆\NH-YJY-0.6/1.0kV\2*120mm2,0.6/1kV</t>
  </si>
  <si>
    <t>【航天瑞奇】交联电力电缆\NH-YJY-0.6/1.0kV\2*150mm2,0.6/1kV</t>
  </si>
  <si>
    <t>【航天瑞奇】交联电力电缆\NH-YJY-0.6/1.0kV\2*185mm2,0.6/1kV</t>
  </si>
  <si>
    <t>【航天瑞奇】交联电力电缆\NH-YJY-0.6/1.0kV\2*240mm2,0.6/1kV</t>
  </si>
  <si>
    <t>【航天瑞奇】交联电力电缆\NH-YJY-0.6/1.0kV\2*300mm2,0.6/1kV</t>
  </si>
  <si>
    <t>【航天瑞奇】交联电力电缆\NH-YJY-0.6/1.0kV\3*1.5mm2,0.6/1kV</t>
  </si>
  <si>
    <t>【航天瑞奇】交联电力电缆\NH-YJY-0.6/1.0kV\3*2.5mm2,0.6/1kV</t>
  </si>
  <si>
    <t>【航天瑞奇】交联电力电缆\NH-YJY-0.6/1.0kV\3*4mm2,0.6/1kV</t>
  </si>
  <si>
    <t>【航天瑞奇】交联电力电缆\NH-YJY-0.6/1.0kV\3*6mm2,0.6/1kV</t>
  </si>
  <si>
    <t>【航天瑞奇】交联电力电缆\NH-YJY-0.6/1.0kV\3*10mm2,0.6/1kV</t>
  </si>
  <si>
    <t>【航天瑞奇】交联电力电缆\NH-YJY-0.6/1.0kV\3*16mm2,0.6/1kV</t>
  </si>
  <si>
    <t>【航天瑞奇】交联电力电缆\NH-YJY-0.6/1.0kV\3*25mm2,0.6/1kV</t>
  </si>
  <si>
    <t>【航天瑞奇】交联电力电缆\NH-YJY-0.6/1.0kV\3*35mm2,0.6/1kV</t>
  </si>
  <si>
    <t>【航天瑞奇】交联电力电缆\NH-YJY-0.6/1.0kV\3*50mm2,0.6/1kV</t>
  </si>
  <si>
    <t>【航天瑞奇】交联电力电缆\NH-YJY-0.6/1.0kV\3*70mm2,0.6/1kV</t>
  </si>
  <si>
    <t>【航天瑞奇】交联电力电缆\NH-YJY-0.6/1.0kV\3*95mm2,0.6/1kV</t>
  </si>
  <si>
    <t>【航天瑞奇】交联电力电缆\NH-YJY-0.6/1.0kV\3*120mm2,0.6/1kV</t>
  </si>
  <si>
    <t>【航天瑞奇】交联电力电缆\NH-YJY-0.6/1.0kV\3*150mm2,0.6/1kV</t>
  </si>
  <si>
    <t>【航天瑞奇】交联电力电缆\NH-YJY-0.6/1.0kV\3*185mm2,0.6/1kV</t>
  </si>
  <si>
    <t>【航天瑞奇】交联电力电缆\NH-YJY-0.6/1.0kV\3*240mm2,0.6/1kV</t>
  </si>
  <si>
    <t>【航天瑞奇】交联电力电缆\NH-YJY-0.6/1.0kV\3*300mm2,0.6/1kV</t>
  </si>
  <si>
    <t>【航天瑞奇】交联电力电缆\NH-YJY-0.6/1.0kV\3*400mm2,0.6/1kV</t>
  </si>
  <si>
    <t>【航天瑞奇】交联电力电缆\NH-YJY-0.6/1.0kV\4*1.5mm2,0.6/1kV</t>
  </si>
  <si>
    <t>【航天瑞奇】交联电力电缆\NH-YJY-0.6/1.0kV\4*2.5mm2,0.6/1kV</t>
  </si>
  <si>
    <t>【航天瑞奇】交联电力电缆\NH-YJY-0.6/1.0kV\4*4mm2,0.6/1kV</t>
  </si>
  <si>
    <t>【航天瑞奇】交联电力电缆\NH-YJY-0.6/1.0kV\4*6mm2,0.6/1kV</t>
  </si>
  <si>
    <t>【航天瑞奇】交联电力电缆\NH-YJY-0.6/1.0kV\4*10mm2,0.6/1kV</t>
  </si>
  <si>
    <t>【航天瑞奇】交联电力电缆\NH-YJY-0.6/1.0kV\4*16mm2,0.6/1kV</t>
  </si>
  <si>
    <t>【航天瑞奇】交联电力电缆\NH-YJY-0.6/1.0kV\4*25mm2,0.6/1kV</t>
  </si>
  <si>
    <t>【航天瑞奇】交联电力电缆\NH-YJY-0.6/1.0kV\4*35mm2,0.6/1kV</t>
  </si>
  <si>
    <t>【航天瑞奇】交联电力电缆\NH-YJY-0.6/1.0kV\4*50mm2,0.6/1kV</t>
  </si>
  <si>
    <t>【航天瑞奇】交联电力电缆\NH-YJY-0.6/1.0kV\4*70mm2,0.6/1kV</t>
  </si>
  <si>
    <t>【航天瑞奇】交联电力电缆\NH-YJY-0.6/1.0kV\4*95mm2,0.6/1kV</t>
  </si>
  <si>
    <t>【航天瑞奇】交联电力电缆\NH-YJY-0.6/1.0kV\4*120mm2,0.6/1kV</t>
  </si>
  <si>
    <t>【航天瑞奇】交联电力电缆\NH-YJY-0.6/1.0kV\4*150mm2,0.6/1kV</t>
  </si>
  <si>
    <t>【航天瑞奇】交联电力电缆\NH-YJY-0.6/1.0kV\4*185mm2,0.6/1kV</t>
  </si>
  <si>
    <t>【航天瑞奇】交联电力电缆\NH-YJY-0.6/1.0kV\5*1.5mm2,0.6/1kV</t>
  </si>
  <si>
    <t>【航天瑞奇】交联电力电缆\NH-YJY-0.6/1.0kV\5*2.5mm2,0.6/1kV</t>
  </si>
  <si>
    <t>【航天瑞奇】交联电力电缆\NH-YJY-0.6/1.0kV\5*4mm2,0.6/1kV</t>
  </si>
  <si>
    <t>【航天瑞奇】交联电力电缆\NH-YJY-0.6/1.0kV\5*6mm2,0.6/1kV</t>
  </si>
  <si>
    <t>【航天瑞奇】交联电力电缆\NH-YJY-0.6/1.0kV\5*10mm2,0.6/1kV</t>
  </si>
  <si>
    <t>【航天瑞奇】交联电力电缆\NH-YJY-0.6/1.0kV\5*16mm2,0.6/1kV</t>
  </si>
  <si>
    <t>【航天瑞奇】交联电力电缆\NH-YJY-0.6/1.0kV\5*25mm2,0.6/1kV</t>
  </si>
  <si>
    <t>【航天瑞奇】交联电力电缆\NH-YJY-0.6/1.0kV\5*35mm2,0.6/1kV</t>
  </si>
  <si>
    <t>【航天瑞奇】交联电力电缆\NH-YJY-0.6/1.0kV\5*50mm2,0.6/1kV</t>
  </si>
  <si>
    <t>【航天瑞奇】交联电力电缆\NH-YJY-0.6/1.0kV\5*70mm2,0.6/1kV</t>
  </si>
  <si>
    <t>【航天瑞奇】交联电力电缆\NH-YJY-0.6/1.0kV\5*95mm2,0.6/1kV</t>
  </si>
  <si>
    <t>【航天瑞奇】交联电力电缆\NH-YJY-0.6/1.0kV\5*120mm2,0.6/1kV</t>
  </si>
  <si>
    <t>【航天瑞奇】交联电力电缆\NH-YJY-0.6/1.0kV\5*150mm2,0.6/1kV</t>
  </si>
  <si>
    <t>【航天瑞奇】交联电力电缆\NH-YJY-0.6/1.0kV\3*2.5+1*1.5mm2,0.6/1kV</t>
  </si>
  <si>
    <t>【航天瑞奇】交联电力电缆\NH-YJY-0.6/1.0kV\3*4+1*2.5mm2,0.6/1kV</t>
  </si>
  <si>
    <t>【航天瑞奇】交联电力电缆\NH-YJY-0.6/1.0kV\3*6+1*4mm2,0.6/1kV</t>
  </si>
  <si>
    <t>【航天瑞奇】交联电力电缆\NH-YJY-0.6/1.0kV\3*10+1*6mm2,0.6/1kV</t>
  </si>
  <si>
    <t>【航天瑞奇】交联电力电缆\NH-YJY-0.6/1.0kV\3*16+1*10mm2,0.6/1kV</t>
  </si>
  <si>
    <t>【航天瑞奇】交联电力电缆\NH-YJY-0.6/1.0kV\3*25+1*16mm2,0.6/1kV</t>
  </si>
  <si>
    <t>【航天瑞奇】交联电力电缆\NH-YJY-0.6/1.0kV\3*35+1*16mm2,0.6/1kV</t>
  </si>
  <si>
    <t>【航天瑞奇】交联电力电缆\NH-YJY-0.6/1.0kV\3*50+1*25mm2,0.6/1kV</t>
  </si>
  <si>
    <t>【航天瑞奇】交联电力电缆\NH-YJY-0.6/1.0kV\3*70+1*35mm2,0.6/1kV</t>
  </si>
  <si>
    <t>【航天瑞奇】交联电力电缆\NH-YJY-0.6/1.0kV\3*95+1*50mm2,0.6/1kV</t>
  </si>
  <si>
    <t>【航天瑞奇】交联电力电缆\NH-YJY-0.6/1.0kV\3*120+1*70mm2,0.6/1kV</t>
  </si>
  <si>
    <t>【航天瑞奇】交联电力电缆\NH-YJY-0.6/1.0kV\3*150+1*70mm2,0.6/1kV</t>
  </si>
  <si>
    <t>【航天瑞奇】交联电力电缆\NH-YJY-0.6/1.0kV\3*185+1*95mm2,0.6/1kV</t>
  </si>
  <si>
    <t>【航天瑞奇】交联电力电缆\NH-YJY-0.6/1.0kV\3*240+1*120mm2,0.6/1kV</t>
  </si>
  <si>
    <t>【航天瑞奇】交联电力电缆\NH-YJY-0.6/1.0kV\3*300+1*150mm2,0.6/1kV</t>
  </si>
  <si>
    <t>【航天瑞奇】交联电力电缆\NH-YJY-0.6/1.0kV\3*400+1*185mm2,0.6/1kV</t>
  </si>
  <si>
    <t>【航天瑞奇】交联电力电缆\NH-YJY-0.6/1.0kV\3*2.5+2*1.5mm2,0.6/1kV</t>
  </si>
  <si>
    <t>【航天瑞奇】交联电力电缆\NH-YJY-0.6/1.0kV\3*4+2*2.5mm2,0.6/1kV</t>
  </si>
  <si>
    <t>【航天瑞奇】交联电力电缆\NH-YJY-0.6/1.0kV\3*6+2*4mm2,0.6/1kV</t>
  </si>
  <si>
    <t>【航天瑞奇】交联电力电缆\NH-YJY-0.6/1.0kV\3*10+2*6mm2,0.6/1kV</t>
  </si>
  <si>
    <t>【航天瑞奇】交联电力电缆\NH-YJY-0.6/1.0kV\3*16+2*10mm2,0.6/1kV</t>
  </si>
  <si>
    <t>【航天瑞奇】交联电力电缆\NH-YJY-0.6/1.0kV\3*25+2*16mm2,0.6/1kV</t>
  </si>
  <si>
    <t>【航天瑞奇】交联电力电缆\NH-YJY-0.6/1.0kV\3*35+2*16mm2,0.6/1kV</t>
  </si>
  <si>
    <t>【航天瑞奇】交联电力电缆\NH-YJY-0.6/1.0kV\3*50+2*25mm2,0.6/1kV</t>
  </si>
  <si>
    <t>【航天瑞奇】交联电力电缆\NH-YJY-0.6/1.0kV\3*70+2*35mm2,0.6/1kV</t>
  </si>
  <si>
    <t>【航天瑞奇】交联电力电缆\NH-YJY-0.6/1.0kV\3*95+2*50mm2,0.6/1kV</t>
  </si>
  <si>
    <t>【航天瑞奇】交联电力电缆\NH-YJY-0.6/1.0kV\3*120+2*70mm2,0.6/1kV</t>
  </si>
  <si>
    <t>【航天瑞奇】交联电力电缆\NH-YJY-0.6/1.0kV\3*150+2*70mm2,0.6/1kV</t>
  </si>
  <si>
    <t>【航天瑞奇】交联电力电缆\NH-YJY-0.6/1.0kV\3*185+2*95mm2,0.6/1kV</t>
  </si>
  <si>
    <t>【航天瑞奇】交联电力电缆\NH-YJY-0.6/1.0kV\3*240+2*120mm2,0.6/1kV</t>
  </si>
  <si>
    <t>【航天瑞奇】交联电力电缆\NH-YJY-0.6/1.0kV\3*300+2*150mm2,0.6/1kV</t>
  </si>
  <si>
    <t>【航天瑞奇】交联电力电缆\NH-YJY-0.6/1.0kV\3*400+2*185mm2,0.6/1kV</t>
  </si>
  <si>
    <t>【航天瑞奇】交联电力电缆\NH-YJY-0.6/1.0kV\4*2.5+1*1.5mm2,0.6/1kV</t>
  </si>
  <si>
    <t>【航天瑞奇】交联电力电缆\NH-YJY-0.6/1.0kV\4*4+1*2.5mm2,0.6/1kV</t>
  </si>
  <si>
    <t>【航天瑞奇】交联电力电缆\NH-YJY-0.6/1.0kV\4*6+1*4mm2,0.6/1kV</t>
  </si>
  <si>
    <t>【航天瑞奇】交联电力电缆\NH-YJY-0.6/1.0kV\4*10+1*6mm2,0.6/1kV</t>
  </si>
  <si>
    <t>【航天瑞奇】交联电力电缆\NH-YJY-0.6/1.0kV\4*16+1*10mm2,0.6/1kV</t>
  </si>
  <si>
    <t>【航天瑞奇】交联电力电缆\NH-YJY-0.6/1.0kV\4*25+1*16mm2,0.6/1kV</t>
  </si>
  <si>
    <t>【航天瑞奇】交联电力电缆\NH-YJY-0.6/1.0kV\4*35+1*16mm2,0.6/1kV</t>
  </si>
  <si>
    <t>【航天瑞奇】交联电力电缆\NH-YJY-0.6/1.0kV\4*50+1*25mm2,0.6/1kV</t>
  </si>
  <si>
    <t>【航天瑞奇】交联电力电缆\NH-YJY-0.6/1.0kV\4*70+1*35mm2,0.6/1kV</t>
  </si>
  <si>
    <t>【皇贡】1784礼盒\300g/盒</t>
  </si>
  <si>
    <t>宣恩县皇贡茶业有限公司</t>
  </si>
  <si>
    <t>皇贡</t>
  </si>
  <si>
    <t>WZSCCG-2020-BJ-2044</t>
  </si>
  <si>
    <t>国家能源e购商城2020年度北京配送皇贡茶业商城铺货长协采购框架合同（湖北帮扶宣恩县）</t>
  </si>
  <si>
    <t>【航天瑞奇】交联电力电缆\NH-YJY-0.6/1.0kV\4*95+1*50mm2,0.6/1kV</t>
  </si>
  <si>
    <t>【航天瑞奇】交联电力电缆\NH-YJY-0.6/1.0kV\4*120+1*70mm2,0.6/1kV</t>
  </si>
  <si>
    <t>【航天瑞奇】交联电力电缆\NH-YJY-0.6/1.0kV\4*150+1*70mm2,0.6/1kV</t>
  </si>
  <si>
    <t>【航天瑞奇】交联电力电缆\NH-YJY-0.6/1.0kV\4*185+1*95mm2,0.6/1kV</t>
  </si>
  <si>
    <t>【航天瑞奇】交联电力电缆\NH-YJY23-0.6/1kV\2*1.5mm2,0.6/1kV</t>
  </si>
  <si>
    <t>【航天瑞奇】交联电力电缆\NH-YJY23-0.6/1kV\2*2.5mm2,0.6/1kV</t>
  </si>
  <si>
    <t>【航天瑞奇】交联电力电缆\NH-YJY23-0.6/1kV\2*4mm2,0.6/1kV</t>
  </si>
  <si>
    <t>【航天瑞奇】交联电力电缆\NH-YJY23-0.6/1kV\2*6mm2,0.6/1kV</t>
  </si>
  <si>
    <t>【航天瑞奇】交联电力电缆\NH-YJY23-0.6/1kV\2*10mm2,0.6/1kV</t>
  </si>
  <si>
    <t>【航天瑞奇】交联电力电缆\NH-YJY23-0.6/1kV\2*16mm2,0.6/1kV</t>
  </si>
  <si>
    <t>【航天瑞奇】交联电力电缆\NH-YJY23-0.6/1kV\2*25mm2,0.6/1kV</t>
  </si>
  <si>
    <t>【航天瑞奇】交联电力电缆\NH-YJY23-0.6/1kV\2*35mm2,0.6/1kV</t>
  </si>
  <si>
    <t>【航天瑞奇】交联电力电缆\NH-YJY23-0.6/1kV\2*50mm2,0.6/1kV</t>
  </si>
  <si>
    <t>【航天瑞奇】交联电力电缆\NH-YJY23-0.6/1kV\2*70mm2,0.6/1kV</t>
  </si>
  <si>
    <t>【航天瑞奇】交联电力电缆\NH-YJY23-0.6/1kV\2*95mm2,0.6/1kV</t>
  </si>
  <si>
    <t>【航天瑞奇】交联电力电缆\NH-YJY23-0.6/1kV\2*120mm2,0.6/1kV</t>
  </si>
  <si>
    <t>【航天瑞奇】交联电力电缆\NH-YJY23-0.6/1kV\2*150mm2,0.6/1kV</t>
  </si>
  <si>
    <t>【航天瑞奇】交联电力电缆\NH-YJY23-0.6/1kV\2*185mm2,0.6/1kV</t>
  </si>
  <si>
    <t>【航天瑞奇】交联电力电缆\NH-YJY23-0.6/1kV\2*240mm2,0.6/1kV</t>
  </si>
  <si>
    <t>【航天瑞奇】交联电力电缆\NH-YJY23-0.6/1kV\2*300mm2,0.6/1kV</t>
  </si>
  <si>
    <t>【航天瑞奇】交联电力电缆\NH-YJY23-0.6/1kV\3*1.5mm2,0.6/1kV</t>
  </si>
  <si>
    <t>【航天瑞奇】交联电力电缆\NH-YJY23-0.6/1kV\3*2.5mm2,0.6/1kV</t>
  </si>
  <si>
    <t>【航天瑞奇】交联电力电缆\NH-YJY23-0.6/1kV\3*4mm2,0.6/1kV</t>
  </si>
  <si>
    <t>【航天瑞奇】交联电力电缆\NH-YJY23-0.6/1kV\3*6mm2,0.6/1kV</t>
  </si>
  <si>
    <t>【航天瑞奇】交联电力电缆\NH-YJY23-0.6/1kV\3*10mm2,0.6/1kV</t>
  </si>
  <si>
    <t>【航天瑞奇】交联电力电缆\NH-YJY23-0.6/1kV\3*16mm2,0.6/1kV</t>
  </si>
  <si>
    <t>【航天瑞奇】交联电力电缆\NH-YJY23-0.6/1kV\3*25mm2,0.6/1kV</t>
  </si>
  <si>
    <t>【航天瑞奇】交联电力电缆\NH-YJY23-0.6/1kV\3*35mm2,0.6/1kV</t>
  </si>
  <si>
    <t>【航天瑞奇】交联电力电缆\NH-YJY23-0.6/1kV\3*50mm2,0.6/1kV</t>
  </si>
  <si>
    <t>【航天瑞奇】交联电力电缆\NH-YJY23-0.6/1kV\3*70mm2,0.6/1kV</t>
  </si>
  <si>
    <t>【航天瑞奇】交联电力电缆\NH-YJY23-0.6/1kV\3*95mm2,0.6/1kV</t>
  </si>
  <si>
    <t>【航天瑞奇】交联电力电缆\NH-YJY23-0.6/1kV\3*120mm2,0.6/1kV</t>
  </si>
  <si>
    <t>【航天瑞奇】交联电力电缆\NH-YJY23-0.6/1kV\3*150mm2,0.6/1kV</t>
  </si>
  <si>
    <t>【航天瑞奇】交联电力电缆\NH-YJY23-0.6/1kV\3*185mm2,0.6/1kV</t>
  </si>
  <si>
    <t>【航天瑞奇】交联电力电缆\NH-YJY23-0.6/1kV\3*240mm2,0.6/1kV</t>
  </si>
  <si>
    <t>【航天瑞奇】交联电力电缆\NH-YJY23-0.6/1kV\3*300mm2,0.6/1kV</t>
  </si>
  <si>
    <t>【航天瑞奇】交联电力电缆\NH-YJY23-0.6/1kV\3*400mm2,0.6/1kV</t>
  </si>
  <si>
    <t>【航天瑞奇】交联电力电缆\NH-YJY23-0.6/1kV\4*1.5mm2,0.6/1kV</t>
  </si>
  <si>
    <t>【航天瑞奇】交联电力电缆\NH-YJY23-0.6/1kV\4*2.5mm2,0.6/1kV</t>
  </si>
  <si>
    <t>【航天瑞奇】交联电力电缆\NH-YJY23-0.6/1kV\4*4mm2,0.6/1kV</t>
  </si>
  <si>
    <t>【航天瑞奇】交联电力电缆\NH-YJY23-0.6/1kV\4*6mm2,0.6/1kV</t>
  </si>
  <si>
    <t>【航天瑞奇】交联电力电缆\NH-YJY23-0.6/1kV\4*10mm2,0.6/1kV</t>
  </si>
  <si>
    <t>【航天瑞奇】交联电力电缆\NH-YJY23-0.6/1kV\4*16mm2,0.6/1kV</t>
  </si>
  <si>
    <t>【航天瑞奇】交联电力电缆\NH-YJY23-0.6/1kV\4*25mm2,0.6/1kV</t>
  </si>
  <si>
    <t>【航天瑞奇】交联电力电缆\NH-YJY23-0.6/1kV\4*35mm2,0.6/1kV</t>
  </si>
  <si>
    <t>【航天瑞奇】交联电力电缆\NH-YJY23-0.6/1kV\4*50mm2,0.6/1kV</t>
  </si>
  <si>
    <t>【航天瑞奇】交联电力电缆\NH-YJY23-0.6/1kV\4*70mm2,0.6/1kV</t>
  </si>
  <si>
    <t>【航天瑞奇】交联电力电缆\NH-YJY23-0.6/1kV\4*95mm2,0.6/1kV</t>
  </si>
  <si>
    <t>【航天瑞奇】交联电力电缆\NH-YJY23-0.6/1kV\4*120mm2,0.6/1kV</t>
  </si>
  <si>
    <t>【航天瑞奇】交联电力电缆\NH-YJY23-0.6/1kV\4*150mm2,0.6/1kV</t>
  </si>
  <si>
    <t>【航天瑞奇】交联电力电缆\NH-YJY23-0.6/1kV\4*185mm2,0.6/1kV</t>
  </si>
  <si>
    <t>【航天瑞奇】交联电力电缆\NH-YJY23-0.6/1kV\5*1.5mm2,0.6/1kV</t>
  </si>
  <si>
    <t>【航天瑞奇】交联电力电缆\NH-YJY23-0.6/1kV\5*2.5mm2,0.6/1kV</t>
  </si>
  <si>
    <t>【航天瑞奇】交联电力电缆\NH-YJY23-0.6/1kV\5*4mm2,0.6/1kV</t>
  </si>
  <si>
    <t>【航天瑞奇】交联电力电缆\NH-YJY23-0.6/1kV\5*6mm2,0.6/1kV</t>
  </si>
  <si>
    <t>【航天瑞奇】交联电力电缆\NH-YJY23-0.6/1kV\5*10mm2,0.6/1kV</t>
  </si>
  <si>
    <t>【航天瑞奇】交联电力电缆\NH-YJY23-0.6/1kV\5*16mm2,0.6/1kV</t>
  </si>
  <si>
    <t>【航天瑞奇】交联电力电缆\NH-YJY23-0.6/1kV\5*25mm2,0.6/1kV</t>
  </si>
  <si>
    <t>【航天瑞奇】交联电力电缆\NH-YJY23-0.6/1kV\5*35mm2,0.6/1kV</t>
  </si>
  <si>
    <t>【航天瑞奇】交联电力电缆\NH-YJY23-0.6/1kV\5*50mm2,0.6/1kV</t>
  </si>
  <si>
    <t>【航天瑞奇】交联电力电缆\NH-YJY23-0.6/1kV\5*70mm2,0.6/1kV</t>
  </si>
  <si>
    <t>【航天瑞奇】交联电力电缆\NH-YJY23-0.6/1kV\5*95mm2,0.6/1kV</t>
  </si>
  <si>
    <t>【航天瑞奇】交联电力电缆\NH-YJY23-0.6/1kV\5*120mm2,0.6/1kV</t>
  </si>
  <si>
    <t>【航天瑞奇】交联电力电缆\NH-YJY23-0.6/1kV\5*150mm2,0.6/1kV</t>
  </si>
  <si>
    <t>【航天瑞奇】交联电力电缆\NH-YJY23-0.6/1kV\3*2.5+1*1.5mm2,0.6/1kV</t>
  </si>
  <si>
    <t>【航天瑞奇】交联电力电缆\NH-YJY23-0.6/1kV\3*4+1*2.5mm2,0.6/1kV</t>
  </si>
  <si>
    <t>【航天瑞奇】交联电力电缆\NH-YJY23-0.6/1kV\3*6+1*4mm2,0.6/1kV</t>
  </si>
  <si>
    <t>【航天瑞奇】交联电力电缆\NH-YJY23-0.6/1kV\3*10+1*6mm2,0.6/1kV</t>
  </si>
  <si>
    <t>【航天瑞奇】交联电力电缆\NH-YJY23-0.6/1kV\3*16+1*10mm2,0.6/1kV</t>
  </si>
  <si>
    <t>【航天瑞奇】交联电力电缆\NH-YJY23-0.6/1kV\3*25+1*16mm2,0.6/1kV</t>
  </si>
  <si>
    <t>【航天瑞奇】交联电力电缆\NH-YJY23-0.6/1kV\3*35+1*16mm2,0.6/1kV</t>
  </si>
  <si>
    <t>【航天瑞奇】交联电力电缆\NH-YJY23-0.6/1kV\3*50+1*25mm2,0.6/1kV</t>
  </si>
  <si>
    <t>【航天瑞奇】交联电力电缆\NH-YJY23-0.6/1kV\3*70+1*35mm2,0.6/1kV</t>
  </si>
  <si>
    <t>【航天瑞奇】交联电力电缆\NH-YJY23-0.6/1kV\3*95+1*50mm2,0.6/1kV</t>
  </si>
  <si>
    <t>【航天瑞奇】交联电力电缆\NH-YJY23-0.6/1kV\3*120+1*70mm2,0.6/1kV</t>
  </si>
  <si>
    <t>【航天瑞奇】交联电力电缆\NH-YJY23-0.6/1kV\3*150+1*70mm2,0.6/1kV</t>
  </si>
  <si>
    <t>【航天瑞奇】交联电力电缆\NH-YJY23-0.6/1kV\3*185+1*95mm2,0.6/1kV</t>
  </si>
  <si>
    <t>【航天瑞奇】交联电力电缆\NH-YJY23-0.6/1kV\3*240+1*120mm2,0.6/1kV</t>
  </si>
  <si>
    <t>【航天瑞奇】交联电力电缆\NH-YJY23-0.6/1kV\3*300+1*150mm2,0.6/1kV</t>
  </si>
  <si>
    <t>【航天瑞奇】交联电力电缆\NH-YJY23-0.6/1kV\3*400+1*185mm2,0.6/1kV</t>
  </si>
  <si>
    <t>【航天瑞奇】交联电力电缆\NH-YJY23-0.6/1kV\3*2.5+2*1.5mm2,0.6/1kV</t>
  </si>
  <si>
    <t>【航天瑞奇】交联电力电缆\NH-YJY23-0.6/1kV\3*4+2*2.5mm2,0.6/1kV</t>
  </si>
  <si>
    <t>【航天瑞奇】交联电力电缆\NH-YJY23-0.6/1kV\3*6+2*4mm2,0.6/1kV</t>
  </si>
  <si>
    <t>【航天瑞奇】交联电力电缆\NH-YJY23-0.6/1kV\3*10+2*6mm2,0.6/1kV</t>
  </si>
  <si>
    <t>【航天瑞奇】交联电力电缆\NH-YJY23-0.6/1kV\3*16+2*10mm2,0.6/1kV</t>
  </si>
  <si>
    <t>【航天瑞奇】交联电力电缆\NH-YJY23-0.6/1kV\3*25+2*16mm2,0.6/1kV</t>
  </si>
  <si>
    <t>【航天瑞奇】交联电力电缆\NH-YJY23-0.6/1kV\3*35+2*16mm2,0.6/1kV</t>
  </si>
  <si>
    <t>【航天瑞奇】交联电力电缆\NH-YJY23-0.6/1kV\3*50+2*25mm2,0.6/1kV</t>
  </si>
  <si>
    <t>【航天瑞奇】交联电力电缆\NH-YJY23-0.6/1kV\3*70+2*35mm2,0.6/1kV</t>
  </si>
  <si>
    <t>【航天瑞奇】交联电力电缆\NH-YJY23-0.6/1kV\3*95+2*50mm2,0.6/1kV</t>
  </si>
  <si>
    <t>【航天瑞奇】交联电力电缆\NH-YJY23-0.6/1kV\3*120+2*70mm2,0.6/1kV</t>
  </si>
  <si>
    <t>【航天瑞奇】交联电力电缆\NH-YJY23-0.6/1kV\3*150+2*70mm2,0.6/1kV</t>
  </si>
  <si>
    <t>【航天瑞奇】交联电力电缆\NH-YJY23-0.6/1kV\3*185+2*95mm2,0.6/1kV</t>
  </si>
  <si>
    <t>【航天瑞奇】交联电力电缆\NH-YJY23-0.6/1kV\3*240+2*120mm2,0.6/1kV</t>
  </si>
  <si>
    <t>【航天瑞奇】交联电力电缆\NH-YJY23-0.6/1kV\3*300+2*150mm2,0.6/1kV</t>
  </si>
  <si>
    <t>【航天瑞奇】交联电力电缆\NH-YJY23-0.6/1kV\3*400+2*185mm2,0.6/1kV</t>
  </si>
  <si>
    <t>【航天瑞奇】交联电力电缆\NH-YJY23-0.6/1kV\4*2.5+1*1.5mm2,0.6/1kV</t>
  </si>
  <si>
    <t>【航天瑞奇】交联电力电缆\NH-YJY23-0.6/1kV\4*4+1*2.5mm2,0.6/1kV</t>
  </si>
  <si>
    <t>【航天瑞奇】交联电力电缆\NH-YJY23-0.6/1kV\4*6+1*4mm2,0.6/1kV</t>
  </si>
  <si>
    <t>【航天瑞奇】交联电力电缆\NH-YJY23-0.6/1kV\4*10+1*6mm2,0.6/1kV</t>
  </si>
  <si>
    <t>【航天瑞奇】交联电力电缆\NH-YJY23-0.6/1kV\4*16+1*10mm2,0.6/1kV</t>
  </si>
  <si>
    <t>【航天瑞奇】交联电力电缆\NH-YJY23-0.6/1kV\4*25+1*16mm2,0.6/1kV</t>
  </si>
  <si>
    <t>【航天瑞奇】交联电力电缆\NH-YJY23-0.6/1kV\4*35+1*16mm2,0.6/1kV</t>
  </si>
  <si>
    <t>【航天瑞奇】交联电力电缆\NH-YJY23-0.6/1kV\4*50+1*25mm2,0.6/1kV</t>
  </si>
  <si>
    <t>【航天瑞奇】交联电力电缆\NH-YJY23-0.6/1kV\4*70+1*35mm2,0.6/1kV</t>
  </si>
  <si>
    <t>【航天瑞奇】交联电力电缆\NH-YJY23-0.6/1kV\4*95+1*50mm2,0.6/1kV</t>
  </si>
  <si>
    <t>【航天瑞奇】交联电力电缆\NH-YJY23-0.6/1kV\4*120+1*70mm2,0.6/1kV</t>
  </si>
  <si>
    <t>【航天瑞奇】交联电力电缆\NH-YJY23-0.6/1kV\4*150+1*70mm2,0.6/1kV</t>
  </si>
  <si>
    <t>【航天瑞奇】交联电力电缆\NH-YJY23-0.6/1kV\4*185+1*95mm2,0.6/1kV</t>
  </si>
  <si>
    <t>【航天瑞奇】交联电力电缆\NH-YJY63-0.6/1kV\1*1.5mm2,0.6/1kV</t>
  </si>
  <si>
    <t>【航天瑞奇】交联电力电缆\NH-YJY63-0.6/1kV\1*2.5mm2,0.6/1kV</t>
  </si>
  <si>
    <t>【航天瑞奇】交联电力电缆\NH-YJY63-0.6/1kV\1*4mm2,0.6/1kV</t>
  </si>
  <si>
    <t>【航天瑞奇】交联电力电缆\NH-YJY63-0.6/1kV\1*6mm2,0.6/1kV</t>
  </si>
  <si>
    <t>【航天瑞奇】交联电力电缆\NH-YJY63-0.6/1kV\1*10mm2,0.6/1kV</t>
  </si>
  <si>
    <t>【航天瑞奇】交联电力电缆\NH-YJY63-0.6/1kV\1*16mm2,0.6/1kV</t>
  </si>
  <si>
    <t>【航天瑞奇】交联电力电缆\NH-YJY63-0.6/1kV\1*25mm2,0.6/1kV</t>
  </si>
  <si>
    <t>【航天瑞奇】交联电力电缆\NH-YJY63-0.6/1kV\1*35mm2,0.6/1kV</t>
  </si>
  <si>
    <t>【航天瑞奇】交联电力电缆\NH-YJY63-0.6/1kV\1*50mm2,0.6/1kV</t>
  </si>
  <si>
    <t>【航天瑞奇】交联电力电缆\NH-YJY63-0.6/1kV\1*70mm2,0.6/1kV</t>
  </si>
  <si>
    <t>【航天瑞奇】交联电力电缆\NH-YJY63-0.6/1kV\1*95mm2,0.6/1kV</t>
  </si>
  <si>
    <t>【航天瑞奇】交联电力电缆\NH-YJY63-0.6/1kV\1*120mm2,0.6/1kV</t>
  </si>
  <si>
    <t>【航天瑞奇】交联电力电缆\NH-YJY63-0.6/1kV\1*150mm2,0.6/1kV</t>
  </si>
  <si>
    <t>【航天瑞奇】交联电力电缆\NH-YJY63-0.6/1kV\1*185mm2,0.6/1kV</t>
  </si>
  <si>
    <t>【航天瑞奇】交联电力电缆\NH-YJY63-0.6/1kV\1*240mm2,0.6/1kV</t>
  </si>
  <si>
    <t>【航天瑞奇】交联电力电缆\NH-YJY63-0.6/1kV\1*300mm2,0.6/1kV</t>
  </si>
  <si>
    <t>【航天瑞奇】交联电力电缆\NH-YJY63-0.6/1kV\1*400mm2,0.6/1kV</t>
  </si>
  <si>
    <t>【航天瑞奇】交联电力电缆\NH-YJY63-0.6/1kV\1*500mm2,0.6/1kV</t>
  </si>
  <si>
    <t>【皇贡】一级绿针B\100g/袋</t>
  </si>
  <si>
    <t>【皇贡】特级炒青\250g/袋</t>
  </si>
  <si>
    <t>【皇贡】一级炒青一\250g/袋</t>
  </si>
  <si>
    <t>【皇贡】一级炒青二\250g/袋</t>
  </si>
  <si>
    <t>【安徽华菱】交联电力电缆\YJV\1.8/3.3kV\3×120mm2</t>
  </si>
  <si>
    <t>安徽华菱电缆集团有限公司</t>
  </si>
  <si>
    <t>安徽华菱</t>
  </si>
  <si>
    <t>WZSCCG-2020-BJ-1089</t>
  </si>
  <si>
    <t>2020年度北京配送短名单6-10kv电力电缆铺货长协采购框架合同II标段</t>
  </si>
  <si>
    <t>【安徽华菱】交联电力电缆\YJV\1.8/3.3kV\3X240mm2</t>
  </si>
  <si>
    <t>【安徽华菱】交联电力电缆\YJV\1.8/3.3kV\3×95mm2</t>
  </si>
  <si>
    <t>【安徽华菱】交联电力电缆\YJV\3.6/6kV\3×35mm2</t>
  </si>
  <si>
    <t>【安徽华菱】交联电力电缆\YJV\3.6/6kV\3×95mm2</t>
  </si>
  <si>
    <t>【安徽华菱】交联电力电缆\ZC-YJV-6/6kV\3x50mm2</t>
  </si>
  <si>
    <t>【安徽华菱】交联电力电缆\ZC-YJV-6/6kV\3x70mm2</t>
  </si>
  <si>
    <t>【安徽华菱】交联电力电缆\ZC-YJV-6/6kV\3x95mm2</t>
  </si>
  <si>
    <t>【安徽华菱】交联电力电缆\ZC-YJV-6/6kV\3x120mm2</t>
  </si>
  <si>
    <t>【安徽华菱】交联电力电缆\ZC-YJV-6/6kV\3x150mm2</t>
  </si>
  <si>
    <t>【安徽华菱】交联电力电缆\ZC-YJV-6/6kV\3x185mm2</t>
  </si>
  <si>
    <t>【安徽华菱】交联电力电缆\ZC-YJV-6/6kV\3x240mm2</t>
  </si>
  <si>
    <t>【安徽华菱】交联电力电缆\ZC-YJV-6/6kV\3x300mm2</t>
  </si>
  <si>
    <t>【安徽华菱】交联电力电缆\ZC-YJV-6/6kV\3x400mm2</t>
  </si>
  <si>
    <t>【安徽华菱】交联电力电缆\ZC-YJV22-6/6kV\3x50mm2</t>
  </si>
  <si>
    <t>【安徽华菱】交联电力电缆\ZC-YJV22-6/6kV\3x70mm2</t>
  </si>
  <si>
    <t>【安徽华菱】交联电力电缆\ZC-YJV22-6/6kV\3x95mm2</t>
  </si>
  <si>
    <t>【安徽华菱】交联电力电缆\ZC-YJV22-6/6kV\3x120mm2</t>
  </si>
  <si>
    <t>【安徽华菱】交联电力电缆\ZC-YJV22-6/6kV\3x150mm2</t>
  </si>
  <si>
    <t>【安徽华菱】交联电力电缆\ZC-YJV22-6/6kV\3x185mm2</t>
  </si>
  <si>
    <t>【安徽华菱】交联电力电缆\ZC-YJV22-6/6kV\3x240mm2</t>
  </si>
  <si>
    <t>【安徽华菱】交联电力电缆\ZC-YJV22-6/6kV\3x300mm2</t>
  </si>
  <si>
    <t>【安徽华菱】交联电力电缆\ZC-YJV22-6/6kV\3x400mm2</t>
  </si>
  <si>
    <t>【安徽华菱】交联电力电缆\ZC-YJY-6/6kV\3x50mm2</t>
  </si>
  <si>
    <t>【安徽华菱】交联电力电缆\ZC-YJY-6/6kV\3x70mm2</t>
  </si>
  <si>
    <t>【安徽华菱】交联电力电缆\ZC-YJY-6/6kV\3x95mm2</t>
  </si>
  <si>
    <t>【安徽华菱】交联电力电缆\ZC-YJY-6/6kV\3x120mm2</t>
  </si>
  <si>
    <t>【安徽华菱】交联电力电缆\ZC-YJY-6/6kV\3x150mm2</t>
  </si>
  <si>
    <t>【安徽华菱】交联电力电缆\ZC-YJY-6/6kV\3x185mm2</t>
  </si>
  <si>
    <t>【安徽华菱】交联电力电缆\ZC-YJY-6/6kV\3x240mm2</t>
  </si>
  <si>
    <t>【安徽华菱】交联电力电缆\ZC-YJY-6/6kV\3x300mm2</t>
  </si>
  <si>
    <t>【安徽华菱】交联电力电缆\ZC-YJY-6/6kV\3x400mm2</t>
  </si>
  <si>
    <t>【安徽华菱】交联电力电缆\YJV\8.7/10kV\3×35mm2</t>
  </si>
  <si>
    <t>【安徽华菱】交联电力电缆\ZC-YJV-8.7/10kV\3x50mm2</t>
  </si>
  <si>
    <t>【安徽华菱】交联电力电缆\ZC-YJV-8.7/10kV\3x70mm2</t>
  </si>
  <si>
    <t>【安徽华菱】交联电力电缆\ZC-YJV-8.7/10kV\3x95mm2</t>
  </si>
  <si>
    <t>【安徽华菱】交联电力电缆\ZC-YJV-8.7/10kV\3x120mm2</t>
  </si>
  <si>
    <t>【安徽华菱】交联电力电缆\ZC-YJV-8.7/10kV\3x150mm2</t>
  </si>
  <si>
    <t>【安徽华菱】交联电力电缆\ZC-YJV-8.7/10kV\3x185mm2</t>
  </si>
  <si>
    <t>【安徽华菱】交联电力电缆\ZC-YJV-8.7/10kV\3x240mm2</t>
  </si>
  <si>
    <t>【安徽华菱】交联电力电缆\ZC-YJV-8.7/10kV\3x300mm2</t>
  </si>
  <si>
    <t>【安徽华菱】交联电力电缆\ZC-YJV-8.7/10kV\3x400mm2</t>
  </si>
  <si>
    <t>【安徽华菱】交联电力电缆\YJV22\8.7/10kV\3×35mm2</t>
  </si>
  <si>
    <t>【安徽华菱】交联电力电缆\ZC-YJV22-8.7/10kV\3x50mm2</t>
  </si>
  <si>
    <t>【安徽华菱】交联电力电缆\ZC-YJV22-8.7/10kV\3x70mm2</t>
  </si>
  <si>
    <t>【安徽华菱】交联电力电缆\ZC-YJV22-8.7/10kV\3x95mm2</t>
  </si>
  <si>
    <t>【安徽华菱】交联电力电缆\ZC-YJV22-8.7/10kV\3x120mm2</t>
  </si>
  <si>
    <t>【安徽华菱】交联电力电缆\ZC-YJV22-8.7/10kV\3x150mm2</t>
  </si>
  <si>
    <t>【安徽华菱】交联电力电缆\ZC-YJV22-8.7/10kV\3x185mm2</t>
  </si>
  <si>
    <t>【安徽华菱】交联电力电缆\ZC-YJV22-8.7/10kV\3x240mm2</t>
  </si>
  <si>
    <t>【安徽华菱】交联电力电缆\ZC-YJV22-8.7/10kV\3x300mm2</t>
  </si>
  <si>
    <t>【安徽华菱】交联电力电缆\ZC-YJV22-8.7/10kV\3x400mm2</t>
  </si>
  <si>
    <t>【安徽华菱】交联电力电缆\ZC-YJY-8.7/10kV\3x50mm2</t>
  </si>
  <si>
    <t>【安徽华菱】交联电力电缆\ZC-YJY-8.7/10kV\3x70mm2</t>
  </si>
  <si>
    <t>【安徽华菱】交联电力电缆\ZC-YJY-8.7/10kV\3x95mm2</t>
  </si>
  <si>
    <t>【安徽华菱】交联电力电缆\ZC-YJY-8.7/10kV\3x120mm2</t>
  </si>
  <si>
    <t>【安徽华菱】交联电力电缆\ZC-YJY-8.7/10kV\3x150mm2</t>
  </si>
  <si>
    <t>【安徽华菱】交联电力电缆\ZC-YJY-8.7/10kV\3x185mm2</t>
  </si>
  <si>
    <t>【安徽华菱】交联电力电缆\ZC-YJY-8.7/10kV\3x240mm2</t>
  </si>
  <si>
    <t>【安徽华菱】交联电力电缆\ZC-YJY-8.7/10kV\3x300mm2</t>
  </si>
  <si>
    <t>【安徽华菱】交联电力电缆\ZC-YJY-8.7/10kV\3x400mm2</t>
  </si>
  <si>
    <t>【安徽华菱】交联电力电缆\ZC-YJY23-8.7/10kV\3x50mm2</t>
  </si>
  <si>
    <t>【安徽华菱】交联电力电缆\ZC-YJY23-8.7/10kV\3x70mm2</t>
  </si>
  <si>
    <t>【安徽华菱】交联电力电缆\ZC-YJY23-8.7/10kV\3x95mm2</t>
  </si>
  <si>
    <t>【安徽华菱】交联电力电缆\ZC-YJY23-8.7/10kV\3x120mm2</t>
  </si>
  <si>
    <t>【安徽华菱】交联电力电缆\ZC-YJY23-8.7/10kV\3x150mm2</t>
  </si>
  <si>
    <t>【安徽华菱】交联电力电缆\ZC-YJY23-8.7/10kV\3x185mm2</t>
  </si>
  <si>
    <t>【安徽华菱】交联电力电缆\ZC-YJY23-8.7/10kV\3x240mm2</t>
  </si>
  <si>
    <t>【安徽华菱】交联电力电缆\ZC-YJY23-8.7/10kV\3x300mm2</t>
  </si>
  <si>
    <t>【安徽华菱】交联电力电缆\ZC-YJY23-8.7/10kV\3x400mm2</t>
  </si>
  <si>
    <t>【安徽华菱】交联电力电缆\ZC-YJY23-6/6kV\3x50mm2</t>
  </si>
  <si>
    <t>【安徽华菱】交联电力电缆\ZC-YJY23-6/6kV\3x70mm2</t>
  </si>
  <si>
    <t>【安徽华菱】交联电力电缆\ZC-YJY23-6/6kV\3x95mm2</t>
  </si>
  <si>
    <t>【安徽华菱】交联电力电缆\ZC-YJY23-6/6kV\3x120mm2</t>
  </si>
  <si>
    <t>【安徽华菱】交联电力电缆\ZC-YJY23-6/6kV\3x150mm2</t>
  </si>
  <si>
    <t>【安徽华菱】交联电力电缆\ZC-YJY23-6/6kV\3x185mm2</t>
  </si>
  <si>
    <t>【安徽华菱】交联电力电缆\ZC-YJY23-6/6kV\3x240mm2</t>
  </si>
  <si>
    <t>【安徽华菱】交联电力电缆\ZC-YJY23-6/6kV\3x300mm2</t>
  </si>
  <si>
    <t>【安徽华菱】交联电力电缆\ZC-YJY23-6/6kV\3x400mm2</t>
  </si>
  <si>
    <t>【安徽华菱】交联电力电缆\ZC- YJV -6/6kV\1×50mm2</t>
  </si>
  <si>
    <t>【安徽华菱】交联电力电缆\ZC- YJV -6/6kV\1×70mm2</t>
  </si>
  <si>
    <t>【安徽华菱】交联电力电缆\ZC- YJV -6/6kV\1×95mm2</t>
  </si>
  <si>
    <t>【安徽华菱】交联电力电缆\ZC- YJV -6/6kV\1×120mm2</t>
  </si>
  <si>
    <t>【安徽华菱】交联电力电缆\ZC- YJV -6/6kV\1×150mm2</t>
  </si>
  <si>
    <t>【安徽华菱】交联电力电缆\ZC- YJV -6/6kV\1×185mm2</t>
  </si>
  <si>
    <t>【安徽华菱】交联电力电缆\ZC- YJV -6/6kV\1×240mm2</t>
  </si>
  <si>
    <t>【安徽华菱】交联电力电缆\ZC- YJV -6/6kV\1×300mm2</t>
  </si>
  <si>
    <t>【安徽华菱】交联电力电缆\ZC- YJY -6/6kV\1×50mm2</t>
  </si>
  <si>
    <t>【安徽华菱】交联电力电缆\ZC- YJY -6/6kV\1×70mm2</t>
  </si>
  <si>
    <t>【安徽华菱】交联电力电缆\ZC- YJY -6/6kV\1×95mm2</t>
  </si>
  <si>
    <t>【安徽华菱】交联电力电缆\ZC- YJY -6/6kV\1×120mm2</t>
  </si>
  <si>
    <t>【安徽华菱】交联电力电缆\ZC- YJY -6/6kV\1×150mm2</t>
  </si>
  <si>
    <t>【安徽华菱】交联电力电缆\ZC- YJY -6/6kV\1×185mm2</t>
  </si>
  <si>
    <t>【安徽华菱】交联电力电缆\ZC- YJY -6/6kV\1×240mm2</t>
  </si>
  <si>
    <t>【安徽华菱】交联电力电缆\ZC- YJY -6/6kV\1×300mm2</t>
  </si>
  <si>
    <t>【安徽华菱】交联电力电缆\ZC- YJY -6/6kV\1×400mm2</t>
  </si>
  <si>
    <t>【安徽华菱】交联电力电缆\ZC- YJY -6/6kV\1×500mm2</t>
  </si>
  <si>
    <t>【安徽华菱】交联电力电缆\ZC-YJV-8.7/10kV\1×50mm2</t>
  </si>
  <si>
    <t>【安徽华菱】交联电力电缆\ZC-YJV-8.7/10kV\1×70mm2</t>
  </si>
  <si>
    <t>【安徽华菱】交联电力电缆\ZC-YJV-8.7/10kV\1×95mm2</t>
  </si>
  <si>
    <t>【安徽华菱】交联电力电缆\ZC-YJV-8.7/10kV\1×120mm2</t>
  </si>
  <si>
    <t>【安徽华菱】交联电力电缆\ZC-YJV-8.7/10kV\1×150mm2</t>
  </si>
  <si>
    <t>【安徽华菱】交联电力电缆\ZC-YJV-8.7/10kV\1×185mm2</t>
  </si>
  <si>
    <t>【安徽华菱】交联电力电缆\ZC-YJV-8.7/10kV\1×240mm2</t>
  </si>
  <si>
    <t>【安徽华菱】交联电力电缆\ZC-YJV-8.7/10kV\1×300mm2</t>
  </si>
  <si>
    <t>【安徽华菱】交联电力电缆\ZC-YJY-8.7/10kV\1×50mm2</t>
  </si>
  <si>
    <t>【安徽华菱】交联电力电缆\ZC-YJY-8.7/10kV\1×70mm2</t>
  </si>
  <si>
    <t>【安徽华菱】交联电力电缆\ZC-YJY-8.7/10kV\1×95mm2</t>
  </si>
  <si>
    <t>【安徽华菱】交联电力电缆\ZC-YJY-8.7/10kV\1×120mm2</t>
  </si>
  <si>
    <t>【安徽华菱】交联电力电缆\ZC-YJY-8.7/10kV\1×150mm2</t>
  </si>
  <si>
    <t>【安徽华菱】交联电力电缆\ZC-YJY-8.7/10kV\1×185mm2</t>
  </si>
  <si>
    <t>【安徽华菱】交联电力电缆\ZC-YJY-8.7/10kV\1×240mm2</t>
  </si>
  <si>
    <t>【安徽华菱】交联电力电缆\ZC-YJY-8.7/10kV\1×300mm2</t>
  </si>
  <si>
    <t>【安徽华菱】交联电力电缆\ZC-YJY-8.7/10kV\1×400mm2</t>
  </si>
  <si>
    <t>【安徽华菱】交联电力电缆\ZC-YJY-8.7/10kV\1×500mm2</t>
  </si>
  <si>
    <t>【安徽华菱】交联电力电缆\ZC- YJV62 -6/6kV\1×50mm2</t>
  </si>
  <si>
    <t>【安徽华菱】交联电力电缆\ZC- YJV62 -6/6kV\1×70mm2</t>
  </si>
  <si>
    <t>【安徽华菱】交联电力电缆\ZC- YJV62 -6/6kV\1×95mm2</t>
  </si>
  <si>
    <t>【安徽华菱】交联电力电缆\ZC- YJV62 -6/6kV\1×120mm2</t>
  </si>
  <si>
    <t>【安徽华菱】交联电力电缆\ZC- YJV62 -6/6kV\1×150mm2</t>
  </si>
  <si>
    <t>【安徽华菱】交联电力电缆\ZC- YJV62 -6/6kV\1×185mm2</t>
  </si>
  <si>
    <t>【安徽华菱】交联电力电缆\ZC- YJV62 -6/6kV\1×240mm2</t>
  </si>
  <si>
    <t>【安徽华菱】交联电力电缆\ZC- YJV62 -6/6kV\1×300mm2</t>
  </si>
  <si>
    <t>【安徽华菱】交联电力电缆\ZC- YJV62 -6/6kV\1×400mm2</t>
  </si>
  <si>
    <t>【安徽华菱】交联电力电缆\ZC- YJV62 -6/6kV\1×500mm2</t>
  </si>
  <si>
    <t>【安徽华菱】交联电力电缆\YJV32\8.7/10kV\3×240mm2</t>
  </si>
  <si>
    <t>【安徽华菱】交联电力电缆\YJV42\8.7/10kV\3×240mm2</t>
  </si>
  <si>
    <t>【安徽华菱】交联电力电缆\YJV42\8.7/10kV\3×70mm2</t>
  </si>
  <si>
    <t>【安徽华菱】交联电力电缆\ZC-YJV62-8.7/10kV\1×50mm2</t>
  </si>
  <si>
    <t>【安徽华菱】交联电力电缆\ZC-YJV62-8.7/10kV\1×70mm2</t>
  </si>
  <si>
    <t>【安徽华菱】交联电力电缆\ZC-YJV62-8.7/10kV\1×95mm2</t>
  </si>
  <si>
    <t>【安徽华菱】交联电力电缆\ZC-YJV62-8.7/10kV\1×120mm2</t>
  </si>
  <si>
    <t>【安徽华菱】交联电力电缆\ZC-YJV62-8.7/10kV\1×150mm2</t>
  </si>
  <si>
    <t>【安徽华菱】交联电力电缆\ZC-YJV62-8.7/10kV\1×185mm2</t>
  </si>
  <si>
    <t>【安徽华菱】交联电力电缆\ZC-YJV62-8.7/10kV\1×240mm2</t>
  </si>
  <si>
    <t>【安徽华菱】交联电力电缆\ZC-YJV62-8.7/10kV\1×300mm2</t>
  </si>
  <si>
    <t>【安徽华菱】交联电力电缆\ZC-YJV62-8.7/10kV\1×400mm2</t>
  </si>
  <si>
    <t>【安徽华菱】交联电力电缆\ZC-YJV62-8.7/10kV\1×500mm2</t>
  </si>
  <si>
    <t>【安徽华菱】交联电力电缆\ZC- YJY63 -6/6kV\1×50mm2</t>
  </si>
  <si>
    <t>【安徽华菱】交联电力电缆\ZC- YJY63 -6/6kV\1×70mm2</t>
  </si>
  <si>
    <t>【安徽华菱】交联电力电缆\ZC- YJY63 -6/6kV\1×95mm2</t>
  </si>
  <si>
    <t>【安徽华菱】交联电力电缆\ZC- YJY63 -6/6kV\1×120mm2</t>
  </si>
  <si>
    <t>【安徽华菱】交联电力电缆\ZC- YJY63 -6/6kV\1×150mm2</t>
  </si>
  <si>
    <t>【安徽华菱】交联电力电缆\ZC- YJY63 -6/6kV\1×185mm2</t>
  </si>
  <si>
    <t>【安徽华菱】交联电力电缆\ZC- YJY63 -6/6kV\1×240mm2</t>
  </si>
  <si>
    <t>【安徽华菱】交联电力电缆\ZC- YJY63 -6/6kV\1×300mm2</t>
  </si>
  <si>
    <t>【安徽华菱】交联电力电缆\ZC- YJY63 -6/6kV\1×400mm2</t>
  </si>
  <si>
    <t>【安徽华菱】交联电力电缆\ZC- YJY63 -6/6kV\1×500mm2</t>
  </si>
  <si>
    <t>【安徽华菱】交联电力电缆\ZC-YJY63-8.7/10kV\1×50mm2</t>
  </si>
  <si>
    <t>【安徽华菱】交联电力电缆\ZC-YJY63-8.7/10kV\1×70mm2</t>
  </si>
  <si>
    <t>【安徽华菱】交联电力电缆\ZC-YJY63-8.7/10kV\1×95mm2</t>
  </si>
  <si>
    <t>【安徽华菱】交联电力电缆\ZC-YJY63-8.7/10kV\1×120mm2</t>
  </si>
  <si>
    <t>【安徽华菱】交联电力电缆\ZC-YJY63-8.7/10kV\1×150mm2</t>
  </si>
  <si>
    <t>【安徽华菱】交联电力电缆\ZC-YJY63-8.7/10kV\1×185mm2</t>
  </si>
  <si>
    <t>【安徽华菱】交联电力电缆\ZC-YJY63-8.7/10kV\1×240mm2</t>
  </si>
  <si>
    <t>【安徽华菱】交联电力电缆\ZC-YJY63-8.7/10kV\1×300mm2</t>
  </si>
  <si>
    <t>【安徽华菱】交联电力电缆\ZC-YJY63-8.7/10kV\1×400mm2</t>
  </si>
  <si>
    <t>【安徽华菱】交联电力电缆\ZC-YJY63-8.7/10kV\1×500mm2</t>
  </si>
  <si>
    <t>【安徽华菱】交联电力电缆\YJV22\8.7/15kV\3×120mm2</t>
  </si>
  <si>
    <t>【安徽华菱】交联电力电缆\YJV22\8.7/15kV\3×150mm2</t>
  </si>
  <si>
    <t>【安徽华菱】交联电力电缆\YJV22\8.7/15kV\3×185mm2</t>
  </si>
  <si>
    <t>【安徽华菱】交联电力电缆\YJV22\8.7/15kV\3×240mm2</t>
  </si>
  <si>
    <t>【安徽华菱】交联电力电缆\YJV22\8.7/15kV\3×300mm2</t>
  </si>
  <si>
    <t>【安徽华菱】交联电力电缆\YJV22\8.7/15kV\3×70mm2</t>
  </si>
  <si>
    <t>【湖南华菱】交联电力电缆\YJV\1.8/3.3kV\3×120mm2</t>
  </si>
  <si>
    <t>湖南华菱线缆股份有限公司有限公司</t>
  </si>
  <si>
    <t>湖南华菱</t>
  </si>
  <si>
    <t>WZSCCG-2020-BJ-1095</t>
  </si>
  <si>
    <t>6-10kv电力电缆Ⅰ标段铺货长协采购框架合同</t>
  </si>
  <si>
    <t>湖南华菱线缆股份有限公司</t>
  </si>
  <si>
    <t>【湖南华菱】交联电力电缆\YJV\1.8/3.3kV\3X240mm2</t>
  </si>
  <si>
    <t>【湖南华菱】交联电力电缆\YJV\1.8/3.3kV\3×95mm2</t>
  </si>
  <si>
    <t>【湖南华菱】交联电力电缆\YJV\3.6/6kV\3×35mm2</t>
  </si>
  <si>
    <t>【湖南华菱】交联电力电缆\YJV\3.6/6kV\3×95mm2</t>
  </si>
  <si>
    <t>【湖南华菱】交联电力电缆\ZC-YJV-6/6kV\3x50mm2</t>
  </si>
  <si>
    <t>【湖南华菱】交联电力电缆\ZC-YJV-6/6kV\3x70mm2</t>
  </si>
  <si>
    <t>【湖南华菱】交联电力电缆\ZC-YJV-6/6kV\3x95mm2</t>
  </si>
  <si>
    <t>【湖南华菱】交联电力电缆\ZC-YJV-6/6kV\3x120mm2</t>
  </si>
  <si>
    <t>【湖南华菱】交联电力电缆\ZC-YJV-6/6kV\3x150mm2</t>
  </si>
  <si>
    <t>【湖南华菱】交联电力电缆\ZC-YJV-6/6kV\3x185mm2</t>
  </si>
  <si>
    <t>【湖南华菱】交联电力电缆\ZC-YJV-6/6kV\3x240mm2</t>
  </si>
  <si>
    <t>【湖南华菱】交联电力电缆\ZC-YJV-6/6kV\3x300mm2</t>
  </si>
  <si>
    <t>【湖南华菱】交联电力电缆\ZC-YJV-6/6kV\3x400mm2</t>
  </si>
  <si>
    <t>【湖南华菱】交联电力电缆\ZC-YJV22-6/6kV\3x50mm2</t>
  </si>
  <si>
    <t>【湖南华菱】交联电力电缆\ZC-YJV22-6/6kV\3x70mm2</t>
  </si>
  <si>
    <t>【湖南华菱】交联电力电缆\ZC-YJV22-6/6kV\3x95mm2</t>
  </si>
  <si>
    <t>【湖南华菱】交联电力电缆\ZC-YJV22-6/6kV\3x120mm2</t>
  </si>
  <si>
    <t>【湖南华菱】交联电力电缆\ZC-YJV22-6/6kV\3x150mm2</t>
  </si>
  <si>
    <t>【湖南华菱】交联电力电缆\ZC-YJV22-6/6kV\3x185mm2</t>
  </si>
  <si>
    <t>【湖南华菱】交联电力电缆\ZC-YJV22-6/6kV\3x240mm2</t>
  </si>
  <si>
    <t>【湖南华菱】交联电力电缆\ZC-YJV22-6/6kV\3x300mm2</t>
  </si>
  <si>
    <t>【湖南华菱】交联电力电缆\ZC-YJV22-6/6kV\3x400mm2</t>
  </si>
  <si>
    <t>【湖南华菱】交联电力电缆\ZC-YJY-6/6kV\3x50mm2</t>
  </si>
  <si>
    <t>【湖南华菱】交联电力电缆\ZC-YJY-6/6kV\3x70mm2</t>
  </si>
  <si>
    <t>【湖南华菱】交联电力电缆\ZC-YJY-6/6kV\3x95mm2</t>
  </si>
  <si>
    <t>【湖南华菱】交联电力电缆\ZC-YJY-6/6kV\3x120mm2</t>
  </si>
  <si>
    <t>【湖南华菱】交联电力电缆\ZC-YJY-6/6kV\3x150mm2</t>
  </si>
  <si>
    <t>【湖南华菱】交联电力电缆\ZC-YJY-6/6kV\3x185mm2</t>
  </si>
  <si>
    <t>【湖南华菱】交联电力电缆\ZC-YJY-6/6kV\3x240mm2</t>
  </si>
  <si>
    <t>【湖南华菱】交联电力电缆\ZC-YJY-6/6kV\3x300mm2</t>
  </si>
  <si>
    <t>【湖南华菱】交联电力电缆\ZC-YJY-6/6kV\3x400mm2</t>
  </si>
  <si>
    <t>【湖南华菱】交联电力电缆\YJV\8.7/10kV\3×35mm2</t>
  </si>
  <si>
    <t>【湖南华菱】交联电力电缆\ZC-YJV-8.7/10kV\3x50mm2</t>
  </si>
  <si>
    <t>【湖南华菱】交联电力电缆\ZC-YJV-8.7/10kV\3x70mm2</t>
  </si>
  <si>
    <t>【湖南华菱】交联电力电缆\ZC-YJV-8.7/10kV\3x95mm2</t>
  </si>
  <si>
    <t>【湖南华菱】交联电力电缆\ZC-YJV-8.7/10kV\3x120mm2</t>
  </si>
  <si>
    <t>【湖南华菱】交联电力电缆\ZC-YJV-8.7/10kV\3x150mm2</t>
  </si>
  <si>
    <t>【湖南华菱】交联电力电缆\ZC-YJV-8.7/10kV\3x185mm2</t>
  </si>
  <si>
    <t>【湖南华菱】交联电力电缆\ZC-YJV-8.7/10kV\3x240mm2</t>
  </si>
  <si>
    <t>【湖南华菱】交联电力电缆\ZC-YJV-8.7/10kV\3x300mm2</t>
  </si>
  <si>
    <t>【湖南华菱】交联电力电缆\ZC-YJV-8.7/10kV\3x400mm2</t>
  </si>
  <si>
    <t>【湖南华菱】交联电力电缆\YJV22\8.7/10kV\3×35mm2</t>
  </si>
  <si>
    <t>【湖南华菱】交联电力电缆\ZC-YJV22-8.7/10kV\3x50mm2</t>
  </si>
  <si>
    <t>【湖南华菱】交联电力电缆\ZC-YJV22-8.7/10kV\3x70mm2</t>
  </si>
  <si>
    <t>【湖南华菱】交联电力电缆\ZC-YJV22-8.7/10kV\3x95mm2</t>
  </si>
  <si>
    <t>【湖南华菱】交联电力电缆\ZC-YJV22-8.7/10kV\3x120mm2</t>
  </si>
  <si>
    <t>【湖南华菱】交联电力电缆\ZC-YJV22-8.7/10kV\3x150mm2</t>
  </si>
  <si>
    <t>【湖南华菱】交联电力电缆\ZC-YJV22-8.7/10kV\3x185mm2</t>
  </si>
  <si>
    <t>【湖南华菱】交联电力电缆\ZC-YJV22-8.7/10kV\3x240mm2</t>
  </si>
  <si>
    <t>【湖南华菱】交联电力电缆\ZC-YJV22-8.7/10kV\3x300mm2</t>
  </si>
  <si>
    <t>【湖南华菱】交联电力电缆\ZC-YJV22-8.7/10kV\3x400mm2</t>
  </si>
  <si>
    <t>【湖南华菱】交联电力电缆\ZC-YJY-8.7/10kV\3x50mm2</t>
  </si>
  <si>
    <t>【湖南华菱】交联电力电缆\ZC-YJY-8.7/10kV\3x70mm2</t>
  </si>
  <si>
    <t>【湖南华菱】交联电力电缆\ZC-YJY-8.7/10kV\3x95mm2</t>
  </si>
  <si>
    <t>【湖南华菱】交联电力电缆\ZC-YJY-8.7/10kV\3x120mm2</t>
  </si>
  <si>
    <t>【湖南华菱】交联电力电缆\ZC-YJY-8.7/10kV\3x150mm2</t>
  </si>
  <si>
    <t>【湖南华菱】交联电力电缆\ZC-YJY-8.7/10kV\3x185mm2</t>
  </si>
  <si>
    <t>【湖南华菱】交联电力电缆\ZC-YJY-8.7/10kV\3x240mm2</t>
  </si>
  <si>
    <t>【湖南华菱】交联电力电缆\ZC-YJY-8.7/10kV\3x300mm2</t>
  </si>
  <si>
    <t>【湖南华菱】交联电力电缆\ZC-YJY-8.7/10kV\3x400mm2</t>
  </si>
  <si>
    <t>【湖南华菱】交联电力电缆\ZC-YJY23-8.7/10kV\3x50mm2</t>
  </si>
  <si>
    <t>【湖南华菱】交联电力电缆\ZC-YJY23-8.7/10kV\3x70mm2</t>
  </si>
  <si>
    <t>【湖南华菱】交联电力电缆\ZC-YJY23-8.7/10kV\3x95mm2</t>
  </si>
  <si>
    <t>【湖南华菱】交联电力电缆\ZC-YJY23-8.7/10kV\3x120mm2</t>
  </si>
  <si>
    <t>【湖南华菱】交联电力电缆\ZC-YJY23-8.7/10kV\3x150mm2</t>
  </si>
  <si>
    <t>【湖南华菱】交联电力电缆\ZC-YJY23-8.7/10kV\3x185mm2</t>
  </si>
  <si>
    <t>【湖南华菱】交联电力电缆\ZC-YJY23-8.7/10kV\3x240mm2</t>
  </si>
  <si>
    <t>【湖南华菱】交联电力电缆\ZC-YJY23-8.7/10kV\3x300mm2</t>
  </si>
  <si>
    <t>【湖南华菱】交联电力电缆\ZC-YJY23-8.7/10kV\3x400mm2</t>
  </si>
  <si>
    <t>【湖南华菱】交联电力电缆\ZC-YJY23-6/6kV\3x50mm2</t>
  </si>
  <si>
    <t>【湖南华菱】交联电力电缆\ZC-YJY23-6/6kV\3x70mm2</t>
  </si>
  <si>
    <t>【湖南华菱】交联电力电缆\ZC-YJY23-6/6kV\3x95mm2</t>
  </si>
  <si>
    <t>【湖南华菱】交联电力电缆\ZC-YJY23-6/6kV\3x120mm2</t>
  </si>
  <si>
    <t>【湖南华菱】交联电力电缆\ZC-YJY23-6/6kV\3x150mm2</t>
  </si>
  <si>
    <t>【湖南华菱】交联电力电缆\ZC-YJY23-6/6kV\3x185mm2</t>
  </si>
  <si>
    <t>【湖南华菱】交联电力电缆\ZC-YJY23-6/6kV\3x240mm2</t>
  </si>
  <si>
    <t>【湖南华菱】交联电力电缆\ZC-YJY23-6/6kV\3x300mm2</t>
  </si>
  <si>
    <t>【湖南华菱】交联电力电缆\ZC-YJY23-6/6kV\3x400mm2</t>
  </si>
  <si>
    <t>【湖南华菱】交联电力电缆\ZC- YJV -6/6kV\1×50mm2</t>
  </si>
  <si>
    <t>【湖南华菱】交联电力电缆\ZC- YJV -6/6kV\1×70mm2</t>
  </si>
  <si>
    <t>【湖南华菱】交联电力电缆\ZC- YJV -6/6kV\1×95mm2</t>
  </si>
  <si>
    <t>【湖南华菱】交联电力电缆\ZC- YJV -6/6kV\1×120mm2</t>
  </si>
  <si>
    <t>【湖南华菱】交联电力电缆\ZC- YJV -6/6kV\1×150mm2</t>
  </si>
  <si>
    <t>【湖南华菱】交联电力电缆\ZC- YJV -6/6kV\1×185mm2</t>
  </si>
  <si>
    <t>【湖南华菱】交联电力电缆\ZC- YJV -6/6kV\1×240mm2</t>
  </si>
  <si>
    <t>【湖南华菱】交联电力电缆\ZC- YJV -6/6kV\1×300mm2</t>
  </si>
  <si>
    <t>【湖南华菱】交联电力电缆\ZC- YJY -6/6kV\1×50mm2</t>
  </si>
  <si>
    <t>【湖南华菱】交联电力电缆\ZC- YJY -6/6kV\1×70mm2</t>
  </si>
  <si>
    <t>【湖南华菱】交联电力电缆\ZC- YJY -6/6kV\1×95mm2</t>
  </si>
  <si>
    <t>【湖南华菱】交联电力电缆\ZC- YJY -6/6kV\1×120mm2</t>
  </si>
  <si>
    <t>【湖南华菱】交联电力电缆\ZC- YJY -6/6kV\1×150mm2</t>
  </si>
  <si>
    <t>【湖南华菱】交联电力电缆\ZC- YJY -6/6kV\1×185mm2</t>
  </si>
  <si>
    <t>【湖南华菱】交联电力电缆\ZC- YJY -6/6kV\1×240mm2</t>
  </si>
  <si>
    <t>【湖南华菱】交联电力电缆\ZC- YJY -6/6kV\1×300mm2</t>
  </si>
  <si>
    <t>【湖南华菱】交联电力电缆\ZC- YJY -6/6kV\1×400mm2</t>
  </si>
  <si>
    <t>【湖南华菱】交联电力电缆\ZC- YJY -6/6kV\1×500mm2</t>
  </si>
  <si>
    <t>【湖南华菱】交联电力电缆\ZC-YJV-8.7/10kV\1×50mm2</t>
  </si>
  <si>
    <t>【湖南华菱】交联电力电缆\ZC-YJV-8.7/10kV\1×70mm2</t>
  </si>
  <si>
    <t>【湖南华菱】交联电力电缆\ZC-YJV-8.7/10kV\1×95mm2</t>
  </si>
  <si>
    <t>【湖南华菱】交联电力电缆\ZC-YJV-8.7/10kV\1×120mm2</t>
  </si>
  <si>
    <t>【湖南华菱】交联电力电缆\ZC-YJV-8.7/10kV\1×150mm2</t>
  </si>
  <si>
    <t>【湖南华菱】交联电力电缆\ZC-YJV-8.7/10kV\1×185mm2</t>
  </si>
  <si>
    <t>【湖南华菱】交联电力电缆\ZC-YJV-8.7/10kV\1×240mm2</t>
  </si>
  <si>
    <t>【湖南华菱】交联电力电缆\ZC-YJV-8.7/10kV\1×300mm2</t>
  </si>
  <si>
    <t>【湖南华菱】交联电力电缆\ZC-YJY-8.7/10kV\1×50mm2</t>
  </si>
  <si>
    <t>【湖南华菱】交联电力电缆\ZC-YJY-8.7/10kV\1×70mm2</t>
  </si>
  <si>
    <t>【湖南华菱】交联电力电缆\ZC-YJY-8.7/10kV\1×95mm2</t>
  </si>
  <si>
    <t>【湖南华菱】交联电力电缆\ZC-YJY-8.7/10kV\1×120mm2</t>
  </si>
  <si>
    <t>【湖南华菱】交联电力电缆\ZC-YJY-8.7/10kV\1×150mm2</t>
  </si>
  <si>
    <t>【湖南华菱】交联电力电缆\ZC-YJY-8.7/10kV\1×185mm2</t>
  </si>
  <si>
    <t>【湖南华菱】交联电力电缆\ZC-YJY-8.7/10kV\1×240mm2</t>
  </si>
  <si>
    <t>【湖南华菱】交联电力电缆\ZC-YJY-8.7/10kV\1×300mm2</t>
  </si>
  <si>
    <t>【湖南华菱】交联电力电缆\ZC-YJY-8.7/10kV\1×400mm2</t>
  </si>
  <si>
    <t>【湖南华菱】交联电力电缆\ZC-YJY-8.7/10kV\1×500mm2</t>
  </si>
  <si>
    <t>【湖南华菱】交联电力电缆\ZC- YJV62 -6/6kV\1×50mm2</t>
  </si>
  <si>
    <t>【湖南华菱】交联电力电缆\ZC- YJV62 -6/6kV\1×70mm2</t>
  </si>
  <si>
    <t>【湖南华菱】交联电力电缆\ZC- YJV62 -6/6kV\1×95mm2</t>
  </si>
  <si>
    <t>【湖南华菱】交联电力电缆\ZC- YJV62 -6/6kV\1×120mm2</t>
  </si>
  <si>
    <t>【湖南华菱】交联电力电缆\ZC- YJV62 -6/6kV\1×150mm2</t>
  </si>
  <si>
    <t>【湖南华菱】交联电力电缆\ZC- YJV62 -6/6kV\1×185mm2</t>
  </si>
  <si>
    <t>【湖南华菱】交联电力电缆\ZC- YJV62 -6/6kV\1×240mm2</t>
  </si>
  <si>
    <t>【湖南华菱】交联电力电缆\ZC- YJV62 -6/6kV\1×300mm2</t>
  </si>
  <si>
    <t>【湖南华菱】交联电力电缆\ZC- YJV62 -6/6kV\1×400mm2</t>
  </si>
  <si>
    <t>【湖南华菱】交联电力电缆\ZC- YJV62 -6/6kV\1×500mm2</t>
  </si>
  <si>
    <t>【湖南华菱】交联电力电缆\YJV32\8.7/10kV\3×240mm2</t>
  </si>
  <si>
    <t>【湖南华菱】交联电力电缆\YJV42\8.7/10kV\3×240mm2</t>
  </si>
  <si>
    <t>【湖南华菱】交联电力电缆\YJV42\8.7/10kV\3×70mm2</t>
  </si>
  <si>
    <t>【湖南华菱】交联电力电缆\ZC-YJV62-8.7/10kV\1×50mm2</t>
  </si>
  <si>
    <t>【湖南华菱】交联电力电缆\ZC-YJV62-8.7/10kV\1×70mm2</t>
  </si>
  <si>
    <t>【湖南华菱】交联电力电缆\ZC-YJV62-8.7/10kV\1×95mm2</t>
  </si>
  <si>
    <t>【湖南华菱】交联电力电缆\ZC-YJV62-8.7/10kV\1×120mm2</t>
  </si>
  <si>
    <t>【湖南华菱】交联电力电缆\ZC-YJV62-8.7/10kV\1×150mm2</t>
  </si>
  <si>
    <t>【湖南华菱】交联电力电缆\ZC-YJV62-8.7/10kV\1×185mm2</t>
  </si>
  <si>
    <t>【湖南华菱】交联电力电缆\ZC-YJV62-8.7/10kV\1×240mm2</t>
  </si>
  <si>
    <t>【湖南华菱】交联电力电缆\ZC-YJV62-8.7/10kV\1×300mm2</t>
  </si>
  <si>
    <t>【湖南华菱】交联电力电缆\ZC-YJV62-8.7/10kV\1×400mm2</t>
  </si>
  <si>
    <t>【湖南华菱】交联电力电缆\ZC-YJV62-8.7/10kV\1×500mm2</t>
  </si>
  <si>
    <t>【湖南华菱】交联电力电缆\ZC- YJY63 -6/6kV\1×50mm2</t>
  </si>
  <si>
    <t>【湖南华菱】交联电力电缆\ZC- YJY63 -6/6kV\1×70mm2</t>
  </si>
  <si>
    <t>【湖南华菱】交联电力电缆\ZC- YJY63 -6/6kV\1×95mm2</t>
  </si>
  <si>
    <t>【湖南华菱】交联电力电缆\ZC- YJY63 -6/6kV\1×120mm2</t>
  </si>
  <si>
    <t>【湖南华菱】交联电力电缆\ZC- YJY63 -6/6kV\1×150mm2</t>
  </si>
  <si>
    <t>【湖南华菱】交联电力电缆\ZC- YJY63 -6/6kV\1×185mm2</t>
  </si>
  <si>
    <t>【湖南华菱】交联电力电缆\ZC- YJY63 -6/6kV\1×240mm2</t>
  </si>
  <si>
    <t>【湖南华菱】交联电力电缆\ZC- YJY63 -6/6kV\1×300mm2</t>
  </si>
  <si>
    <t>【湖南华菱】交联电力电缆\ZC- YJY63 -6/6kV\1×400mm2</t>
  </si>
  <si>
    <t>【湖南华菱】交联电力电缆\ZC- YJY63 -6/6kV\1×500mm2</t>
  </si>
  <si>
    <t>【湖南华菱】交联电力电缆\ZC-YJY63-8.7/10kV\1×50mm2</t>
  </si>
  <si>
    <t>【湖南华菱】交联电力电缆\ZC-YJY63-8.7/10kV\1×70mm2</t>
  </si>
  <si>
    <t>【湖南华菱】交联电力电缆\ZC-YJY63-8.7/10kV\1×95mm2</t>
  </si>
  <si>
    <t>【湖南华菱】交联电力电缆\ZC-YJY63-8.7/10kV\1×120mm2</t>
  </si>
  <si>
    <t>【湖南华菱】交联电力电缆\ZC-YJY63-8.7/10kV\1×150mm2</t>
  </si>
  <si>
    <t>【湖南华菱】交联电力电缆\ZC-YJY63-8.7/10kV\1×185mm2</t>
  </si>
  <si>
    <t>【湖南华菱】交联电力电缆\ZC-YJY63-8.7/10kV\1×240mm2</t>
  </si>
  <si>
    <t>【湖南华菱】交联电力电缆\ZC-YJY63-8.7/10kV\1×300mm2</t>
  </si>
  <si>
    <t>【湖南华菱】交联电力电缆\ZC-YJY63-8.7/10kV\1×400mm2</t>
  </si>
  <si>
    <t>【湖南华菱】交联电力电缆\ZC-YJY63-8.7/10kV\1×500mm2</t>
  </si>
  <si>
    <t>【湖南华菱】交联电力电缆\YJV22\8.7/15kV\3×120mm2</t>
  </si>
  <si>
    <t>【湖南华菱】交联电力电缆\YJV22\8.7/15kV\3×150mm2</t>
  </si>
  <si>
    <t>【湖南华菱】交联电力电缆\YJV22\8.7/15kV\3×185mm2</t>
  </si>
  <si>
    <t>【湖南华菱】交联电力电缆\YJV22\8.7/15kV\3×240mm2</t>
  </si>
  <si>
    <t>【湖南华菱】交联电力电缆\YJV22\8.7/15kV\3×300mm2</t>
  </si>
  <si>
    <t>【湖南华菱】交联电力电缆\YJV22\8.7/15kV\3×70mm2</t>
  </si>
  <si>
    <t>【宝洁】洗衣皂\238g/块</t>
  </si>
  <si>
    <t>广州宝洁有限公司</t>
  </si>
  <si>
    <t>宝洁</t>
  </si>
  <si>
    <t>WZSCCG-2020-BJ-2016</t>
  </si>
  <si>
    <t>国家能源e购商城日用品长协采购铺货采购合同</t>
  </si>
  <si>
    <t>东莞市澳洁贸易有限公司</t>
  </si>
  <si>
    <t>【宝洁】汰渍洁净熏香洗衣液\2kg/桶</t>
  </si>
  <si>
    <t>【湖南华菱】交联电力电缆\ZC-YJLV2226/35kV\3×50mm2</t>
  </si>
  <si>
    <t>WZSCCG-2020-BJ-1092</t>
  </si>
  <si>
    <t>2020年度北京配送短名单35KV电力电缆集团级铺货长协询价采购Ⅰ标段框架合同</t>
  </si>
  <si>
    <t>【湖南华菱】交联电力电缆\ZC-YJLV2226/35kV\3×70mm2</t>
  </si>
  <si>
    <t>【湖南华菱】交联电力电缆\ZC-YJLV2226/35kV\3×95mm2</t>
  </si>
  <si>
    <t>【湖南华菱】交联电力电缆\ZC-YJLV2226/35kV\3×120mm2</t>
  </si>
  <si>
    <t>【湖南华菱】交联电力电缆\ZC-YJLV2226/35kV\3×150mm2</t>
  </si>
  <si>
    <t>【湖南华菱】交联电力电缆\ZC-YJLV2226/35kV\3×185mm2</t>
  </si>
  <si>
    <t>【湖南华菱】交联电力电缆\ZC-YJLV2226/35kV\3×240mm2</t>
  </si>
  <si>
    <t>【湖南华菱】交联电力电缆\ZC-YJLV2226/35kV\3×300mm2</t>
  </si>
  <si>
    <t>【湖南华菱】交联电力电缆\ZC-YJLV2226/35kV\3×400mm2</t>
  </si>
  <si>
    <t>【湖南华菱】交联电力电缆\ZC-YJLV6226/35kV\1×120mm2</t>
  </si>
  <si>
    <t>【湖南华菱】交联电力电缆\ZC-YJLV6226/35kV\1×150mm2</t>
  </si>
  <si>
    <t>【湖南华菱】交联电力电缆\ZC-YJLV6226/35kV\1×185mm2</t>
  </si>
  <si>
    <t>【湖南华菱】交联电力电缆\ZC-YJLV6226/35kV\1×240mm2</t>
  </si>
  <si>
    <t>【湖南华菱】交联电力电缆\ZC-YJLV6226/35kV\1×300mm2</t>
  </si>
  <si>
    <t>【湖南华菱】交联电力电缆\ZC-YJLV6226/35kV\1×400mm2</t>
  </si>
  <si>
    <t>【湖南华菱】交联电力电缆\ZC-YJLV6226/35kV\1×500mm2</t>
  </si>
  <si>
    <t>【湖南华菱】交联电力电缆\ZC-YJLY2326/35kV\3×50mm2</t>
  </si>
  <si>
    <t>【湖南华菱】交联电力电缆\ZC-YJLY2326/35kV\3×70mm2</t>
  </si>
  <si>
    <t>【湖南华菱】交联电力电缆\ZC-YJLY2326/35kV\3×95mm2</t>
  </si>
  <si>
    <t>【湖南华菱】交联电力电缆\ZC-YJLY2326/35kV\3×120mm2</t>
  </si>
  <si>
    <t>【湖南华菱】交联电力电缆\ZC-YJLY2326/35kV\3×150mm2</t>
  </si>
  <si>
    <t>【湖南华菱】交联电力电缆\ZC-YJLY2326/35kV\3×185mm2</t>
  </si>
  <si>
    <t>【湖南华菱】交联电力电缆\ZC-YJLY2326/35kV\3×240mm2</t>
  </si>
  <si>
    <t>【湖南华菱】交联电力电缆\ZC-YJLY2326/35kV\3×300mm2</t>
  </si>
  <si>
    <t>【湖南华菱】交联电力电缆\ZC-YJLY2326/35kV\3×400mm2</t>
  </si>
  <si>
    <t>【湖南华菱】交联电力电缆\ZC-YJLY6326/35kV\1×120mm2</t>
  </si>
  <si>
    <t>【湖南华菱】交联电力电缆\ZC-YJLY6326/35kV\1×150mm2</t>
  </si>
  <si>
    <t>【湖南华菱】交联电力电缆\ZC-YJLY6326/35kV\1×185mm2</t>
  </si>
  <si>
    <t>【湖南华菱】交联电力电缆\ZC-YJLY6326/35kV\1×240mm2</t>
  </si>
  <si>
    <t>【湖南华菱】交联电力电缆\ZC-YJLY6326/35kV\1×300mm2</t>
  </si>
  <si>
    <t>【湖南华菱】交联电力电缆\ZC-YJLY6326/35kV\1×400mm2</t>
  </si>
  <si>
    <t>【湖南华菱】交联电力电缆\ZC-YJLY6326/35kV\1×500mm2</t>
  </si>
  <si>
    <t>【湖南华菱】交联电力电缆\ZC-YJV2226/35kV\3×50mm2</t>
  </si>
  <si>
    <t>【湖南华菱】交联电力电缆\ZC-YJV2226/35kV\3×70mm2</t>
  </si>
  <si>
    <t>【湖南华菱】交联电力电缆\ZC-YJV2226/35kV\3×95mm2</t>
  </si>
  <si>
    <t>【湖南华菱】交联电力电缆\ZC-YJV2226/35kV\3×120mm2</t>
  </si>
  <si>
    <t>【湖南华菱】交联电力电缆\ZC-YJV2226/35kV\3×150mm2</t>
  </si>
  <si>
    <t>【湖南华菱】交联电力电缆\ZC-YJV2226/35kV\3×185mm2</t>
  </si>
  <si>
    <t>【湖南华菱】交联电力电缆\ZC-YJV2226/35kV\3×240mm2</t>
  </si>
  <si>
    <t>【湖南华菱】交联电力电缆\ZC-YJV2226/35kV\3×300mm2</t>
  </si>
  <si>
    <t>【湖南华菱】交联电力电缆\ZC-YJV2226/35kV\3×400mm2</t>
  </si>
  <si>
    <t>【湖南华菱】交联电力电缆\ZC-YJV6226/35kV\1×70mm2</t>
  </si>
  <si>
    <t>【湖南华菱】交联电力电缆\ZC-YJV6226/35kV\1×95mm2</t>
  </si>
  <si>
    <t>【湖南华菱】交联电力电缆\ZC-YJV6226/35kV\1×120mm2</t>
  </si>
  <si>
    <t>【湖南华菱】交联电力电缆\ZC-YJV6226/35kV\1×150mm2</t>
  </si>
  <si>
    <t>【湖南华菱】交联电力电缆\ZC-YJV6226/35kV\1×185mm2</t>
  </si>
  <si>
    <t>【湖南华菱】交联电力电缆\ZC-YJV6226/35kV\1×240mm2</t>
  </si>
  <si>
    <t>【湖南华菱】交联电力电缆\ZC-YJV6226/35kV\1×300mm2</t>
  </si>
  <si>
    <t>【湖南华菱】交联电力电缆\ZC-YJV6226/35kV\1×400mm2</t>
  </si>
  <si>
    <t>【湖南华菱】交联电力电缆\ZC-YJV6226/35kV\1×500mm2</t>
  </si>
  <si>
    <t>【湖南华菱】交联电力电缆\ZC-YJV26/35kV\3×50mm2</t>
  </si>
  <si>
    <t>【湖南华菱】交联电力电缆\ZC-YJV26/35kV\3×70mm2</t>
  </si>
  <si>
    <t>【湖南华菱】交联电力电缆\ZC-YJV26/35kV\3×95mm2</t>
  </si>
  <si>
    <t>【湖南华菱】交联电力电缆\ZC-YJV26/35kV\3×120mm2</t>
  </si>
  <si>
    <t>【湖南华菱】交联电力电缆\ZC-YJV26/35kV\3×150mm2</t>
  </si>
  <si>
    <t>【湖南华菱】交联电力电缆\ZC-YJV26/35kV\3×185mm2</t>
  </si>
  <si>
    <t>【湖南华菱】交联电力电缆\ZC-YJV26/35kV\3×240mm2</t>
  </si>
  <si>
    <t>【湖南华菱】交联电力电缆\ZC-YJV26/35kV\3×300mm2</t>
  </si>
  <si>
    <t>【湖南华菱】交联电力电缆\ZC-YJV26/35kV\3×400mm2</t>
  </si>
  <si>
    <t>【湖南华菱】交联电力电缆\ZC-YJY2326/35kV\3×50mm2</t>
  </si>
  <si>
    <t>【湖南华菱】交联电力电缆\ZC-YJY2326/35kV\3×70mm2</t>
  </si>
  <si>
    <t>【湖南华菱】交联电力电缆\ZC-YJY2326/35kV\3×95mm2</t>
  </si>
  <si>
    <t>【湖南华菱】交联电力电缆\ZC-YJY2326/35kV\3×120mm2</t>
  </si>
  <si>
    <t>【湖南华菱】交联电力电缆\ZC-YJY2326/35kV\3×150mm2</t>
  </si>
  <si>
    <t>【湖南华菱】交联电力电缆\ZC-YJY2326/35kV\3×185mm2</t>
  </si>
  <si>
    <t>【湖南华菱】交联电力电缆\ZC-YJY2326/35kV\3×240mm2</t>
  </si>
  <si>
    <t>【湖南华菱】交联电力电缆\ZC-YJY2326/35kV\3×300mm2</t>
  </si>
  <si>
    <t>【湖南华菱】交联电力电缆\ZC-YJY2326/35kV\3×400mm2</t>
  </si>
  <si>
    <t>【湖南华菱】交联电力电缆\ZC-YJY6326/35kV\1×70mm2</t>
  </si>
  <si>
    <t>【湖南华菱】交联电力电缆\ZC-YJY6326/35kV\1×95mm2</t>
  </si>
  <si>
    <t>【湖南华菱】交联电力电缆\ZC-YJY6326/35kV\1×120mm2</t>
  </si>
  <si>
    <t>【湖南华菱】交联电力电缆\ZC-YJY6326/35kV\1×150mm2</t>
  </si>
  <si>
    <t>【湖南华菱】交联电力电缆\ZC-YJY6326/35kV\1×185mm2</t>
  </si>
  <si>
    <t>【湖南华菱】交联电力电缆\ZC-YJY6326/35kV\1×240mm2</t>
  </si>
  <si>
    <t>【湖南华菱】交联电力电缆\ZC-YJY6326/35kV\1×300mm2</t>
  </si>
  <si>
    <t>【湖南华菱】交联电力电缆\ZC-YJY6326/35kV\1×400mm2</t>
  </si>
  <si>
    <t>【湖南华菱】交联电力电缆\ZC-YJY6326/35kV\1×500mm2</t>
  </si>
  <si>
    <t>【湖南华菱】交联电力电缆\ZC-YJY26/35kV\3×50mm2</t>
  </si>
  <si>
    <t>【湖南华菱】交联电力电缆\ZC-YJY26/35kV\3×70mm2</t>
  </si>
  <si>
    <t>【湖南华菱】交联电力电缆\ZC-YJY26/35kV\3×95mm2</t>
  </si>
  <si>
    <t>【湖南华菱】交联电力电缆\ZC-YJY26/35kV\3×120mm2</t>
  </si>
  <si>
    <t>【湖南华菱】交联电力电缆\ZC-YJY26/35kV\3×150mm2</t>
  </si>
  <si>
    <t>【湖南华菱】交联电力电缆\ZC-YJY26/35kV\3×185mm2</t>
  </si>
  <si>
    <t>【湖南华菱】交联电力电缆\ZC-YJY26/35kV\3×240mm2</t>
  </si>
  <si>
    <t>【湖南华菱】交联电力电缆\ZC-YJY26/35kV\3×300mm2</t>
  </si>
  <si>
    <t>【湖南华菱】交联电力电缆\ZC-YJY26/35kV\3×400mm2</t>
  </si>
  <si>
    <t>【宝洁】汰渍洁净薰香洗衣液\1kg/瓶</t>
  </si>
  <si>
    <t>【宝洁】汰渍洁雅百合洗衣液\1kg/瓶</t>
  </si>
  <si>
    <t>【宝洁】汰渍全效炫白洗衣粉\3kg/袋</t>
  </si>
  <si>
    <t>【宝洁】海飞丝海洋活力洗发液\400ml/瓶</t>
  </si>
  <si>
    <t>【宝洁】海飞丝海洋活力洗发液\750ml/瓶</t>
  </si>
  <si>
    <t>【宝洁】飘柔滋润去屑洗发液\400ml/瓶</t>
  </si>
  <si>
    <t>【宝洁】潘婷丝质顺滑去屑洗发液\750ml/瓶</t>
  </si>
  <si>
    <t>【青岛汉缆】交联电力电缆\ZC-YJLV2226/35kV\3×50mm2</t>
  </si>
  <si>
    <t>青岛汉缆股份有限公司</t>
  </si>
  <si>
    <t>青岛汉缆</t>
  </si>
  <si>
    <t>WZSCCG-2020-BJ-1090</t>
  </si>
  <si>
    <t>2020年度北京配送短名单35KV电力电缆集团级铺货长协询价采购Ⅲ标段框架合同</t>
  </si>
  <si>
    <t>【青岛汉缆】交联电力电缆\ZC-YJLV2226/35kV\3×70mm2</t>
  </si>
  <si>
    <t>【青岛汉缆】交联电力电缆\ZC-YJLV2226/35kV\3×95mm2</t>
  </si>
  <si>
    <t>【青岛汉缆】交联电力电缆\ZC-YJLV2226/35kV\3×120mm2</t>
  </si>
  <si>
    <t>【青岛汉缆】交联电力电缆\ZC-YJLV2226/35kV\3×150mm2</t>
  </si>
  <si>
    <t>【青岛汉缆】交联电力电缆\ZC-YJLV2226/35kV\3×185mm2</t>
  </si>
  <si>
    <t>【青岛汉缆】交联电力电缆\ZC-YJLV2226/35kV\3×240mm2</t>
  </si>
  <si>
    <t>【青岛汉缆】交联电力电缆\ZC-YJLV2226/35kV\3×300mm2</t>
  </si>
  <si>
    <t>【青岛汉缆】交联电力电缆\ZC-YJLV2226/35kV\3×400mm2</t>
  </si>
  <si>
    <t>【青岛汉缆】交联电力电缆\ZC-YJLV6226/35kV\1×120mm2</t>
  </si>
  <si>
    <t>【青岛汉缆】交联电力电缆\ZC-YJLV6226/35kV\1×150mm2</t>
  </si>
  <si>
    <t>【青岛汉缆】交联电力电缆\ZC-YJLV6226/35kV\1×185mm2</t>
  </si>
  <si>
    <t>【青岛汉缆】交联电力电缆\ZC-YJLV6226/35kV\1×240mm2</t>
  </si>
  <si>
    <t>【青岛汉缆】交联电力电缆\ZC-YJLV6226/35kV\1×300mm2</t>
  </si>
  <si>
    <t>【青岛汉缆】交联电力电缆\ZC-YJLV6226/35kV\1×400mm2</t>
  </si>
  <si>
    <t>【青岛汉缆】交联电力电缆\ZC-YJLV6226/35kV\1×500mm2</t>
  </si>
  <si>
    <t>【青岛汉缆】交联电力电缆\ZC-YJLY2326/35kV\3×50mm2</t>
  </si>
  <si>
    <t>【青岛汉缆】交联电力电缆\ZC-YJLY2326/35kV\3×70mm2</t>
  </si>
  <si>
    <t>【青岛汉缆】交联电力电缆\ZC-YJLY2326/35kV\3×95mm2</t>
  </si>
  <si>
    <t>【青岛汉缆】交联电力电缆\ZC-YJLY2326/35kV\3×120mm2</t>
  </si>
  <si>
    <t>【青岛汉缆】交联电力电缆\ZC-YJLY2326/35kV\3×150mm2</t>
  </si>
  <si>
    <t>【青岛汉缆】交联电力电缆\ZC-YJLY2326/35kV\3×185mm2</t>
  </si>
  <si>
    <t>【青岛汉缆】交联电力电缆\ZC-YJLY2326/35kV\3×240mm2</t>
  </si>
  <si>
    <t>【青岛汉缆】交联电力电缆\ZC-YJLY2326/35kV\3×300mm2</t>
  </si>
  <si>
    <t>【青岛汉缆】交联电力电缆\ZC-YJLY2326/35kV\3×400mm2</t>
  </si>
  <si>
    <t>【青岛汉缆】交联电力电缆\ZC-YJLY6326/35kV\1×120mm2</t>
  </si>
  <si>
    <t>【青岛汉缆】交联电力电缆\ZC-YJLY6326/35kV\1×150mm2</t>
  </si>
  <si>
    <t>【青岛汉缆】交联电力电缆\ZC-YJLY6326/35kV\1×185mm2</t>
  </si>
  <si>
    <t>【青岛汉缆】交联电力电缆\ZC-YJLY6326/35kV\1×240mm2</t>
  </si>
  <si>
    <t>【青岛汉缆】交联电力电缆\ZC-YJLY6326/35kV\1×300mm2</t>
  </si>
  <si>
    <t>【青岛汉缆】交联电力电缆\ZC-YJLY6326/35kV\1×400mm2</t>
  </si>
  <si>
    <t>【青岛汉缆】交联电力电缆\ZC-YJLY6326/35kV\1×500mm2</t>
  </si>
  <si>
    <t>【青岛汉缆】交联电力电缆\ZC-YJV2226/35kV\3×50mm2</t>
  </si>
  <si>
    <t>【青岛汉缆】交联电力电缆\ZC-YJV2226/35kV\3×70mm2</t>
  </si>
  <si>
    <t>【青岛汉缆】交联电力电缆\ZC-YJV2226/35kV\3×95mm2</t>
  </si>
  <si>
    <t>【青岛汉缆】交联电力电缆\ZC-YJV2226/35kV\3×120mm2</t>
  </si>
  <si>
    <t>【青岛汉缆】交联电力电缆\ZC-YJV2226/35kV\3×150mm2</t>
  </si>
  <si>
    <t>【青岛汉缆】交联电力电缆\ZC-YJV2226/35kV\3×185mm2</t>
  </si>
  <si>
    <t>【青岛汉缆】交联电力电缆\ZC-YJV2226/35kV\3×240mm2</t>
  </si>
  <si>
    <t>【青岛汉缆】交联电力电缆\ZC-YJV2226/35kV\3×300mm2</t>
  </si>
  <si>
    <t>【青岛汉缆】交联电力电缆\ZC-YJV2226/35kV\3×400mm2</t>
  </si>
  <si>
    <t>【青岛汉缆】交联电力电缆\ZC-YJV6226/35kV\1×70mm2</t>
  </si>
  <si>
    <t>【青岛汉缆】交联电力电缆\ZC-YJV6226/35kV\1×95mm2</t>
  </si>
  <si>
    <t>【青岛汉缆】交联电力电缆\ZC-YJV6226/35kV\1×120mm2</t>
  </si>
  <si>
    <t>【青岛汉缆】交联电力电缆\ZC-YJV6226/35kV\1×150mm2</t>
  </si>
  <si>
    <t>【青岛汉缆】交联电力电缆\ZC-YJV6226/35kV\1×185mm2</t>
  </si>
  <si>
    <t>【青岛汉缆】交联电力电缆\ZC-YJV6226/35kV\1×240mm2</t>
  </si>
  <si>
    <t>【青岛汉缆】交联电力电缆\ZC-YJV6226/35kV\1×300mm2</t>
  </si>
  <si>
    <t>【青岛汉缆】交联电力电缆\ZC-YJV6226/35kV\1×400mm2</t>
  </si>
  <si>
    <t>【青岛汉缆】交联电力电缆\ZC-YJV6226/35kV\1×500mm2</t>
  </si>
  <si>
    <t>【青岛汉缆】交联电力电缆\ZC-YJV26/35kV\3×50mm2</t>
  </si>
  <si>
    <t>【青岛汉缆】交联电力电缆\ZC-YJV26/35kV\3×70mm2</t>
  </si>
  <si>
    <t>【青岛汉缆】交联电力电缆\ZC-YJV26/35kV\3×95mm2</t>
  </si>
  <si>
    <t>【青岛汉缆】交联电力电缆\ZC-YJV26/35kV\3×120mm2</t>
  </si>
  <si>
    <t>【青岛汉缆】交联电力电缆\ZC-YJV26/35kV\3×150mm2</t>
  </si>
  <si>
    <t>【青岛汉缆】交联电力电缆\ZC-YJV26/35kV\3×185mm2</t>
  </si>
  <si>
    <t>【青岛汉缆】交联电力电缆\ZC-YJV26/35kV\3×240mm2</t>
  </si>
  <si>
    <t>【青岛汉缆】交联电力电缆\ZC-YJV26/35kV\3×300mm2</t>
  </si>
  <si>
    <t>【青岛汉缆】交联电力电缆\ZC-YJV26/35kV\3×400mm2</t>
  </si>
  <si>
    <t>【青岛汉缆】交联电力电缆\ZC-YJY2326/35kV\3×50mm2</t>
  </si>
  <si>
    <t>【青岛汉缆】交联电力电缆\ZC-YJY2326/35kV\3×70mm2</t>
  </si>
  <si>
    <t>【青岛汉缆】交联电力电缆\ZC-YJY2326/35kV\3×95mm2</t>
  </si>
  <si>
    <t>【青岛汉缆】交联电力电缆\ZC-YJY2326/35kV\3×120mm2</t>
  </si>
  <si>
    <t>【青岛汉缆】交联电力电缆\ZC-YJY2326/35kV\3×150mm2</t>
  </si>
  <si>
    <t>【青岛汉缆】交联电力电缆\ZC-YJY2326/35kV\3×185mm2</t>
  </si>
  <si>
    <t>【青岛汉缆】交联电力电缆\ZC-YJY2326/35kV\3×240mm2</t>
  </si>
  <si>
    <t>【青岛汉缆】交联电力电缆\ZC-YJY2326/35kV\3×300mm2</t>
  </si>
  <si>
    <t>【青岛汉缆】交联电力电缆\ZC-YJY2326/35kV\3×400mm2</t>
  </si>
  <si>
    <t>【青岛汉缆】交联电力电缆\ZC-YJY6326/35kV\1×70mm2</t>
  </si>
  <si>
    <t>【青岛汉缆】交联电力电缆\ZC-YJY6326/35kV\1×95mm2</t>
  </si>
  <si>
    <t>【青岛汉缆】交联电力电缆\ZC-YJY6326/35kV\1×120mm2</t>
  </si>
  <si>
    <t>【青岛汉缆】交联电力电缆\ZC-YJY6326/35kV\1×150mm2</t>
  </si>
  <si>
    <t>【青岛汉缆】交联电力电缆\ZC-YJY6326/35kV\1×185mm2</t>
  </si>
  <si>
    <t>【青岛汉缆】交联电力电缆\ZC-YJY6326/35kV\1×240mm2</t>
  </si>
  <si>
    <t>【青岛汉缆】交联电力电缆\ZC-YJY6326/35kV\1×300mm2</t>
  </si>
  <si>
    <t>【青岛汉缆】交联电力电缆\ZC-YJY6326/35kV\1×400mm2</t>
  </si>
  <si>
    <t>【青岛汉缆】交联电力电缆\ZC-YJY6326/35kV\1×500mm2</t>
  </si>
  <si>
    <t>【青岛汉缆】交联电力电缆\ZC-YJY26/35kV\3×50mm2</t>
  </si>
  <si>
    <t>【青岛汉缆】交联电力电缆\ZC-YJY26/35kV\3×70mm2</t>
  </si>
  <si>
    <t>【青岛汉缆】交联电力电缆\ZC-YJY26/35kV\3×95mm2</t>
  </si>
  <si>
    <t>【青岛汉缆】交联电力电缆\ZC-YJY26/35kV\3×120mm2</t>
  </si>
  <si>
    <t>【青岛汉缆】交联电力电缆\ZC-YJY26/35kV\3×150mm2</t>
  </si>
  <si>
    <t>【青岛汉缆】交联电力电缆\ZC-YJY26/35kV\3×185mm2</t>
  </si>
  <si>
    <t>【青岛汉缆】交联电力电缆\ZC-YJY26/35kV\3×240mm2</t>
  </si>
  <si>
    <t>【青岛汉缆】交联电力电缆\ZC-YJY26/35kV\3×300mm2</t>
  </si>
  <si>
    <t>【青岛汉缆】交联电力电缆\ZC-YJY26/35kV\3×400mm2</t>
  </si>
  <si>
    <t>【宝洁】沙宣垂坠质感洗发液\400ml/瓶</t>
  </si>
  <si>
    <t>【宝洁】舒肤佳海盐洁净沐浴液\400ml/瓶</t>
  </si>
  <si>
    <t>【宝洁】舒肤佳柠檬清新香皂\108g/盒</t>
  </si>
  <si>
    <t>【皇贡】特级绿针\100g/袋</t>
  </si>
  <si>
    <t>【皇贡】一级绿针A\100g/袋</t>
  </si>
  <si>
    <t>IT专区</t>
  </si>
  <si>
    <t>【戴尔】显示器/P2421D/2560x1440/60Hz/IPS/旋转升降支架/3年质保</t>
  </si>
  <si>
    <t>戴尔（中国）有限公司</t>
  </si>
  <si>
    <t>戴尔</t>
  </si>
  <si>
    <t>WZSCCG-2020-BJ-2002</t>
  </si>
  <si>
    <t>IT专区戴尔办公电脑及配件商品铺货采购协议</t>
  </si>
  <si>
    <t>戴尔(中国)有限公司</t>
  </si>
  <si>
    <t>【戴尔】显示器/E2220H/21.5英寸/1920x1080/60Hz/3年质保</t>
  </si>
  <si>
    <t>【青岛汉缆】交联电力电缆\ZC-YJV\1×1.5,0.6/1.0kV</t>
  </si>
  <si>
    <t>WZSCCG-2020-BJ-1091</t>
  </si>
  <si>
    <t>2020年度北京配送短名单1KV电力电缆集团级铺货长协询价采购Ⅲ标段框架合同</t>
  </si>
  <si>
    <t>【青岛汉缆】交联电力电缆\ZC-YJV\1×2.5,0.6/1.0kV</t>
  </si>
  <si>
    <t>【青岛汉缆】交联电力电缆\ZC-YJV\1×4,0.6/1.0kV</t>
  </si>
  <si>
    <t>【青岛汉缆】交联电力电缆\ZC-YJV\1×6,0.6/1.0kV</t>
  </si>
  <si>
    <t>【青岛汉缆】交联电力电缆\ZC-YJV\1×10,0.6/1.0kV</t>
  </si>
  <si>
    <t>【青岛汉缆】交联电力电缆\ZC-YJV\1×16,0.6/1.0kV</t>
  </si>
  <si>
    <t>【青岛汉缆】交联电力电缆\ZC-YJV\1×25,0.6/1.0kV</t>
  </si>
  <si>
    <t>【青岛汉缆】交联电力电缆\ZC-YJV\1×35,0.6/1.0kV</t>
  </si>
  <si>
    <t>【青岛汉缆】交联电力电缆\ZC-YJV\1×50,0.6/1.0kV</t>
  </si>
  <si>
    <t>【青岛汉缆】交联电力电缆\ZC-YJV\1×70,0.6/1.0kV</t>
  </si>
  <si>
    <t>【青岛汉缆】交联电力电缆\ZC-YJV\1×95,0.6/1.0kV</t>
  </si>
  <si>
    <t>【青岛汉缆】交联电力电缆\ZC-YJV\1×120,0.6/1.0kV</t>
  </si>
  <si>
    <t>【青岛汉缆】交联电力电缆\ZC-YJV\1×150,0.6/1.0kV</t>
  </si>
  <si>
    <t>【青岛汉缆】交联电力电缆\ZC-YJV\1×185,0.6/1.0kV</t>
  </si>
  <si>
    <t>【青岛汉缆】交联电力电缆\ZC-YJV\1×240,0.6/1.0kV</t>
  </si>
  <si>
    <t>【青岛汉缆】交联电力电缆\ZC-YJV\1×300,0.6/1.0kV</t>
  </si>
  <si>
    <t>【青岛汉缆】交联电力电缆\ZC-YJV\1×400,0.6/1.0kV</t>
  </si>
  <si>
    <t>【青岛汉缆】交联电力电缆\ZC-YJV\1×500,0.6/1.0kV</t>
  </si>
  <si>
    <t>【青岛汉缆】交联电力电缆\ZC-YJV\2×1.5,0.6/1.0kV</t>
  </si>
  <si>
    <t>【青岛汉缆】交联电力电缆\ZC-YJV\2×2.5,0.6/1.0kV</t>
  </si>
  <si>
    <t>【青岛汉缆】交联电力电缆\ZC-YJV\2×4,0.6/1.0kV</t>
  </si>
  <si>
    <t>【青岛汉缆】交联电力电缆\ZC-YJV\2×6,0.6/1.0kV</t>
  </si>
  <si>
    <t>【青岛汉缆】交联电力电缆\ZC-YJV\2×10,0.6/1.0kV</t>
  </si>
  <si>
    <t>【青岛汉缆】交联电力电缆\ZC-YJV\2×16,0.6/1.0kV</t>
  </si>
  <si>
    <t>【青岛汉缆】交联电力电缆\ZC-YJV\2×25,0.6/1.0kV</t>
  </si>
  <si>
    <t>【青岛汉缆】交联电力电缆\ZC-YJV\2×35,0.6/1.0kV</t>
  </si>
  <si>
    <t>【青岛汉缆】交联电力电缆\ZC-YJV\2×50,0.6/1.0kV</t>
  </si>
  <si>
    <t>【青岛汉缆】交联电力电缆\ZC-YJV\2×70,0.6/1.0kV</t>
  </si>
  <si>
    <t>【青岛汉缆】交联电力电缆\ZC-YJV\2×95,0.6/1.0kV</t>
  </si>
  <si>
    <t>【青岛汉缆】交联电力电缆\ZC-YJV\2×120,0.6/1.0kV</t>
  </si>
  <si>
    <t>【青岛汉缆】交联电力电缆\ZC-YJV\2×150,0.6/1.0kV</t>
  </si>
  <si>
    <t>【青岛汉缆】交联电力电缆\ZC-YJV\2×185,0.6/1.0kV</t>
  </si>
  <si>
    <t>【青岛汉缆】交联电力电缆\ZC-YJV\2×240,0.6/1.0kV</t>
  </si>
  <si>
    <t>【青岛汉缆】交联电力电缆\ZC-YJV\2×300,0.6/1.0kV</t>
  </si>
  <si>
    <t>【青岛汉缆】交联电力电缆\ZC-YJV\3×1.5,0.6/1.0kV</t>
  </si>
  <si>
    <t>【青岛汉缆】交联电力电缆\ZC-YJV\3×2.5,0.6/1.0kV</t>
  </si>
  <si>
    <t>【青岛汉缆】交联电力电缆\ZC-YJV\3×4,0.6/1.0kV</t>
  </si>
  <si>
    <t>【青岛汉缆】交联电力电缆\ZC-YJV\3×6,0.6/1.0kV</t>
  </si>
  <si>
    <t>【青岛汉缆】交联电力电缆\ZC-YJV\3×10,0.6/1.0kV</t>
  </si>
  <si>
    <t>【青岛汉缆】交联电力电缆\ZC-YJV\3×16,0.6/1.0kV</t>
  </si>
  <si>
    <t>【青岛汉缆】交联电力电缆\ZC-YJV\3×25,0.6/1.0kV</t>
  </si>
  <si>
    <t>【青岛汉缆】交联电力电缆\ZC-YJV\3×35,0.6/1.0kV</t>
  </si>
  <si>
    <t>【青岛汉缆】交联电力电缆\ZC-YJV\3×50,0.6/1.0kV</t>
  </si>
  <si>
    <t>【青岛汉缆】交联电力电缆\ZC-YJV\3×70,0.6/1.0kV</t>
  </si>
  <si>
    <t>【青岛汉缆】交联电力电缆\ZC-YJV\3×95,0.6/1.0kV</t>
  </si>
  <si>
    <t>【青岛汉缆】交联电力电缆\ZC-YJV\3×120,0.6/1.0kV</t>
  </si>
  <si>
    <t>【青岛汉缆】交联电力电缆\ZC-YJV\3×150,0.6/1.0kV</t>
  </si>
  <si>
    <t>【青岛汉缆】交联电力电缆\ZC-YJV\3×185,0.6/1.0kV</t>
  </si>
  <si>
    <t>【青岛汉缆】交联电力电缆\ZC-YJV\3×240,0.6/1.0kV</t>
  </si>
  <si>
    <t>【青岛汉缆】交联电力电缆\ZC-YJV\3×300,0.6/1.0kV</t>
  </si>
  <si>
    <t>【青岛汉缆】交联电力电缆\ZC-YJV\3×400,0.6/1.0kV</t>
  </si>
  <si>
    <t>【青岛汉缆】交联电力电缆\YJV\3×10+2×6,0.6/1.0kV</t>
  </si>
  <si>
    <t>【青岛汉缆】交联电力电缆\YJV\3×120+2×70,0.6/1.0kV</t>
  </si>
  <si>
    <t>【青岛汉缆】交联电力电缆\YJV\3×180+1×120,0.6/1.0kV</t>
  </si>
  <si>
    <t>【青岛汉缆】交联电力电缆\YJV\3×185+1×95,0.6/1.0kV</t>
  </si>
  <si>
    <t>【青岛汉缆】交联电力电缆\YJV\3×185+2×95,0.6/1.0kV</t>
  </si>
  <si>
    <t>【青岛汉缆】交联电力电缆\YJV\3×240+2×120,0.6/1.0kV</t>
  </si>
  <si>
    <t>【青岛汉缆】交联电力电缆\YJV\3×35+1×16,0.6/1.0kV</t>
  </si>
  <si>
    <t>【青岛汉缆】交联电力电缆\YJV\3×35+2×16,0.6/1.0kV</t>
  </si>
  <si>
    <t>【青岛汉缆】交联电力电缆\YJV\3×35+2×25,0.6/1.0kV</t>
  </si>
  <si>
    <t>【青岛汉缆】交联电力电缆\YJV\3×50+1×25,0.6/1.0kV</t>
  </si>
  <si>
    <t>【青岛汉缆】交联电力电缆\YJV\3×70+1×35,0.6/1.0kV</t>
  </si>
  <si>
    <t>【青岛汉缆】交联电力电缆\YJV\3×70+2×35,0.6/1.0kV</t>
  </si>
  <si>
    <t>【青岛汉缆】交联电力电缆\YJV\3×95+1×50,0.6/1.0kV</t>
  </si>
  <si>
    <t>【青岛汉缆】交联电力电缆\YJV\3×95+2×50,0.6/1.0kV</t>
  </si>
  <si>
    <t>【青岛汉缆】交联电力电缆\ZC-YJV\4×1.5,0.6/1.0kV</t>
  </si>
  <si>
    <t>【青岛汉缆】交联电力电缆\ZC-YJV\4×2.5,0.6/1.0kV</t>
  </si>
  <si>
    <t>【青岛汉缆】交联电力电缆\ZC-YJV\4×4,0.6/1.0kV</t>
  </si>
  <si>
    <t>【青岛汉缆】交联电力电缆\ZC-YJV\4×6,0.6/1.0kV</t>
  </si>
  <si>
    <t>【青岛汉缆】交联电力电缆\ZC-YJV\4×10,0.6/1.0kV</t>
  </si>
  <si>
    <t>【青岛汉缆】交联电力电缆\ZC-YJV\4×16,0.6/1.0kV</t>
  </si>
  <si>
    <t>【青岛汉缆】交联电力电缆\ZC-YJV\4×25,0.6/1.0kV</t>
  </si>
  <si>
    <t>【青岛汉缆】交联电力电缆\ZC-YJV\4×35,0.6/1.0kV</t>
  </si>
  <si>
    <t>【青岛汉缆】交联电力电缆\ZC-YJV\4×50,0.6/1.0kV</t>
  </si>
  <si>
    <t>【青岛汉缆】交联电力电缆\ZC-YJV\4×70,0.6/1.0kV</t>
  </si>
  <si>
    <t>【青岛汉缆】交联电力电缆\ZC-YJV\4×95,0.6/1.0kV</t>
  </si>
  <si>
    <t>【青岛汉缆】交联电力电缆\ZC-YJV\4×120,0.6/1.0kV</t>
  </si>
  <si>
    <t>【青岛汉缆】交联电力电缆\ZC-YJV\4×150,0.6/1.0kV</t>
  </si>
  <si>
    <t>【青岛汉缆】交联电力电缆\ZC-YJV\4×185,0.6/1.0kV</t>
  </si>
  <si>
    <t>【青岛汉缆】交联电力电缆\ZC-YJV\5×1.5,0.6/1.0kV</t>
  </si>
  <si>
    <t>【青岛汉缆】交联电力电缆\ZC-YJV\5×2.5,0.6/1.0kV</t>
  </si>
  <si>
    <t>【青岛汉缆】交联电力电缆\ZC-YJV\5×4,0.6/1.0kV</t>
  </si>
  <si>
    <t>【青岛汉缆】交联电力电缆\ZC-YJV\5×6,0.6/1.0kV</t>
  </si>
  <si>
    <t>【青岛汉缆】交联电力电缆\ZC-YJV\5×10,0.6/1.0kV</t>
  </si>
  <si>
    <t>【青岛汉缆】交联电力电缆\ZC-YJV\5×16,0.6/1.0kV</t>
  </si>
  <si>
    <t>【青岛汉缆】交联电力电缆\ZC-YJV\5×25,0.6/1.0kV</t>
  </si>
  <si>
    <t>【青岛汉缆】交联电力电缆\ZC-YJV\5×35,0.6/1.0kV</t>
  </si>
  <si>
    <t>【青岛汉缆】交联电力电缆\ZC-YJV\5×50,0.6/1.0kV</t>
  </si>
  <si>
    <t>【青岛汉缆】交联电力电缆\ZC-YJV\5×70,0.6/1.0kV</t>
  </si>
  <si>
    <t>【青岛汉缆】交联电力电缆\ZC-YJV\5×95,0.6/1.0kV</t>
  </si>
  <si>
    <t>【青岛汉缆】交联电力电缆\ZC-YJV\5×120,0.6/1.0kV</t>
  </si>
  <si>
    <t>【青岛汉缆】交联电力电缆\ZC-YJV\5×150,0.6/1.0kV</t>
  </si>
  <si>
    <t>【青岛汉缆】交联电力电缆\ZC-YJV\3×2.5+1×1.5,0.6/1.0kV</t>
  </si>
  <si>
    <t>【青岛汉缆】交联电力电缆\ZC-YJV\3×4+1×2.5,0.6/1.0kV</t>
  </si>
  <si>
    <t>【青岛汉缆】交联电力电缆\ZC-YJV\3×6+1×4,0.6/1.0kV</t>
  </si>
  <si>
    <t>【青岛汉缆】交联电力电缆\ZC-YJV\3×10+1×6,0.6/1.0kV</t>
  </si>
  <si>
    <t>【青岛汉缆】交联电力电缆\ZC-YJV\3×16+1×10,0.6/1.0kV</t>
  </si>
  <si>
    <t>【青岛汉缆】交联电力电缆\ZC-YJV\3×25+1×16,0.6/1.0kV</t>
  </si>
  <si>
    <t>【青岛汉缆】交联电力电缆\ZC-YJV\3×35+1×16,0.6/1.0kV</t>
  </si>
  <si>
    <t>【青岛汉缆】交联电力电缆\ZC-YJV\3×50+1×25,0.6/1.0kV</t>
  </si>
  <si>
    <t>【青岛汉缆】交联电力电缆\ZC-YJV\3×70+1×35,0.6/1.0kV</t>
  </si>
  <si>
    <t>【青岛汉缆】交联电力电缆\ZC-YJV\3×95+1×50,0.6/1.0kV</t>
  </si>
  <si>
    <t>【青岛汉缆】交联电力电缆\ZC-YJV\3×120+1×70,0.6/1.0kV</t>
  </si>
  <si>
    <t>【青岛汉缆】交联电力电缆\ZC-YJV\3×150+1×70,0.6/1.0kV</t>
  </si>
  <si>
    <t>【青岛汉缆】交联电力电缆\ZC-YJV\3×185+1×95,0.6/1.0kV</t>
  </si>
  <si>
    <t>【青岛汉缆】交联电力电缆\ZC-YJV\3×240+1×120,0.6/1.0kV</t>
  </si>
  <si>
    <t>【青岛汉缆】交联电力电缆\ZC-YJV\3×300+1×150,0.6/1.0kV</t>
  </si>
  <si>
    <t>【青岛汉缆】交联电力电缆\ZC-YJV\3×400+1×185,0.6/1.0kV</t>
  </si>
  <si>
    <t>【青岛汉缆】交联电力电缆\ZC-YJV\3×2.5+2×1.5,0.6/1.0kV</t>
  </si>
  <si>
    <t>【青岛汉缆】交联电力电缆\ZC-YJV\3×4+2×2.5,0.6/1.0kV</t>
  </si>
  <si>
    <t>【青岛汉缆】交联电力电缆\ZC-YJV\3×6+2×4,0.6/1.0kV</t>
  </si>
  <si>
    <t>【青岛汉缆】交联电力电缆\ZC-YJV\3×10+2×6,0.6/1.0kV</t>
  </si>
  <si>
    <t>【青岛汉缆】交联电力电缆\ZC-YJV\3×16+2×10,0.6/1.0kV</t>
  </si>
  <si>
    <t>【青岛汉缆】交联电力电缆\ZC-YJV\3×25+2×16,0.6/1.0kV</t>
  </si>
  <si>
    <t>【青岛汉缆】交联电力电缆\ZC-YJV\3×35+2×16,0.6/1.0kV</t>
  </si>
  <si>
    <t>【青岛汉缆】交联电力电缆\ZC-YJV\3×50+2×25,0.6/1.0kV</t>
  </si>
  <si>
    <t>【青岛汉缆】交联电力电缆\ZC-YJV\3×70+2×35,0.6/1.0kV</t>
  </si>
  <si>
    <t>【青岛汉缆】交联电力电缆\ZC-YJV\3×95+2×50,0.6/1.0kV</t>
  </si>
  <si>
    <t>【青岛汉缆】交联电力电缆\ZC-YJV\3×120+2×70,0.6/1.0kV</t>
  </si>
  <si>
    <t>【青岛汉缆】交联电力电缆\ZC-YJV\3×150+2×70,0.6/1.0kV</t>
  </si>
  <si>
    <t>【青岛汉缆】交联电力电缆\ZC-YJV\3×185+2×95,0.6/1.0kV</t>
  </si>
  <si>
    <t>【青岛汉缆】交联电力电缆\ZC-YJV\3×240+2×120,0.6/1.0kV</t>
  </si>
  <si>
    <t>【青岛汉缆】交联电力电缆\ZC-YJV\3×300+2×150,0.6/1.0kV</t>
  </si>
  <si>
    <t>【青岛汉缆】交联电力电缆\ZC-YJV\3×400+2×185,0.6/1.0kV</t>
  </si>
  <si>
    <t>【青岛汉缆】交联电力电缆\ZC-YJV\4×2.5+1×1.5,0.6/1.0kV</t>
  </si>
  <si>
    <t>【青岛汉缆】交联电力电缆\ZC-YJV\4×4+1×2.5,0.6/1.0kV</t>
  </si>
  <si>
    <t>【青岛汉缆】交联电力电缆\ZC-YJV\4×6+1×4,0.6/1.0kV</t>
  </si>
  <si>
    <t>【青岛汉缆】交联电力电缆\ZC-YJV\4×10+1×6,0.6/1.0kV</t>
  </si>
  <si>
    <t>【青岛汉缆】交联电力电缆\ZC-YJV\4×16+1×10,0.6/1.0kV</t>
  </si>
  <si>
    <t>【青岛汉缆】交联电力电缆\ZC-YJV\4×25+1×16,0.6/1.0kV</t>
  </si>
  <si>
    <t>【青岛汉缆】交联电力电缆\ZC-YJV\4×35+1×16,0.6/1.0kV</t>
  </si>
  <si>
    <t>【青岛汉缆】交联电力电缆\ZC-YJV\4×50+1×25,0.6/1.0kV</t>
  </si>
  <si>
    <t>【青岛汉缆】交联电力电缆\ZC-YJV\4×70+1×35,0.6/1.0kV</t>
  </si>
  <si>
    <t>【青岛汉缆】交联电力电缆\ZC-YJV\4×95+1×50,0.6/1.0kV</t>
  </si>
  <si>
    <t>【青岛汉缆】交联电力电缆\ZC-YJV\4×120+1×70,0.6/1.0kV</t>
  </si>
  <si>
    <t>【青岛汉缆】交联电力电缆\ZC-YJV\4×150+1×70,0.6/1.0kV</t>
  </si>
  <si>
    <t>【青岛汉缆】交联电力电缆\ZC-YJV\4×185+1×95,0.6/1.0kV</t>
  </si>
  <si>
    <t>【青岛汉缆】交联电力电缆\ZC-YJV22\2×1.5,0.6/1kV</t>
  </si>
  <si>
    <t>【青岛汉缆】交联电力电缆\ZC-YJV22\2×2.5,0.6/1kV</t>
  </si>
  <si>
    <t>【青岛汉缆】交联电力电缆\ZC-YJV22\2×4,0.6/1kV</t>
  </si>
  <si>
    <t>【青岛汉缆】交联电力电缆\ZC-YJV22\2×6,0.6/1kV</t>
  </si>
  <si>
    <t>【青岛汉缆】交联电力电缆\ZC-YJV22\2×10,0.6/1kV</t>
  </si>
  <si>
    <t>【青岛汉缆】交联电力电缆\ZC-YJV22\2×16,0.6/1kV</t>
  </si>
  <si>
    <t>【青岛汉缆】交联电力电缆\ZC-YJV22\2×25,0.6/1kV</t>
  </si>
  <si>
    <t>【青岛汉缆】交联电力电缆\ZC-YJV22\2×35,0.6/1kV</t>
  </si>
  <si>
    <t>【青岛汉缆】交联电力电缆\ZC-YJV22\2×50,0.6/1kV</t>
  </si>
  <si>
    <t>【青岛汉缆】交联电力电缆\ZC-YJV22\2×70,0.6/1kV</t>
  </si>
  <si>
    <t>【青岛汉缆】交联电力电缆\ZC-YJV22\2×95,0.6/1kV</t>
  </si>
  <si>
    <t>【青岛汉缆】交联电力电缆\ZC-YJV22\2×120,0.6/1kV</t>
  </si>
  <si>
    <t>【青岛汉缆】交联电力电缆\ZC-YJV22\2×150,0.6/1kV</t>
  </si>
  <si>
    <t>【青岛汉缆】交联电力电缆\ZC-YJV22\2×185,0.6/1kV</t>
  </si>
  <si>
    <t>【青岛汉缆】交联电力电缆\ZC-YJV22\2×240,0.6/1kV</t>
  </si>
  <si>
    <t>【青岛汉缆】交联电力电缆\ZC-YJV22\2×300,0.6/1kV</t>
  </si>
  <si>
    <t>【青岛汉缆】交联电力电缆\ZC-YJV22\3×1.5,0.6/1kV</t>
  </si>
  <si>
    <t>【青岛汉缆】交联电力电缆\ZC-YJV22\3×2.5,0.6/1kV</t>
  </si>
  <si>
    <t>【青岛汉缆】交联电力电缆\ZC-YJV22\3×4,0.6/1kV</t>
  </si>
  <si>
    <t>【青岛汉缆】交联电力电缆\ZC-YJV22\3×6,0.6/1kV</t>
  </si>
  <si>
    <t>【青岛汉缆】交联电力电缆\ZC-YJV22\3×10,0.6/1kV</t>
  </si>
  <si>
    <t>【青岛汉缆】交联电力电缆\ZC-YJV22\3×16,0.6/1kV</t>
  </si>
  <si>
    <t>【青岛汉缆】交联电力电缆\ZC-YJV22\3×25,0.6/1kV</t>
  </si>
  <si>
    <t>【青岛汉缆】交联电力电缆\ZC-YJV22\3×35,0.6/1kV</t>
  </si>
  <si>
    <t>【青岛汉缆】交联电力电缆\ZC-YJV22\3×50,0.6/1kV</t>
  </si>
  <si>
    <t>【青岛汉缆】交联电力电缆\ZC-YJV22\3×70,0.6/1kV</t>
  </si>
  <si>
    <t>【青岛汉缆】交联电力电缆\ZC-YJV22\3×95,0.6/1kV</t>
  </si>
  <si>
    <t>【青岛汉缆】交联电力电缆\ZC-YJV22\3×120,0.6/1kV</t>
  </si>
  <si>
    <t>【青岛汉缆】交联电力电缆\ZC-YJV22\3×150,0.6/1kV</t>
  </si>
  <si>
    <t>【青岛汉缆】交联电力电缆\ZC-YJV22\3×185,0.6/1kV</t>
  </si>
  <si>
    <t>【青岛汉缆】交联电力电缆\ZC-YJV22\3×240,0.6/1kV</t>
  </si>
  <si>
    <t>【青岛汉缆】交联电力电缆\ZC-YJV22\3×300,0.6/1kV</t>
  </si>
  <si>
    <t>【青岛汉缆】交联电力电缆\ZC-YJV22\3×400,0.6/1kV</t>
  </si>
  <si>
    <t>【青岛汉缆】交联电力电缆\YJV22\3×120+1×70,0.6/1kV</t>
  </si>
  <si>
    <t>【青岛汉缆】交联电力电缆\YJV22\3×120+2×70,0.6/1kV</t>
  </si>
  <si>
    <t>【青岛汉缆】交联电力电缆\YJV22\3×150+1×70,0.6/1kV</t>
  </si>
  <si>
    <t>【青岛汉缆】交联电力电缆\YJV22\3×150+2×70,0.6/1kV</t>
  </si>
  <si>
    <t>【青岛汉缆】交联电力电缆\YJV22\3×185+1×95,0.6/1kV</t>
  </si>
  <si>
    <t>【青岛汉缆】交联电力电缆\YJV22\3×185+2×95,0.6/1kV</t>
  </si>
  <si>
    <t>【青岛汉缆】交联电力电缆\YJV22\3×240+1×120,0.6/1kV</t>
  </si>
  <si>
    <t>【青岛汉缆】交联电力电缆\YJV22\3×240+2×120,0.6/1kV</t>
  </si>
  <si>
    <t>【青岛汉缆】交联电力电缆\YJV22\3×240+3×120,0.6/1kV</t>
  </si>
  <si>
    <t>【青岛汉缆】交联电力电缆\YJV22\3×300+1×150,0.6/1kV</t>
  </si>
  <si>
    <t>【青岛汉缆】交联电力电缆\YJV22\3×35+1×16,0.6/1kV</t>
  </si>
  <si>
    <t>【青岛汉缆】交联电力电缆\YJV22\3×50+1×25,0.6/1kV</t>
  </si>
  <si>
    <t>【青岛汉缆】交联电力电缆\YJV22\3×50+2×25,0.6/1kV</t>
  </si>
  <si>
    <t>【青岛汉缆】交联电力电缆\YJV22\3×70+1×35,0.6/1kV</t>
  </si>
  <si>
    <t>【青岛汉缆】交联电力电缆\YJV22\3×95+1×50,0.6/1kV</t>
  </si>
  <si>
    <t>【青岛汉缆】交联电力电缆\YJV22\3×95+2×50,0.6/1kV</t>
  </si>
  <si>
    <t>【青岛汉缆】交联电力电缆\ZC-YJV22\4×1.5,0.6/1kV</t>
  </si>
  <si>
    <t>【青岛汉缆】交联电力电缆\ZC-YJV22\4×2.5,0.6/1kV</t>
  </si>
  <si>
    <t>【青岛汉缆】交联电力电缆\ZC-YJV22\4×4,0.6/1kV</t>
  </si>
  <si>
    <t>【青岛汉缆】交联电力电缆\ZC-YJV22\4×6,0.6/1kV</t>
  </si>
  <si>
    <t>【青岛汉缆】交联电力电缆\ZC-YJV22\4×10,0.6/1kV</t>
  </si>
  <si>
    <t>【青岛汉缆】交联电力电缆\ZC-YJV22\4×16,0.6/1kV</t>
  </si>
  <si>
    <t>【青岛汉缆】交联电力电缆\ZC-YJV22\4×25,0.6/1kV</t>
  </si>
  <si>
    <t>【青岛汉缆】交联电力电缆\ZC-YJV22\4×35,0.6/1kV</t>
  </si>
  <si>
    <t>【青岛汉缆】交联电力电缆\ZC-YJV22\4×50,0.6/1kV</t>
  </si>
  <si>
    <t>【青岛汉缆】交联电力电缆\ZC-YJV22\4×70,0.6/1kV</t>
  </si>
  <si>
    <t>【青岛汉缆】交联电力电缆\ZC-YJV22\4×95,0.6/1kV</t>
  </si>
  <si>
    <t>【青岛汉缆】交联电力电缆\ZC-YJV22\4×120,0.6/1kV</t>
  </si>
  <si>
    <t>【青岛汉缆】交联电力电缆\ZC-YJV22\4×150,0.6/1kV</t>
  </si>
  <si>
    <t>【青岛汉缆】交联电力电缆\ZC-YJV22\4×185,0.6/1kV</t>
  </si>
  <si>
    <t>【青岛汉缆】交联电力电缆\ZC-YJV22\5×1.5,0.6/1kV</t>
  </si>
  <si>
    <t>【青岛汉缆】交联电力电缆\ZC-YJV22\5×2.5,0.6/1kV</t>
  </si>
  <si>
    <t>【青岛汉缆】交联电力电缆\ZC-YJV22\5×4,0.6/1kV</t>
  </si>
  <si>
    <t>【青岛汉缆】交联电力电缆\ZC-YJV22\5×6,0.6/1kV</t>
  </si>
  <si>
    <t>【青岛汉缆】交联电力电缆\ZC-YJV22\5×10,0.6/1kV</t>
  </si>
  <si>
    <t>【青岛汉缆】交联电力电缆\ZC-YJV22\5×16,0.6/1kV</t>
  </si>
  <si>
    <t>【青岛汉缆】交联电力电缆\ZC-YJV22\5×25,0.6/1kV</t>
  </si>
  <si>
    <t>【青岛汉缆】交联电力电缆\ZC-YJV22\5×35,0.6/1kV</t>
  </si>
  <si>
    <t>【青岛汉缆】交联电力电缆\ZC-YJV22\5×50,0.6/1kV</t>
  </si>
  <si>
    <t>【青岛汉缆】交联电力电缆\ZC-YJV22\5×70,0.6/1kV</t>
  </si>
  <si>
    <t>【青岛汉缆】交联电力电缆\ZC-YJV22\5×95,0.6/1kV</t>
  </si>
  <si>
    <t>【青岛汉缆】交联电力电缆\ZC-YJV22\5×120,0.6/1kV</t>
  </si>
  <si>
    <t>【青岛汉缆】交联电力电缆\ZC-YJV22\5×150,0.6/1kV</t>
  </si>
  <si>
    <t>【青岛汉缆】交联电力电缆\ZC-YJV22\3×2.5+1×1.5,0.6/1kV</t>
  </si>
  <si>
    <t>【青岛汉缆】交联电力电缆\ZC-YJV22\3×4+1×2.5,0.6/1kV</t>
  </si>
  <si>
    <t>【青岛汉缆】交联电力电缆\ZC-YJV22\3×6+1×4,0.6/1kV</t>
  </si>
  <si>
    <t>【青岛汉缆】交联电力电缆\ZC-YJV22\3×10+1×6,0.6/1kV</t>
  </si>
  <si>
    <t>【青岛汉缆】交联电力电缆\ZC-YJV22\3×16+1×10,0.6/1kV</t>
  </si>
  <si>
    <t>【青岛汉缆】交联电力电缆\ZC-YJV22\3×25+1×16,0.6/1kV</t>
  </si>
  <si>
    <t>【青岛汉缆】交联电力电缆\ZC-YJV22\3×35+1×16,0.6/1kV</t>
  </si>
  <si>
    <t>【青岛汉缆】交联电力电缆\ZC-YJV22\3×50+1×25,0.6/1kV</t>
  </si>
  <si>
    <t>【青岛汉缆】交联电力电缆\ZC-YJV22\3×70+1×35,0.6/1kV</t>
  </si>
  <si>
    <t>【青岛汉缆】交联电力电缆\ZC-YJV22\3×95+1×50,0.6/1kV</t>
  </si>
  <si>
    <t>【青岛汉缆】交联电力电缆\ZC-YJV22\3×120+1×70,0.6/1kV</t>
  </si>
  <si>
    <t>【青岛汉缆】交联电力电缆\ZC-YJV22\3×150+1×70,0.6/1kV</t>
  </si>
  <si>
    <t>【青岛汉缆】交联电力电缆\ZC-YJV22\3×185+1×95,0.6/1kV</t>
  </si>
  <si>
    <t>【青岛汉缆】交联电力电缆\ZC-YJV22\3×240+1×120,0.6/1kV</t>
  </si>
  <si>
    <t>【青岛汉缆】交联电力电缆\ZC-YJV22\3×300+1×150,0.6/1kV</t>
  </si>
  <si>
    <t>【青岛汉缆】交联电力电缆\ZC-YJV22\3×400+1×185,0.6/1kV</t>
  </si>
  <si>
    <t>【青岛汉缆】交联电力电缆\ZC-YJV22\3×2.5+2×1.5,0.6/1kV</t>
  </si>
  <si>
    <t>【青岛汉缆】交联电力电缆\ZC-YJV22\3×4+2×2.5,0.6/1kV</t>
  </si>
  <si>
    <t>【青岛汉缆】交联电力电缆\ZC-YJV22\3×6+2×4,0.6/1kV</t>
  </si>
  <si>
    <t>【青岛汉缆】交联电力电缆\ZC-YJV22\3×10+2×6,0.6/1kV</t>
  </si>
  <si>
    <t>【青岛汉缆】交联电力电缆\ZC-YJV22\3×16+2×10,0.6/1kV</t>
  </si>
  <si>
    <t>【青岛汉缆】交联电力电缆\ZC-YJV22\3×25+2×16,0.6/1kV</t>
  </si>
  <si>
    <t>【青岛汉缆】交联电力电缆\ZC-YJV22\3×35+2×16,0.6/1kV</t>
  </si>
  <si>
    <t>【青岛汉缆】交联电力电缆\ZC-YJV22\3×50+2×25,0.6/1kV</t>
  </si>
  <si>
    <t>【青岛汉缆】交联电力电缆\ZC-YJV22\3×70+2×35,0.6/1kV</t>
  </si>
  <si>
    <t>【青岛汉缆】交联电力电缆\ZC-YJV22\3×95+2×50,0.6/1kV</t>
  </si>
  <si>
    <t>【青岛汉缆】交联电力电缆\ZC-YJV22\3×120+2×70,0.6/1kV</t>
  </si>
  <si>
    <t>【青岛汉缆】交联电力电缆\ZC-YJV22\3×150+2×70,0.6/1kV</t>
  </si>
  <si>
    <t>【青岛汉缆】交联电力电缆\ZC-YJV22\3×185+2×95,0.6/1kV</t>
  </si>
  <si>
    <t>【青岛汉缆】交联电力电缆\ZC-YJV22\3×240+2×120,0.6/1kV</t>
  </si>
  <si>
    <t>【青岛汉缆】交联电力电缆\ZC-YJV22\3×300+2×150,0.6/1kV</t>
  </si>
  <si>
    <t>【青岛汉缆】交联电力电缆\ZC-YJV22\3×400+2×185,0.6/1kV</t>
  </si>
  <si>
    <t>【青岛汉缆】交联电力电缆\ZC-YJV22\4×2.5+1×1.5,0.6/1kV</t>
  </si>
  <si>
    <t>【青岛汉缆】交联电力电缆\ZC-YJV22\4×4+1×2.5,0.6/1kV</t>
  </si>
  <si>
    <t>【青岛汉缆】交联电力电缆\ZC-YJV22\4×6+1×4,0.6/1kV</t>
  </si>
  <si>
    <t>【青岛汉缆】交联电力电缆\ZC-YJV22\4×10+1×6,0.6/1kV</t>
  </si>
  <si>
    <t>【青岛汉缆】交联电力电缆\ZC-YJV22\4×16+1×10,0.6/1kV</t>
  </si>
  <si>
    <t>【青岛汉缆】交联电力电缆\ZC-YJV22\4×25+1×16,0.6/1kV</t>
  </si>
  <si>
    <t>【青岛汉缆】交联电力电缆\ZC-YJV22\4×35+1×16,0.6/1kV</t>
  </si>
  <si>
    <t>【青岛汉缆】交联电力电缆\ZC-YJV22\4×50+1×25,0.6/1kV</t>
  </si>
  <si>
    <t>【青岛汉缆】交联电力电缆\ZC-YJV22\4×70+1×35,0.6/1kV</t>
  </si>
  <si>
    <t>【青岛汉缆】交联电力电缆\ZC-YJV22\4×95+1×50,0.6/1kV</t>
  </si>
  <si>
    <t>【青岛汉缆】交联电力电缆\ZC-YJV22\4×120+1×70,0.6/1kV</t>
  </si>
  <si>
    <t>【青岛汉缆】交联电力电缆\ZC-YJV22\4×150+1×70,0.6/1kV</t>
  </si>
  <si>
    <t>【青岛汉缆】交联电力电缆\ZC-YJV22\4×185+1×95,0.6/1kV</t>
  </si>
  <si>
    <t>【青岛汉缆】交联电力电缆\ZC-YJV62\1×1.5,0.6/1kV</t>
  </si>
  <si>
    <t>【青岛汉缆】交联电力电缆\ZC-YJV62\1×2.5,0.6/1kV</t>
  </si>
  <si>
    <t>【青岛汉缆】交联电力电缆\ZC-YJV62\1×4,0.6/1kV</t>
  </si>
  <si>
    <t>【青岛汉缆】交联电力电缆\ZC-YJV62\1×6,0.6/1kV</t>
  </si>
  <si>
    <t>【青岛汉缆】交联电力电缆\ZC-YJV62\1×10,0.6/1kV</t>
  </si>
  <si>
    <t>【青岛汉缆】交联电力电缆\ZC-YJV62\1×16,0.6/1kV</t>
  </si>
  <si>
    <t>【青岛汉缆】交联电力电缆\ZC-YJV62\1×25,0.6/1kV</t>
  </si>
  <si>
    <t>【青岛汉缆】交联电力电缆\ZC-YJV62\1×35,0.6/1kV</t>
  </si>
  <si>
    <t>【青岛汉缆】交联电力电缆\ZC-YJV62\1×50,0.6/1kV</t>
  </si>
  <si>
    <t>【青岛汉缆】交联电力电缆\ZC-YJV62\1×70,0.6/1kV</t>
  </si>
  <si>
    <t>【青岛汉缆】交联电力电缆\ZC-YJV62\1×95,0.6/1kV</t>
  </si>
  <si>
    <t>【青岛汉缆】交联电力电缆\ZC-YJV62\1×120,0.6/1kV</t>
  </si>
  <si>
    <t>【青岛汉缆】交联电力电缆\ZC-YJV62\1×150,0.6/1kV</t>
  </si>
  <si>
    <t>【青岛汉缆】交联电力电缆\ZC-YJV62\1×185,0.6/1kV</t>
  </si>
  <si>
    <t>【青岛汉缆】交联电力电缆\ZC-YJV62\1×240,0.6/1kV</t>
  </si>
  <si>
    <t>【青岛汉缆】交联电力电缆\ZC-YJV62\1×300,0.6/1kV</t>
  </si>
  <si>
    <t>【青岛汉缆】交联电力电缆\ZC-YJV62\1×400,0.6/1kV</t>
  </si>
  <si>
    <t>【青岛汉缆】交联电力电缆\ZC-YJV62\1×500,0.6/1kV</t>
  </si>
  <si>
    <t>【青岛汉缆】交联电力电缆\ZC-YJY\1×1.5,0.6/1.0kV</t>
  </si>
  <si>
    <t>【青岛汉缆】交联电力电缆\ZC-YJY\1×2.5,0.6/1.0kV</t>
  </si>
  <si>
    <t>【青岛汉缆】交联电力电缆\ZC-YJY\1×4,0.6/1.0kV</t>
  </si>
  <si>
    <t>【青岛汉缆】交联电力电缆\ZC-YJY\1×6,0.6/1.0kV</t>
  </si>
  <si>
    <t>【青岛汉缆】交联电力电缆\ZC-YJY\1×10,0.6/1.0kV</t>
  </si>
  <si>
    <t>【青岛汉缆】交联电力电缆\ZC-YJY\1×16,0.6/1.0kV</t>
  </si>
  <si>
    <t>【青岛汉缆】交联电力电缆\ZC-YJY\1×25,0.6/1.0kV</t>
  </si>
  <si>
    <t>【青岛汉缆】交联电力电缆\ZC-YJY\1×35,0.6/1.0kV</t>
  </si>
  <si>
    <t>【青岛汉缆】交联电力电缆\ZC-YJY\1×50,0.6/1.0kV</t>
  </si>
  <si>
    <t>【青岛汉缆】交联电力电缆\ZC-YJY\1×70,0.6/1.0kV</t>
  </si>
  <si>
    <t>【青岛汉缆】交联电力电缆\ZC-YJY\1×95,0.6/1.0kV</t>
  </si>
  <si>
    <t>【青岛汉缆】交联电力电缆\ZC-YJY\1×120,0.6/1.0kV</t>
  </si>
  <si>
    <t>【青岛汉缆】交联电力电缆\ZC-YJY\1×150,0.6/1.0kV</t>
  </si>
  <si>
    <t>【青岛汉缆】交联电力电缆\ZC-YJY\1×185,0.6/1.0kV</t>
  </si>
  <si>
    <t>【青岛汉缆】交联电力电缆\ZC-YJY\1×240,0.6/1.0kV</t>
  </si>
  <si>
    <t>【青岛汉缆】交联电力电缆\ZC-YJY\1×300,0.6/1.0kV</t>
  </si>
  <si>
    <t>【青岛汉缆】交联电力电缆\ZC-YJY\1×400,0.6/1.0kV</t>
  </si>
  <si>
    <t>【青岛汉缆】交联电力电缆\ZC-YJY\1×500,0.6/1.0kV</t>
  </si>
  <si>
    <t>【青岛汉缆】交联电力电缆\ZC-YJY\2×1.5,0.6/1.0kV</t>
  </si>
  <si>
    <t>【青岛汉缆】交联电力电缆\ZC-YJY\2×2.5,0.6/1.0kV</t>
  </si>
  <si>
    <t>【青岛汉缆】交联电力电缆\ZC-YJY\2×4,0.6/1.0kV</t>
  </si>
  <si>
    <t>【青岛汉缆】交联电力电缆\ZC-YJY\2×6,0.6/1.0kV</t>
  </si>
  <si>
    <t>【青岛汉缆】交联电力电缆\ZC-YJY\2×10,0.6/1.0kV</t>
  </si>
  <si>
    <t>【青岛汉缆】交联电力电缆\ZC-YJY\2×16,0.6/1.0kV</t>
  </si>
  <si>
    <t>【青岛汉缆】交联电力电缆\ZC-YJY\2×25,0.6/1.0kV</t>
  </si>
  <si>
    <t>【青岛汉缆】交联电力电缆\ZC-YJY\2×35,0.6/1.0kV</t>
  </si>
  <si>
    <t>【青岛汉缆】交联电力电缆\ZC-YJY\2×50,0.6/1.0kV</t>
  </si>
  <si>
    <t>【青岛汉缆】交联电力电缆\ZC-YJY\2×70,0.6/1.0kV</t>
  </si>
  <si>
    <t>【青岛汉缆】交联电力电缆\ZC-YJY\2×95,0.6/1.0kV</t>
  </si>
  <si>
    <t>【青岛汉缆】交联电力电缆\ZC-YJY\2×120,0.6/1.0kV</t>
  </si>
  <si>
    <t>【青岛汉缆】交联电力电缆\ZC-YJY\2×150,0.6/1.0kV</t>
  </si>
  <si>
    <t>【青岛汉缆】交联电力电缆\ZC-YJY\2×185,0.6/1.0kV</t>
  </si>
  <si>
    <t>【青岛汉缆】交联电力电缆\ZC-YJY\2×240,0.6/1.0kV</t>
  </si>
  <si>
    <t>【青岛汉缆】交联电力电缆\ZC-YJY\2×300,0.6/1.0kV</t>
  </si>
  <si>
    <t>【青岛汉缆】交联电力电缆\ZC-YJY\3×1.5,0.6/1.0kV</t>
  </si>
  <si>
    <t>【青岛汉缆】交联电力电缆\ZC-YJY\3×2.5,0.6/1.0kV</t>
  </si>
  <si>
    <t>【青岛汉缆】交联电力电缆\ZC-YJY\3×4,0.6/1.0kV</t>
  </si>
  <si>
    <t>【青岛汉缆】交联电力电缆\ZC-YJY\3×6,0.6/1.0kV</t>
  </si>
  <si>
    <t>【青岛汉缆】交联电力电缆\ZC-YJY\3×10,0.6/1.0kV</t>
  </si>
  <si>
    <t>【青岛汉缆】交联电力电缆\ZC-YJY\3×16,0.6/1.0kV</t>
  </si>
  <si>
    <t>【青岛汉缆】交联电力电缆\ZC-YJY\3×25,0.6/1.0kV</t>
  </si>
  <si>
    <t>【青岛汉缆】交联电力电缆\ZC-YJY\3×35,0.6/1.0kV</t>
  </si>
  <si>
    <t>【青岛汉缆】交联电力电缆\ZC-YJY\3×50,0.6/1.0kV</t>
  </si>
  <si>
    <t>【青岛汉缆】交联电力电缆\ZC-YJY\3×70,0.6/1.0kV</t>
  </si>
  <si>
    <t>【青岛汉缆】交联电力电缆\ZC-YJY\3×95,0.6/1.0kV</t>
  </si>
  <si>
    <t>【青岛汉缆】交联电力电缆\ZC-YJY\3×120,0.6/1.0kV</t>
  </si>
  <si>
    <t>【青岛汉缆】交联电力电缆\ZC-YJY\3×150,0.6/1.0kV</t>
  </si>
  <si>
    <t>【青岛汉缆】交联电力电缆\ZC-YJY\3×185,0.6/1.0kV</t>
  </si>
  <si>
    <t>【青岛汉缆】交联电力电缆\ZC-YJY\3×240,0.6/1.0kV</t>
  </si>
  <si>
    <t>【青岛汉缆】交联电力电缆\ZC-YJY\3×300,0.6/1.0kV</t>
  </si>
  <si>
    <t>【青岛汉缆】交联电力电缆\ZC-YJY\3×400,0.6/1.0kV</t>
  </si>
  <si>
    <t>【青岛汉缆】交联电力电缆\ZC-YJY\4×1.5,0.6/1.0kV</t>
  </si>
  <si>
    <t>【青岛汉缆】交联电力电缆\ZC-YJY\4×2.5,0.6/1.0kV</t>
  </si>
  <si>
    <t>【青岛汉缆】交联电力电缆\ZC-YJY\4×4,0.6/1.0kV</t>
  </si>
  <si>
    <t>【青岛汉缆】交联电力电缆\ZC-YJY\4×6,0.6/1.0kV</t>
  </si>
  <si>
    <t>【青岛汉缆】交联电力电缆\ZC-YJY\4×10,0.6/1.0kV</t>
  </si>
  <si>
    <t>【青岛汉缆】交联电力电缆\ZC-YJY\4×16,0.6/1.0kV</t>
  </si>
  <si>
    <t>【青岛汉缆】交联电力电缆\ZC-YJY\4×25,0.6/1.0kV</t>
  </si>
  <si>
    <t>【青岛汉缆】交联电力电缆\ZC-YJY\4×35,0.6/1.0kV</t>
  </si>
  <si>
    <t>【青岛汉缆】交联电力电缆\ZC-YJY\4×50,0.6/1.0kV</t>
  </si>
  <si>
    <t>【青岛汉缆】交联电力电缆\ZC-YJY\4×70,0.6/1.0kV</t>
  </si>
  <si>
    <t>【青岛汉缆】交联电力电缆\ZC-YJY\4×95,0.6/1.0kV</t>
  </si>
  <si>
    <t>【青岛汉缆】交联电力电缆\ZC-YJY\4×120,0.6/1.0kV</t>
  </si>
  <si>
    <t>【青岛汉缆】交联电力电缆\ZC-YJY\4×150,0.6/1.0kV</t>
  </si>
  <si>
    <t>【青岛汉缆】交联电力电缆\ZC-YJY\4×185,0.6/1.0kV</t>
  </si>
  <si>
    <t>【青岛汉缆】交联电力电缆\ZC-YJY\5×1.5,0.6/1.0kV</t>
  </si>
  <si>
    <t>【青岛汉缆】交联电力电缆\ZC-YJY\5×2.5,0.6/1.0kV</t>
  </si>
  <si>
    <t>【青岛汉缆】交联电力电缆\ZC-YJY\5×4,0.6/1.0kV</t>
  </si>
  <si>
    <t>【青岛汉缆】交联电力电缆\ZC-YJY\5×6,0.6/1.0kV</t>
  </si>
  <si>
    <t>【青岛汉缆】交联电力电缆\ZC-YJY\5×10,0.6/1.0kV</t>
  </si>
  <si>
    <t>【青岛汉缆】交联电力电缆\ZC-YJY\5×16,0.6/1.0kV</t>
  </si>
  <si>
    <t>【青岛汉缆】交联电力电缆\ZC-YJY\5×25,0.6/1.0kV</t>
  </si>
  <si>
    <t>【青岛汉缆】交联电力电缆\ZC-YJY\5×35,0.6/1.0kV</t>
  </si>
  <si>
    <t>【青岛汉缆】交联电力电缆\ZC-YJY\5×50,0.6/1.0kV</t>
  </si>
  <si>
    <t>【青岛汉缆】交联电力电缆\ZC-YJY\5×70,0.6/1.0kV</t>
  </si>
  <si>
    <t>【青岛汉缆】交联电力电缆\ZC-YJY\5×95,0.6/1.0kV</t>
  </si>
  <si>
    <t>【青岛汉缆】交联电力电缆\ZC-YJY\5×120,0.6/1.0kV</t>
  </si>
  <si>
    <t>【青岛汉缆】交联电力电缆\ZC-YJY\5×150,0.6/1.0kV</t>
  </si>
  <si>
    <t>【青岛汉缆】交联电力电缆\ZC-YJY\3×2.5+1×1.5,0.6/1.0kV</t>
  </si>
  <si>
    <t>【青岛汉缆】交联电力电缆\ZC-YJY\3×4+1×2.5,0.6/1.0kV</t>
  </si>
  <si>
    <t>【青岛汉缆】交联电力电缆\ZC-YJY\3×6+1×4,0.6/1.0kV</t>
  </si>
  <si>
    <t>【青岛汉缆】交联电力电缆\ZC-YJY\3×10+1×6,0.6/1.0kV</t>
  </si>
  <si>
    <t>【青岛汉缆】交联电力电缆\ZC-YJY\3×16+1×10,0.6/1.0kV</t>
  </si>
  <si>
    <t>【青岛汉缆】交联电力电缆\ZC-YJY\3×25+1×16,0.6/1.0kV</t>
  </si>
  <si>
    <t>【青岛汉缆】交联电力电缆\ZC-YJY\3×35+1×16,0.6/1.0kV</t>
  </si>
  <si>
    <t>【青岛汉缆】交联电力电缆\ZC-YJY\3×50+1×25,0.6/1.0kV</t>
  </si>
  <si>
    <t>【青岛汉缆】交联电力电缆\ZC-YJY\3×70+1×35,0.6/1.0kV</t>
  </si>
  <si>
    <t>【青岛汉缆】交联电力电缆\ZC-YJY\3×95+1×50,0.6/1.0kV</t>
  </si>
  <si>
    <t>【青岛汉缆】交联电力电缆\ZC-YJY\3×120+1×70,0.6/1.0kV</t>
  </si>
  <si>
    <t>【青岛汉缆】交联电力电缆\ZC-YJY\3×150+1×70,0.6/1.0kV</t>
  </si>
  <si>
    <t>【青岛汉缆】交联电力电缆\ZC-YJY\3×185+1×95,0.6/1.0kV</t>
  </si>
  <si>
    <t>【青岛汉缆】交联电力电缆\ZC-YJY\3×240+1×120,0.6/1.0kV</t>
  </si>
  <si>
    <t>【青岛汉缆】交联电力电缆\ZC-YJY\3×300+1×150,0.6/1.0kV</t>
  </si>
  <si>
    <t>【青岛汉缆】交联电力电缆\ZC-YJY\3×400+1×185,0.6/1.0kV</t>
  </si>
  <si>
    <t>【青岛汉缆】交联电力电缆\ZC-YJY\3×2.5+2×1.5,0.6/1.0kV</t>
  </si>
  <si>
    <t>【青岛汉缆】交联电力电缆\ZC-YJY\3×4+2×2.5,0.6/1.0kV</t>
  </si>
  <si>
    <t>【青岛汉缆】交联电力电缆\ZC-YJY\3×6+2×4,0.6/1.0kV</t>
  </si>
  <si>
    <t>【青岛汉缆】交联电力电缆\ZC-YJY\3×10+2×6,0.6/1.0kV</t>
  </si>
  <si>
    <t>【青岛汉缆】交联电力电缆\ZC-YJY\3×16+2×10,0.6/1.0kV</t>
  </si>
  <si>
    <t>【青岛汉缆】交联电力电缆\ZC-YJY\3×25+2×16,0.6/1.0kV</t>
  </si>
  <si>
    <t>【青岛汉缆】交联电力电缆\ZC-YJY\3×35+2×16,0.6/1.0kV</t>
  </si>
  <si>
    <t>【青岛汉缆】交联电力电缆\ZC-YJY\3×50+2×25,0.6/1.0kV</t>
  </si>
  <si>
    <t>【青岛汉缆】交联电力电缆\ZC-YJY\3×70+2×35,0.6/1.0kV</t>
  </si>
  <si>
    <t>【青岛汉缆】交联电力电缆\ZC-YJY\3×95+2×50,0.6/1.0kV</t>
  </si>
  <si>
    <t>【青岛汉缆】交联电力电缆\ZC-YJY\3×120+2×70,0.6/1.0kV</t>
  </si>
  <si>
    <t>【青岛汉缆】交联电力电缆\ZC-YJY\3×150+2×70,0.6/1.0kV</t>
  </si>
  <si>
    <t>【青岛汉缆】交联电力电缆\ZC-YJY\3×185+2×95,0.6/1.0kV</t>
  </si>
  <si>
    <t>【青岛汉缆】交联电力电缆\ZC-YJY\3×240+2×120,0.6/1.0kV</t>
  </si>
  <si>
    <t>【青岛汉缆】交联电力电缆\ZC-YJY\3×300+2×150,0.6/1.0kV</t>
  </si>
  <si>
    <t>【青岛汉缆】交联电力电缆\ZC-YJY\3×400+2×185,0.6/1.0kV</t>
  </si>
  <si>
    <t>【青岛汉缆】交联电力电缆\ZC-YJY\4×2.5+1×1.5,0.6/1.0kV</t>
  </si>
  <si>
    <t>【青岛汉缆】交联电力电缆\ZC-YJY\4×4+1×2.5,0.6/1.0kV</t>
  </si>
  <si>
    <t>【青岛汉缆】交联电力电缆\ZC-YJY\4×6+1×4,0.6/1.0kV</t>
  </si>
  <si>
    <t>【青岛汉缆】交联电力电缆\ZC-YJY\4×10+1×6,0.6/1.0kV</t>
  </si>
  <si>
    <t>【青岛汉缆】交联电力电缆\ZC-YJY\4×16+1×10,0.6/1.0kV</t>
  </si>
  <si>
    <t>【青岛汉缆】交联电力电缆\ZC-YJY\4×25+1×16,0.6/1.0kV</t>
  </si>
  <si>
    <t>【青岛汉缆】交联电力电缆\ZC-YJY\4×35+1×16,0.6/1.0kV</t>
  </si>
  <si>
    <t>【青岛汉缆】交联电力电缆\ZC-YJY\4×50+1×25,0.6/1.0kV</t>
  </si>
  <si>
    <t>【青岛汉缆】交联电力电缆\ZC-YJY\4×70+1×35,0.6/1.0kV</t>
  </si>
  <si>
    <t>【青岛汉缆】交联电力电缆\ZC-YJY\4×95+1×50,0.6/1.0kV</t>
  </si>
  <si>
    <t>【青岛汉缆】交联电力电缆\ZC-YJY\4×120+1×70,0.6/1.0kV</t>
  </si>
  <si>
    <t>【青岛汉缆】交联电力电缆\ZC-YJY\4×150+1×70,0.6/1.0kV</t>
  </si>
  <si>
    <t>【青岛汉缆】交联电力电缆\ZC-YJY\4×185+1×95,0.6/1.0kV</t>
  </si>
  <si>
    <t>【青岛汉缆】交联电力电缆\ZC-YJY23\2×1.5,0.6/1kV</t>
  </si>
  <si>
    <t>【青岛汉缆】交联电力电缆\ZC-YJY23\2×2.5,0.6/1kV</t>
  </si>
  <si>
    <t>【青岛汉缆】交联电力电缆\ZC-YJY23\2×4,0.6/1kV</t>
  </si>
  <si>
    <t>【青岛汉缆】交联电力电缆\ZC-YJY23\2×6,0.6/1kV</t>
  </si>
  <si>
    <t>【青岛汉缆】交联电力电缆\ZC-YJY23\2×10,0.6/1kV</t>
  </si>
  <si>
    <t>【青岛汉缆】交联电力电缆\ZC-YJY23\2×16,0.6/1kV</t>
  </si>
  <si>
    <t>【青岛汉缆】交联电力电缆\ZC-YJY23\2×25,0.6/1kV</t>
  </si>
  <si>
    <t>【青岛汉缆】交联电力电缆\ZC-YJY23\2×35,0.6/1kV</t>
  </si>
  <si>
    <t>【青岛汉缆】交联电力电缆\ZC-YJY23\2×50,0.6/1kV</t>
  </si>
  <si>
    <t>【青岛汉缆】交联电力电缆\ZC-YJY23\2×70,0.6/1kV</t>
  </si>
  <si>
    <t>【青岛汉缆】交联电力电缆\ZC-YJY23\2×95,0.6/1kV</t>
  </si>
  <si>
    <t>【青岛汉缆】交联电力电缆\ZC-YJY23\2×120,0.6/1kV</t>
  </si>
  <si>
    <t>【青岛汉缆】交联电力电缆\ZC-YJY23\2×150,0.6/1kV</t>
  </si>
  <si>
    <t>【青岛汉缆】交联电力电缆\ZC-YJY23\2×185,0.6/1kV</t>
  </si>
  <si>
    <t>【青岛汉缆】交联电力电缆\ZC-YJY23\2×240,0.6/1kV</t>
  </si>
  <si>
    <t>【青岛汉缆】交联电力电缆\ZC-YJY23\2×300,0.6/1kV</t>
  </si>
  <si>
    <t>【青岛汉缆】交联电力电缆\ZC-YJY23\3×1.5,0.6/1kV</t>
  </si>
  <si>
    <t>【青岛汉缆】交联电力电缆\ZC-YJY23\3×2.5,0.6/1kV</t>
  </si>
  <si>
    <t>【青岛汉缆】交联电力电缆\ZC-YJY23\3×4,0.6/1kV</t>
  </si>
  <si>
    <t>【青岛汉缆】交联电力电缆\ZC-YJY23\3×6,0.6/1kV</t>
  </si>
  <si>
    <t>【青岛汉缆】交联电力电缆\ZC-YJY23\3×10,0.6/1kV</t>
  </si>
  <si>
    <t>【青岛汉缆】交联电力电缆\ZC-YJY23\3×16,0.6/1kV</t>
  </si>
  <si>
    <t>【青岛汉缆】交联电力电缆\ZC-YJY23\3×25,0.6/1kV</t>
  </si>
  <si>
    <t>【青岛汉缆】交联电力电缆\ZC-YJY23\3×35,0.6/1kV</t>
  </si>
  <si>
    <t>【青岛汉缆】交联电力电缆\ZC-YJY23\3×50,0.6/1kV</t>
  </si>
  <si>
    <t>【青岛汉缆】交联电力电缆\ZC-YJY23\3×70,0.6/1kV</t>
  </si>
  <si>
    <t>【青岛汉缆】交联电力电缆\ZC-YJY23\3×95,0.6/1kV</t>
  </si>
  <si>
    <t>【青岛汉缆】交联电力电缆\ZC-YJY23\3×120,0.6/1kV</t>
  </si>
  <si>
    <t>【青岛汉缆】交联电力电缆\ZC-YJY23\3×150,0.6/1kV</t>
  </si>
  <si>
    <t>【青岛汉缆】交联电力电缆\ZC-YJY23\3×185,0.6/1kV</t>
  </si>
  <si>
    <t>【青岛汉缆】交联电力电缆\ZC-YJY23\3×240,0.6/1kV</t>
  </si>
  <si>
    <t>【青岛汉缆】交联电力电缆\ZC-YJY23\3×300,0.6/1kV</t>
  </si>
  <si>
    <t>【青岛汉缆】交联电力电缆\ZC-YJY23\3×400,0.6/1kV</t>
  </si>
  <si>
    <t>【青岛汉缆】交联电力电缆\ZC-YJY23\4×1.5,0.6/1kV</t>
  </si>
  <si>
    <t>【青岛汉缆】交联电力电缆\ZC-YJY23\4×2.5,0.6/1kV</t>
  </si>
  <si>
    <t>【青岛汉缆】交联电力电缆\ZC-YJY23\4×4,0.6/1kV</t>
  </si>
  <si>
    <t>【青岛汉缆】交联电力电缆\ZC-YJY23\4×6,0.6/1kV</t>
  </si>
  <si>
    <t>【青岛汉缆】交联电力电缆\ZC-YJY23\4×10,0.6/1kV</t>
  </si>
  <si>
    <t>【青岛汉缆】交联电力电缆\ZC-YJY23\4×16,0.6/1kV</t>
  </si>
  <si>
    <t>【青岛汉缆】交联电力电缆\ZC-YJY23\4×25,0.6/1kV</t>
  </si>
  <si>
    <t>【青岛汉缆】交联电力电缆\ZC-YJY23\4×35,0.6/1kV</t>
  </si>
  <si>
    <t>【青岛汉缆】交联电力电缆\ZC-YJY23\4×50,0.6/1kV</t>
  </si>
  <si>
    <t>【青岛汉缆】交联电力电缆\ZC-YJY23\4×70,0.6/1kV</t>
  </si>
  <si>
    <t>【青岛汉缆】交联电力电缆\ZC-YJY23\4×95,0.6/1kV</t>
  </si>
  <si>
    <t>【青岛汉缆】交联电力电缆\ZC-YJY23\4×120,0.6/1kV</t>
  </si>
  <si>
    <t>【青岛汉缆】交联电力电缆\ZC-YJY23\4×150,0.6/1kV</t>
  </si>
  <si>
    <t>【青岛汉缆】交联电力电缆\ZC-YJY23\4×185,0.6/1kV</t>
  </si>
  <si>
    <t>【青岛汉缆】交联电力电缆\ZC-YJY23\5×1.5,0.6/1kV</t>
  </si>
  <si>
    <t>【青岛汉缆】交联电力电缆\ZC-YJY23\5×2.5,0.6/1kV</t>
  </si>
  <si>
    <t>【青岛汉缆】交联电力电缆\ZC-YJY23\5×4,0.6/1kV</t>
  </si>
  <si>
    <t>【青岛汉缆】交联电力电缆\ZC-YJY23\5×6,0.6/1kV</t>
  </si>
  <si>
    <t>【青岛汉缆】交联电力电缆\ZC-YJY23\5×10,0.6/1kV</t>
  </si>
  <si>
    <t>【青岛汉缆】交联电力电缆\ZC-YJY23\5×16,0.6/1kV</t>
  </si>
  <si>
    <t>【青岛汉缆】交联电力电缆\ZC-YJY23\5×25,0.6/1kV</t>
  </si>
  <si>
    <t>【青岛汉缆】交联电力电缆\ZC-YJY23\5×35,0.6/1kV</t>
  </si>
  <si>
    <t>【青岛汉缆】交联电力电缆\ZC-YJY23\5×50,0.6/1kV</t>
  </si>
  <si>
    <t>【青岛汉缆】交联电力电缆\ZC-YJY23\5×70,0.6/1kV</t>
  </si>
  <si>
    <t>【青岛汉缆】交联电力电缆\ZC-YJY23\5×95,0.6/1kV</t>
  </si>
  <si>
    <t>【青岛汉缆】交联电力电缆\ZC-YJY23\5×120,0.6/1kV</t>
  </si>
  <si>
    <t>【青岛汉缆】交联电力电缆\ZC-YJY23\5×150,0.6/1kV</t>
  </si>
  <si>
    <t>【青岛汉缆】交联电力电缆\ZC-YJY23\3×2.5+1×1.5,0.6/1kV</t>
  </si>
  <si>
    <t>【青岛汉缆】交联电力电缆\ZC-YJY23\3×4+1×2.5,0.6/1kV</t>
  </si>
  <si>
    <t>【青岛汉缆】交联电力电缆\ZC-YJY23\3×6+1×4,0.6/1kV</t>
  </si>
  <si>
    <t>【青岛汉缆】交联电力电缆\ZC-YJY23\3×10+1×6,0.6/1kV</t>
  </si>
  <si>
    <t>【青岛汉缆】交联电力电缆\ZC-YJY23\3×16+1×10,0.6/1kV</t>
  </si>
  <si>
    <t>【青岛汉缆】交联电力电缆\ZC-YJY23\3×25+1×16,0.6/1kV</t>
  </si>
  <si>
    <t>【青岛汉缆】交联电力电缆\ZC-YJY23\3×35+1×16,0.6/1kV</t>
  </si>
  <si>
    <t>【青岛汉缆】交联电力电缆\ZC-YJY23\3×50+1×25,0.6/1kV</t>
  </si>
  <si>
    <t>【青岛汉缆】交联电力电缆\ZC-YJY23\3×70+1×35,0.6/1kV</t>
  </si>
  <si>
    <t>【青岛汉缆】交联电力电缆\ZC-YJY23\3×95+1×50,0.6/1kV</t>
  </si>
  <si>
    <t>【青岛汉缆】交联电力电缆\ZC-YJY23\3×120+1×70,0.6/1kV</t>
  </si>
  <si>
    <t>【青岛汉缆】交联电力电缆\ZC-YJY23\3×150+1×70,0.6/1kV</t>
  </si>
  <si>
    <t>【青岛汉缆】交联电力电缆\ZC-YJY23\3×185+1×95,0.6/1kV</t>
  </si>
  <si>
    <t>【青岛汉缆】交联电力电缆\ZC-YJY23\3×240+1×120,0.6/1kV</t>
  </si>
  <si>
    <t>【青岛汉缆】交联电力电缆\ZC-YJY23\3×300+1×150,0.6/1kV</t>
  </si>
  <si>
    <t>【青岛汉缆】交联电力电缆\ZC-YJY23\3×400+1×185,0.6/1kV</t>
  </si>
  <si>
    <t>【青岛汉缆】交联电力电缆\ZC-YJY23\3×2.5+2×1.5,0.6/1kV</t>
  </si>
  <si>
    <t>【青岛汉缆】交联电力电缆\ZC-YJY23\3×4+2×2.5,0.6/1kV</t>
  </si>
  <si>
    <t>【青岛汉缆】交联电力电缆\ZC-YJY23\3×6+2×4,0.6/1kV</t>
  </si>
  <si>
    <t>【青岛汉缆】交联电力电缆\ZC-YJY23\3×10+2×6,0.6/1kV</t>
  </si>
  <si>
    <t>【青岛汉缆】交联电力电缆\ZC-YJY23\3×16+2×10,0.6/1kV</t>
  </si>
  <si>
    <t>【青岛汉缆】交联电力电缆\ZC-YJY23\3×25+2×16,0.6/1kV</t>
  </si>
  <si>
    <t>【青岛汉缆】交联电力电缆\ZC-YJY23\3×35+2×16,0.6/1kV</t>
  </si>
  <si>
    <t>【青岛汉缆】交联电力电缆\ZC-YJY23\3×50+2×25,0.6/1kV</t>
  </si>
  <si>
    <t>【青岛汉缆】交联电力电缆\ZC-YJY23\3×70+2×35,0.6/1kV</t>
  </si>
  <si>
    <t>【青岛汉缆】交联电力电缆\ZC-YJY23\3×95+2×50,0.6/1kV</t>
  </si>
  <si>
    <t>【青岛汉缆】交联电力电缆\ZC-YJY23\3×120+2×70,0.6/1kV</t>
  </si>
  <si>
    <t>【青岛汉缆】交联电力电缆\ZC-YJY23\3×150+2×70,0.6/1kV</t>
  </si>
  <si>
    <t>【青岛汉缆】交联电力电缆\ZC-YJY23\3×185+2×95,0.6/1kV</t>
  </si>
  <si>
    <t>【青岛汉缆】交联电力电缆\ZC-YJY23\3×240+2×120,0.6/1kV</t>
  </si>
  <si>
    <t>【青岛汉缆】交联电力电缆\ZC-YJY23\3×300+2×150,0.6/1kV</t>
  </si>
  <si>
    <t>【青岛汉缆】交联电力电缆\ZC-YJY23\3×400+2×185,0.6/1kV</t>
  </si>
  <si>
    <t>【青岛汉缆】交联电力电缆\ZC-YJY23\4×2.5+1×1.5,0.6/1kV</t>
  </si>
  <si>
    <t>【青岛汉缆】交联电力电缆\ZC-YJY23\4×4+1×2.5,0.6/1kV</t>
  </si>
  <si>
    <t>【青岛汉缆】交联电力电缆\ZC-YJY23\4×6+1×4,0.6/1kV</t>
  </si>
  <si>
    <t>【青岛汉缆】交联电力电缆\ZC-YJY23\4×10+1×6,0.6/1kV</t>
  </si>
  <si>
    <t>【青岛汉缆】交联电力电缆\ZC-YJY23\4×16+1×10,0.6/1kV</t>
  </si>
  <si>
    <t>【青岛汉缆】交联电力电缆\ZC-YJY23\4×25+1×16,0.6/1kV</t>
  </si>
  <si>
    <t>【青岛汉缆】交联电力电缆\ZC-YJY23\4×35+1×16,0.6/1kV</t>
  </si>
  <si>
    <t>【青岛汉缆】交联电力电缆\ZC-YJY23\4×50+1×25,0.6/1kV</t>
  </si>
  <si>
    <t>【青岛汉缆】交联电力电缆\ZC-YJY23\4×70+1×35,0.6/1kV</t>
  </si>
  <si>
    <t>【戴尔】显示器/P2720D/27英寸/2560x1440/60Hz/IPS/旋转升降支架/3年质保</t>
  </si>
  <si>
    <t>【戴尔】显示器/U4320Q/42英寸/4K/3840x2160/60Hz/IPS/旋转升降支架/3年质保</t>
  </si>
  <si>
    <t>【戴尔】显示器/U3415W/27英寸/21:9/3440x1440/60Hz/IPS/3年质保</t>
  </si>
  <si>
    <t>【青岛汉缆】交联电力电缆\NH-YJY63\1×10,0.6/1kV</t>
  </si>
  <si>
    <t>【青岛汉缆】交联电力电缆\NH-YJY63\1×16,0.6/1kV</t>
  </si>
  <si>
    <t>【青岛汉缆】交联电力电缆\NH-YJY63\1×25,0.6/1kV</t>
  </si>
  <si>
    <t>【青岛汉缆】交联电力电缆\NH-YJY63\1×35,0.6/1kV</t>
  </si>
  <si>
    <t>【青岛汉缆】交联电力电缆\NH-YJY63\1×50,0.6/1kV</t>
  </si>
  <si>
    <t>【青岛汉缆】交联电力电缆\NH-YJY63\1×70,0.6/1kV</t>
  </si>
  <si>
    <t>【青岛汉缆】交联电力电缆\NH-YJY63\1×95,0.6/1kV</t>
  </si>
  <si>
    <t>【青岛汉缆】交联电力电缆\NH-YJY63\1×120,0.6/1kV</t>
  </si>
  <si>
    <t>【青岛汉缆】交联电力电缆\NH-YJY63\1×150,0.6/1kV</t>
  </si>
  <si>
    <t>【青岛汉缆】交联电力电缆\NH-YJY63\1×185,0.6/1kV</t>
  </si>
  <si>
    <t>【青岛汉缆】交联电力电缆\NH-YJY63\1×240,0.6/1kV</t>
  </si>
  <si>
    <t>【青岛汉缆】交联电力电缆\NH-YJY63\1×300,0.6/1kV</t>
  </si>
  <si>
    <t>【青岛汉缆】交联电力电缆\NH-YJY63\1×400,0.6/1kV</t>
  </si>
  <si>
    <t>【青岛汉缆】交联电力电缆\NH-YJY63\1×500,0.6/1kV</t>
  </si>
  <si>
    <t>【戴尔】显示器/U2520D/25英寸/2560x1440/60Hz/IPS/旋转升降支架/3年质保</t>
  </si>
  <si>
    <t>【戴尔】显示器/U2720Q/27英寸/4K/3840x2160/60Hz/IPS/旋转升降支架/3年质保</t>
  </si>
  <si>
    <t>【戴尔】无线键盘鼠标套装/KM636/无线键鼠套装/黑色</t>
  </si>
  <si>
    <t>【戴尔】无线鼠标/WM527/黑色</t>
  </si>
  <si>
    <t>【戴尔】DP转VGA视频连接线/转接头</t>
  </si>
  <si>
    <t>【戴尔】HDMI转VGA视频连接线/转接头</t>
  </si>
  <si>
    <t>【青岛汉缆】交联电力电缆\ZC-YJY23\4×95+1×50,0.6/1kV</t>
  </si>
  <si>
    <t>【青岛汉缆】交联电力电缆\ZC-YJY23\4×120+1×70,0.6/1kV</t>
  </si>
  <si>
    <t>【青岛汉缆】交联电力电缆\ZC-YJY23\4×150+1×70,0.6/1kV</t>
  </si>
  <si>
    <t>【青岛汉缆】交联电力电缆\ZC-YJY23\4×185+1×95,0.6/1kV</t>
  </si>
  <si>
    <t>【青岛汉缆】交联电力电缆\ZC-YJY63\1×1.5,0.6/1kV</t>
  </si>
  <si>
    <t>【青岛汉缆】交联电力电缆\ZC-YJY63\1×2.5,0.6/1kV</t>
  </si>
  <si>
    <t>【青岛汉缆】交联电力电缆\ZC-YJY63\1×4,0.6/1kV</t>
  </si>
  <si>
    <t>【青岛汉缆】交联电力电缆\ZC-YJY63\1×6,0.6/1kV</t>
  </si>
  <si>
    <t>【青岛汉缆】交联电力电缆\ZC-YJY63\1×10,0.6/1kV</t>
  </si>
  <si>
    <t>【青岛汉缆】交联电力电缆\ZC-YJY63\1×16,0.6/1kV</t>
  </si>
  <si>
    <t>【青岛汉缆】交联电力电缆\ZC-YJY63\1×25,0.6/1kV</t>
  </si>
  <si>
    <t>【青岛汉缆】交联电力电缆\NH-YJY23\3×6,0.6/1kV</t>
  </si>
  <si>
    <t>【青岛汉缆】交联电力电缆\NH-YJV\3×120+1×70,0.6/1.0kV</t>
  </si>
  <si>
    <t>【青岛汉缆】交联电力电缆\ZC-YJY63\1×35,0.6/1kV</t>
  </si>
  <si>
    <t>【青岛汉缆】交联电力电缆\NH-YJY23\3×10,0.6/1kV</t>
  </si>
  <si>
    <t>【青岛汉缆】交联电力电缆\NH-YJV\3×150+1×70,0.6/1.0kV</t>
  </si>
  <si>
    <t>【青岛汉缆】交联电力电缆\ZC-YJY63\1×50,0.6/1kV</t>
  </si>
  <si>
    <t>【青岛汉缆】交联电力电缆\NH-YJY23\3×16,0.6/1kV</t>
  </si>
  <si>
    <t>【青岛汉缆】交联电力电缆\NH-YJV\3×185+1×95,0.6/1.0kV</t>
  </si>
  <si>
    <t>【青岛汉缆】交联电力电缆\ZC-YJY63\1×70,0.6/1kV</t>
  </si>
  <si>
    <t>【青岛汉缆】交联电力电缆\NH-YJY23\3×25,0.6/1kV</t>
  </si>
  <si>
    <t>【青岛汉缆】交联电力电缆\NH-YJV\3×240+1×120,0.6/1.0kV</t>
  </si>
  <si>
    <t>【青岛汉缆】交联电力电缆\ZC-YJY63\1×95,0.6/1kV</t>
  </si>
  <si>
    <t>【青岛汉缆】交联电力电缆\NH-YJY23\3×35,0.6/1kV</t>
  </si>
  <si>
    <t>【青岛汉缆】交联电力电缆\NH-YJV\3×300+1×150,0.6/1.0kV</t>
  </si>
  <si>
    <t>【青岛汉缆】交联电力电缆\ZC-YJY63\1×120,0.6/1kV</t>
  </si>
  <si>
    <t>【青岛汉缆】交联电力电缆\NH-YJY\3×50,0.6/1.0kV</t>
  </si>
  <si>
    <t>【青岛汉缆】交联电力电缆\NH-YJY23\3×50,0.6/1kV</t>
  </si>
  <si>
    <t>【青岛汉缆】交联电力电缆\NH-YJV\3×400+1×185,0.6/1.0kV</t>
  </si>
  <si>
    <t>【青岛汉缆】交联电力电缆\ZC-YJY63\1×150,0.6/1kV</t>
  </si>
  <si>
    <t>【青岛汉缆】交联电力电缆\NH-YJY\3×70,0.6/1.0kV</t>
  </si>
  <si>
    <t>【青岛汉缆】交联电力电缆\NH-YJY23\3×70,0.6/1kV</t>
  </si>
  <si>
    <t>【青岛汉缆】交联电力电缆\NH-YJV\3×2.5+2×1.5,0.6/1.0kV</t>
  </si>
  <si>
    <t>【青岛汉缆】交联电力电缆\NH-YJV22\3×25+1×16,0.6/1kV</t>
  </si>
  <si>
    <t>【青岛汉缆】交联电力电缆\ZC-YJY63\1×185,0.6/1kV</t>
  </si>
  <si>
    <t>【青岛汉缆】交联电力电缆\NH-YJY\3×95,0.6/1.0kV</t>
  </si>
  <si>
    <t>【青岛汉缆】交联电力电缆\NH-YJY23\3×95,0.6/1kV</t>
  </si>
  <si>
    <t>【青岛汉缆】交联电力电缆\NH-YJV\3×4+2×2.5,0.6/1.0kV</t>
  </si>
  <si>
    <t>【青岛汉缆】交联电力电缆\NH-YJV22\3×35+1×16,0.6/1kV</t>
  </si>
  <si>
    <t>【青岛汉缆】交联电力电缆\ZC-YJY63\1×240,0.6/1kV</t>
  </si>
  <si>
    <t>【青岛汉缆】交联电力电缆\NH-YJY\3×120,0.6/1.0kV</t>
  </si>
  <si>
    <t>【青岛汉缆】交联电力电缆\NH-YJY23\3×120,0.6/1kV</t>
  </si>
  <si>
    <t>【青岛汉缆】交联电力电缆\NH-YJV\3×6+2×4,0.6/1.0kV</t>
  </si>
  <si>
    <t>【青岛汉缆】交联电力电缆\NH-YJV22\3×50+1×25,0.6/1kV</t>
  </si>
  <si>
    <t>【青岛汉缆】交联电力电缆\ZC-YJY63\1×300,0.6/1kV</t>
  </si>
  <si>
    <t>【青岛汉缆】交联电力电缆\NH-YJY\3×150,0.6/1.0kV</t>
  </si>
  <si>
    <t>【青岛汉缆】交联电力电缆\NH-YJY23\3×150,0.6/1kV</t>
  </si>
  <si>
    <t>【青岛汉缆】交联电力电缆\NH-YJV\3×10+2×6,0.6/1.0kV</t>
  </si>
  <si>
    <t>【青岛汉缆】交联电力电缆\NH-YJV22\3×70+1×35,0.6/1kV</t>
  </si>
  <si>
    <t>【青岛汉缆】交联电力电缆\ZC-YJY63\1×400,0.6/1kV</t>
  </si>
  <si>
    <t>【青岛汉缆】交联电力电缆\NH-YJY\3×185,0.6/1.0kV</t>
  </si>
  <si>
    <t>【青岛汉缆】交联电力电缆\NH-YJY23\3×185,0.6/1kV</t>
  </si>
  <si>
    <t>【青岛汉缆】交联电力电缆\NH-YJV\3×16+2×10,0.6/1.0kV</t>
  </si>
  <si>
    <t>【青岛汉缆】交联电力电缆\NH-YJV22\3×95+1×50,0.6/1kV</t>
  </si>
  <si>
    <t>【青岛汉缆】交联电力电缆\ZC-YJY63\1×500,0.6/1kV</t>
  </si>
  <si>
    <t>【青岛汉缆】交联电力电缆\NH-YJY\3×240,0.6/1.0kV</t>
  </si>
  <si>
    <t>【青岛汉缆】交联电力电缆\NH-YJY23\3×240,0.6/1kV</t>
  </si>
  <si>
    <t>【青岛汉缆】交联电力电缆\NH-YJV\3×25+2×16,0.6/1.0kV</t>
  </si>
  <si>
    <t>【青岛汉缆】交联电力电缆\NH-YJV22\3×120+1×70,0.6/1kV</t>
  </si>
  <si>
    <t>【青岛汉缆】交联电力电缆\NH-YJV\1×1.5,0.6/1.0kV</t>
  </si>
  <si>
    <t>【青岛汉缆】交联电力电缆\NH-YJY\3×300,0.6/1.0kV</t>
  </si>
  <si>
    <t>【青岛汉缆】交联电力电缆\NH-YJY23\3×300,0.6/1kV</t>
  </si>
  <si>
    <t>【青岛汉缆】交联电力电缆\NH-YJV\3×35+2×16,0.6/1.0kV</t>
  </si>
  <si>
    <t>【青岛汉缆】交联电力电缆\NH-YJV22\3×150+1×70,0.6/1kV</t>
  </si>
  <si>
    <t>【青岛汉缆】交联电力电缆\NH-YJV\1×2.5,0.6/1.0kV</t>
  </si>
  <si>
    <t>【青岛汉缆】交联电力电缆\NH-YJY\3×400,0.6/1.0kV</t>
  </si>
  <si>
    <t>【青岛汉缆】交联电力电缆\NH-YJY23\3×400,0.6/1kV</t>
  </si>
  <si>
    <t>【青岛汉缆】交联电力电缆\NH-YJV\3×50+2×25,0.6/1.0kV</t>
  </si>
  <si>
    <t>【青岛汉缆】交联电力电缆\NH-YJV22\3×185+1×95,0.6/1kV</t>
  </si>
  <si>
    <t>【青岛汉缆】交联电力电缆\NH-YJV\1×4,0.6/1.0kV</t>
  </si>
  <si>
    <t>【青岛汉缆】交联电力电缆\NH-YJY\4×1.5,0.6/1.0kV</t>
  </si>
  <si>
    <t>【青岛汉缆】交联电力电缆\NH-YJY23\4×1.5,0.6/1kV</t>
  </si>
  <si>
    <t>【青岛汉缆】交联电力电缆\NH-YJV\3×70+2×35,0.6/1.0kV</t>
  </si>
  <si>
    <t>【青岛汉缆】交联电力电缆\NH-YJV22\3×240+1×120,0.6/1kV</t>
  </si>
  <si>
    <t>【青岛汉缆】交联电力电缆\NH-YJV\1×6,0.6/1.0kV</t>
  </si>
  <si>
    <t>【青岛汉缆】交联电力电缆\NH-YJY\4×2.5,0.6/1.0kV</t>
  </si>
  <si>
    <t>【青岛汉缆】交联电力电缆\NH-YJY23\4×2.5,0.6/1kV</t>
  </si>
  <si>
    <t>【青岛汉缆】交联电力电缆\NH-YJV\3×95+2×50,0.6/1.0kV</t>
  </si>
  <si>
    <t>【青岛汉缆】交联电力电缆\NH-YJV22\3×300+1×150,0.6/1kV</t>
  </si>
  <si>
    <t>【青岛汉缆】交联电力电缆\NH-YJV\1×10,0.6/1.0kV</t>
  </si>
  <si>
    <t>【青岛汉缆】交联电力电缆\NH-YJY\4×4,0.6/1.0kV</t>
  </si>
  <si>
    <t>【青岛汉缆】交联电力电缆\NH-YJY23\4×4,0.6/1kV</t>
  </si>
  <si>
    <t>【青岛汉缆】交联电力电缆\NH-YJV\3×120+2×70,0.6/1.0kV</t>
  </si>
  <si>
    <t>【青岛汉缆】交联电力电缆\NH-YJV22\3×400+1×185,0.6/1kV</t>
  </si>
  <si>
    <t>【青岛汉缆】交联电力电缆\NH-YJV\1×16,0.6/1.0kV</t>
  </si>
  <si>
    <t>【青岛汉缆】交联电力电缆\NH-YJY\4×6,0.6/1.0kV</t>
  </si>
  <si>
    <t>【青岛汉缆】交联电力电缆\NH-YJY23\4×6,0.6/1kV</t>
  </si>
  <si>
    <t>【青岛汉缆】交联电力电缆\NH-YJV\3×150+2×70,0.6/1.0kV</t>
  </si>
  <si>
    <t>【青岛汉缆】交联电力电缆\NH-YJV22\3×2.5+2×1.5,0.6/1kV</t>
  </si>
  <si>
    <t>【青岛汉缆】交联电力电缆\NH-YJV\1×25,0.6/1.0kV</t>
  </si>
  <si>
    <t>【青岛汉缆】交联电力电缆\NH-YJY\4×10,0.6/1.0kV</t>
  </si>
  <si>
    <t>【青岛汉缆】交联电力电缆\NH-YJY23\4×10,0.6/1kV</t>
  </si>
  <si>
    <t>【青岛汉缆】交联电力电缆\NH-YJV\3×185+2×95,0.6/1.0kV</t>
  </si>
  <si>
    <t>【青岛汉缆】交联电力电缆\NH-YJV22\3×4+2×2.5,0.6/1kV</t>
  </si>
  <si>
    <t>【青岛汉缆】交联电力电缆\NH-YJV\1×35,0.6/1.0kV</t>
  </si>
  <si>
    <t>【青岛汉缆】交联电力电缆\NH-YJY\4×16,0.6/1.0kV</t>
  </si>
  <si>
    <t>【青岛汉缆】交联电力电缆\NH-YJY23\4×16,0.6/1kV</t>
  </si>
  <si>
    <t>【青岛汉缆】交联电力电缆\NH-YJV\3×240+2×120,0.6/1.0kV</t>
  </si>
  <si>
    <t>【青岛汉缆】交联电力电缆\NH-YJV22\3×6+2×4,0.6/1kV</t>
  </si>
  <si>
    <t>【青岛汉缆】交联电力电缆\NH-YJV\1×50,0.6/1.0kV</t>
  </si>
  <si>
    <t>【青岛汉缆】交联电力电缆\NH-YJY\4×25,0.6/1.0kV</t>
  </si>
  <si>
    <t>【青岛汉缆】交联电力电缆\NH-YJV\3×300+2×150,0.6/1.0kV</t>
  </si>
  <si>
    <t>【青岛汉缆】交联电力电缆\NH-YJY23\4×25,0.6/1kV</t>
  </si>
  <si>
    <t>【青岛汉缆】交联电力电缆\NH-YJV22\3×10+2×6,0.6/1kV</t>
  </si>
  <si>
    <t>【青岛汉缆】交联电力电缆\NH-YJV\1×70,0.6/1.0kV</t>
  </si>
  <si>
    <t>【青岛汉缆】交联电力电缆\NH-YJY\4×35,0.6/1.0kV</t>
  </si>
  <si>
    <t>【青岛汉缆】交联电力电缆\NH-YJV\3×400+2×185,0.6/1.0kV</t>
  </si>
  <si>
    <t>【青岛汉缆】交联电力电缆\NH-YJY23\4×35,0.6/1kV</t>
  </si>
  <si>
    <t>【青岛汉缆】交联电力电缆\NH-YJV22\3×16+2×10,0.6/1kV</t>
  </si>
  <si>
    <t>【青岛汉缆】交联电力电缆\NH-YJV\1×95,0.6/1.0kV</t>
  </si>
  <si>
    <t>【青岛汉缆】交联电力电缆\NH-YJY\4×50,0.6/1.0kV</t>
  </si>
  <si>
    <t>【青岛汉缆】交联电力电缆\NH-YJV\4×2.5+1×1.5,0.6/1.0kV</t>
  </si>
  <si>
    <t>【青岛汉缆】交联电力电缆\NH-YJY23\4×50,0.6/1kV</t>
  </si>
  <si>
    <t>【青岛汉缆】交联电力电缆\NH-YJV22\3×25+2×16,0.6/1kV</t>
  </si>
  <si>
    <t>【青岛汉缆】交联电力电缆\NH-YJV\1×120,0.6/1.0kV</t>
  </si>
  <si>
    <t>【青岛汉缆】交联电力电缆\NH-YJY\4×70,0.6/1.0kV</t>
  </si>
  <si>
    <t>【青岛汉缆】交联电力电缆\NH-YJV\4×4+1×2.5,0.6/1.0kV</t>
  </si>
  <si>
    <t>【青岛汉缆】交联电力电缆\NH-YJY23\4×70,0.6/1kV</t>
  </si>
  <si>
    <t>【青岛汉缆】交联电力电缆\NH-YJV22\3×35+2×16,0.6/1kV</t>
  </si>
  <si>
    <t>【青岛汉缆】交联电力电缆\NH-YJV\1×150,0.6/1.0kV</t>
  </si>
  <si>
    <t>【青岛汉缆】交联电力电缆\NH-YJY\4×95,0.6/1.0kV</t>
  </si>
  <si>
    <t>【青岛汉缆】交联电力电缆\NH-YJV\4×6+1×4,0.6/1.0kV</t>
  </si>
  <si>
    <t>【青岛汉缆】交联电力电缆\NH-YJY23\4×95,0.6/1kV</t>
  </si>
  <si>
    <t>【青岛汉缆】交联电力电缆\NH-YJV22\3×50+2×25,0.6/1kV</t>
  </si>
  <si>
    <t>【青岛汉缆】交联电力电缆\NH-YJV\1×185,0.6/1.0kV</t>
  </si>
  <si>
    <t>【青岛汉缆】交联电力电缆\NH-YJY\4×120,0.6/1.0kV</t>
  </si>
  <si>
    <t>【青岛汉缆】交联电力电缆\NH-YJV\4×10+1×6,0.6/1.0kV</t>
  </si>
  <si>
    <t>【青岛汉缆】交联电力电缆\NH-YJY23\4×120,0.6/1kV</t>
  </si>
  <si>
    <t>【青岛汉缆】交联电力电缆\NH-YJV22\3×70+2×35,0.6/1kV</t>
  </si>
  <si>
    <t>【青岛汉缆】交联电力电缆\NH-YJV\1×240,0.6/1.0kV</t>
  </si>
  <si>
    <t>【青岛汉缆】交联电力电缆\NH-YJY\4×150,0.6/1.0kV</t>
  </si>
  <si>
    <t>【青岛汉缆】交联电力电缆\NH-YJV\4×16+1×10,0.6/1.0kV</t>
  </si>
  <si>
    <t>【青岛汉缆】交联电力电缆\NH-YJY23\4×150,0.6/1kV</t>
  </si>
  <si>
    <t>【青岛汉缆】交联电力电缆\NH-YJV22\3×95+2×50,0.6/1kV</t>
  </si>
  <si>
    <t>【青岛汉缆】交联电力电缆\NH-YJV\1×300,0.6/1.0kV</t>
  </si>
  <si>
    <t>【青岛汉缆】交联电力电缆\NH-YJY\4×185,0.6/1.0kV</t>
  </si>
  <si>
    <t>【青岛汉缆】交联电力电缆\NH-YJV\4×25+1×16,0.6/1.0kV</t>
  </si>
  <si>
    <t>【青岛汉缆】交联电力电缆\NH-YJY23\4×185,0.6/1kV</t>
  </si>
  <si>
    <t>【青岛汉缆】交联电力电缆\NH-YJV22\3×120+2×70,0.6/1kV</t>
  </si>
  <si>
    <t>【青岛汉缆】交联电力电缆\NH-YJV\1×400,0.6/1.0kV</t>
  </si>
  <si>
    <t>【青岛汉缆】交联电力电缆\NH-YJY\5×1.5,0.6/1.0kV</t>
  </si>
  <si>
    <t>【青岛汉缆】交联电力电缆\NH-YJV\4×35+1×16,0.6/1.0kV</t>
  </si>
  <si>
    <t>【青岛汉缆】交联电力电缆\NH-YJY23\5×1.5,0.6/1kV</t>
  </si>
  <si>
    <t>【青岛汉缆】交联电力电缆\NH-YJV22\3×150+2×70,0.6/1kV</t>
  </si>
  <si>
    <t>【青岛汉缆】交联电力电缆\NH-YJV\1×500,0.6/1.0kV</t>
  </si>
  <si>
    <t>【青岛汉缆】交联电力电缆\NH-YJY\5×2.5,0.6/1.0kV</t>
  </si>
  <si>
    <t>【青岛汉缆】交联电力电缆\NH-YJV\4×50+1×25,0.6/1.0kV</t>
  </si>
  <si>
    <t>【青岛汉缆】交联电力电缆\NH-YJY23\5×2.5,0.6/1kV</t>
  </si>
  <si>
    <t>【青岛汉缆】交联电力电缆\NH-YJV22\3×185+2×95,0.6/1kV</t>
  </si>
  <si>
    <t>【青岛汉缆】交联电力电缆\NH-YJV\2×1.5,0.6/1.0kV</t>
  </si>
  <si>
    <t>【青岛汉缆】交联电力电缆\NH-YJY\5×4,0.6/1.0kV</t>
  </si>
  <si>
    <t>【青岛汉缆】交联电力电缆\NH-YJV\4×70+1×35,0.6/1.0kV</t>
  </si>
  <si>
    <t>【青岛汉缆】交联电力电缆\NH-YJY23\5×4,0.6/1kV</t>
  </si>
  <si>
    <t>【青岛汉缆】交联电力电缆\NH-YJV22\3×240+2×120,0.6/1kV</t>
  </si>
  <si>
    <t>【青岛汉缆】交联电力电缆\NH-YJV\2×2.5,0.6/1.0kV</t>
  </si>
  <si>
    <t>【青岛汉缆】交联电力电缆\NH-YJY\5×6,0.6/1.0kV</t>
  </si>
  <si>
    <t>【青岛汉缆】交联电力电缆\NH-YJV\4×95+1×50,0.6/1.0kV</t>
  </si>
  <si>
    <t>【青岛汉缆】交联电力电缆\NH-YJY23\5×6,0.6/1kV</t>
  </si>
  <si>
    <t>【青岛汉缆】交联电力电缆\NH-YJV22\3×300+2×150,0.6/1kV</t>
  </si>
  <si>
    <t>【青岛汉缆】交联电力电缆\NH-YJV\2×4,0.6/1.0kV</t>
  </si>
  <si>
    <t>【青岛汉缆】交联电力电缆\NH-YJY\5×10,0.6/1.0kV</t>
  </si>
  <si>
    <t>【青岛汉缆】交联电力电缆\NH-YJV\4×120+1×70,0.6/1.0kV</t>
  </si>
  <si>
    <t>【青岛汉缆】交联电力电缆\NH-YJY23\5×10,0.6/1kV</t>
  </si>
  <si>
    <t>【青岛汉缆】交联电力电缆\NH-YJV22\3×400+2×185,0.6/1kV</t>
  </si>
  <si>
    <t>【青岛汉缆】交联电力电缆\NH-YJV\2×6,0.6/1.0kV</t>
  </si>
  <si>
    <t>【青岛汉缆】交联电力电缆\NH-YJY\5×16,0.6/1.0kV</t>
  </si>
  <si>
    <t>【青岛汉缆】交联电力电缆\NH-YJV\4×150+1×70,0.6/1.0kV</t>
  </si>
  <si>
    <t>【青岛汉缆】交联电力电缆\NH-YJY23\5×16,0.6/1kV</t>
  </si>
  <si>
    <t>【青岛汉缆】交联电力电缆\NH-YJV22\4×2.5+1×1.5,0.6/1kV</t>
  </si>
  <si>
    <t>【青岛汉缆】交联电力电缆\NH-YJV\2×10,0.6/1.0kV</t>
  </si>
  <si>
    <t>【青岛汉缆】交联电力电缆\NH-YJY\5×25,0.6/1.0kV</t>
  </si>
  <si>
    <t>【青岛汉缆】交联电力电缆\NH-YJV\4×185+1×95,0.6/1.0kV</t>
  </si>
  <si>
    <t>【青岛汉缆】交联电力电缆\NH-YJY23\5×25,0.6/1kV</t>
  </si>
  <si>
    <t>【青岛汉缆】交联电力电缆\NH-YJV22\4×4+1×2.5,0.6/1kV</t>
  </si>
  <si>
    <t>【青岛汉缆】交联电力电缆\NH-YJV\2×16,0.6/1.0kV</t>
  </si>
  <si>
    <t>【青岛汉缆】交联电力电缆\NH-YJY\5×35,0.6/1.0kV</t>
  </si>
  <si>
    <t>【青岛汉缆】交联电力电缆\NH-YJV22\2×1.5,0.6/1kV</t>
  </si>
  <si>
    <t>【青岛汉缆】交联电力电缆\NH-YJY23\5×35,0.6/1kV</t>
  </si>
  <si>
    <t>【青岛汉缆】交联电力电缆\NH-YJV22\4×6+1×4,0.6/1kV</t>
  </si>
  <si>
    <t>【青岛汉缆】交联电力电缆\NH-YJV\2×25,0.6/1.0kV</t>
  </si>
  <si>
    <t>【青岛汉缆】交联电力电缆\NH-YJY\5×50,0.6/1.0kV</t>
  </si>
  <si>
    <t>【青岛汉缆】交联电力电缆\NH-YJV22\2×2.5,0.6/1kV</t>
  </si>
  <si>
    <t>【青岛汉缆】交联电力电缆\NH-YJY23\5×50,0.6/1kV</t>
  </si>
  <si>
    <t>【青岛汉缆】交联电力电缆\NH-YJV22\4×10+1×6,0.6/1kV</t>
  </si>
  <si>
    <t>【青岛汉缆】交联电力电缆\NH-YJV\2×35,0.6/1.0kV</t>
  </si>
  <si>
    <t>【青岛汉缆】交联电力电缆\NH-YJY\5×70,0.6/1.0kV</t>
  </si>
  <si>
    <t>【青岛汉缆】交联电力电缆\NH-YJV22\2×4,0.6/1kV</t>
  </si>
  <si>
    <t>【青岛汉缆】交联电力电缆\NH-YJY23\5×70,0.6/1kV</t>
  </si>
  <si>
    <t>【青岛汉缆】交联电力电缆\NH-YJV22\4×16+1×10,0.6/1kV</t>
  </si>
  <si>
    <t>【青岛汉缆】交联电力电缆\NH-YJV\2×50,0.6/1.0kV</t>
  </si>
  <si>
    <t>【青岛汉缆】交联电力电缆\NH-YJY\5×95,0.6/1.0kV</t>
  </si>
  <si>
    <t>【青岛汉缆】交联电力电缆\NH-YJV22\2×6,0.6/1kV</t>
  </si>
  <si>
    <t>【青岛汉缆】交联电力电缆\NH-YJY23\5×95,0.6/1kV</t>
  </si>
  <si>
    <t>【青岛汉缆】交联电力电缆\NH-YJV22\4×25+1×16,0.6/1kV</t>
  </si>
  <si>
    <t>【青岛汉缆】交联电力电缆\NH-YJV\2×70,0.6/1.0kV</t>
  </si>
  <si>
    <t>【青岛汉缆】交联电力电缆\NH-YJY\5×120,0.6/1.0kV</t>
  </si>
  <si>
    <t>【青岛汉缆】交联电力电缆\NH-YJV22\2×10,0.6/1kV</t>
  </si>
  <si>
    <t>【青岛汉缆】交联电力电缆\NH-YJY23\5×120,0.6/1kV</t>
  </si>
  <si>
    <t>【青岛汉缆】交联电力电缆\NH-YJV22\4×35+1×16,0.6/1kV</t>
  </si>
  <si>
    <t>【青岛汉缆】交联电力电缆\NH-YJV\2×95,0.6/1.0kV</t>
  </si>
  <si>
    <t>【青岛汉缆】交联电力电缆\NH-YJY\5×150,0.6/1.0kV</t>
  </si>
  <si>
    <t>【青岛汉缆】交联电力电缆\NH-YJV22\2×16,0.6/1kV</t>
  </si>
  <si>
    <t>【青岛汉缆】交联电力电缆\NH-YJY23\5×150,0.6/1kV</t>
  </si>
  <si>
    <t>【青岛汉缆】交联电力电缆\NH-YJV22\4×50+1×25,0.6/1kV</t>
  </si>
  <si>
    <t>【青岛汉缆】交联电力电缆\NH-YJV\2×120,0.6/1.0kV</t>
  </si>
  <si>
    <t>【青岛汉缆】交联电力电缆\NH-YJY\3×2.5+1×1.5,0.6/1.0kV</t>
  </si>
  <si>
    <t>【青岛汉缆】交联电力电缆\NH-YJV22\2×25,0.6/1kV</t>
  </si>
  <si>
    <t>【青岛汉缆】交联电力电缆\NH-YJY23\3×2.5+1×1.5,0.6/1kV</t>
  </si>
  <si>
    <t>【青岛汉缆】交联电力电缆\NH-YJV22\4×70+1×35,0.6/1kV</t>
  </si>
  <si>
    <t>【青岛汉缆】交联电力电缆\NH-YJV\2×150,0.6/1.0kV</t>
  </si>
  <si>
    <t>【青岛汉缆】交联电力电缆\NH-YJV22\2×35,0.6/1kV</t>
  </si>
  <si>
    <t>【青岛汉缆】交联电力电缆\NH-YJY\3×4+1×2.5,0.6/1.0kV</t>
  </si>
  <si>
    <t>【青岛汉缆】交联电力电缆\NH-YJY23\3×4+1×2.5,0.6/1kV</t>
  </si>
  <si>
    <t>【青岛汉缆】交联电力电缆\NH-YJV22\4×95+1×50,0.6/1kV</t>
  </si>
  <si>
    <t>【青岛汉缆】交联电力电缆\NH-YJV\2×185,0.6/1.0kV</t>
  </si>
  <si>
    <t>【青岛汉缆】交联电力电缆\NH-YJV22\2×50,0.6/1kV</t>
  </si>
  <si>
    <t>【青岛汉缆】交联电力电缆\NH-YJY\3×6+1×4,0.6/1.0kV</t>
  </si>
  <si>
    <t>【青岛汉缆】交联电力电缆\NH-YJY23\3×6+1×4,0.6/1kV</t>
  </si>
  <si>
    <t>【青岛汉缆】交联电力电缆\NH-YJV22\4×120+1×70,0.6/1kV</t>
  </si>
  <si>
    <t>【青岛汉缆】交联电力电缆\NH-YJV\2×240,0.6/1.0kV</t>
  </si>
  <si>
    <t>【青岛汉缆】交联电力电缆\NH-YJV22\2×70,0.6/1kV</t>
  </si>
  <si>
    <t>【青岛汉缆】交联电力电缆\NH-YJY\3×10+1×6,0.6/1.0kV</t>
  </si>
  <si>
    <t>【青岛汉缆】交联电力电缆\NH-YJY23\3×10+1×6,0.6/1kV</t>
  </si>
  <si>
    <t>【青岛汉缆】交联电力电缆\NH-YJV22\4×150+1×70,0.6/1kV</t>
  </si>
  <si>
    <t>【青岛汉缆】交联电力电缆\NH-YJV\2×300,0.6/1.0kV</t>
  </si>
  <si>
    <t>【青岛汉缆】交联电力电缆\NH-YJV22\2×95,0.6/1kV</t>
  </si>
  <si>
    <t>【青岛汉缆】交联电力电缆\NH-YJY\3×16+1×10,0.6/1.0kV</t>
  </si>
  <si>
    <t>【青岛汉缆】交联电力电缆\NH-YJY23\3×16+1×10,0.6/1kV</t>
  </si>
  <si>
    <t>【青岛汉缆】交联电力电缆\NH-YJV22\4×185+1×95,0.6/1kV</t>
  </si>
  <si>
    <t>【青岛汉缆】交联电力电缆\NH-YJV22\2×120,0.6/1kV</t>
  </si>
  <si>
    <t>【青岛汉缆】交联电力电缆\NH-YJV\3×1.5,0.6/1.0kV</t>
  </si>
  <si>
    <t>【青岛汉缆】交联电力电缆\NH-YJY\3×25+1×16,0.6/1.0kV</t>
  </si>
  <si>
    <t>【青岛汉缆】交联电力电缆\NH-YJY23\3×25+1×16,0.6/1kV</t>
  </si>
  <si>
    <t>【青岛汉缆】交联电力电缆\NH-YJV22\2×150,0.6/1kV</t>
  </si>
  <si>
    <t>【青岛汉缆】交联电力电缆\NH-YJV62\1×1.5,0.6/1kV</t>
  </si>
  <si>
    <t>【青岛汉缆】交联电力电缆\NH-YJV\3×2.5,0.6/1.0kV</t>
  </si>
  <si>
    <t>【青岛汉缆】交联电力电缆\NH-YJY\3×35+1×16,0.6/1.0kV</t>
  </si>
  <si>
    <t>【青岛汉缆】交联电力电缆\NH-YJY23\3×35+1×16,0.6/1kV</t>
  </si>
  <si>
    <t>【青岛汉缆】交联电力电缆\NH-YJV22\2×185,0.6/1kV</t>
  </si>
  <si>
    <t>【青岛汉缆】交联电力电缆\NH-YJV62\1×2.5,0.6/1kV</t>
  </si>
  <si>
    <t>【青岛汉缆】交联电力电缆\NH-YJV\3×4,0.6/1.0kV</t>
  </si>
  <si>
    <t>【青岛汉缆】交联电力电缆\NH-YJY\3×50+1×25,0.6/1.0kV</t>
  </si>
  <si>
    <t>【青岛汉缆】交联电力电缆\NH-YJY23\3×50+1×25,0.6/1kV</t>
  </si>
  <si>
    <t>【青岛汉缆】交联电力电缆\NH-YJV22\2×240,0.6/1kV</t>
  </si>
  <si>
    <t>【青岛汉缆】交联电力电缆\NH-YJV62\1×4,0.6/1kV</t>
  </si>
  <si>
    <t>【青岛汉缆】交联电力电缆\NH-YJV\3×6,0.6/1.0kV</t>
  </si>
  <si>
    <t>【青岛汉缆】交联电力电缆\NH-YJY\3×70+1×35,0.6/1.0kV</t>
  </si>
  <si>
    <t>【青岛汉缆】交联电力电缆\NH-YJY23\3×70+1×35,0.6/1kV</t>
  </si>
  <si>
    <t>【青岛汉缆】交联电力电缆\NH-YJV22\2×300,0.6/1kV</t>
  </si>
  <si>
    <t>【青岛汉缆】交联电力电缆\NH-YJV62\1×6,0.6/1kV</t>
  </si>
  <si>
    <t>【青岛汉缆】交联电力电缆\NH-YJV\3×10,0.6/1.0kV</t>
  </si>
  <si>
    <t>【青岛汉缆】交联电力电缆\NH-YJY23\3×95+1×50,0.6/1kV</t>
  </si>
  <si>
    <t>【青岛汉缆】交联电力电缆\NH-YJY\3×95+1×50,0.6/1.0kV</t>
  </si>
  <si>
    <t>【青岛汉缆】交联电力电缆\NH-YJV22\3×1.5,0.6/1kV</t>
  </si>
  <si>
    <t>【青岛汉缆】交联电力电缆\NH-YJV62\1×10,0.6/1kV</t>
  </si>
  <si>
    <t>【青岛汉缆】交联电力电缆\NH-YJV\3×16,0.6/1.0kV</t>
  </si>
  <si>
    <t>【青岛汉缆】交联电力电缆\NH-YJY23\3×120+1×70,0.6/1kV</t>
  </si>
  <si>
    <t>【青岛汉缆】交联电力电缆\NH-YJY\3×120+1×70,0.6/1.0kV</t>
  </si>
  <si>
    <t>【青岛汉缆】交联电力电缆\NH-YJV22\3×2.5,0.6/1kV</t>
  </si>
  <si>
    <t>【青岛汉缆】交联电力电缆\NH-YJV62\1×16,0.6/1kV</t>
  </si>
  <si>
    <t>【青岛汉缆】交联电力电缆\NH-YJV\3×25,0.6/1.0kV</t>
  </si>
  <si>
    <t>【青岛汉缆】交联电力电缆\NH-YJY23\3×150+1×70,0.6/1kV</t>
  </si>
  <si>
    <t>【青岛汉缆】交联电力电缆\NH-YJV22\3×4,0.6/1kV</t>
  </si>
  <si>
    <t>【青岛汉缆】交联电力电缆\NH-YJY\3×150+1×70,0.6/1.0kV</t>
  </si>
  <si>
    <t>【青岛汉缆】交联电力电缆\NH-YJV62\1×25,0.6/1kV</t>
  </si>
  <si>
    <t>【青岛汉缆】交联电力电缆\NH-YJV\3×35,0.6/1.0kV</t>
  </si>
  <si>
    <t>【青岛汉缆】交联电力电缆\NH-YJY23\3×185+1×95,0.6/1kV</t>
  </si>
  <si>
    <t>【青岛汉缆】交联电力电缆\NH-YJV22\3×6,0.6/1kV</t>
  </si>
  <si>
    <t>【青岛汉缆】交联电力电缆\NH-YJY\3×185+1×95,0.6/1.0kV</t>
  </si>
  <si>
    <t>【青岛汉缆】交联电力电缆\NH-YJV62\1×35,0.6/1kV</t>
  </si>
  <si>
    <t>【青岛汉缆】交联电力电缆\NH-YJV\3×50,0.6/1.0kV</t>
  </si>
  <si>
    <t>【青岛汉缆】交联电力电缆\NH-YJV22\3×10,0.6/1kV</t>
  </si>
  <si>
    <t>【青岛汉缆】交联电力电缆\NH-YJY23\3×240+1×120,0.6/1kV</t>
  </si>
  <si>
    <t>【青岛汉缆】交联电力电缆\NH-YJY\3×240+1×120,0.6/1.0kV</t>
  </si>
  <si>
    <t>【青岛汉缆】交联电力电缆\NH-YJV62\1×50,0.6/1kV</t>
  </si>
  <si>
    <t>【青岛汉缆】交联电力电缆\NH-YJV\3×70,0.6/1.0kV</t>
  </si>
  <si>
    <t>【青岛汉缆】交联电力电缆\NH-YJV22\3×16,0.6/1kV</t>
  </si>
  <si>
    <t>【青岛汉缆】交联电力电缆\NH-YJY23\3×300+1×150,0.6/1kV</t>
  </si>
  <si>
    <t>【青岛汉缆】交联电力电缆\NH-YJY\3×300+1×150,0.6/1.0kV</t>
  </si>
  <si>
    <t>【青岛汉缆】交联电力电缆\NH-YJV62\1×70,0.6/1kV</t>
  </si>
  <si>
    <t>【青岛汉缆】交联电力电缆\NH-YJV\3×95,0.6/1.0kV</t>
  </si>
  <si>
    <t>【青岛汉缆】交联电力电缆\NH-YJV22\3×25,0.6/1kV</t>
  </si>
  <si>
    <t>【青岛汉缆】交联电力电缆\NH-YJY23\3×400+1×185,0.6/1kV</t>
  </si>
  <si>
    <t>【青岛汉缆】交联电力电缆\NH-YJY\3×400+1×185,0.6/1.0kV</t>
  </si>
  <si>
    <t>【青岛汉缆】交联电力电缆\NH-YJV62\1×95,0.6/1kV</t>
  </si>
  <si>
    <t>【青岛汉缆】交联电力电缆\NH-YJV\3×120,0.6/1.0kV</t>
  </si>
  <si>
    <t>【青岛汉缆】交联电力电缆\NH-YJV22\3×35,0.6/1kV</t>
  </si>
  <si>
    <t>【青岛汉缆】交联电力电缆\NH-YJY23\3×2.5+2×1.5,0.6/1kV</t>
  </si>
  <si>
    <t>【青岛汉缆】交联电力电缆\NH-YJY\3×2.5+2×1.5,0.6/1.0kV</t>
  </si>
  <si>
    <t>【青岛汉缆】交联电力电缆\NH-YJV62\1×120,0.6/1kV</t>
  </si>
  <si>
    <t>【青岛汉缆】交联电力电缆\NH-YJV\3×150,0.6/1.0kV</t>
  </si>
  <si>
    <t>【青岛汉缆】交联电力电缆\NH-YJV22\3×50,0.6/1kV</t>
  </si>
  <si>
    <t>【青岛汉缆】交联电力电缆\NH-YJY23\3×4+2×2.5,0.6/1kV</t>
  </si>
  <si>
    <t>【青岛汉缆】交联电力电缆\NH-YJY\3×4+2×2.5,0.6/1.0kV</t>
  </si>
  <si>
    <t>【青岛汉缆】交联电力电缆\NH-YJV62\1×150,0.6/1kV</t>
  </si>
  <si>
    <t>【青岛汉缆】交联电力电缆\NH-YJV\3×185,0.6/1.0kV</t>
  </si>
  <si>
    <t>【青岛汉缆】交联电力电缆\NH-YJV22\3×70,0.6/1kV</t>
  </si>
  <si>
    <t>【青岛汉缆】交联电力电缆\NH-YJY23\3×6+2×4,0.6/1kV</t>
  </si>
  <si>
    <t>【青岛汉缆】交联电力电缆\NH-YJY\3×6+2×4,0.6/1.0kV</t>
  </si>
  <si>
    <t>【青岛汉缆】交联电力电缆\NH-YJV62\1×185,0.6/1kV</t>
  </si>
  <si>
    <t>【青岛汉缆】交联电力电缆\NH-YJV22\3×95,0.6/1kV</t>
  </si>
  <si>
    <t>【青岛汉缆】交联电力电缆\NH-YJV\3×240,0.6/1.0kV</t>
  </si>
  <si>
    <t>【青岛汉缆】交联电力电缆\NH-YJY23\3×10+2×6,0.6/1kV</t>
  </si>
  <si>
    <t>【青岛汉缆】交联电力电缆\NH-YJY\3×10+2×6,0.6/1.0kV</t>
  </si>
  <si>
    <t>【青岛汉缆】交联电力电缆\NH-YJV62\1×240,0.6/1kV</t>
  </si>
  <si>
    <t>【青岛汉缆】交联电力电缆\NH-YJV22\3×120,0.6/1kV</t>
  </si>
  <si>
    <t>【青岛汉缆】交联电力电缆\NH-YJV\3×300,0.6/1.0kV</t>
  </si>
  <si>
    <t>【青岛汉缆】交联电力电缆\NH-YJY23\3×16+2×10,0.6/1kV</t>
  </si>
  <si>
    <t>【青岛汉缆】交联电力电缆\NH-YJY\3×16+2×10,0.6/1.0kV</t>
  </si>
  <si>
    <t>【青岛汉缆】交联电力电缆\NH-YJV22\3×150,0.6/1kV</t>
  </si>
  <si>
    <t>【青岛汉缆】交联电力电缆\NH-YJV62\1×300,0.6/1kV</t>
  </si>
  <si>
    <t>【青岛汉缆】交联电力电缆\NH-YJV\3×400,0.6/1.0kV</t>
  </si>
  <si>
    <t>【青岛汉缆】交联电力电缆\NH-YJY23\3×25+2×16,0.6/1kV</t>
  </si>
  <si>
    <t>【青岛汉缆】交联电力电缆\NH-YJY\3×25+2×16,0.6/1.0kV</t>
  </si>
  <si>
    <t>【青岛汉缆】交联电力电缆\NH-YJV22\3×185,0.6/1kV</t>
  </si>
  <si>
    <t>【青岛汉缆】交联电力电缆\NH-YJV62\1×400,0.6/1kV</t>
  </si>
  <si>
    <t>【青岛汉缆】交联电力电缆\NH-YJV\4×1.5,0.6/1.0kV</t>
  </si>
  <si>
    <t>【青岛汉缆】交联电力电缆\NH-YJY23\3×35+2×16,0.6/1kV</t>
  </si>
  <si>
    <t>【青岛汉缆】交联电力电缆\NH-YJY\3×35+2×16,0.6/1.0kV</t>
  </si>
  <si>
    <t>【青岛汉缆】交联电力电缆\NH-YJV22\3×240,0.6/1kV</t>
  </si>
  <si>
    <t>【青岛汉缆】交联电力电缆\NH-YJV62\1×500,0.6/1kV</t>
  </si>
  <si>
    <t>【青岛汉缆】交联电力电缆\NH-YJV\4×2.5,0.6/1.0kV</t>
  </si>
  <si>
    <t>【青岛汉缆】交联电力电缆\NH-YJY23\3×50+2×25,0.6/1kV</t>
  </si>
  <si>
    <t>【青岛汉缆】交联电力电缆\NH-YJY\3×50+2×25,0.6/1.0kV</t>
  </si>
  <si>
    <t>【青岛汉缆】交联电力电缆\NH-YJV22\3×300,0.6/1kV</t>
  </si>
  <si>
    <t>【青岛汉缆】交联电力电缆\NH-YJY\1×1.5,0.6/1.0kV</t>
  </si>
  <si>
    <t>【青岛汉缆】交联电力电缆\NH-YJV\4×4,0.6/1.0kV</t>
  </si>
  <si>
    <t>【青岛汉缆】交联电力电缆\NH-YJY23\3×70+2×35,0.6/1kV</t>
  </si>
  <si>
    <t>【青岛汉缆】交联电力电缆\NH-YJY\3×70+2×35,0.6/1.0kV</t>
  </si>
  <si>
    <t>【青岛汉缆】交联电力电缆\NH-YJV22\3×400,0.6/1kV</t>
  </si>
  <si>
    <t>【青岛汉缆】交联电力电缆\NH-YJY\1×2.5,0.6/1.0kV</t>
  </si>
  <si>
    <t>【青岛汉缆】交联电力电缆\NH-YJV\4×6,0.6/1.0kV</t>
  </si>
  <si>
    <t>【青岛汉缆】交联电力电缆\NH-YJY23\3×95+2×50,0.6/1kV</t>
  </si>
  <si>
    <t>【青岛汉缆】交联电力电缆\NH-YJY\3×95+2×50,0.6/1.0kV</t>
  </si>
  <si>
    <t>【青岛汉缆】交联电力电缆\NH-YJV22\4×1.5,0.6/1kV</t>
  </si>
  <si>
    <t>【青岛汉缆】交联电力电缆\NH-YJY\1×4,0.6/1.0kV</t>
  </si>
  <si>
    <t>【青岛汉缆】交联电力电缆\NH-YJV\4×10,0.6/1.0kV</t>
  </si>
  <si>
    <t>【青岛汉缆】交联电力电缆\NH-YJY23\3×120+2×70,0.6/1kV</t>
  </si>
  <si>
    <t>【青岛汉缆】交联电力电缆\NH-YJY\3×120+2×70,0.6/1.0kV</t>
  </si>
  <si>
    <t>【青岛汉缆】交联电力电缆\NH-YJV22\4×2.5,0.6/1kV</t>
  </si>
  <si>
    <t>【青岛汉缆】交联电力电缆\NH-YJY\1×6,0.6/1.0kV</t>
  </si>
  <si>
    <t>【青岛汉缆】交联电力电缆\NH-YJV\4×16,0.6/1.0kV</t>
  </si>
  <si>
    <t>【青岛汉缆】交联电力电缆\NH-YJY23\3×150+2×70,0.6/1kV</t>
  </si>
  <si>
    <t>【青岛汉缆】交联电力电缆\NH-YJV22\4×4,0.6/1kV</t>
  </si>
  <si>
    <t>【青岛汉缆】交联电力电缆\NH-YJY\3×150+2×70,0.6/1.0kV</t>
  </si>
  <si>
    <t>【青岛汉缆】交联电力电缆\NH-YJY\1×10,0.6/1.0kV</t>
  </si>
  <si>
    <t>【青岛汉缆】交联电力电缆\NH-YJV\4×25,0.6/1.0kV</t>
  </si>
  <si>
    <t>【青岛汉缆】交联电力电缆\NH-YJY23\3×185+2×95,0.6/1kV</t>
  </si>
  <si>
    <t>【青岛汉缆】交联电力电缆\NH-YJV22\4×6,0.6/1kV</t>
  </si>
  <si>
    <t>【青岛汉缆】交联电力电缆\NH-YJY\3×185+2×95,0.6/1.0kV</t>
  </si>
  <si>
    <t>【青岛汉缆】交联电力电缆\NH-YJY\1×16,0.6/1.0kV</t>
  </si>
  <si>
    <t>【青岛汉缆】交联电力电缆\NH-YJV\4×35,0.6/1.0kV</t>
  </si>
  <si>
    <t>【青岛汉缆】交联电力电缆\NH-YJV22\4×10,0.6/1kV</t>
  </si>
  <si>
    <t>【青岛汉缆】交联电力电缆\NH-YJY23\3×240+2×120,0.6/1kV</t>
  </si>
  <si>
    <t>【青岛汉缆】交联电力电缆\NH-YJY\3×240+2×120,0.6/1.0kV</t>
  </si>
  <si>
    <t>【青岛汉缆】交联电力电缆\NH-YJY\1×25,0.6/1.0kV</t>
  </si>
  <si>
    <t>【青岛汉缆】交联电力电缆\NH-YJV22\4×16,0.6/1kV</t>
  </si>
  <si>
    <t>【青岛汉缆】交联电力电缆\NH-YJV\4×50,0.6/1.0kV</t>
  </si>
  <si>
    <t>【青岛汉缆】交联电力电缆\NH-YJY23\3×300+2×150,0.6/1kV</t>
  </si>
  <si>
    <t>【青岛汉缆】交联电力电缆\NH-YJY\3×300+2×150,0.6/1.0kV</t>
  </si>
  <si>
    <t>【青岛汉缆】交联电力电缆\NH-YJV22\4×25,0.6/1kV</t>
  </si>
  <si>
    <t>【青岛汉缆】交联电力电缆\NH-YJY\1×35,0.6/1.0kV</t>
  </si>
  <si>
    <t>【青岛汉缆】交联电力电缆\NH-YJV\4×70,0.6/1.0kV</t>
  </si>
  <si>
    <t>【青岛汉缆】交联电力电缆\NH-YJY23\3×400+2×185,0.6/1kV</t>
  </si>
  <si>
    <t>【青岛汉缆】交联电力电缆\NH-YJY\3×400+2×185,0.6/1.0kV</t>
  </si>
  <si>
    <t>【青岛汉缆】交联电力电缆\NH-YJV22\4×35,0.6/1kV</t>
  </si>
  <si>
    <t>【青岛汉缆】交联电力电缆\NH-YJY\1×50,0.6/1.0kV</t>
  </si>
  <si>
    <t>【青岛汉缆】交联电力电缆\NH-YJV\4×95,0.6/1.0kV</t>
  </si>
  <si>
    <t>【青岛汉缆】交联电力电缆\NH-YJY23\4×2.5+1×1.5,0.6/1kV</t>
  </si>
  <si>
    <t>【青岛汉缆】交联电力电缆\NH-YJV22\4×50,0.6/1kV</t>
  </si>
  <si>
    <t>【青岛汉缆】交联电力电缆\NH-YJY\4×2.5+1×1.5,0.6/1.0kV</t>
  </si>
  <si>
    <t>【青岛汉缆】交联电力电缆\NH-YJY\1×70,0.6/1.0kV</t>
  </si>
  <si>
    <t>【青岛汉缆】交联电力电缆\NH-YJV\4×120,0.6/1.0kV</t>
  </si>
  <si>
    <t>【青岛汉缆】交联电力电缆\NH-YJY23\4×4+1×2.5,0.6/1kV</t>
  </si>
  <si>
    <t>【青岛汉缆】交联电力电缆\NH-YJV22\4×70,0.6/1kV</t>
  </si>
  <si>
    <t>【青岛汉缆】交联电力电缆\NH-YJY\4×4+1×2.5,0.6/1.0kV</t>
  </si>
  <si>
    <t>【青岛汉缆】交联电力电缆\NH-YJY\1×95,0.6/1.0kV</t>
  </si>
  <si>
    <t>【青岛汉缆】交联电力电缆\NH-YJV\4×150,0.6/1.0kV</t>
  </si>
  <si>
    <t>【青岛汉缆】交联电力电缆\NH-YJY23\4×6+1×4,0.6/1kV</t>
  </si>
  <si>
    <t>【青岛汉缆】交联电力电缆\NH-YJV22\4×95,0.6/1kV</t>
  </si>
  <si>
    <t>【青岛汉缆】交联电力电缆\NH-YJY\4×6+1×4,0.6/1.0kV</t>
  </si>
  <si>
    <t>【青岛汉缆】交联电力电缆\NH-YJY\1×120,0.6/1.0kV</t>
  </si>
  <si>
    <t>【青岛汉缆】交联电力电缆\NH-YJV\4×185,0.6/1.0kV</t>
  </si>
  <si>
    <t>【青岛汉缆】交联电力电缆\NH-YJV22\4×120,0.6/1kV</t>
  </si>
  <si>
    <t>【青岛汉缆】交联电力电缆\NH-YJY23\4×10+1×6,0.6/1kV</t>
  </si>
  <si>
    <t>【青岛汉缆】交联电力电缆\NH-YJY\4×10+1×6,0.6/1.0kV</t>
  </si>
  <si>
    <t>【青岛汉缆】交联电力电缆\NH-YJY\1×150,0.6/1.0kV</t>
  </si>
  <si>
    <t>【青岛汉缆】交联电力电缆\NH-YJV\5×1.5,0.6/1.0kV</t>
  </si>
  <si>
    <t>【青岛汉缆】交联电力电缆\NH-YJV22\4×150,0.6/1kV</t>
  </si>
  <si>
    <t>【青岛汉缆】交联电力电缆\NH-YJY23\4×16+1×10,0.6/1kV</t>
  </si>
  <si>
    <t>【青岛汉缆】交联电力电缆\NH-YJY\4×16+1×10,0.6/1.0kV</t>
  </si>
  <si>
    <t>【青岛汉缆】交联电力电缆\NH-YJY\1×185,0.6/1.0kV</t>
  </si>
  <si>
    <t>【青岛汉缆】交联电力电缆\NH-YJV22\4×185,0.6/1kV</t>
  </si>
  <si>
    <t>【青岛汉缆】交联电力电缆\NH-YJV\5×2.5,0.6/1.0kV</t>
  </si>
  <si>
    <t>【青岛汉缆】交联电力电缆\NH-YJY23\4×25+1×16,0.6/1kV</t>
  </si>
  <si>
    <t>【青岛汉缆】交联电力电缆\NH-YJY\4×25+1×16,0.6/1.0kV</t>
  </si>
  <si>
    <t>【青岛汉缆】交联电力电缆\NH-YJV22\5×1.5,0.6/1kV</t>
  </si>
  <si>
    <t>【青岛汉缆】交联电力电缆\NH-YJY\1×240,0.6/1.0kV</t>
  </si>
  <si>
    <t>【青岛汉缆】交联电力电缆\NH-YJV\5×4,0.6/1.0kV</t>
  </si>
  <si>
    <t>【青岛汉缆】交联电力电缆\NH-YJY23\4×35+1×16,0.6/1kV</t>
  </si>
  <si>
    <t>【青岛汉缆】交联电力电缆\NH-YJY\4×35+1×16,0.6/1.0kV</t>
  </si>
  <si>
    <t>【青岛汉缆】交联电力电缆\NH-YJV22\5×2.5,0.6/1kV</t>
  </si>
  <si>
    <t>【青岛汉缆】交联电力电缆\NH-YJY\1×300,0.6/1.0kV</t>
  </si>
  <si>
    <t>【青岛汉缆】交联电力电缆\NH-YJV\5×6,0.6/1.0kV</t>
  </si>
  <si>
    <t>【青岛汉缆】交联电力电缆\NH-YJY23\4×50+1×25,0.6/1kV</t>
  </si>
  <si>
    <t>【青岛汉缆】交联电力电缆\NH-YJY\4×50+1×25,0.6/1.0kV</t>
  </si>
  <si>
    <t>【青岛汉缆】交联电力电缆\NH-YJV22\5×4,0.6/1kV</t>
  </si>
  <si>
    <t>【青岛汉缆】交联电力电缆\NH-YJY\1×400,0.6/1.0kV</t>
  </si>
  <si>
    <t>【青岛汉缆】交联电力电缆\NH-YJV\5×10,0.6/1.0kV</t>
  </si>
  <si>
    <t>【青岛汉缆】交联电力电缆\NH-YJY23\4×70+1×35,0.6/1kV</t>
  </si>
  <si>
    <t>【青岛汉缆】交联电力电缆\NH-YJY\4×70+1×35,0.6/1.0kV</t>
  </si>
  <si>
    <t>【青岛汉缆】交联电力电缆\NH-YJV22\5×6,0.6/1kV</t>
  </si>
  <si>
    <t>【青岛汉缆】交联电力电缆\NH-YJY\1×500,0.6/1.0kV</t>
  </si>
  <si>
    <t>【青岛汉缆】交联电力电缆\NH-YJV\5×16,0.6/1.0kV</t>
  </si>
  <si>
    <t>【青岛汉缆】交联电力电缆\NH-YJY23\4×95+1×50,0.6/1kV</t>
  </si>
  <si>
    <t>【青岛汉缆】交联电力电缆\NH-YJY\4×95+1×50,0.6/1.0kV</t>
  </si>
  <si>
    <t>【青岛汉缆】交联电力电缆\NH-YJV22\5×10,0.6/1kV</t>
  </si>
  <si>
    <t>【青岛汉缆】交联电力电缆\NH-YJY\2×1.5,0.6/1.0kV</t>
  </si>
  <si>
    <t>【青岛汉缆】交联电力电缆\NH-YJV\5×25,0.6/1.0kV</t>
  </si>
  <si>
    <t>【青岛汉缆】交联电力电缆\NH-YJY23\4×120+1×70,0.6/1kV</t>
  </si>
  <si>
    <t>【青岛汉缆】交联电力电缆\NH-YJY\4×120+1×70,0.6/1.0kV</t>
  </si>
  <si>
    <t>【青岛汉缆】交联电力电缆\NH-YJV22\5×16,0.6/1kV</t>
  </si>
  <si>
    <t>【青岛汉缆】交联电力电缆\NH-YJY\2×2.5,0.6/1.0kV</t>
  </si>
  <si>
    <t>【青岛汉缆】交联电力电缆\NH-YJV\5×35,0.6/1.0kV</t>
  </si>
  <si>
    <t>【青岛汉缆】交联电力电缆\NH-YJY23\4×150+1×70,0.6/1kV</t>
  </si>
  <si>
    <t>【青岛汉缆】交联电力电缆\NH-YJY\4×150+1×70,0.6/1.0kV</t>
  </si>
  <si>
    <t>【青岛汉缆】交联电力电缆\NH-YJV22\5×25,0.6/1kV</t>
  </si>
  <si>
    <t>【青岛汉缆】交联电力电缆\NH-YJY\2×4,0.6/1.0kV</t>
  </si>
  <si>
    <t>【青岛汉缆】交联电力电缆\NH-YJV\5×50,0.6/1.0kV</t>
  </si>
  <si>
    <t>【青岛汉缆】交联电力电缆\NH-YJY23\4×185+1×95,0.6/1kV</t>
  </si>
  <si>
    <t>【青岛汉缆】交联电力电缆\NH-YJY\4×185+1×95,0.6/1.0kV</t>
  </si>
  <si>
    <t>【青岛汉缆】交联电力电缆\NH-YJV22\5×35,0.6/1kV</t>
  </si>
  <si>
    <t>【青岛汉缆】交联电力电缆\NH-YJY\2×6,0.6/1.0kV</t>
  </si>
  <si>
    <t>【青岛汉缆】交联电力电缆\NH-YJV\5×70,0.6/1.0kV</t>
  </si>
  <si>
    <t>【青岛汉缆】交联电力电缆\NH-YJY63\1×1.5,0.6/1kV</t>
  </si>
  <si>
    <t>【青岛汉缆】交联电力电缆\NH-YJY23\2×1.5,0.6/1kV</t>
  </si>
  <si>
    <t>【青岛汉缆】交联电力电缆\NH-YJV22\5×50,0.6/1kV</t>
  </si>
  <si>
    <t>【青岛汉缆】交联电力电缆\NH-YJY\2×10,0.6/1.0kV</t>
  </si>
  <si>
    <t>【青岛汉缆】交联电力电缆\NH-YJV\5×95,0.6/1.0kV</t>
  </si>
  <si>
    <t>【青岛汉缆】交联电力电缆\NH-YJY63\1×2.5,0.6/1kV</t>
  </si>
  <si>
    <t>【青岛汉缆】交联电力电缆\NH-YJY23\2×2.5,0.6/1kV</t>
  </si>
  <si>
    <t>【青岛汉缆】交联电力电缆\NH-YJV22\5×70,0.6/1kV</t>
  </si>
  <si>
    <t>【青岛汉缆】交联电力电缆\NH-YJY\2×16,0.6/1.0kV</t>
  </si>
  <si>
    <t>【青岛汉缆】交联电力电缆\NH-YJV\5×120,0.6/1.0kV</t>
  </si>
  <si>
    <t>【青岛汉缆】交联电力电缆\NH-YJY63\1×4,0.6/1kV</t>
  </si>
  <si>
    <t>【青岛汉缆】交联电力电缆\NH-YJY23\2×4,0.6/1kV</t>
  </si>
  <si>
    <t>【青岛汉缆】交联电力电缆\NH-YJV22\5×95,0.6/1kV</t>
  </si>
  <si>
    <t>【青岛汉缆】交联电力电缆\NH-YJY\2×25,0.6/1.0kV</t>
  </si>
  <si>
    <t>【青岛汉缆】交联电力电缆\NH-YJV\5×150,0.6/1.0kV</t>
  </si>
  <si>
    <t>【青岛汉缆】交联电力电缆\NH-YJY63\1×6,0.6/1kV</t>
  </si>
  <si>
    <t>【青岛汉缆】交联电力电缆\NH-YJY23\2×6,0.6/1kV</t>
  </si>
  <si>
    <t>【青岛汉缆】交联电力电缆\NH-YJV22\5×120,0.6/1kV</t>
  </si>
  <si>
    <t>【青岛汉缆】交联电力电缆\NH-YJY\2×35,0.6/1.0kV</t>
  </si>
  <si>
    <t>【青岛汉缆】交联电力电缆\NH-YJV\3×2.5+1×1.5,0.6/1.0kV</t>
  </si>
  <si>
    <t>【青岛汉缆】交联电力电缆\NH-YJY23\2×10,0.6/1kV</t>
  </si>
  <si>
    <t>【青岛汉缆】交联电力电缆\NH-YJV22\5×150,0.6/1kV</t>
  </si>
  <si>
    <t>【青岛汉缆】交联电力电缆\NH-YJY\2×50,0.6/1.0kV</t>
  </si>
  <si>
    <t>【青岛汉缆】交联电力电缆\NH-YJV\3×4+1×2.5,0.6/1.0kV</t>
  </si>
  <si>
    <t>【青岛汉缆】交联电力电缆\NH-YJY23\2×16,0.6/1kV</t>
  </si>
  <si>
    <t>【青岛汉缆】交联电力电缆\NH-YJV22\3×2.5+1×1.5,0.6/1kV</t>
  </si>
  <si>
    <t>【青岛汉缆】交联电力电缆\NH-YJY\2×70,0.6/1.0kV</t>
  </si>
  <si>
    <t>【青岛汉缆】交联电力电缆\NH-YJV\3×6+1×4,0.6/1.0kV</t>
  </si>
  <si>
    <t>【青岛汉缆】交联电力电缆\NH-YJY23\2×25,0.6/1kV</t>
  </si>
  <si>
    <t>【青岛汉缆】交联电力电缆\NH-YJV22\3×4+1×2.5,0.6/1kV</t>
  </si>
  <si>
    <t>【青岛汉缆】交联电力电缆\NH-YJY\2×95,0.6/1.0kV</t>
  </si>
  <si>
    <t>【青岛汉缆】交联电力电缆\NH-YJV\3×10+1×6,0.6/1.0kV</t>
  </si>
  <si>
    <t>【青岛汉缆】交联电力电缆\NH-YJV22\3×6+1×4,0.6/1kV</t>
  </si>
  <si>
    <t>【青岛汉缆】交联电力电缆\NH-YJY23\2×35,0.6/1kV</t>
  </si>
  <si>
    <t>【青岛汉缆】交联电力电缆\NH-YJY\2×120,0.6/1.0kV</t>
  </si>
  <si>
    <t>【青岛汉缆】交联电力电缆\NH-YJV\3×16+1×10,0.6/1.0kV</t>
  </si>
  <si>
    <t>【青岛汉缆】交联电力电缆\NH-YJV22\3×10+1×6,0.6/1kV</t>
  </si>
  <si>
    <t>【青岛汉缆】交联电力电缆\NH-YJY23\2×50,0.6/1kV</t>
  </si>
  <si>
    <t>【青岛汉缆】交联电力电缆\NH-YJY\2×150,0.6/1.0kV</t>
  </si>
  <si>
    <t>【青岛汉缆】交联电力电缆\NH-YJV\3×25+1×16,0.6/1.0kV</t>
  </si>
  <si>
    <t>【青岛汉缆】交联电力电缆\NH-YJV22\3×16+1×10,0.6/1kV</t>
  </si>
  <si>
    <t>【青岛汉缆】交联电力电缆\NH-YJY23\2×70,0.6/1kV</t>
  </si>
  <si>
    <t>【青岛汉缆】交联电力电缆\NH-YJY\2×185,0.6/1.0kV</t>
  </si>
  <si>
    <t>【青岛汉缆】交联电力电缆\NH-YJV\3×35+1×16,0.6/1.0kV</t>
  </si>
  <si>
    <t>【青岛汉缆】交联电力电缆\NH-YJY23\2×95,0.6/1kV</t>
  </si>
  <si>
    <t>【青岛汉缆】交联电力电缆\NH-YJY\2×240,0.6/1.0kV</t>
  </si>
  <si>
    <t>【青岛汉缆】交联电力电缆\NH-YJV\3×50+1×25,0.6/1.0kV</t>
  </si>
  <si>
    <t>【青岛汉缆】交联电力电缆\NH-YJY23\2×120,0.6/1kV</t>
  </si>
  <si>
    <t>【青岛汉缆】交联电力电缆\NH-YJY\2×300,0.6/1.0kV</t>
  </si>
  <si>
    <t>【青岛汉缆】交联电力电缆\NH-YJV\3×70+1×35,0.6/1.0kV</t>
  </si>
  <si>
    <t>【青岛汉缆】交联电力电缆\NH-YJY23\2×150,0.6/1kV</t>
  </si>
  <si>
    <t>【青岛汉缆】交联电力电缆\NH-YJY\3×1.5,0.6/1.0kV</t>
  </si>
  <si>
    <t>【青岛汉缆】交联电力电缆\NH-YJV\3×95+1×50,0.6/1.0kV</t>
  </si>
  <si>
    <t>【青岛汉缆】交联电力电缆\NH-YJY23\2×185,0.6/1kV</t>
  </si>
  <si>
    <t>【青岛汉缆】交联电力电缆\NH-YJY\3×2.5,0.6/1.0kV</t>
  </si>
  <si>
    <t>【青岛汉缆】交联电力电缆\NH-YJY23\2×240,0.6/1kV</t>
  </si>
  <si>
    <t>【青岛汉缆】交联电力电缆\NH-YJY\3×4,0.6/1.0kV</t>
  </si>
  <si>
    <t>【青岛汉缆】交联电力电缆\NH-YJY23\2×300,0.6/1kV</t>
  </si>
  <si>
    <t>【青岛汉缆】交联电力电缆\NH-YJY\3×6,0.6/1.0kV</t>
  </si>
  <si>
    <t>【青岛汉缆】交联电力电缆\NH-YJY23\3×1.5,0.6/1kV</t>
  </si>
  <si>
    <t>【青岛汉缆】交联电力电缆\NH-YJY\3×10,0.6/1.0kV</t>
  </si>
  <si>
    <t>【青岛汉缆】交联电力电缆\NH-YJY23\3×2.5,0.6/1kV</t>
  </si>
  <si>
    <t>【青岛汉缆】交联电力电缆\NH-YJY\3×16,0.6/1.0kV</t>
  </si>
  <si>
    <t>【青岛汉缆】交联电力电缆\NH-YJY23\3×4,0.6/1kV</t>
  </si>
  <si>
    <t>【青岛汉缆】交联电力电缆\NH-YJY\3×25,0.6/1.0kV</t>
  </si>
  <si>
    <t>【青岛汉缆】交联电力电缆\NH-YJY\3×35,0.6/1.0kV</t>
  </si>
  <si>
    <t>【安徽华能】交联电力电缆\ZC-YJLV22\3×50mm2,26/35KV</t>
  </si>
  <si>
    <t>安徽华能电缆集团有限公司公司</t>
  </si>
  <si>
    <t>安徽华能</t>
  </si>
  <si>
    <t>WZSCCG-2020-BJ-1094</t>
  </si>
  <si>
    <t>2020年度北京配送短名单35Kv电力电缆集团级铺货长协询价采购Ⅱ标段框架合同</t>
  </si>
  <si>
    <t>安徽华能电缆集团有限公司</t>
  </si>
  <si>
    <t>【安徽华能】交联电力电缆\ZC-YJLV22\3×70mm2,26/35KV</t>
  </si>
  <si>
    <t>【安徽华能】交联电力电缆\ZC-YJLV22\3×95mm2,26/35KV</t>
  </si>
  <si>
    <t>【安徽华能】交联电力电缆\ZC-YJLV22\3×120mm2,26/35KV</t>
  </si>
  <si>
    <t>【安徽华能】交联电力电缆\ZC-YJLV22\3×150mm2,26/35KV</t>
  </si>
  <si>
    <t>【安徽华能】交联电力电缆\ZC-YJLV22\3×185mm2,26/35KV</t>
  </si>
  <si>
    <t>【安徽华能】交联电力电缆\ZC-YJLV22\3×240mm2,26/35KV</t>
  </si>
  <si>
    <t>【安徽华能】交联电力电缆\ZC-YJLV22\3×300mm2,26/35KV</t>
  </si>
  <si>
    <t>【安徽华能】交联电力电缆\ZC-YJLV22\3×400mm2,26/35KV</t>
  </si>
  <si>
    <t>【安徽华能】交联电力电缆\ZC-YJLV62\1×120mm2,26/35KV</t>
  </si>
  <si>
    <t>【安徽华能】交联电力电缆\ZC-YJLV62\1×150mm2,26/35KV</t>
  </si>
  <si>
    <t>【安徽华能】交联电力电缆\ZC-YJLV62\1×185mm2,26/35KV</t>
  </si>
  <si>
    <t>【安徽华能】交联电力电缆\ZC-YJLV62\1×240mm2,26/35KV</t>
  </si>
  <si>
    <t>【安徽华能】交联电力电缆\ZC-YJLV62\1×300mm2,26/35KV</t>
  </si>
  <si>
    <t>【安徽华能】交联电力电缆\ZC-YJLV62\1×400mm2,26/35KV</t>
  </si>
  <si>
    <t>【安徽华能】交联电力电缆\ZC-YJLV62\1×500mm2,26/35KV</t>
  </si>
  <si>
    <t>【安徽华能】交联电力电缆\ZC-YJLY23\3×50mm2,26/35KV</t>
  </si>
  <si>
    <t>【安徽华能】交联电力电缆\ZC-YJLY23\3×70mm2,26/35KV</t>
  </si>
  <si>
    <t>【安徽华能】交联电力电缆\ZC-YJLY23\3×95mm2,26/35KV</t>
  </si>
  <si>
    <t>【安徽华能】交联电力电缆\ZC-YJLY23\3×120mm2,26/35KV</t>
  </si>
  <si>
    <t>【安徽华能】交联电力电缆\ZC-YJLY23\3×150mm2,26/35KV</t>
  </si>
  <si>
    <t>【安徽华能】交联电力电缆\ZC-YJLY23\3×185mm2,26/35KV</t>
  </si>
  <si>
    <t>【安徽华能】交联电力电缆\ZC-YJLY23\3×240mm2,26/35KV</t>
  </si>
  <si>
    <t>【安徽华能】交联电力电缆\ZC-YJLY23\3×300mm2,26/35KV</t>
  </si>
  <si>
    <t>【安徽华能】交联电力电缆\ZC-YJLY23\3×400mm2,26/35KV</t>
  </si>
  <si>
    <t>【安徽华能】交联电力电缆\ZC-YJLY63\1×120mm2,26/35KV</t>
  </si>
  <si>
    <t>【安徽华能】交联电力电缆\ZC-YJLY63\1×150mm2,26/35KV</t>
  </si>
  <si>
    <t>【安徽华能】交联电力电缆\ZC-YJLY63\1×185mm2,26/35KV</t>
  </si>
  <si>
    <t>【安徽华能】交联电力电缆\ZC-YJLY63\1×240mm2,26/35KV</t>
  </si>
  <si>
    <t>【安徽华能】交联电力电缆\ZC-YJLY63\1×300mm2,26/35KV</t>
  </si>
  <si>
    <t>【安徽华能】交联电力电缆\ZC-YJLY63\1×400mm2,26/35KV</t>
  </si>
  <si>
    <t>【安徽华能】交联电力电缆\ZC-YJLY63\1×500mm2,26/35KV</t>
  </si>
  <si>
    <t>【安徽华能】交联电力电缆\ZC-YJV22\3×50mm2,26/35KV</t>
  </si>
  <si>
    <t>【安徽华能】交联电力电缆\ZC-YJV22\3×70mm2,26/35KV</t>
  </si>
  <si>
    <t>【安徽华能】交联电力电缆\ZC-YJV22\3×95mm2,26/35KV</t>
  </si>
  <si>
    <t>【安徽华能】交联电力电缆\ZC-YJV22\3×120mm2,26/35KV</t>
  </si>
  <si>
    <t>【安徽华能】交联电力电缆\ZC-YJV22\3×150mm2,26/35KV</t>
  </si>
  <si>
    <t>【安徽华能】交联电力电缆\ZC-YJV22\3×185mm2,26/35KV</t>
  </si>
  <si>
    <t>【安徽华能】交联电力电缆\ZC-YJV22\3×240mm2,26/35KV</t>
  </si>
  <si>
    <t>【安徽华能】交联电力电缆\ZC-YJV22\3×300mm2,26/35KV</t>
  </si>
  <si>
    <t>【安徽华能】交联电力电缆\ZC-YJV22\3×400mm2,26/35KV</t>
  </si>
  <si>
    <t>【安徽华能】交联电力电缆\ZC-YJV62\1×70mm2,26/35KV</t>
  </si>
  <si>
    <t>【安徽华能】交联电力电缆\ZC-YJV62\1×95mm2,26/35KV</t>
  </si>
  <si>
    <t>【安徽华能】交联电力电缆\ZC-YJV62\1×120mm2,26/35KV</t>
  </si>
  <si>
    <t>【安徽华能】交联电力电缆\ZC-YJV62\1×150mm2,26/35KV</t>
  </si>
  <si>
    <t>【安徽华能】交联电力电缆\ZC-YJV62\1×185mm2,26/35KV</t>
  </si>
  <si>
    <t>【安徽华能】交联电力电缆\ZC-YJV62\1×240mm2,26/35KV</t>
  </si>
  <si>
    <t>【安徽华能】交联电力电缆\ZC-YJV62\1×300mm2,26/35KV</t>
  </si>
  <si>
    <t>【安徽华能】交联电力电缆\ZC-YJV62\1×400mm2,26/35KV</t>
  </si>
  <si>
    <t>【安徽华能】交联电力电缆\ZC-YJV62\1×500mm2,26/35KV</t>
  </si>
  <si>
    <t>【安徽华能】交联电力电缆\ZC-YJV\3×50mm2,26/35KV</t>
  </si>
  <si>
    <t>【安徽华能】交联电力电缆\ZC-YJV\3×70mm2,26/35KV</t>
  </si>
  <si>
    <t>【安徽华能】交联电力电缆\ZC-YJV\3×95mm2,26/35KV</t>
  </si>
  <si>
    <t>【安徽华能】交联电力电缆\ZC-YJV\3×120mm2,26/35KV</t>
  </si>
  <si>
    <t>【安徽华能】交联电力电缆\ZC-YJV\3×150mm2,26/35KV</t>
  </si>
  <si>
    <t>【安徽华能】交联电力电缆\ZC-YJV\3×185mm2,26/35KV</t>
  </si>
  <si>
    <t>【安徽华能】交联电力电缆\ZC-YJV\3×240mm2,26/35KV</t>
  </si>
  <si>
    <t>【安徽华能】交联电力电缆\ZC-YJV\3×300mm2,26/35KV</t>
  </si>
  <si>
    <t>【安徽华能】交联电力电缆\ZC-YJV\3×400mm2,26/35KV</t>
  </si>
  <si>
    <t>【安徽华能】交联电力电缆\ZC-YJY23\3×50mm2,26/35KV</t>
  </si>
  <si>
    <t>【安徽华能】交联电力电缆\ZC-YJY23\3×70mm2,26/35KV</t>
  </si>
  <si>
    <t>【安徽华能】交联电力电缆\ZC-YJY23\3×95mm2,26/35KV</t>
  </si>
  <si>
    <t>【安徽华能】交联电力电缆\ZC-YJY23\3×120mm2,26/35KV</t>
  </si>
  <si>
    <t>【安徽华能】交联电力电缆\ZC-YJY23\3×150mm2,26/35KV</t>
  </si>
  <si>
    <t>【安徽华能】交联电力电缆\ZC-YJY23\3×185mm2,26/35KV</t>
  </si>
  <si>
    <t>【安徽华能】交联电力电缆\ZC-YJY23\3×240mm2,26/35KV</t>
  </si>
  <si>
    <t>【安徽华能】交联电力电缆\ZC-YJY23\3×300mm2,26/35KV</t>
  </si>
  <si>
    <t>【安徽华能】交联电力电缆\ZC-YJY23\3×400mm2,26/35KV</t>
  </si>
  <si>
    <t>【安徽华能】交联电力电缆\ZC-YJY63\1×70mm2,26/35KV</t>
  </si>
  <si>
    <t>【安徽华能】交联电力电缆\ZC-YJY63\1×95mm2,26/35KV</t>
  </si>
  <si>
    <t>【安徽华能】交联电力电缆\ZC-YJY63\1×120mm2,26/35KV</t>
  </si>
  <si>
    <t>【安徽华能】交联电力电缆\ZC-YJY63\1×150mm2,26/35KV</t>
  </si>
  <si>
    <t>【安徽华能】交联电力电缆\ZC-YJY63\1×185mm2,26/35KV</t>
  </si>
  <si>
    <t>【安徽华能】交联电力电缆\ZC-YJY63\1×240mm2,26/35KV</t>
  </si>
  <si>
    <t>【安徽华能】交联电力电缆\ZC-YJY63\1×300mm2,26/35KV</t>
  </si>
  <si>
    <t>【安徽华能】交联电力电缆\ZC-YJY63\1×400mm2,26/35KV</t>
  </si>
  <si>
    <t>【安徽华能】交联电力电缆\ZC-YJY63\1×500mm2,26/35KV</t>
  </si>
  <si>
    <t>【安徽华能】交联电力电缆\ZC-YJY\3×50mm2,26/35KV</t>
  </si>
  <si>
    <t>【安徽华能】交联电力电缆\ZC-YJY\3×70mm2,26/35KV</t>
  </si>
  <si>
    <t>【安徽华能】交联电力电缆\ZC-YJY\3×95mm2,26/35KV</t>
  </si>
  <si>
    <t>【安徽华能】交联电力电缆\ZC-YJY\3×120mm2,26/35KV</t>
  </si>
  <si>
    <t>【安徽华能】交联电力电缆\ZC-YJY\3×150mm2,26/35KV</t>
  </si>
  <si>
    <t>【安徽华能】交联电力电缆\ZC-YJY\3×185mm2,26/35KV</t>
  </si>
  <si>
    <t>【安徽华能】交联电力电缆\ZC-YJY\3×240mm2,26/35KV</t>
  </si>
  <si>
    <t>【安徽华能】交联电力电缆\ZC-YJY\3×300mm2,26/35KV</t>
  </si>
  <si>
    <t>【安徽华能】交联电力电缆\ZC-YJY\3×400mm2,26/35KV</t>
  </si>
  <si>
    <t>【安徽华菱】交联电力电缆\ZC-YJV\1×1.5,0.6/1.0kV</t>
  </si>
  <si>
    <t>WZSCCG-2020-BJ-1088</t>
  </si>
  <si>
    <t>2020年度北京配送短名单1KV电力电缆集团级铺货长协询价采购Ⅱ标段框架合同</t>
  </si>
  <si>
    <t>【安徽华菱】交联电力电缆\ZC-YJV\1×2.5,0.6/1.0kV</t>
  </si>
  <si>
    <t>【安徽华菱】交联电力电缆\ZC-YJV\1×4,0.6/1.0kV</t>
  </si>
  <si>
    <t>【安徽华菱】交联电力电缆\ZC-YJV\1×6,0.6/1.0kV</t>
  </si>
  <si>
    <t>【安徽华菱】交联电力电缆\ZC-YJV\1×10,0.6/1.0kV</t>
  </si>
  <si>
    <t>【安徽华菱】交联电力电缆\ZC-YJV\1×16,0.6/1.0kV</t>
  </si>
  <si>
    <t>【安徽华菱】交联电力电缆\ZC-YJV\1×25,0.6/1.0kV</t>
  </si>
  <si>
    <t>【安徽华菱】交联电力电缆\ZC-YJV\1×35,0.6/1.0kV</t>
  </si>
  <si>
    <t>【安徽华菱】交联电力电缆\ZC-YJV\1×50,0.6/1.0kV</t>
  </si>
  <si>
    <t>【安徽华菱】交联电力电缆\ZC-YJV\1×70,0.6/1.0kV</t>
  </si>
  <si>
    <t>【安徽华菱】交联电力电缆\ZC-YJV\1×95,0.6/1.0kV</t>
  </si>
  <si>
    <t>【安徽华菱】交联电力电缆\ZC-YJV\1×120,0.6/1.0kV</t>
  </si>
  <si>
    <t>【安徽华菱】交联电力电缆\ZC-YJV\1×150,0.6/1.0kV</t>
  </si>
  <si>
    <t>【安徽华菱】交联电力电缆\ZC-YJV\1×185,0.6/1.0kV</t>
  </si>
  <si>
    <t>【安徽华菱】交联电力电缆\ZC-YJV\1×240,0.6/1.0kV</t>
  </si>
  <si>
    <t>【安徽华菱】交联电力电缆\ZC-YJV\1×300,0.6/1.0kV</t>
  </si>
  <si>
    <t>【安徽华菱】交联电力电缆\ZC-YJV\1×400,0.6/1.0kV</t>
  </si>
  <si>
    <t>【安徽华菱】交联电力电缆\ZC-YJV\1×500,0.6/1.0kV</t>
  </si>
  <si>
    <t>【安徽华菱】交联电力电缆\ZC-YJV\2×1.5,0.6/1.0kV</t>
  </si>
  <si>
    <t>【安徽华菱】交联电力电缆\ZC-YJV\2×2.5,0.6/1.0kV</t>
  </si>
  <si>
    <t>【安徽华菱】交联电力电缆\ZC-YJV\2×4,0.6/1.0kV</t>
  </si>
  <si>
    <t>【安徽华菱】交联电力电缆\ZC-YJV\2×6,0.6/1.0kV</t>
  </si>
  <si>
    <t>【安徽华菱】交联电力电缆\ZC-YJV\2×10,0.6/1.0kV</t>
  </si>
  <si>
    <t>【安徽华菱】交联电力电缆\ZC-YJV\2×16,0.6/1.0kV</t>
  </si>
  <si>
    <t>【安徽华菱】交联电力电缆\ZC-YJV\2×25,0.6/1.0kV</t>
  </si>
  <si>
    <t>【安徽华菱】交联电力电缆\ZC-YJV\2×35,0.6/1.0kV</t>
  </si>
  <si>
    <t>【安徽华菱】交联电力电缆\ZC-YJV\2×50,0.6/1.0kV</t>
  </si>
  <si>
    <t>【安徽华菱】交联电力电缆\ZC-YJV\2×70,0.6/1.0kV</t>
  </si>
  <si>
    <t>【安徽华菱】交联电力电缆\ZC-YJV\2×95,0.6/1.0kV</t>
  </si>
  <si>
    <t>【安徽华菱】交联电力电缆\ZC-YJV\2×120,0.6/1.0kV</t>
  </si>
  <si>
    <t>【安徽华菱】交联电力电缆\ZC-YJV\2×150,0.6/1.0kV</t>
  </si>
  <si>
    <t>【安徽华菱】交联电力电缆\ZC-YJV\2×185,0.6/1.0kV</t>
  </si>
  <si>
    <t>【安徽华菱】交联电力电缆\ZC-YJV\2×240,0.6/1.0kV</t>
  </si>
  <si>
    <t>【安徽华菱】交联电力电缆\ZC-YJV\2×300,0.6/1.0kV</t>
  </si>
  <si>
    <t>【安徽华菱】交联电力电缆\ZC-YJV\3×1.5,0.6/1.0kV</t>
  </si>
  <si>
    <t>【安徽华菱】交联电力电缆\ZC-YJV\3×2.5,0.6/1.0kV</t>
  </si>
  <si>
    <t>【安徽华菱】交联电力电缆\ZC-YJV\3×4,0.6/1.0kV</t>
  </si>
  <si>
    <t>【安徽华菱】交联电力电缆\ZC-YJV\3×6,0.6/1.0kV</t>
  </si>
  <si>
    <t>【安徽华菱】交联电力电缆\ZC-YJV\3×10,0.6/1.0kV</t>
  </si>
  <si>
    <t>【安徽华菱】交联电力电缆\ZC-YJV\3×16,0.6/1.0kV</t>
  </si>
  <si>
    <t>【安徽华菱】交联电力电缆\ZC-YJV\3×25,0.6/1.0kV</t>
  </si>
  <si>
    <t>【安徽华菱】交联电力电缆\ZC-YJV\3×35,0.6/1.0kV</t>
  </si>
  <si>
    <t>【安徽华菱】交联电力电缆\ZC-YJV\3×50,0.6/1.0kV</t>
  </si>
  <si>
    <t>【安徽华菱】交联电力电缆\ZC-YJV\3×70,0.6/1.0kV</t>
  </si>
  <si>
    <t>【安徽华菱】交联电力电缆\ZC-YJV\3×95,0.6/1.0kV</t>
  </si>
  <si>
    <t>【安徽华菱】交联电力电缆\ZC-YJV\3×120,0.6/1.0kV</t>
  </si>
  <si>
    <t>【安徽华菱】交联电力电缆\ZC-YJV\3×150,0.6/1.0kV</t>
  </si>
  <si>
    <t>【安徽华菱】交联电力电缆\ZC-YJV\3×185,0.6/1.0kV</t>
  </si>
  <si>
    <t>【安徽华菱】交联电力电缆\ZC-YJV\3×240,0.6/1.0kV</t>
  </si>
  <si>
    <t>【安徽华菱】交联电力电缆\ZC-YJV\3×300,0.6/1.0kV</t>
  </si>
  <si>
    <t>【安徽华菱】交联电力电缆\ZC-YJV\3×400,0.6/1.0kV</t>
  </si>
  <si>
    <t>【安徽华菱】交联电力电缆\YJV\3×10+2×6,0.6/1.0kV</t>
  </si>
  <si>
    <t>【安徽华菱】交联电力电缆\YJV\3×120+2×70,0.6/1.0kV</t>
  </si>
  <si>
    <t>【安徽华菱】交联电力电缆\YJV\3×180+1×120,0.6/1.0kV</t>
  </si>
  <si>
    <t>【安徽华菱】交联电力电缆\YJV\3×185+1×95,0.6/1.0kV</t>
  </si>
  <si>
    <t>【安徽华菱】交联电力电缆\YJV\3×185+2×95,0.6/1.0kV</t>
  </si>
  <si>
    <t>【安徽华菱】交联电力电缆\YJV\3×240+2×120,0.6/1.0kV</t>
  </si>
  <si>
    <t>【安徽华菱】交联电力电缆\YJV\3×35+1×16,0.6/1.0kV</t>
  </si>
  <si>
    <t>【安徽华菱】交联电力电缆\YJV\3×35+2×16,0.6/1.0kV</t>
  </si>
  <si>
    <t>【安徽华菱】交联电力电缆\YJV\3×35+2×25,0.6/1.0kV</t>
  </si>
  <si>
    <t>【安徽华菱】交联电力电缆\YJV\3×50+1×25,0.6/1.0kV</t>
  </si>
  <si>
    <t>【安徽华菱】交联电力电缆\YJV\3×70+1×35,0.6/1.0kV</t>
  </si>
  <si>
    <t>【安徽华菱】交联电力电缆\YJV\3×70+2×35,0.6/1.0kV</t>
  </si>
  <si>
    <t>【安徽华菱】交联电力电缆\YJV\3×95+1×50,0.6/1.0kV</t>
  </si>
  <si>
    <t>【安徽华菱】交联电力电缆\YJV\3×95+2×50,0.6/1.0kV</t>
  </si>
  <si>
    <t>【安徽华菱】交联电力电缆\ZC-YJV\4×1.5,0.6/1.0kV</t>
  </si>
  <si>
    <t>【安徽华菱】交联电力电缆\ZC-YJV\4×2.5,0.6/1.0kV</t>
  </si>
  <si>
    <t>【安徽华菱】交联电力电缆\ZC-YJV\4×4,0.6/1.0kV</t>
  </si>
  <si>
    <t>【安徽华菱】交联电力电缆\ZC-YJV\4×6,0.6/1.0kV</t>
  </si>
  <si>
    <t>【安徽华菱】交联电力电缆\ZC-YJV\4×10,0.6/1.0kV</t>
  </si>
  <si>
    <t>【安徽华菱】交联电力电缆\ZC-YJV\4×16,0.6/1.0kV</t>
  </si>
  <si>
    <t>【安徽华菱】交联电力电缆\ZC-YJV\4×25,0.6/1.0kV</t>
  </si>
  <si>
    <t>【安徽华菱】交联电力电缆\ZC-YJV\4×35,0.6/1.0kV</t>
  </si>
  <si>
    <t>【安徽华菱】交联电力电缆\ZC-YJV\4×50,0.6/1.0kV</t>
  </si>
  <si>
    <t>【安徽华菱】交联电力电缆\ZC-YJV\4×70,0.6/1.0kV</t>
  </si>
  <si>
    <t>【安徽华菱】交联电力电缆\ZC-YJV\4×95,0.6/1.0kV</t>
  </si>
  <si>
    <t>【安徽华菱】交联电力电缆\ZC-YJV\4×120,0.6/1.0kV</t>
  </si>
  <si>
    <t>【安徽华菱】交联电力电缆\ZC-YJV\4×150,0.6/1.0kV</t>
  </si>
  <si>
    <t>【安徽华菱】交联电力电缆\ZC-YJV\4×185,0.6/1.0kV</t>
  </si>
  <si>
    <t>【安徽华菱】交联电力电缆\ZC-YJV\5×1.5,0.6/1.0kV</t>
  </si>
  <si>
    <t>【安徽华菱】交联电力电缆\ZC-YJV\5×2.5,0.6/1.0kV</t>
  </si>
  <si>
    <t>【安徽华菱】交联电力电缆\ZC-YJV\5×4,0.6/1.0kV</t>
  </si>
  <si>
    <t>【安徽华菱】交联电力电缆\ZC-YJV\5×6,0.6/1.0kV</t>
  </si>
  <si>
    <t>【安徽华菱】交联电力电缆\ZC-YJV\5×10,0.6/1.0kV</t>
  </si>
  <si>
    <t>【安徽华菱】交联电力电缆\ZC-YJV\5×16,0.6/1.0kV</t>
  </si>
  <si>
    <t>【安徽华菱】交联电力电缆\ZC-YJV\5×25,0.6/1.0kV</t>
  </si>
  <si>
    <t>【安徽华菱】交联电力电缆\ZC-YJV\5×35,0.6/1.0kV</t>
  </si>
  <si>
    <t>【安徽华菱】交联电力电缆\ZC-YJV\5×50,0.6/1.0kV</t>
  </si>
  <si>
    <t>【安徽华菱】交联电力电缆\ZC-YJV\5×70,0.6/1.0kV</t>
  </si>
  <si>
    <t>【安徽华菱】交联电力电缆\ZC-YJV\5×95,0.6/1.0kV</t>
  </si>
  <si>
    <t>【安徽华菱】交联电力电缆\ZC-YJV\5×120,0.6/1.0kV</t>
  </si>
  <si>
    <t>【安徽华菱】交联电力电缆\ZC-YJV\5×150,0.6/1.0kV</t>
  </si>
  <si>
    <t>【安徽华菱】交联电力电缆\ZC-YJV\3×2.5+1×1.5,0.6/1.0kV</t>
  </si>
  <si>
    <t>【安徽华菱】交联电力电缆\ZC-YJV\3×4+1×2.5,0.6/1.0kV</t>
  </si>
  <si>
    <t>【安徽华菱】交联电力电缆\ZC-YJV\3×6+1×4,0.6/1.0kV</t>
  </si>
  <si>
    <t>【安徽华菱】交联电力电缆\ZC-YJV\3×10+1×6,0.6/1.0kV</t>
  </si>
  <si>
    <t>【安徽华菱】交联电力电缆\ZC-YJV\3×16+1×10,0.6/1.0kV</t>
  </si>
  <si>
    <t>【安徽华菱】交联电力电缆\ZC-YJV\3×25+1×16,0.6/1.0kV</t>
  </si>
  <si>
    <t>【安徽华菱】交联电力电缆\ZC-YJV\3×35+1×16,0.6/1.0kV</t>
  </si>
  <si>
    <t>【安徽华菱】交联电力电缆\ZC-YJV\3×50+1×25,0.6/1.0kV</t>
  </si>
  <si>
    <t>【安徽华菱】交联电力电缆\ZC-YJV\3×70+1×35,0.6/1.0kV</t>
  </si>
  <si>
    <t>【安徽华菱】交联电力电缆\ZC-YJV\3×95+1×50,0.6/1.0kV</t>
  </si>
  <si>
    <t>【安徽华菱】交联电力电缆\ZC-YJV\3×120+1×70,0.6/1.0kV</t>
  </si>
  <si>
    <t>【安徽华菱】交联电力电缆\ZC-YJV\3×150+1×70,0.6/1.0kV</t>
  </si>
  <si>
    <t>【安徽华菱】交联电力电缆\ZC-YJV\3×185+1×95,0.6/1.0kV</t>
  </si>
  <si>
    <t>【安徽华菱】交联电力电缆\ZC-YJV\3×240+1×120,0.6/1.0kV</t>
  </si>
  <si>
    <t>【安徽华菱】交联电力电缆\ZC-YJV\3×300+1×150,0.6/1.0kV</t>
  </si>
  <si>
    <t>【安徽华菱】交联电力电缆\ZC-YJV\3×400+1×185,0.6/1.0kV</t>
  </si>
  <si>
    <t>【安徽华菱】交联电力电缆\ZC-YJV\3×2.5+2×1.5,0.6/1.0kV</t>
  </si>
  <si>
    <t>【安徽华菱】交联电力电缆\ZC-YJV\3×4+2×2.5,0.6/1.0kV</t>
  </si>
  <si>
    <t>【安徽华菱】交联电力电缆\ZC-YJV\3×6+2×4,0.6/1.0kV</t>
  </si>
  <si>
    <t>【安徽华菱】交联电力电缆\ZC-YJV\3×10+2×6,0.6/1.0kV</t>
  </si>
  <si>
    <t>【安徽华菱】交联电力电缆\ZC-YJV\3×16+2×10,0.6/1.0kV</t>
  </si>
  <si>
    <t>【安徽华菱】交联电力电缆\ZC-YJV\3×25+2×16,0.6/1.0kV</t>
  </si>
  <si>
    <t>【安徽华菱】交联电力电缆\ZC-YJV\3×35+2×16,0.6/1.0kV</t>
  </si>
  <si>
    <t>【安徽华菱】交联电力电缆\ZC-YJV\3×50+2×25,0.6/1.0kV</t>
  </si>
  <si>
    <t>【安徽华菱】交联电力电缆\ZC-YJV\3×70+2×35,0.6/1.0kV</t>
  </si>
  <si>
    <t>【安徽华菱】交联电力电缆\ZC-YJV\3×95+2×50,0.6/1.0kV</t>
  </si>
  <si>
    <t>【安徽华菱】交联电力电缆\ZC-YJV\3×120+2×70,0.6/1.0kV</t>
  </si>
  <si>
    <t>【安徽华菱】交联电力电缆\ZC-YJV\3×150+2×70,0.6/1.0kV</t>
  </si>
  <si>
    <t>【安徽华菱】交联电力电缆\ZC-YJV\3×185+2×95,0.6/1.0kV</t>
  </si>
  <si>
    <t>【安徽华菱】交联电力电缆\ZC-YJV\3×240+2×120,0.6/1.0kV</t>
  </si>
  <si>
    <t>【安徽华菱】交联电力电缆\ZC-YJV\3×300+2×150,0.6/1.0kV</t>
  </si>
  <si>
    <t>【安徽华菱】交联电力电缆\ZC-YJV\3×400+2×185,0.6/1.0kV</t>
  </si>
  <si>
    <t>【安徽华菱】交联电力电缆\ZC-YJV\4×2.5+1×1.5,0.6/1.0kV</t>
  </si>
  <si>
    <t>【安徽华菱】交联电力电缆\ZC-YJV\4×4+1×2.5,0.6/1.0kV</t>
  </si>
  <si>
    <t>【安徽华菱】交联电力电缆\ZC-YJV\4×6+1×4,0.6/1.0kV</t>
  </si>
  <si>
    <t>【安徽华菱】交联电力电缆\ZC-YJV\4×10+1×6,0.6/1.0kV</t>
  </si>
  <si>
    <t>【安徽华菱】交联电力电缆\ZC-YJV\4×16+1×10,0.6/1.0kV</t>
  </si>
  <si>
    <t>【安徽华菱】交联电力电缆\ZC-YJV\4×25+1×16,0.6/1.0kV</t>
  </si>
  <si>
    <t>【安徽华菱】交联电力电缆\ZC-YJV\4×35+1×16,0.6/1.0kV</t>
  </si>
  <si>
    <t>【安徽华菱】交联电力电缆\ZC-YJV\4×50+1×25,0.6/1.0kV</t>
  </si>
  <si>
    <t>【安徽华菱】交联电力电缆\ZC-YJV\4×70+1×35,0.6/1.0kV</t>
  </si>
  <si>
    <t>【安徽华菱】交联电力电缆\ZC-YJV\4×95+1×50,0.6/1.0kV</t>
  </si>
  <si>
    <t>【安徽华菱】交联电力电缆\ZC-YJV\4×120+1×70,0.6/1.0kV</t>
  </si>
  <si>
    <t>【安徽华菱】交联电力电缆\ZC-YJV\4×150+1×70,0.6/1.0kV</t>
  </si>
  <si>
    <t>【安徽华菱】交联电力电缆\ZC-YJV\4×185+1×95,0.6/1.0kV</t>
  </si>
  <si>
    <t>【安徽华菱】交联电力电缆\ZC-YJV22\2×1.5,0.6/1kV</t>
  </si>
  <si>
    <t>【安徽华菱】交联电力电缆\ZC-YJV22\2×2.5,0.6/1kV</t>
  </si>
  <si>
    <t>【安徽华菱】交联电力电缆\ZC-YJV22\2×4,0.6/1kV</t>
  </si>
  <si>
    <t>【安徽华菱】交联电力电缆\ZC-YJV22\2×6,0.6/1kV</t>
  </si>
  <si>
    <t>【安徽华菱】交联电力电缆\ZC-YJV22\2×10,0.6/1kV</t>
  </si>
  <si>
    <t>【安徽华菱】交联电力电缆\ZC-YJV22\2×16,0.6/1kV</t>
  </si>
  <si>
    <t>【安徽华菱】交联电力电缆\ZC-YJV22\2×25,0.6/1kV</t>
  </si>
  <si>
    <t>【安徽华菱】交联电力电缆\ZC-YJV22\2×35,0.6/1kV</t>
  </si>
  <si>
    <t>【安徽华菱】交联电力电缆\ZC-YJV22\2×50,0.6/1kV</t>
  </si>
  <si>
    <t>【安徽华菱】交联电力电缆\ZC-YJV22\2×70,0.6/1kV</t>
  </si>
  <si>
    <t>【安徽华菱】交联电力电缆\ZC-YJV22\2×95,0.6/1kV</t>
  </si>
  <si>
    <t>【安徽华菱】交联电力电缆\ZC-YJV22\2×120,0.6/1kV</t>
  </si>
  <si>
    <t>【安徽华菱】交联电力电缆\ZC-YJV22\2×150,0.6/1kV</t>
  </si>
  <si>
    <t>【安徽华菱】交联电力电缆\ZC-YJV22\2×185,0.6/1kV</t>
  </si>
  <si>
    <t>【安徽华菱】交联电力电缆\ZC-YJV22\2×240,0.6/1kV</t>
  </si>
  <si>
    <t>【安徽华菱】交联电力电缆\ZC-YJV22\2×300,0.6/1kV</t>
  </si>
  <si>
    <t>【安徽华菱】交联电力电缆\ZC-YJV22\3×1.5,0.6/1kV</t>
  </si>
  <si>
    <t>【安徽华菱】交联电力电缆\ZC-YJV22\3×2.5,0.6/1kV</t>
  </si>
  <si>
    <t>【安徽华菱】交联电力电缆\ZC-YJV22\3×4,0.6/1kV</t>
  </si>
  <si>
    <t>【安徽华菱】交联电力电缆\ZC-YJV22\3×6,0.6/1kV</t>
  </si>
  <si>
    <t>【安徽华菱】交联电力电缆\ZC-YJV22\3×10,0.6/1kV</t>
  </si>
  <si>
    <t>【安徽华菱】交联电力电缆\ZC-YJV22\3×16,0.6/1kV</t>
  </si>
  <si>
    <t>【安徽华菱】交联电力电缆\ZC-YJV22\3×25,0.6/1kV</t>
  </si>
  <si>
    <t>【安徽华菱】交联电力电缆\ZC-YJV22\3×35,0.6/1kV</t>
  </si>
  <si>
    <t>【安徽华菱】交联电力电缆\ZC-YJV22\3×50,0.6/1kV</t>
  </si>
  <si>
    <t>【安徽华菱】交联电力电缆\ZC-YJV22\3×70,0.6/1kV</t>
  </si>
  <si>
    <t>【安徽华菱】交联电力电缆\ZC-YJV22\3×95,0.6/1kV</t>
  </si>
  <si>
    <t>【安徽华菱】交联电力电缆\ZC-YJV22\3×120,0.6/1kV</t>
  </si>
  <si>
    <t>【安徽华菱】交联电力电缆\ZC-YJV22\3×150,0.6/1kV</t>
  </si>
  <si>
    <t>【安徽华菱】交联电力电缆\ZC-YJV22\3×185,0.6/1kV</t>
  </si>
  <si>
    <t>【安徽华菱】交联电力电缆\ZC-YJV22\3×240,0.6/1kV</t>
  </si>
  <si>
    <t>【安徽华菱】交联电力电缆\ZC-YJV22\3×300,0.6/1kV</t>
  </si>
  <si>
    <t>【安徽华菱】交联电力电缆\ZC-YJV22\3×400,0.6/1kV</t>
  </si>
  <si>
    <t>【安徽华菱】交联电力电缆\YJV22\3×120+1×70,0.6/1kV</t>
  </si>
  <si>
    <t>【安徽华菱】交联电力电缆\YJV22\3×120+2×70,0.6/1kV</t>
  </si>
  <si>
    <t>【安徽华菱】交联电力电缆\YJV22\3×150+1×70,0.6/1kV</t>
  </si>
  <si>
    <t>【安徽华菱】交联电力电缆\YJV22\3×150+2×70,0.6/1kV</t>
  </si>
  <si>
    <t>【安徽华菱】交联电力电缆\YJV22\3×185+1×95,0.6/1kV</t>
  </si>
  <si>
    <t>【安徽华菱】交联电力电缆\YJV22\3×185+2×95,0.6/1kV</t>
  </si>
  <si>
    <t>【安徽华菱】交联电力电缆\YJV22\3×240+1×120,0.6/1kV</t>
  </si>
  <si>
    <t>【安徽华菱】交联电力电缆\YJV22\3×240+2×120,0.6/1kV</t>
  </si>
  <si>
    <t>【安徽华菱】交联电力电缆\YJV22\3×240+3×120,0.6/1kV</t>
  </si>
  <si>
    <t>【安徽华菱】交联电力电缆\YJV22\3×300+1×150,0.6/1kV</t>
  </si>
  <si>
    <t>【安徽华菱】交联电力电缆\YJV22\3×35+1×16,0.6/1kV</t>
  </si>
  <si>
    <t>【安徽华菱】交联电力电缆\YJV22\3×50+1×25,0.6/1kV</t>
  </si>
  <si>
    <t>【安徽华菱】交联电力电缆\YJV22\3×50+2×25,0.6/1kV</t>
  </si>
  <si>
    <t>【安徽华菱】交联电力电缆\YJV22\3×70+1×35,0.6/1kV</t>
  </si>
  <si>
    <t>【安徽华菱】交联电力电缆\YJV22\3×95+1×50,0.6/1kV</t>
  </si>
  <si>
    <t>【安徽华菱】交联电力电缆\YJV22\3×95+2×50,0.6/1kV</t>
  </si>
  <si>
    <t>【安徽华菱】交联电力电缆\ZC-YJV22\4×1.5,0.6/1kV</t>
  </si>
  <si>
    <t>【安徽华菱】交联电力电缆\ZC-YJV22\4×2.5,0.6/1kV</t>
  </si>
  <si>
    <t>【安徽华菱】交联电力电缆\ZC-YJV22\4×4,0.6/1kV</t>
  </si>
  <si>
    <t>【安徽华菱】交联电力电缆\ZC-YJV22\4×6,0.6/1kV</t>
  </si>
  <si>
    <t>【安徽华菱】交联电力电缆\ZC-YJV22\4×10,0.6/1kV</t>
  </si>
  <si>
    <t>【安徽华菱】交联电力电缆\ZC-YJV22\4×16,0.6/1kV</t>
  </si>
  <si>
    <t>【安徽华菱】交联电力电缆\ZC-YJV22\4×25,0.6/1kV</t>
  </si>
  <si>
    <t>【安徽华菱】交联电力电缆\ZC-YJV22\4×35,0.6/1kV</t>
  </si>
  <si>
    <t>【安徽华菱】交联电力电缆\ZC-YJV22\4×50,0.6/1kV</t>
  </si>
  <si>
    <t>【安徽华菱】交联电力电缆\ZC-YJV22\4×70,0.6/1kV</t>
  </si>
  <si>
    <t>【安徽华菱】交联电力电缆\ZC-YJV22\4×95,0.6/1kV</t>
  </si>
  <si>
    <t>【安徽华菱】交联电力电缆\ZC-YJV22\4×120,0.6/1kV</t>
  </si>
  <si>
    <t>【安徽华菱】交联电力电缆\ZC-YJV22\4×150,0.6/1kV</t>
  </si>
  <si>
    <t>【安徽华菱】交联电力电缆\ZC-YJV22\4×185,0.6/1kV</t>
  </si>
  <si>
    <t>【安徽华菱】交联电力电缆\ZC-YJV22\5×1.5,0.6/1kV</t>
  </si>
  <si>
    <t>【安徽华菱】交联电力电缆\ZC-YJV22\5×2.5,0.6/1kV</t>
  </si>
  <si>
    <t>【安徽华菱】交联电力电缆\ZC-YJV22\5×4,0.6/1kV</t>
  </si>
  <si>
    <t>【安徽华菱】交联电力电缆\ZC-YJV22\5×6,0.6/1kV</t>
  </si>
  <si>
    <t>【安徽华菱】交联电力电缆\ZC-YJV22\5×10,0.6/1kV</t>
  </si>
  <si>
    <t>【安徽华菱】交联电力电缆\ZC-YJV22\5×16,0.6/1kV</t>
  </si>
  <si>
    <t>【安徽华菱】交联电力电缆\ZC-YJV22\5×25,0.6/1kV</t>
  </si>
  <si>
    <t>【安徽华菱】交联电力电缆\ZC-YJV22\5×35,0.6/1kV</t>
  </si>
  <si>
    <t>【安徽华菱】交联电力电缆\ZC-YJV22\5×50,0.6/1kV</t>
  </si>
  <si>
    <t>【安徽华菱】交联电力电缆\ZC-YJV22\5×70,0.6/1kV</t>
  </si>
  <si>
    <t>【安徽华菱】交联电力电缆\ZC-YJV22\5×95,0.6/1kV</t>
  </si>
  <si>
    <t>【安徽华菱】交联电力电缆\ZC-YJV22\5×120,0.6/1kV</t>
  </si>
  <si>
    <t>【安徽华菱】交联电力电缆\ZC-YJV22\5×150,0.6/1kV</t>
  </si>
  <si>
    <t>【安徽华菱】交联电力电缆\ZC-YJV22\3×2.5+1×1.5,0.6/1kV</t>
  </si>
  <si>
    <t>【安徽华菱】交联电力电缆\ZC-YJV22\3×4+1×2.5,0.6/1kV</t>
  </si>
  <si>
    <t>【安徽华菱】交联电力电缆\ZC-YJV22\3×6+1×4,0.6/1kV</t>
  </si>
  <si>
    <t>【安徽华菱】交联电力电缆\ZC-YJV22\3×10+1×6,0.6/1kV</t>
  </si>
  <si>
    <t>【安徽华菱】交联电力电缆\ZC-YJV22\3×16+1×10,0.6/1kV</t>
  </si>
  <si>
    <t>【安徽华菱】交联电力电缆\ZC-YJV22\3×25+1×16,0.6/1kV</t>
  </si>
  <si>
    <t>【安徽华菱】交联电力电缆\ZC-YJV22\3×35+1×16,0.6/1kV</t>
  </si>
  <si>
    <t>【安徽华菱】交联电力电缆\ZC-YJV22\3×50+1×25,0.6/1kV</t>
  </si>
  <si>
    <t>【安徽华菱】交联电力电缆\ZC-YJV22\3×70+1×35,0.6/1kV</t>
  </si>
  <si>
    <t>【安徽华菱】交联电力电缆\ZC-YJV22\3×95+1×50,0.6/1kV</t>
  </si>
  <si>
    <t>【安徽华菱】交联电力电缆\ZC-YJV22\3×120+1×70,0.6/1kV</t>
  </si>
  <si>
    <t>【安徽华菱】交联电力电缆\ZC-YJV22\3×150+1×70,0.6/1kV</t>
  </si>
  <si>
    <t>【安徽华菱】交联电力电缆\ZC-YJV22\3×185+1×95,0.6/1kV</t>
  </si>
  <si>
    <t>【安徽华菱】交联电力电缆\ZC-YJV22\3×240+1×120,0.6/1kV</t>
  </si>
  <si>
    <t>【安徽华菱】交联电力电缆\ZC-YJV22\3×300+1×150,0.6/1kV</t>
  </si>
  <si>
    <t>【安徽华菱】交联电力电缆\ZC-YJV22\3×400+1×185,0.6/1kV</t>
  </si>
  <si>
    <t>【安徽华菱】交联电力电缆\ZC-YJV22\3×2.5+2×1.5,0.6/1kV</t>
  </si>
  <si>
    <t>【安徽华菱】交联电力电缆\ZC-YJV22\3×4+2×2.5,0.6/1kV</t>
  </si>
  <si>
    <t>【安徽华菱】交联电力电缆\ZC-YJV22\3×6+2×4,0.6/1kV</t>
  </si>
  <si>
    <t>【安徽华菱】交联电力电缆\ZC-YJV22\3×10+2×6,0.6/1kV</t>
  </si>
  <si>
    <t>【安徽华菱】交联电力电缆\ZC-YJV22\3×16+2×10,0.6/1kV</t>
  </si>
  <si>
    <t>【安徽华菱】交联电力电缆\ZC-YJV22\3×25+2×16,0.6/1kV</t>
  </si>
  <si>
    <t>【安徽华菱】交联电力电缆\ZC-YJV22\3×35+2×16,0.6/1kV</t>
  </si>
  <si>
    <t>【安徽华菱】交联电力电缆\ZC-YJV22\3×50+2×25,0.6/1kV</t>
  </si>
  <si>
    <t>【安徽华菱】交联电力电缆\ZC-YJV22\3×70+2×35,0.6/1kV</t>
  </si>
  <si>
    <t>【安徽华菱】交联电力电缆\ZC-YJV22\3×95+2×50,0.6/1kV</t>
  </si>
  <si>
    <t>【安徽华菱】交联电力电缆\ZC-YJV22\3×120+2×70,0.6/1kV</t>
  </si>
  <si>
    <t>【安徽华菱】交联电力电缆\ZC-YJV22\3×150+2×70,0.6/1kV</t>
  </si>
  <si>
    <t>【安徽华菱】交联电力电缆\ZC-YJV22\3×185+2×95,0.6/1kV</t>
  </si>
  <si>
    <t>【安徽华菱】交联电力电缆\ZC-YJV22\3×240+2×120,0.6/1kV</t>
  </si>
  <si>
    <t>【安徽华菱】交联电力电缆\ZC-YJV22\3×300+2×150,0.6/1kV</t>
  </si>
  <si>
    <t>【安徽华菱】交联电力电缆\ZC-YJV22\3×400+2×185,0.6/1kV</t>
  </si>
  <si>
    <t>【安徽华菱】交联电力电缆\ZC-YJV22\4×2.5+1×1.5,0.6/1kV</t>
  </si>
  <si>
    <t>【安徽华菱】交联电力电缆\ZC-YJV22\4×4+1×2.5,0.6/1kV</t>
  </si>
  <si>
    <t>【安徽华菱】交联电力电缆\ZC-YJV22\4×6+1×4,0.6/1kV</t>
  </si>
  <si>
    <t>【安徽华菱】交联电力电缆\ZC-YJV22\4×10+1×6,0.6/1kV</t>
  </si>
  <si>
    <t>【安徽华菱】交联电力电缆\ZC-YJV22\4×16+1×10,0.6/1kV</t>
  </si>
  <si>
    <t>【安徽华菱】交联电力电缆\ZC-YJV22\4×25+1×16,0.6/1kV</t>
  </si>
  <si>
    <t>【安徽华菱】交联电力电缆\ZC-YJV22\4×35+1×16,0.6/1kV</t>
  </si>
  <si>
    <t>【安徽华菱】交联电力电缆\ZC-YJV22\4×50+1×25,0.6/1kV</t>
  </si>
  <si>
    <t>【安徽华菱】交联电力电缆\ZC-YJV22\4×70+1×35,0.6/1kV</t>
  </si>
  <si>
    <t>【安徽华菱】交联电力电缆\ZC-YJV22\4×95+1×50,0.6/1kV</t>
  </si>
  <si>
    <t>【安徽华菱】交联电力电缆\ZC-YJV22\4×120+1×70,0.6/1kV</t>
  </si>
  <si>
    <t>【安徽华菱】交联电力电缆\ZC-YJV22\4×150+1×70,0.6/1kV</t>
  </si>
  <si>
    <t>【安徽华菱】交联电力电缆\ZC-YJV22\4×185+1×95,0.6/1kV</t>
  </si>
  <si>
    <t>【安徽华菱】交联电力电缆\ZC-YJV62\1×1.5,0.6/1kV</t>
  </si>
  <si>
    <t>【安徽华菱】交联电力电缆\ZC-YJV62\1×2.5,0.6/1kV</t>
  </si>
  <si>
    <t>【安徽华菱】交联电力电缆\ZC-YJV62\1×4,0.6/1kV</t>
  </si>
  <si>
    <t>【安徽华菱】交联电力电缆\ZC-YJV62\1×6,0.6/1kV</t>
  </si>
  <si>
    <t>【安徽华菱】交联电力电缆\ZC-YJV62\1×10,0.6/1kV</t>
  </si>
  <si>
    <t>【安徽华菱】交联电力电缆\ZC-YJV62\1×16,0.6/1kV</t>
  </si>
  <si>
    <t>【安徽华菱】交联电力电缆\ZC-YJV62\1×25,0.6/1kV</t>
  </si>
  <si>
    <t>【安徽华菱】交联电力电缆\ZC-YJV62\1×35,0.6/1kV</t>
  </si>
  <si>
    <t>【安徽华菱】交联电力电缆\ZC-YJV62\1×50,0.6/1kV</t>
  </si>
  <si>
    <t>【安徽华菱】交联电力电缆\ZC-YJV62\1×70,0.6/1kV</t>
  </si>
  <si>
    <t>【安徽华菱】交联电力电缆\ZC-YJV62\1×95,0.6/1kV</t>
  </si>
  <si>
    <t>【安徽华菱】交联电力电缆\ZC-YJV62\1×120,0.6/1kV</t>
  </si>
  <si>
    <t>【安徽华菱】交联电力电缆\ZC-YJV62\1×150,0.6/1kV</t>
  </si>
  <si>
    <t>【安徽华菱】交联电力电缆\ZC-YJV62\1×185,0.6/1kV</t>
  </si>
  <si>
    <t>【安徽华菱】交联电力电缆\ZC-YJV62\1×240,0.6/1kV</t>
  </si>
  <si>
    <t>【安徽华菱】交联电力电缆\ZC-YJV62\1×300,0.6/1kV</t>
  </si>
  <si>
    <t>【安徽华菱】交联电力电缆\ZC-YJV62\1×400,0.6/1kV</t>
  </si>
  <si>
    <t>【安徽华菱】交联电力电缆\ZC-YJV62\1×500,0.6/1kV</t>
  </si>
  <si>
    <t>【安徽华菱】交联电力电缆\ZC-YJY\1×1.5,0.6/1.0kV</t>
  </si>
  <si>
    <t>【安徽华菱】交联电力电缆\ZC-YJY\1×2.5,0.6/1.0kV</t>
  </si>
  <si>
    <t>【安徽华菱】交联电力电缆\ZC-YJY\1×4,0.6/1.0kV</t>
  </si>
  <si>
    <t>【安徽华菱】交联电力电缆\ZC-YJY\1×6,0.6/1.0kV</t>
  </si>
  <si>
    <t>【安徽华菱】交联电力电缆\ZC-YJY\1×10,0.6/1.0kV</t>
  </si>
  <si>
    <t>【安徽华菱】交联电力电缆\ZC-YJY\1×16,0.6/1.0kV</t>
  </si>
  <si>
    <t>【安徽华菱】交联电力电缆\ZC-YJY\1×25,0.6/1.0kV</t>
  </si>
  <si>
    <t>【安徽华菱】交联电力电缆\ZC-YJY\1×35,0.6/1.0kV</t>
  </si>
  <si>
    <t>【安徽华菱】交联电力电缆\ZC-YJY\1×50,0.6/1.0kV</t>
  </si>
  <si>
    <t>【安徽华菱】交联电力电缆\ZC-YJY\1×70,0.6/1.0kV</t>
  </si>
  <si>
    <t>【安徽华菱】交联电力电缆\ZC-YJY\1×95,0.6/1.0kV</t>
  </si>
  <si>
    <t>【安徽华菱】交联电力电缆\ZC-YJY\1×120,0.6/1.0kV</t>
  </si>
  <si>
    <t>【安徽华菱】交联电力电缆\ZC-YJY\1×150,0.6/1.0kV</t>
  </si>
  <si>
    <t>【安徽华菱】交联电力电缆\ZC-YJY\1×185,0.6/1.0kV</t>
  </si>
  <si>
    <t>【安徽华菱】交联电力电缆\ZC-YJY\1×240,0.6/1.0kV</t>
  </si>
  <si>
    <t>【安徽华菱】交联电力电缆\ZC-YJY\1×300,0.6/1.0kV</t>
  </si>
  <si>
    <t>【安徽华菱】交联电力电缆\ZC-YJY\1×400,0.6/1.0kV</t>
  </si>
  <si>
    <t>【安徽华菱】交联电力电缆\ZC-YJY\1×500,0.6/1.0kV</t>
  </si>
  <si>
    <t>【安徽华菱】交联电力电缆\ZC-YJY\2×1.5,0.6/1.0kV</t>
  </si>
  <si>
    <t>【安徽华菱】交联电力电缆\ZC-YJY\2×2.5,0.6/1.0kV</t>
  </si>
  <si>
    <t>【安徽华菱】交联电力电缆\ZC-YJY\2×4,0.6/1.0kV</t>
  </si>
  <si>
    <t>【安徽华菱】交联电力电缆\ZC-YJY\2×6,0.6/1.0kV</t>
  </si>
  <si>
    <t>【安徽华菱】交联电力电缆\ZC-YJY\2×10,0.6/1.0kV</t>
  </si>
  <si>
    <t>【安徽华菱】交联电力电缆\ZC-YJY\2×16,0.6/1.0kV</t>
  </si>
  <si>
    <t>【安徽华菱】交联电力电缆\ZC-YJY\2×25,0.6/1.0kV</t>
  </si>
  <si>
    <t>【安徽华菱】交联电力电缆\ZC-YJY\2×35,0.6/1.0kV</t>
  </si>
  <si>
    <t>【安徽华菱】交联电力电缆\ZC-YJY\2×50,0.6/1.0kV</t>
  </si>
  <si>
    <t>【安徽华菱】交联电力电缆\ZC-YJY\2×70,0.6/1.0kV</t>
  </si>
  <si>
    <t>【安徽华菱】交联电力电缆\ZC-YJY\2×95,0.6/1.0kV</t>
  </si>
  <si>
    <t>【安徽华菱】交联电力电缆\ZC-YJY\2×120,0.6/1.0kV</t>
  </si>
  <si>
    <t>【安徽华菱】交联电力电缆\ZC-YJY\2×150,0.6/1.0kV</t>
  </si>
  <si>
    <t>【安徽华菱】交联电力电缆\ZC-YJY\2×185,0.6/1.0kV</t>
  </si>
  <si>
    <t>【安徽华菱】交联电力电缆\ZC-YJY\2×240,0.6/1.0kV</t>
  </si>
  <si>
    <t>【安徽华菱】交联电力电缆\ZC-YJY\2×300,0.6/1.0kV</t>
  </si>
  <si>
    <t>【安徽华菱】交联电力电缆\ZC-YJY\3×1.5,0.6/1.0kV</t>
  </si>
  <si>
    <t>【安徽华菱】交联电力电缆\ZC-YJY\3×2.5,0.6/1.0kV</t>
  </si>
  <si>
    <t>【安徽华菱】交联电力电缆\ZC-YJY\3×4,0.6/1.0kV</t>
  </si>
  <si>
    <t>【安徽华菱】交联电力电缆\ZC-YJY\3×6,0.6/1.0kV</t>
  </si>
  <si>
    <t>【安徽华菱】交联电力电缆\ZC-YJY\3×10,0.6/1.0kV</t>
  </si>
  <si>
    <t>【安徽华菱】交联电力电缆\ZC-YJY\3×16,0.6/1.0kV</t>
  </si>
  <si>
    <t>【安徽华菱】交联电力电缆\ZC-YJY\3×25,0.6/1.0kV</t>
  </si>
  <si>
    <t>【安徽华菱】交联电力电缆\ZC-YJY\3×35,0.6/1.0kV</t>
  </si>
  <si>
    <t>【安徽华菱】交联电力电缆\ZC-YJY\3×50,0.6/1.0kV</t>
  </si>
  <si>
    <t>【安徽华菱】交联电力电缆\ZC-YJY\3×70,0.6/1.0kV</t>
  </si>
  <si>
    <t>【安徽华菱】交联电力电缆\ZC-YJY\3×95,0.6/1.0kV</t>
  </si>
  <si>
    <t>【安徽华菱】交联电力电缆\ZC-YJY\3×120,0.6/1.0kV</t>
  </si>
  <si>
    <t>【安徽华菱】交联电力电缆\ZC-YJY\3×150,0.6/1.0kV</t>
  </si>
  <si>
    <t>【安徽华菱】交联电力电缆\ZC-YJY\3×185,0.6/1.0kV</t>
  </si>
  <si>
    <t>【安徽华菱】交联电力电缆\ZC-YJY\3×240,0.6/1.0kV</t>
  </si>
  <si>
    <t>【安徽华菱】交联电力电缆\ZC-YJY\3×300,0.6/1.0kV</t>
  </si>
  <si>
    <t>【安徽华菱】交联电力电缆\ZC-YJY\3×400,0.6/1.0kV</t>
  </si>
  <si>
    <t>【安徽华菱】交联电力电缆\ZC-YJY\4×1.5,0.6/1.0kV</t>
  </si>
  <si>
    <t>【安徽华菱】交联电力电缆\ZC-YJY\4×2.5,0.6/1.0kV</t>
  </si>
  <si>
    <t>【安徽华菱】交联电力电缆\ZC-YJY\4×4,0.6/1.0kV</t>
  </si>
  <si>
    <t>【安徽华菱】交联电力电缆\ZC-YJY\4×6,0.6/1.0kV</t>
  </si>
  <si>
    <t>【安徽华菱】交联电力电缆\ZC-YJY\4×10,0.6/1.0kV</t>
  </si>
  <si>
    <t>【安徽华菱】交联电力电缆\ZC-YJY\4×16,0.6/1.0kV</t>
  </si>
  <si>
    <t>【安徽华菱】交联电力电缆\ZC-YJY\4×25,0.6/1.0kV</t>
  </si>
  <si>
    <t>【安徽华菱】交联电力电缆\ZC-YJY\4×35,0.6/1.0kV</t>
  </si>
  <si>
    <t>【安徽华菱】交联电力电缆\ZC-YJY\4×50,0.6/1.0kV</t>
  </si>
  <si>
    <t>【安徽华菱】交联电力电缆\ZC-YJY\4×70,0.6/1.0kV</t>
  </si>
  <si>
    <t>【安徽华菱】交联电力电缆\ZC-YJY\4×95,0.6/1.0kV</t>
  </si>
  <si>
    <t>【安徽华菱】交联电力电缆\ZC-YJY\4×120,0.6/1.0kV</t>
  </si>
  <si>
    <t>【安徽华菱】交联电力电缆\ZC-YJY\4×150,0.6/1.0kV</t>
  </si>
  <si>
    <t>【安徽华菱】交联电力电缆\ZC-YJY\4×185,0.6/1.0kV</t>
  </si>
  <si>
    <t>【安徽华菱】交联电力电缆\ZC-YJY\5×1.5,0.6/1.0kV</t>
  </si>
  <si>
    <t>【安徽华菱】交联电力电缆\ZC-YJY\5×2.5,0.6/1.0kV</t>
  </si>
  <si>
    <t>【安徽华菱】交联电力电缆\ZC-YJY\5×4,0.6/1.0kV</t>
  </si>
  <si>
    <t>【安徽华菱】交联电力电缆\ZC-YJY\5×6,0.6/1.0kV</t>
  </si>
  <si>
    <t>【安徽华菱】交联电力电缆\ZC-YJY\5×10,0.6/1.0kV</t>
  </si>
  <si>
    <t>【安徽华菱】交联电力电缆\ZC-YJY\5×16,0.6/1.0kV</t>
  </si>
  <si>
    <t>【安徽华菱】交联电力电缆\ZC-YJY\5×25,0.6/1.0kV</t>
  </si>
  <si>
    <t>【安徽华菱】交联电力电缆\ZC-YJY\5×35,0.6/1.0kV</t>
  </si>
  <si>
    <t>【安徽华菱】交联电力电缆\ZC-YJY\5×50,0.6/1.0kV</t>
  </si>
  <si>
    <t>【安徽华菱】交联电力电缆\ZC-YJY\5×70,0.6/1.0kV</t>
  </si>
  <si>
    <t>【安徽华菱】交联电力电缆\ZC-YJY\5×95,0.6/1.0kV</t>
  </si>
  <si>
    <t>【安徽华菱】交联电力电缆\ZC-YJY\5×120,0.6/1.0kV</t>
  </si>
  <si>
    <t>【安徽华菱】交联电力电缆\ZC-YJY\5×150,0.6/1.0kV</t>
  </si>
  <si>
    <t>【安徽华菱】交联电力电缆\ZC-YJY\3×2.5+1×1.5,0.6/1.0kV</t>
  </si>
  <si>
    <t>【安徽华菱】交联电力电缆\ZC-YJY\3×4+1×2.5,0.6/1.0kV</t>
  </si>
  <si>
    <t>【安徽华菱】交联电力电缆\ZC-YJY\3×6+1×4,0.6/1.0kV</t>
  </si>
  <si>
    <t>【安徽华菱】交联电力电缆\ZC-YJY\3×10+1×6,0.6/1.0kV</t>
  </si>
  <si>
    <t>【安徽华菱】交联电力电缆\ZC-YJY\3×16+1×10,0.6/1.0kV</t>
  </si>
  <si>
    <t>【安徽华菱】交联电力电缆\ZC-YJY\3×25+1×16,0.6/1.0kV</t>
  </si>
  <si>
    <t>【安徽华菱】交联电力电缆\ZC-YJY\3×35+1×16,0.6/1.0kV</t>
  </si>
  <si>
    <t>【安徽华菱】交联电力电缆\ZC-YJY\3×50+1×25,0.6/1.0kV</t>
  </si>
  <si>
    <t>【安徽华菱】交联电力电缆\ZC-YJY\3×70+1×35,0.6/1.0kV</t>
  </si>
  <si>
    <t>【安徽华菱】交联电力电缆\ZC-YJY\3×95+1×50,0.6/1.0kV</t>
  </si>
  <si>
    <t>【安徽华菱】交联电力电缆\ZC-YJY\3×120+1×70,0.6/1.0kV</t>
  </si>
  <si>
    <t>【安徽华菱】交联电力电缆\ZC-YJY\3×150+1×70,0.6/1.0kV</t>
  </si>
  <si>
    <t>【安徽华菱】交联电力电缆\ZC-YJY\3×185+1×95,0.6/1.0kV</t>
  </si>
  <si>
    <t>【安徽华菱】交联电力电缆\ZC-YJY\3×240+1×120,0.6/1.0kV</t>
  </si>
  <si>
    <t>【安徽华菱】交联电力电缆\ZC-YJY\3×300+1×150,0.6/1.0kV</t>
  </si>
  <si>
    <t>【安徽华菱】交联电力电缆\ZC-YJY\3×400+1×185,0.6/1.0kV</t>
  </si>
  <si>
    <t>【安徽华菱】交联电力电缆\ZC-YJY\3×2.5+2×1.5,0.6/1.0kV</t>
  </si>
  <si>
    <t>【安徽华菱】交联电力电缆\ZC-YJY\3×4+2×2.5,0.6/1.0kV</t>
  </si>
  <si>
    <t>【安徽华菱】交联电力电缆\ZC-YJY\3×6+2×4,0.6/1.0kV</t>
  </si>
  <si>
    <t>【安徽华菱】交联电力电缆\ZC-YJY\3×10+2×6,0.6/1.0kV</t>
  </si>
  <si>
    <t>【安徽华菱】交联电力电缆\ZC-YJY\3×16+2×10,0.6/1.0kV</t>
  </si>
  <si>
    <t>【安徽华菱】交联电力电缆\ZC-YJY\3×25+2×16,0.6/1.0kV</t>
  </si>
  <si>
    <t>【安徽华菱】交联电力电缆\ZC-YJY\3×35+2×16,0.6/1.0kV</t>
  </si>
  <si>
    <t>【安徽华菱】交联电力电缆\ZC-YJY\3×50+2×25,0.6/1.0kV</t>
  </si>
  <si>
    <t>【安徽华菱】交联电力电缆\ZC-YJY\3×70+2×35,0.6/1.0kV</t>
  </si>
  <si>
    <t>【安徽华菱】交联电力电缆\ZC-YJY\3×95+2×50,0.6/1.0kV</t>
  </si>
  <si>
    <t>【安徽华菱】交联电力电缆\ZC-YJY\3×120+2×70,0.6/1.0kV</t>
  </si>
  <si>
    <t>【安徽华菱】交联电力电缆\ZC-YJY\3×150+2×70,0.6/1.0kV</t>
  </si>
  <si>
    <t>【安徽华菱】交联电力电缆\ZC-YJY\3×185+2×95,0.6/1.0kV</t>
  </si>
  <si>
    <t>【安徽华菱】交联电力电缆\ZC-YJY\3×240+2×120,0.6/1.0kV</t>
  </si>
  <si>
    <t>【安徽华菱】交联电力电缆\ZC-YJY\3×300+2×150,0.6/1.0kV</t>
  </si>
  <si>
    <t>【安徽华菱】交联电力电缆\ZC-YJY\3×400+2×185,0.6/1.0kV</t>
  </si>
  <si>
    <t>【安徽华菱】交联电力电缆\ZC-YJY\4×2.5+1×1.5,0.6/1.0kV</t>
  </si>
  <si>
    <t>【安徽华菱】交联电力电缆\ZC-YJY\4×4+1×2.5,0.6/1.0kV</t>
  </si>
  <si>
    <t>【安徽华菱】交联电力电缆\ZC-YJY\4×6+1×4,0.6/1.0kV</t>
  </si>
  <si>
    <t>【安徽华菱】交联电力电缆\ZC-YJY\4×10+1×6,0.6/1.0kV</t>
  </si>
  <si>
    <t>【安徽华菱】交联电力电缆\ZC-YJY\4×16+1×10,0.6/1.0kV</t>
  </si>
  <si>
    <t>【安徽华菱】交联电力电缆\ZC-YJY\4×25+1×16,0.6/1.0kV</t>
  </si>
  <si>
    <t>【安徽华菱】交联电力电缆\ZC-YJY\4×35+1×16,0.6/1.0kV</t>
  </si>
  <si>
    <t>【安徽华菱】交联电力电缆\ZC-YJY\4×50+1×25,0.6/1.0kV</t>
  </si>
  <si>
    <t>【安徽华菱】交联电力电缆\ZC-YJY\4×70+1×35,0.6/1.0kV</t>
  </si>
  <si>
    <t>【安徽华菱】交联电力电缆\ZC-YJY\4×95+1×50,0.6/1.0kV</t>
  </si>
  <si>
    <t>【安徽华菱】交联电力电缆\ZC-YJY\4×120+1×70,0.6/1.0kV</t>
  </si>
  <si>
    <t>【安徽华菱】交联电力电缆\ZC-YJY\4×150+1×70,0.6/1.0kV</t>
  </si>
  <si>
    <t>【安徽华菱】交联电力电缆\ZC-YJY\4×185+1×95,0.6/1.0kV</t>
  </si>
  <si>
    <t>【安徽华菱】交联电力电缆\ZC-YJY23\2×1.5,0.6/1kV</t>
  </si>
  <si>
    <t>【安徽华菱】交联电力电缆\ZC-YJY23\2×2.5,0.6/1kV</t>
  </si>
  <si>
    <t>【安徽华菱】交联电力电缆\ZC-YJY23\2×4,0.6/1kV</t>
  </si>
  <si>
    <t>【安徽华菱】交联电力电缆\ZC-YJY23\2×6,0.6/1kV</t>
  </si>
  <si>
    <t>【安徽华菱】交联电力电缆\ZC-YJY23\2×10,0.6/1kV</t>
  </si>
  <si>
    <t>【安徽华菱】交联电力电缆\ZC-YJY23\2×16,0.6/1kV</t>
  </si>
  <si>
    <t>【安徽华菱】交联电力电缆\ZC-YJY23\2×25,0.6/1kV</t>
  </si>
  <si>
    <t>【安徽华菱】交联电力电缆\ZC-YJY23\2×35,0.6/1kV</t>
  </si>
  <si>
    <t>【安徽华菱】交联电力电缆\ZC-YJY23\2×50,0.6/1kV</t>
  </si>
  <si>
    <t>【安徽华菱】交联电力电缆\ZC-YJY23\2×70,0.6/1kV</t>
  </si>
  <si>
    <t>【安徽华菱】交联电力电缆\ZC-YJY23\2×95,0.6/1kV</t>
  </si>
  <si>
    <t>【安徽华菱】交联电力电缆\ZC-YJY23\2×120,0.6/1kV</t>
  </si>
  <si>
    <t>【安徽华菱】交联电力电缆\ZC-YJY23\2×150,0.6/1kV</t>
  </si>
  <si>
    <t>【安徽华菱】交联电力电缆\ZC-YJY23\2×185,0.6/1kV</t>
  </si>
  <si>
    <t>【安徽华菱】交联电力电缆\ZC-YJY23\2×240,0.6/1kV</t>
  </si>
  <si>
    <t>【安徽华菱】交联电力电缆\ZC-YJY23\2×300,0.6/1kV</t>
  </si>
  <si>
    <t>【安徽华菱】交联电力电缆\ZC-YJY23\3×1.5,0.6/1kV</t>
  </si>
  <si>
    <t>【安徽华菱】交联电力电缆\ZC-YJY23\3×2.5,0.6/1kV</t>
  </si>
  <si>
    <t>【安徽华菱】交联电力电缆\ZC-YJY23\3×4,0.6/1kV</t>
  </si>
  <si>
    <t>【安徽华菱】交联电力电缆\ZC-YJY23\3×6,0.6/1kV</t>
  </si>
  <si>
    <t>【安徽华菱】交联电力电缆\ZC-YJY23\3×10,0.6/1kV</t>
  </si>
  <si>
    <t>【安徽华菱】交联电力电缆\ZC-YJY23\3×16,0.6/1kV</t>
  </si>
  <si>
    <t>【安徽华菱】交联电力电缆\ZC-YJY23\3×25,0.6/1kV</t>
  </si>
  <si>
    <t>【安徽华菱】交联电力电缆\ZC-YJY23\3×35,0.6/1kV</t>
  </si>
  <si>
    <t>【安徽华菱】交联电力电缆\ZC-YJY23\3×50,0.6/1kV</t>
  </si>
  <si>
    <t>【安徽华菱】交联电力电缆\ZC-YJY23\3×70,0.6/1kV</t>
  </si>
  <si>
    <t>【安徽华菱】交联电力电缆\ZC-YJY23\3×95,0.6/1kV</t>
  </si>
  <si>
    <t>【安徽华菱】交联电力电缆\ZC-YJY23\3×120,0.6/1kV</t>
  </si>
  <si>
    <t>【安徽华菱】交联电力电缆\ZC-YJY23\3×150,0.6/1kV</t>
  </si>
  <si>
    <t>【安徽华菱】交联电力电缆\ZC-YJY23\3×185,0.6/1kV</t>
  </si>
  <si>
    <t>【安徽华菱】交联电力电缆\ZC-YJY23\3×240,0.6/1kV</t>
  </si>
  <si>
    <t>【安徽华菱】交联电力电缆\ZC-YJY23\3×300,0.6/1kV</t>
  </si>
  <si>
    <t>【安徽华菱】交联电力电缆\ZC-YJY23\3×400,0.6/1kV</t>
  </si>
  <si>
    <t>【安徽华菱】交联电力电缆\ZC-YJY23\4×1.5,0.6/1kV</t>
  </si>
  <si>
    <t>【安徽华菱】交联电力电缆\ZC-YJY23\4×2.5,0.6/1kV</t>
  </si>
  <si>
    <t>【安徽华菱】交联电力电缆\ZC-YJY23\4×4,0.6/1kV</t>
  </si>
  <si>
    <t>【安徽华菱】交联电力电缆\ZC-YJY23\4×6,0.6/1kV</t>
  </si>
  <si>
    <t>【安徽华菱】交联电力电缆\ZC-YJY23\4×10,0.6/1kV</t>
  </si>
  <si>
    <t>【安徽华菱】交联电力电缆\ZC-YJY23\4×16,0.6/1kV</t>
  </si>
  <si>
    <t>【安徽华菱】交联电力电缆\ZC-YJY23\4×25,0.6/1kV</t>
  </si>
  <si>
    <t>【安徽华菱】交联电力电缆\ZC-YJY23\4×35,0.6/1kV</t>
  </si>
  <si>
    <t>【安徽华菱】交联电力电缆\ZC-YJY23\4×50,0.6/1kV</t>
  </si>
  <si>
    <t>【安徽华菱】交联电力电缆\ZC-YJY23\4×70,0.6/1kV</t>
  </si>
  <si>
    <t>【安徽华菱】交联电力电缆\ZC-YJY23\4×95,0.6/1kV</t>
  </si>
  <si>
    <t>【安徽华菱】交联电力电缆\ZC-YJY23\4×120,0.6/1kV</t>
  </si>
  <si>
    <t>【安徽华菱】交联电力电缆\ZC-YJY23\4×150,0.6/1kV</t>
  </si>
  <si>
    <t>【安徽华菱】交联电力电缆\ZC-YJY23\4×185,0.6/1kV</t>
  </si>
  <si>
    <t>【安徽华菱】交联电力电缆\ZC-YJY23\5×1.5,0.6/1kV</t>
  </si>
  <si>
    <t>【安徽华菱】交联电力电缆\ZC-YJY23\5×2.5,0.6/1kV</t>
  </si>
  <si>
    <t>【安徽华菱】交联电力电缆\ZC-YJY23\5×4,0.6/1kV</t>
  </si>
  <si>
    <t>【安徽华菱】交联电力电缆\ZC-YJY23\5×6,0.6/1kV</t>
  </si>
  <si>
    <t>【安徽华菱】交联电力电缆\ZC-YJY23\5×10,0.6/1kV</t>
  </si>
  <si>
    <t>【安徽华菱】交联电力电缆\ZC-YJY23\5×16,0.6/1kV</t>
  </si>
  <si>
    <t>【安徽华菱】交联电力电缆\ZC-YJY23\5×25,0.6/1kV</t>
  </si>
  <si>
    <t>【安徽华菱】交联电力电缆\ZC-YJY23\5×35,0.6/1kV</t>
  </si>
  <si>
    <t>【安徽华菱】交联电力电缆\ZC-YJY23\5×50,0.6/1kV</t>
  </si>
  <si>
    <t>【安徽华菱】交联电力电缆\ZC-YJY23\5×70,0.6/1kV</t>
  </si>
  <si>
    <t>【安徽华菱】交联电力电缆\ZC-YJY23\5×95,0.6/1kV</t>
  </si>
  <si>
    <t>【安徽华菱】交联电力电缆\ZC-YJY23\5×120,0.6/1kV</t>
  </si>
  <si>
    <t>【安徽华菱】交联电力电缆\ZC-YJY23\5×150,0.6/1kV</t>
  </si>
  <si>
    <t>【安徽华菱】交联电力电缆\ZC-YJY23\3×2.5+1×1.5,0.6/1kV</t>
  </si>
  <si>
    <t>【安徽华菱】交联电力电缆\ZC-YJY23\3×4+1×2.5,0.6/1kV</t>
  </si>
  <si>
    <t>【安徽华菱】交联电力电缆\ZC-YJY23\3×6+1×4,0.6/1kV</t>
  </si>
  <si>
    <t>【安徽华菱】交联电力电缆\ZC-YJY23\3×10+1×6,0.6/1kV</t>
  </si>
  <si>
    <t>【安徽华菱】交联电力电缆\ZC-YJY23\3×16+1×10,0.6/1kV</t>
  </si>
  <si>
    <t>【安徽华菱】交联电力电缆\ZC-YJY23\3×25+1×16,0.6/1kV</t>
  </si>
  <si>
    <t>【安徽华菱】交联电力电缆\ZC-YJY23\3×35+1×16,0.6/1kV</t>
  </si>
  <si>
    <t>【安徽华菱】交联电力电缆\ZC-YJY23\3×50+1×25,0.6/1kV</t>
  </si>
  <si>
    <t>【安徽华菱】交联电力电缆\ZC-YJY23\3×70+1×35,0.6/1kV</t>
  </si>
  <si>
    <t>【安徽华菱】交联电力电缆\ZC-YJY23\3×95+1×50,0.6/1kV</t>
  </si>
  <si>
    <t>【安徽华菱】交联电力电缆\ZC-YJY23\3×120+1×70,0.6/1kV</t>
  </si>
  <si>
    <t>【安徽华菱】交联电力电缆\ZC-YJY23\3×150+1×70,0.6/1kV</t>
  </si>
  <si>
    <t>【安徽华菱】交联电力电缆\ZC-YJY23\3×185+1×95,0.6/1kV</t>
  </si>
  <si>
    <t>【安徽华菱】交联电力电缆\ZC-YJY23\3×240+1×120,0.6/1kV</t>
  </si>
  <si>
    <t>【安徽华菱】交联电力电缆\ZC-YJY23\3×300+1×150,0.6/1kV</t>
  </si>
  <si>
    <t>【安徽华菱】交联电力电缆\ZC-YJY23\3×400+1×185,0.6/1kV</t>
  </si>
  <si>
    <t>【安徽华菱】交联电力电缆\ZC-YJY23\3×2.5+2×1.5,0.6/1kV</t>
  </si>
  <si>
    <t>【安徽华菱】交联电力电缆\ZC-YJY23\3×4+2×2.5,0.6/1kV</t>
  </si>
  <si>
    <t>【安徽华菱】交联电力电缆\ZC-YJY23\3×6+2×4,0.6/1kV</t>
  </si>
  <si>
    <t>【安徽华菱】交联电力电缆\ZC-YJY23\3×10+2×6,0.6/1kV</t>
  </si>
  <si>
    <t>【安徽华菱】交联电力电缆\ZC-YJY23\3×16+2×10,0.6/1kV</t>
  </si>
  <si>
    <t>【安徽华菱】交联电力电缆\ZC-YJY23\3×25+2×16,0.6/1kV</t>
  </si>
  <si>
    <t>【安徽华菱】交联电力电缆\ZC-YJY23\3×35+2×16,0.6/1kV</t>
  </si>
  <si>
    <t>【安徽华菱】交联电力电缆\ZC-YJY23\3×50+2×25,0.6/1kV</t>
  </si>
  <si>
    <t>【安徽华菱】交联电力电缆\ZC-YJY23\3×70+2×35,0.6/1kV</t>
  </si>
  <si>
    <t>【安徽华菱】交联电力电缆\ZC-YJY23\3×95+2×50,0.6/1kV</t>
  </si>
  <si>
    <t>【安徽华菱】交联电力电缆\ZC-YJY23\3×120+2×70,0.6/1kV</t>
  </si>
  <si>
    <t>【安徽华菱】交联电力电缆\ZC-YJY23\3×150+2×70,0.6/1kV</t>
  </si>
  <si>
    <t>【安徽华菱】交联电力电缆\ZC-YJY23\3×185+2×95,0.6/1kV</t>
  </si>
  <si>
    <t>【安徽华菱】交联电力电缆\ZC-YJY23\3×240+2×120,0.6/1kV</t>
  </si>
  <si>
    <t>【安徽华菱】交联电力电缆\ZC-YJY23\3×300+2×150,0.6/1kV</t>
  </si>
  <si>
    <t>【安徽华菱】交联电力电缆\ZC-YJY23\3×400+2×185,0.6/1kV</t>
  </si>
  <si>
    <t>【安徽华菱】交联电力电缆\ZC-YJY23\4×2.5+1×1.5,0.6/1kV</t>
  </si>
  <si>
    <t>【安徽华菱】交联电力电缆\ZC-YJY23\4×4+1×2.5,0.6/1kV</t>
  </si>
  <si>
    <t>【安徽华菱】交联电力电缆\ZC-YJY23\4×6+1×4,0.6/1kV</t>
  </si>
  <si>
    <t>【安徽华菱】交联电力电缆\ZC-YJY23\4×10+1×6,0.6/1kV</t>
  </si>
  <si>
    <t>【安徽华菱】交联电力电缆\ZC-YJY23\4×16+1×10,0.6/1kV</t>
  </si>
  <si>
    <t>【安徽华菱】交联电力电缆\ZC-YJY23\4×25+1×16,0.6/1kV</t>
  </si>
  <si>
    <t>【安徽华菱】交联电力电缆\ZC-YJY23\4×35+1×16,0.6/1kV</t>
  </si>
  <si>
    <t>【安徽华菱】交联电力电缆\ZC-YJY23\4×50+1×25,0.6/1kV</t>
  </si>
  <si>
    <t>【安徽华菱】交联电力电缆\ZC-YJY23\4×70+1×35,0.6/1kV</t>
  </si>
  <si>
    <t>【安徽华菱】交联电力电缆\ZC-YJY23\4×95+1×50,0.6/1kV</t>
  </si>
  <si>
    <t>【安徽华菱】交联电力电缆\ZC-YJY23\4×120+1×70,0.6/1kV</t>
  </si>
  <si>
    <t>【安徽华菱】交联电力电缆\ZC-YJY23\4×150+1×70,0.6/1kV</t>
  </si>
  <si>
    <t>【安徽华菱】交联电力电缆\ZC-YJY23\4×185+1×95,0.6/1kV</t>
  </si>
  <si>
    <t>【安徽华菱】交联电力电缆\ZC-YJY63\1×1.5,0.6/1kV</t>
  </si>
  <si>
    <t>【安徽华菱】交联电力电缆\ZC-YJY63\1×2.5,0.6/1kV</t>
  </si>
  <si>
    <t>【安徽华菱】交联电力电缆\ZC-YJY63\1×4,0.6/1kV</t>
  </si>
  <si>
    <t>【安徽华菱】交联电力电缆\ZC-YJY63\1×6,0.6/1kV</t>
  </si>
  <si>
    <t>【安徽华菱】交联电力电缆\ZC-YJY63\1×10,0.6/1kV</t>
  </si>
  <si>
    <t>【安徽华菱】交联电力电缆\ZC-YJY63\1×16,0.6/1kV</t>
  </si>
  <si>
    <t>【安徽华菱】交联电力电缆\ZC-YJY63\1×25,0.6/1kV</t>
  </si>
  <si>
    <t>【安徽华菱】交联电力电缆\ZC-YJY63\1×35,0.6/1kV</t>
  </si>
  <si>
    <t>【安徽华菱】交联电力电缆\ZC-YJY63\1×50,0.6/1kV</t>
  </si>
  <si>
    <t>【安徽华菱】交联电力电缆\ZC-YJY63\1×70,0.6/1kV</t>
  </si>
  <si>
    <t>【安徽华菱】交联电力电缆\ZC-YJY63\1×95,0.6/1kV</t>
  </si>
  <si>
    <t>【安徽华菱】交联电力电缆\ZC-YJY63\1×120,0.6/1kV</t>
  </si>
  <si>
    <t>【安徽华菱】交联电力电缆\ZC-YJY63\1×150,0.6/1kV</t>
  </si>
  <si>
    <t>【安徽华菱】交联电力电缆\ZC-YJY63\1×185,0.6/1kV</t>
  </si>
  <si>
    <t>【安徽华菱】交联电力电缆\ZC-YJY63\1×240,0.6/1kV</t>
  </si>
  <si>
    <t>【安徽华菱】交联电力电缆\ZC-YJY63\1×300,0.6/1kV</t>
  </si>
  <si>
    <t>【安徽华菱】交联电力电缆\ZC-YJY63\1×400,0.6/1kV</t>
  </si>
  <si>
    <t>【安徽华菱】交联电力电缆\ZC-YJY63\1×500,0.6/1kV</t>
  </si>
  <si>
    <t>【安徽华菱】交联电力电缆\NH-YJV\1×1.5,0.6/1.0kV</t>
  </si>
  <si>
    <t>【安徽华菱】交联电力电缆\NH-YJV\1×2.5,0.6/1.0kV</t>
  </si>
  <si>
    <t>【安徽华菱】交联电力电缆\NH-YJV\1×4,0.6/1.0kV</t>
  </si>
  <si>
    <t>【安徽华菱】交联电力电缆\NH-YJV\1×6,0.6/1.0kV</t>
  </si>
  <si>
    <t>【安徽华菱】交联电力电缆\NH-YJV\1×10,0.6/1.0kV</t>
  </si>
  <si>
    <t>【安徽华菱】交联电力电缆\NH-YJV\1×16,0.6/1.0kV</t>
  </si>
  <si>
    <t>【安徽华菱】交联电力电缆\NH-YJV\1×25,0.6/1.0kV</t>
  </si>
  <si>
    <t>【安徽华菱】交联电力电缆\NH-YJV\1×35,0.6/1.0kV</t>
  </si>
  <si>
    <t>【安徽华菱】交联电力电缆\NH-YJV\1×50,0.6/1.0kV</t>
  </si>
  <si>
    <t>【安徽华菱】交联电力电缆\NH-YJV\1×70,0.6/1.0kV</t>
  </si>
  <si>
    <t>【安徽华菱】交联电力电缆\NH-YJV\1×95,0.6/1.0kV</t>
  </si>
  <si>
    <t>【安徽华菱】交联电力电缆\NH-YJV\1×120,0.6/1.0kV</t>
  </si>
  <si>
    <t>【安徽华菱】交联电力电缆\NH-YJV\1×150,0.6/1.0kV</t>
  </si>
  <si>
    <t>【安徽华菱】交联电力电缆\NH-YJV\1×185,0.6/1.0kV</t>
  </si>
  <si>
    <t>【安徽华菱】交联电力电缆\NH-YJV\1×240,0.6/1.0kV</t>
  </si>
  <si>
    <t>【安徽华菱】交联电力电缆\NH-YJV\1×300,0.6/1.0kV</t>
  </si>
  <si>
    <t>【安徽华菱】交联电力电缆\NH-YJV\1×400,0.6/1.0kV</t>
  </si>
  <si>
    <t>【安徽华菱】交联电力电缆\NH-YJV\1×500,0.6/1.0kV</t>
  </si>
  <si>
    <t>【安徽华菱】交联电力电缆\NH-YJV\2×1.5,0.6/1.0kV</t>
  </si>
  <si>
    <t>【安徽华菱】交联电力电缆\NH-YJV\2×2.5,0.6/1.0kV</t>
  </si>
  <si>
    <t>【安徽华菱】交联电力电缆\NH-YJV\2×4,0.6/1.0kV</t>
  </si>
  <si>
    <t>【安徽华菱】交联电力电缆\NH-YJV\2×6,0.6/1.0kV</t>
  </si>
  <si>
    <t>【安徽华菱】交联电力电缆\NH-YJV\2×10,0.6/1.0kV</t>
  </si>
  <si>
    <t>【安徽华菱】交联电力电缆\NH-YJV\2×16,0.6/1.0kV</t>
  </si>
  <si>
    <t>【安徽华菱】交联电力电缆\NH-YJV\2×25,0.6/1.0kV</t>
  </si>
  <si>
    <t>【安徽华菱】交联电力电缆\NH-YJV\2×35,0.6/1.0kV</t>
  </si>
  <si>
    <t>【安徽华菱】交联电力电缆\NH-YJV\2×50,0.6/1.0kV</t>
  </si>
  <si>
    <t>【安徽华菱】交联电力电缆\NH-YJV\2×70,0.6/1.0kV</t>
  </si>
  <si>
    <t>【安徽华菱】交联电力电缆\NH-YJV\2×95,0.6/1.0kV</t>
  </si>
  <si>
    <t>【安徽华菱】交联电力电缆\NH-YJV\2×120,0.6/1.0kV</t>
  </si>
  <si>
    <t>【安徽华菱】交联电力电缆\NH-YJV\2×150,0.6/1.0kV</t>
  </si>
  <si>
    <t>【安徽华菱】交联电力电缆\NH-YJV\2×185,0.6/1.0kV</t>
  </si>
  <si>
    <t>【安徽华菱】交联电力电缆\NH-YJV\2×240,0.6/1.0kV</t>
  </si>
  <si>
    <t>【安徽华菱】交联电力电缆\NH-YJV\2×300,0.6/1.0kV</t>
  </si>
  <si>
    <t>【安徽华菱】交联电力电缆\NH-YJV\3×1.5,0.6/1.0kV</t>
  </si>
  <si>
    <t>【安徽华菱】交联电力电缆\NH-YJV\3×2.5,0.6/1.0kV</t>
  </si>
  <si>
    <t>【安徽华菱】交联电力电缆\NH-YJV\3×4,0.6/1.0kV</t>
  </si>
  <si>
    <t>【安徽华菱】交联电力电缆\NH-YJV\3×6,0.6/1.0kV</t>
  </si>
  <si>
    <t>【安徽华菱】交联电力电缆\NH-YJV\3×10,0.6/1.0kV</t>
  </si>
  <si>
    <t>【安徽华菱】交联电力电缆\NH-YJV\3×16,0.6/1.0kV</t>
  </si>
  <si>
    <t>【安徽华菱】交联电力电缆\NH-YJV\3×25,0.6/1.0kV</t>
  </si>
  <si>
    <t>【安徽华菱】交联电力电缆\NH-YJV\3×35,0.6/1.0kV</t>
  </si>
  <si>
    <t>【安徽华菱】交联电力电缆\NH-YJV\3×50,0.6/1.0kV</t>
  </si>
  <si>
    <t>【安徽华菱】交联电力电缆\NH-YJV\3×70,0.6/1.0kV</t>
  </si>
  <si>
    <t>【安徽华菱】交联电力电缆\NH-YJV\3×95,0.6/1.0kV</t>
  </si>
  <si>
    <t>【安徽华菱】交联电力电缆\NH-YJV\3×120,0.6/1.0kV</t>
  </si>
  <si>
    <t>【安徽华菱】交联电力电缆\NH-YJV\3×150,0.6/1.0kV</t>
  </si>
  <si>
    <t>【安徽华菱】交联电力电缆\NH-YJV\3×185,0.6/1.0kV</t>
  </si>
  <si>
    <t>【安徽华菱】交联电力电缆\NH-YJV\3×240,0.6/1.0kV</t>
  </si>
  <si>
    <t>【安徽华菱】交联电力电缆\NH-YJV\3×300,0.6/1.0kV</t>
  </si>
  <si>
    <t>【安徽华菱】交联电力电缆\NH-YJV\3×400,0.6/1.0kV</t>
  </si>
  <si>
    <t>【安徽华菱】交联电力电缆\NH-YJV\4×1.5,0.6/1.0kV</t>
  </si>
  <si>
    <t>【安徽华菱】交联电力电缆\NH-YJV\4×2.5,0.6/1.0kV</t>
  </si>
  <si>
    <t>【安徽华菱】交联电力电缆\NH-YJV\4×4,0.6/1.0kV</t>
  </si>
  <si>
    <t>【安徽华菱】交联电力电缆\NH-YJV\4×6,0.6/1.0kV</t>
  </si>
  <si>
    <t>【安徽华菱】交联电力电缆\NH-YJV\4×10,0.6/1.0kV</t>
  </si>
  <si>
    <t>【安徽华菱】交联电力电缆\NH-YJV\4×16,0.6/1.0kV</t>
  </si>
  <si>
    <t>【安徽华菱】交联电力电缆\NH-YJV\4×25,0.6/1.0kV</t>
  </si>
  <si>
    <t>【安徽华菱】交联电力电缆\NH-YJV\4×35,0.6/1.0kV</t>
  </si>
  <si>
    <t>【安徽华菱】交联电力电缆\NH-YJV\4×50,0.6/1.0kV</t>
  </si>
  <si>
    <t>【安徽华菱】交联电力电缆\NH-YJV\4×70,0.6/1.0kV</t>
  </si>
  <si>
    <t>【安徽华菱】交联电力电缆\NH-YJV\4×95,0.6/1.0kV</t>
  </si>
  <si>
    <t>【安徽华菱】交联电力电缆\NH-YJV\4×120,0.6/1.0kV</t>
  </si>
  <si>
    <t>【安徽华菱】交联电力电缆\NH-YJV\4×150,0.6/1.0kV</t>
  </si>
  <si>
    <t>【安徽华菱】交联电力电缆\NH-YJV\4×185,0.6/1.0kV</t>
  </si>
  <si>
    <t>【安徽华菱】交联电力电缆\NH-YJV\5×1.5,0.6/1.0kV</t>
  </si>
  <si>
    <t>【安徽华菱】交联电力电缆\NH-YJV\5×2.5,0.6/1.0kV</t>
  </si>
  <si>
    <t>【安徽华菱】交联电力电缆\NH-YJV\5×4,0.6/1.0kV</t>
  </si>
  <si>
    <t>【安徽华菱】交联电力电缆\NH-YJV\5×6,0.6/1.0kV</t>
  </si>
  <si>
    <t>【安徽华菱】交联电力电缆\NH-YJV\5×10,0.6/1.0kV</t>
  </si>
  <si>
    <t>【安徽华菱】交联电力电缆\NH-YJV\5×16,0.6/1.0kV</t>
  </si>
  <si>
    <t>【安徽华菱】交联电力电缆\NH-YJV\5×25,0.6/1.0kV</t>
  </si>
  <si>
    <t>【安徽华菱】交联电力电缆\NH-YJV\5×35,0.6/1.0kV</t>
  </si>
  <si>
    <t>【安徽华菱】交联电力电缆\NH-YJV\5×50,0.6/1.0kV</t>
  </si>
  <si>
    <t>【安徽华菱】交联电力电缆\NH-YJV\5×70,0.6/1.0kV</t>
  </si>
  <si>
    <t>【安徽华菱】交联电力电缆\NH-YJV\5×95,0.6/1.0kV</t>
  </si>
  <si>
    <t>【安徽华菱】交联电力电缆\NH-YJV\5×120,0.6/1.0kV</t>
  </si>
  <si>
    <t>【安徽华菱】交联电力电缆\NH-YJV\5×150,0.6/1.0kV</t>
  </si>
  <si>
    <t>【安徽华菱】交联电力电缆\NH-YJV\3×2.5+1×1.5,0.6/1.0kV</t>
  </si>
  <si>
    <t>【安徽华菱】交联电力电缆\NH-YJV\3×4+1×2.5,0.6/1.0kV</t>
  </si>
  <si>
    <t>【安徽华菱】交联电力电缆\NH-YJV\3×6+1×4,0.6/1.0kV</t>
  </si>
  <si>
    <t>【安徽华菱】交联电力电缆\NH-YJV\3×10+1×6,0.6/1.0kV</t>
  </si>
  <si>
    <t>【安徽华菱】交联电力电缆\NH-YJV\3×16+1×10,0.6/1.0kV</t>
  </si>
  <si>
    <t>【安徽华菱】交联电力电缆\NH-YJV\3×25+1×16,0.6/1.0kV</t>
  </si>
  <si>
    <t>【安徽华菱】交联电力电缆\NH-YJV\3×35+1×16,0.6/1.0kV</t>
  </si>
  <si>
    <t>【安徽华菱】交联电力电缆\NH-YJV\3×50+1×25,0.6/1.0kV</t>
  </si>
  <si>
    <t>【安徽华菱】交联电力电缆\NH-YJV\3×70+1×35,0.6/1.0kV</t>
  </si>
  <si>
    <t>【安徽华菱】交联电力电缆\NH-YJV\3×95+1×50,0.6/1.0kV</t>
  </si>
  <si>
    <t>【安徽华菱】交联电力电缆\NH-YJV\3×120+1×70,0.6/1.0kV</t>
  </si>
  <si>
    <t>【安徽华菱】交联电力电缆\NH-YJV\3×150+1×70,0.6/1.0kV</t>
  </si>
  <si>
    <t>【安徽华菱】交联电力电缆\NH-YJV\3×185+1×95,0.6/1.0kV</t>
  </si>
  <si>
    <t>【安徽华菱】交联电力电缆\NH-YJV\3×240+1×120,0.6/1.0kV</t>
  </si>
  <si>
    <t>【安徽华菱】交联电力电缆\NH-YJV\3×300+1×150,0.6/1.0kV</t>
  </si>
  <si>
    <t>【安徽华菱】交联电力电缆\NH-YJV\3×400+1×185,0.6/1.0kV</t>
  </si>
  <si>
    <t>【安徽华菱】交联电力电缆\NH-YJV\3×2.5+2×1.5,0.6/1.0kV</t>
  </si>
  <si>
    <t>【安徽华菱】交联电力电缆\NH-YJV\3×4+2×2.5,0.6/1.0kV</t>
  </si>
  <si>
    <t>【安徽华菱】交联电力电缆\NH-YJV\3×6+2×4,0.6/1.0kV</t>
  </si>
  <si>
    <t>【安徽华菱】交联电力电缆\NH-YJV\3×10+2×6,0.6/1.0kV</t>
  </si>
  <si>
    <t>【安徽华菱】交联电力电缆\NH-YJV\3×16+2×10,0.6/1.0kV</t>
  </si>
  <si>
    <t>【安徽华菱】交联电力电缆\NH-YJV\3×25+2×16,0.6/1.0kV</t>
  </si>
  <si>
    <t>【安徽华菱】交联电力电缆\NH-YJV\3×35+2×16,0.6/1.0kV</t>
  </si>
  <si>
    <t>【安徽华菱】交联电力电缆\NH-YJV\3×50+2×25,0.6/1.0kV</t>
  </si>
  <si>
    <t>【安徽华菱】交联电力电缆\NH-YJV\3×70+2×35,0.6/1.0kV</t>
  </si>
  <si>
    <t>【安徽华菱】交联电力电缆\NH-YJV\3×95+2×50,0.6/1.0kV</t>
  </si>
  <si>
    <t>【安徽华菱】交联电力电缆\NH-YJV\3×120+2×70,0.6/1.0kV</t>
  </si>
  <si>
    <t>【安徽华菱】交联电力电缆\NH-YJV\3×150+2×70,0.6/1.0kV</t>
  </si>
  <si>
    <t>【安徽华菱】交联电力电缆\NH-YJV\3×185+2×95,0.6/1.0kV</t>
  </si>
  <si>
    <t>【安徽华菱】交联电力电缆\NH-YJV\3×240+2×120,0.6/1.0kV</t>
  </si>
  <si>
    <t>【安徽华菱】交联电力电缆\NH-YJV\3×300+2×150,0.6/1.0kV</t>
  </si>
  <si>
    <t>【安徽华菱】交联电力电缆\NH-YJV\3×400+2×185,0.6/1.0kV</t>
  </si>
  <si>
    <t>【安徽华菱】交联电力电缆\NH-YJV\4×2.5+1×1.5,0.6/1.0kV</t>
  </si>
  <si>
    <t>【安徽华菱】交联电力电缆\NH-YJV\4×4+1×2.5,0.6/1.0kV</t>
  </si>
  <si>
    <t>【安徽华菱】交联电力电缆\NH-YJV\4×6+1×4,0.6/1.0kV</t>
  </si>
  <si>
    <t>【安徽华菱】交联电力电缆\NH-YJV\4×10+1×6,0.6/1.0kV</t>
  </si>
  <si>
    <t>【安徽华菱】交联电力电缆\NH-YJV\4×16+1×10,0.6/1.0kV</t>
  </si>
  <si>
    <t>【安徽华菱】交联电力电缆\NH-YJV\4×25+1×16,0.6/1.0kV</t>
  </si>
  <si>
    <t>【安徽华菱】交联电力电缆\NH-YJV\4×35+1×16,0.6/1.0kV</t>
  </si>
  <si>
    <t>【安徽华菱】交联电力电缆\NH-YJV\4×50+1×25,0.6/1.0kV</t>
  </si>
  <si>
    <t>【安徽华菱】交联电力电缆\NH-YJV\4×70+1×35,0.6/1.0kV</t>
  </si>
  <si>
    <t>【安徽华菱】交联电力电缆\NH-YJV\4×95+1×50,0.6/1.0kV</t>
  </si>
  <si>
    <t>【安徽华菱】交联电力电缆\NH-YJV\4×120+1×70,0.6/1.0kV</t>
  </si>
  <si>
    <t>【安徽华菱】交联电力电缆\NH-YJV\4×150+1×70,0.6/1.0kV</t>
  </si>
  <si>
    <t>【安徽华菱】交联电力电缆\NH-YJV\4×185+1×95,0.6/1.0kV</t>
  </si>
  <si>
    <t>【安徽华菱】交联电力电缆\NH-YJV22\2×1.5,0.6/1kV</t>
  </si>
  <si>
    <t>【安徽华菱】交联电力电缆\NH-YJV22\2×2.5,0.6/1kV</t>
  </si>
  <si>
    <t>【安徽华菱】交联电力电缆\NH-YJV22\2×4,0.6/1kV</t>
  </si>
  <si>
    <t>【安徽华菱】交联电力电缆\NH-YJV22\2×6,0.6/1kV</t>
  </si>
  <si>
    <t>【安徽华菱】交联电力电缆\NH-YJV22\2×10,0.6/1kV</t>
  </si>
  <si>
    <t>【安徽华菱】交联电力电缆\NH-YJV22\2×16,0.6/1kV</t>
  </si>
  <si>
    <t>【安徽华菱】交联电力电缆\NH-YJV22\2×25,0.6/1kV</t>
  </si>
  <si>
    <t>【安徽华菱】交联电力电缆\NH-YJV22\2×35,0.6/1kV</t>
  </si>
  <si>
    <t>【安徽华菱】交联电力电缆\NH-YJV22\2×50,0.6/1kV</t>
  </si>
  <si>
    <t>【安徽华菱】交联电力电缆\NH-YJV22\2×70,0.6/1kV</t>
  </si>
  <si>
    <t>【安徽华菱】交联电力电缆\NH-YJV22\2×95,0.6/1kV</t>
  </si>
  <si>
    <t>【安徽华菱】交联电力电缆\NH-YJV22\2×120,0.6/1kV</t>
  </si>
  <si>
    <t>【安徽华菱】交联电力电缆\NH-YJV22\2×150,0.6/1kV</t>
  </si>
  <si>
    <t>【安徽华菱】交联电力电缆\NH-YJV22\2×185,0.6/1kV</t>
  </si>
  <si>
    <t>【安徽华菱】交联电力电缆\NH-YJV22\2×240,0.6/1kV</t>
  </si>
  <si>
    <t>【安徽华菱】交联电力电缆\NH-YJV22\2×300,0.6/1kV</t>
  </si>
  <si>
    <t>【安徽华菱】交联电力电缆\NH-YJV22\3×1.5,0.6/1kV</t>
  </si>
  <si>
    <t>【安徽华菱】交联电力电缆\NH-YJV22\3×2.5,0.6/1kV</t>
  </si>
  <si>
    <t>【安徽华菱】交联电力电缆\NH-YJV22\3×4,0.6/1kV</t>
  </si>
  <si>
    <t>【安徽华菱】交联电力电缆\NH-YJV22\3×6,0.6/1kV</t>
  </si>
  <si>
    <t>【安徽华菱】交联电力电缆\NH-YJV22\3×10,0.6/1kV</t>
  </si>
  <si>
    <t>【安徽华菱】交联电力电缆\NH-YJV22\3×16,0.6/1kV</t>
  </si>
  <si>
    <t>【安徽华菱】交联电力电缆\NH-YJV22\3×25,0.6/1kV</t>
  </si>
  <si>
    <t>【安徽华菱】交联电力电缆\NH-YJV22\3×35,0.6/1kV</t>
  </si>
  <si>
    <t>【安徽华菱】交联电力电缆\NH-YJV22\3×50,0.6/1kV</t>
  </si>
  <si>
    <t>【安徽华菱】交联电力电缆\NH-YJV22\3×70,0.6/1kV</t>
  </si>
  <si>
    <t>【安徽华菱】交联电力电缆\NH-YJV22\3×95,0.6/1kV</t>
  </si>
  <si>
    <t>【安徽华菱】交联电力电缆\NH-YJV22\3×120,0.6/1kV</t>
  </si>
  <si>
    <t>【安徽华菱】交联电力电缆\NH-YJV22\3×150,0.6/1kV</t>
  </si>
  <si>
    <t>【安徽华菱】交联电力电缆\NH-YJV22\3×185,0.6/1kV</t>
  </si>
  <si>
    <t>【安徽华菱】交联电力电缆\NH-YJV22\3×240,0.6/1kV</t>
  </si>
  <si>
    <t>【安徽华菱】交联电力电缆\NH-YJV22\3×300,0.6/1kV</t>
  </si>
  <si>
    <t>【安徽华菱】交联电力电缆\NH-YJV22\3×400,0.6/1kV</t>
  </si>
  <si>
    <t>【安徽华菱】交联电力电缆\NH-YJV22\4×1.5,0.6/1kV</t>
  </si>
  <si>
    <t>【安徽华菱】交联电力电缆\NH-YJV22\4×2.5,0.6/1kV</t>
  </si>
  <si>
    <t>【安徽华菱】交联电力电缆\NH-YJV22\4×4,0.6/1kV</t>
  </si>
  <si>
    <t>【安徽华菱】交联电力电缆\NH-YJV22\4×6,0.6/1kV</t>
  </si>
  <si>
    <t>【安徽华菱】交联电力电缆\NH-YJV22\4×10,0.6/1kV</t>
  </si>
  <si>
    <t>【安徽华菱】交联电力电缆\NH-YJV22\4×16,0.6/1kV</t>
  </si>
  <si>
    <t>【安徽华菱】交联电力电缆\NH-YJV22\4×25,0.6/1kV</t>
  </si>
  <si>
    <t>【安徽华菱】交联电力电缆\NH-YJV22\4×35,0.6/1kV</t>
  </si>
  <si>
    <t>【安徽华菱】交联电力电缆\NH-YJV22\4×50,0.6/1kV</t>
  </si>
  <si>
    <t>【安徽华菱】交联电力电缆\NH-YJV22\4×70,0.6/1kV</t>
  </si>
  <si>
    <t>【安徽华菱】交联电力电缆\NH-YJV22\4×95,0.6/1kV</t>
  </si>
  <si>
    <t>【安徽华菱】交联电力电缆\NH-YJV22\4×120,0.6/1kV</t>
  </si>
  <si>
    <t>【安徽华菱】交联电力电缆\NH-YJV22\4×150,0.6/1kV</t>
  </si>
  <si>
    <t>【安徽华菱】交联电力电缆\NH-YJV22\4×185,0.6/1kV</t>
  </si>
  <si>
    <t>【安徽华菱】交联电力电缆\NH-YJV22\5×1.5,0.6/1kV</t>
  </si>
  <si>
    <t>【安徽华菱】交联电力电缆\NH-YJV22\5×2.5,0.6/1kV</t>
  </si>
  <si>
    <t>【安徽华菱】交联电力电缆\NH-YJV22\5×4,0.6/1kV</t>
  </si>
  <si>
    <t>【安徽华菱】交联电力电缆\NH-YJV22\5×6,0.6/1kV</t>
  </si>
  <si>
    <t>【安徽华菱】交联电力电缆\NH-YJV22\5×10,0.6/1kV</t>
  </si>
  <si>
    <t>【安徽华菱】交联电力电缆\NH-YJV22\5×16,0.6/1kV</t>
  </si>
  <si>
    <t>【安徽华菱】交联电力电缆\NH-YJV22\5×25,0.6/1kV</t>
  </si>
  <si>
    <t>【安徽华菱】交联电力电缆\NH-YJV22\5×35,0.6/1kV</t>
  </si>
  <si>
    <t>【安徽华菱】交联电力电缆\NH-YJV22\5×50,0.6/1kV</t>
  </si>
  <si>
    <t>【安徽华菱】交联电力电缆\NH-YJV22\5×70,0.6/1kV</t>
  </si>
  <si>
    <t>【安徽华菱】交联电力电缆\NH-YJV22\5×95,0.6/1kV</t>
  </si>
  <si>
    <t>【安徽华菱】交联电力电缆\NH-YJV22\5×120,0.6/1kV</t>
  </si>
  <si>
    <t>【安徽华菱】交联电力电缆\NH-YJV22\5×150,0.6/1kV</t>
  </si>
  <si>
    <t>【安徽华菱】交联电力电缆\NH-YJV22\3×2.5+1×1.5,0.6/1kV</t>
  </si>
  <si>
    <t>【安徽华菱】交联电力电缆\NH-YJV22\3×4+1×2.5,0.6/1kV</t>
  </si>
  <si>
    <t>【安徽华菱】交联电力电缆\NH-YJV22\3×6+1×4,0.6/1kV</t>
  </si>
  <si>
    <t>【安徽华菱】交联电力电缆\NH-YJV22\3×10+1×6,0.6/1kV</t>
  </si>
  <si>
    <t>【安徽华菱】交联电力电缆\NH-YJV22\3×16+1×10,0.6/1kV</t>
  </si>
  <si>
    <t>【安徽华菱】交联电力电缆\NH-YJV22\3×25+1×16,0.6/1kV</t>
  </si>
  <si>
    <t>【安徽华菱】交联电力电缆\NH-YJV22\3×35+1×16,0.6/1kV</t>
  </si>
  <si>
    <t>【安徽华菱】交联电力电缆\NH-YJV22\3×50+1×25,0.6/1kV</t>
  </si>
  <si>
    <t>【安徽华菱】交联电力电缆\NH-YJV22\3×70+1×35,0.6/1kV</t>
  </si>
  <si>
    <t>【安徽华菱】交联电力电缆\NH-YJV22\3×95+1×50,0.6/1kV</t>
  </si>
  <si>
    <t>【安徽华菱】交联电力电缆\NH-YJV22\3×120+1×70,0.6/1kV</t>
  </si>
  <si>
    <t>【安徽华菱】交联电力电缆\NH-YJV22\3×150+1×70,0.6/1kV</t>
  </si>
  <si>
    <t>【安徽华菱】交联电力电缆\NH-YJV22\3×185+1×95,0.6/1kV</t>
  </si>
  <si>
    <t>【安徽华菱】交联电力电缆\NH-YJV22\3×240+1×120,0.6/1kV</t>
  </si>
  <si>
    <t>【安徽华菱】交联电力电缆\NH-YJV22\3×300+1×150,0.6/1kV</t>
  </si>
  <si>
    <t>【安徽华菱】交联电力电缆\NH-YJV22\3×400+1×185,0.6/1kV</t>
  </si>
  <si>
    <t>【安徽华菱】交联电力电缆\NH-YJV22\3×2.5+2×1.5,0.6/1kV</t>
  </si>
  <si>
    <t>【安徽华菱】交联电力电缆\NH-YJV22\3×4+2×2.5,0.6/1kV</t>
  </si>
  <si>
    <t>【安徽华菱】交联电力电缆\NH-YJV22\3×6+2×4,0.6/1kV</t>
  </si>
  <si>
    <t>【安徽华菱】交联电力电缆\NH-YJV22\3×10+2×6,0.6/1kV</t>
  </si>
  <si>
    <t>【安徽华菱】交联电力电缆\NH-YJV22\3×16+2×10,0.6/1kV</t>
  </si>
  <si>
    <t>【安徽华菱】交联电力电缆\NH-YJV22\3×25+2×16,0.6/1kV</t>
  </si>
  <si>
    <t>【安徽华菱】交联电力电缆\NH-YJV22\3×35+2×16,0.6/1kV</t>
  </si>
  <si>
    <t>【安徽华菱】交联电力电缆\NH-YJV22\3×50+2×25,0.6/1kV</t>
  </si>
  <si>
    <t>【安徽华菱】交联电力电缆\NH-YJV22\3×70+2×35,0.6/1kV</t>
  </si>
  <si>
    <t>【安徽华菱】交联电力电缆\NH-YJV22\3×95+2×50,0.6/1kV</t>
  </si>
  <si>
    <t>【安徽华菱】交联电力电缆\NH-YJV22\3×120+2×70,0.6/1kV</t>
  </si>
  <si>
    <t>【安徽华菱】交联电力电缆\NH-YJV22\3×150+2×70,0.6/1kV</t>
  </si>
  <si>
    <t>【安徽华菱】交联电力电缆\NH-YJV22\3×185+2×95,0.6/1kV</t>
  </si>
  <si>
    <t>【安徽华菱】交联电力电缆\NH-YJV22\3×240+2×120,0.6/1kV</t>
  </si>
  <si>
    <t>【安徽华菱】交联电力电缆\NH-YJV22\3×300+2×150,0.6/1kV</t>
  </si>
  <si>
    <t>【安徽华菱】交联电力电缆\NH-YJV22\3×400+2×185,0.6/1kV</t>
  </si>
  <si>
    <t>【安徽华菱】交联电力电缆\NH-YJV22\4×2.5+1×1.5,0.6/1kV</t>
  </si>
  <si>
    <t>【安徽华菱】交联电力电缆\NH-YJV22\4×4+1×2.5,0.6/1kV</t>
  </si>
  <si>
    <t>【安徽华菱】交联电力电缆\NH-YJV22\4×6+1×4,0.6/1kV</t>
  </si>
  <si>
    <t>【安徽华菱】交联电力电缆\NH-YJV22\4×10+1×6,0.6/1kV</t>
  </si>
  <si>
    <t>【安徽华菱】交联电力电缆\NH-YJV22\4×16+1×10,0.6/1kV</t>
  </si>
  <si>
    <t>【安徽华菱】交联电力电缆\NH-YJV22\4×25+1×16,0.6/1kV</t>
  </si>
  <si>
    <t>【安徽华菱】交联电力电缆\NH-YJV22\4×35+1×16,0.6/1kV</t>
  </si>
  <si>
    <t>【安徽华菱】交联电力电缆\NH-YJV22\4×50+1×25,0.6/1kV</t>
  </si>
  <si>
    <t>【安徽华菱】交联电力电缆\NH-YJV22\4×70+1×35,0.6/1kV</t>
  </si>
  <si>
    <t>【安徽华菱】交联电力电缆\NH-YJV22\4×95+1×50,0.6/1kV</t>
  </si>
  <si>
    <t>【安徽华菱】交联电力电缆\NH-YJV22\4×120+1×70,0.6/1kV</t>
  </si>
  <si>
    <t>【安徽华菱】交联电力电缆\NH-YJV22\4×150+1×70,0.6/1kV</t>
  </si>
  <si>
    <t>【安徽华菱】交联电力电缆\NH-YJV22\4×185+1×95,0.6/1kV</t>
  </si>
  <si>
    <t>【安徽华菱】交联电力电缆\NH-YJV62\1×1.5,0.6/1kV</t>
  </si>
  <si>
    <t>【安徽华菱】交联电力电缆\NH-YJV62\1×2.5,0.6/1kV</t>
  </si>
  <si>
    <t>【安徽华菱】交联电力电缆\NH-YJV62\1×4,0.6/1kV</t>
  </si>
  <si>
    <t>【安徽华菱】交联电力电缆\NH-YJV62\1×6,0.6/1kV</t>
  </si>
  <si>
    <t>【安徽华菱】交联电力电缆\NH-YJV62\1×10,0.6/1kV</t>
  </si>
  <si>
    <t>【安徽华菱】交联电力电缆\NH-YJV62\1×16,0.6/1kV</t>
  </si>
  <si>
    <t>【安徽华菱】交联电力电缆\NH-YJV62\1×25,0.6/1kV</t>
  </si>
  <si>
    <t>【安徽华菱】交联电力电缆\NH-YJV62\1×35,0.6/1kV</t>
  </si>
  <si>
    <t>【安徽华菱】交联电力电缆\NH-YJV62\1×50,0.6/1kV</t>
  </si>
  <si>
    <t>【安徽华菱】交联电力电缆\NH-YJV62\1×70,0.6/1kV</t>
  </si>
  <si>
    <t>【安徽华菱】交联电力电缆\NH-YJV62\1×95,0.6/1kV</t>
  </si>
  <si>
    <t>【安徽华菱】交联电力电缆\NH-YJV62\1×120,0.6/1kV</t>
  </si>
  <si>
    <t>【安徽华菱】交联电力电缆\NH-YJV62\1×150,0.6/1kV</t>
  </si>
  <si>
    <t>【安徽华菱】交联电力电缆\NH-YJV62\1×185,0.6/1kV</t>
  </si>
  <si>
    <t>【安徽华菱】交联电力电缆\NH-YJV62\1×240,0.6/1kV</t>
  </si>
  <si>
    <t>【安徽华菱】交联电力电缆\NH-YJV62\1×300,0.6/1kV</t>
  </si>
  <si>
    <t>【安徽华菱】交联电力电缆\NH-YJV62\1×400,0.6/1kV</t>
  </si>
  <si>
    <t>【安徽华菱】交联电力电缆\NH-YJV62\1×500,0.6/1kV</t>
  </si>
  <si>
    <t>【安徽华菱】交联电力电缆\NH-YJY\1×1.5,0.6/1.0kV</t>
  </si>
  <si>
    <t>【安徽华菱】交联电力电缆\NH-YJY\1×2.5,0.6/1.0kV</t>
  </si>
  <si>
    <t>【安徽华菱】交联电力电缆\NH-YJY\1×4,0.6/1.0kV</t>
  </si>
  <si>
    <t>【安徽华菱】交联电力电缆\NH-YJY\1×6,0.6/1.0kV</t>
  </si>
  <si>
    <t>【安徽华菱】交联电力电缆\NH-YJY\1×10,0.6/1.0kV</t>
  </si>
  <si>
    <t>【安徽华菱】交联电力电缆\NH-YJY\1×16,0.6/1.0kV</t>
  </si>
  <si>
    <t>【安徽华菱】交联电力电缆\NH-YJY\1×25,0.6/1.0kV</t>
  </si>
  <si>
    <t>【安徽华菱】交联电力电缆\NH-YJY\1×35,0.6/1.0kV</t>
  </si>
  <si>
    <t>【安徽华菱】交联电力电缆\NH-YJY\1×50,0.6/1.0kV</t>
  </si>
  <si>
    <t>【安徽华菱】交联电力电缆\NH-YJY\1×70,0.6/1.0kV</t>
  </si>
  <si>
    <t>【安徽华菱】交联电力电缆\NH-YJY\1×95,0.6/1.0kV</t>
  </si>
  <si>
    <t>【安徽华菱】交联电力电缆\NH-YJY\1×120,0.6/1.0kV</t>
  </si>
  <si>
    <t>【安徽华菱】交联电力电缆\NH-YJY\1×150,0.6/1.0kV</t>
  </si>
  <si>
    <t>【安徽华菱】交联电力电缆\NH-YJY\1×185,0.6/1.0kV</t>
  </si>
  <si>
    <t>【安徽华菱】交联电力电缆\NH-YJY\1×240,0.6/1.0kV</t>
  </si>
  <si>
    <t>【安徽华菱】交联电力电缆\NH-YJY\1×300,0.6/1.0kV</t>
  </si>
  <si>
    <t>【安徽华菱】交联电力电缆\NH-YJY\1×400,0.6/1.0kV</t>
  </si>
  <si>
    <t>【安徽华菱】交联电力电缆\NH-YJY\1×500,0.6/1.0kV</t>
  </si>
  <si>
    <t>【安徽华菱】交联电力电缆\NH-YJY\2×1.5,0.6/1.0kV</t>
  </si>
  <si>
    <t>【安徽华菱】交联电力电缆\NH-YJY\2×2.5,0.6/1.0kV</t>
  </si>
  <si>
    <t>【安徽华菱】交联电力电缆\NH-YJY\2×4,0.6/1.0kV</t>
  </si>
  <si>
    <t>【安徽华菱】交联电力电缆\NH-YJY\2×6,0.6/1.0kV</t>
  </si>
  <si>
    <t>【安徽华菱】交联电力电缆\NH-YJY\2×10,0.6/1.0kV</t>
  </si>
  <si>
    <t>【安徽华菱】交联电力电缆\NH-YJY\2×16,0.6/1.0kV</t>
  </si>
  <si>
    <t>【安徽华菱】交联电力电缆\NH-YJY\2×25,0.6/1.0kV</t>
  </si>
  <si>
    <t>【安徽华菱】交联电力电缆\NH-YJY\2×35,0.6/1.0kV</t>
  </si>
  <si>
    <t>【安徽华菱】交联电力电缆\NH-YJY\2×50,0.6/1.0kV</t>
  </si>
  <si>
    <t>【安徽华菱】交联电力电缆\NH-YJY\2×70,0.6/1.0kV</t>
  </si>
  <si>
    <t>【安徽华菱】交联电力电缆\NH-YJY\2×95,0.6/1.0kV</t>
  </si>
  <si>
    <t>【安徽华菱】交联电力电缆\NH-YJY\2×120,0.6/1.0kV</t>
  </si>
  <si>
    <t>【安徽华菱】交联电力电缆\NH-YJY\2×150,0.6/1.0kV</t>
  </si>
  <si>
    <t>【安徽华菱】交联电力电缆\NH-YJY\2×185,0.6/1.0kV</t>
  </si>
  <si>
    <t>【安徽华菱】交联电力电缆\NH-YJY\2×240,0.6/1.0kV</t>
  </si>
  <si>
    <t>【安徽华菱】交联电力电缆\NH-YJY\2×300,0.6/1.0kV</t>
  </si>
  <si>
    <t>【安徽华菱】交联电力电缆\NH-YJY\3×1.5,0.6/1.0kV</t>
  </si>
  <si>
    <t>【安徽华菱】交联电力电缆\NH-YJY\3×2.5,0.6/1.0kV</t>
  </si>
  <si>
    <t>【安徽华菱】交联电力电缆\NH-YJY\3×4,0.6/1.0kV</t>
  </si>
  <si>
    <t>【安徽华菱】交联电力电缆\NH-YJY\3×6,0.6/1.0kV</t>
  </si>
  <si>
    <t>【安徽华菱】交联电力电缆\NH-YJY\3×10,0.6/1.0kV</t>
  </si>
  <si>
    <t>【安徽华菱】交联电力电缆\NH-YJY\3×16,0.6/1.0kV</t>
  </si>
  <si>
    <t>【安徽华菱】交联电力电缆\NH-YJY\3×25,0.6/1.0kV</t>
  </si>
  <si>
    <t>【安徽华菱】交联电力电缆\NH-YJY\3×35,0.6/1.0kV</t>
  </si>
  <si>
    <t>【安徽华菱】交联电力电缆\NH-YJY\3×50,0.6/1.0kV</t>
  </si>
  <si>
    <t>【安徽华菱】交联电力电缆\NH-YJY\3×70,0.6/1.0kV</t>
  </si>
  <si>
    <t>【安徽华菱】交联电力电缆\NH-YJY\3×95,0.6/1.0kV</t>
  </si>
  <si>
    <t>【安徽华菱】交联电力电缆\NH-YJY\3×120,0.6/1.0kV</t>
  </si>
  <si>
    <t>【安徽华菱】交联电力电缆\NH-YJY\3×150,0.6/1.0kV</t>
  </si>
  <si>
    <t>【安徽华菱】交联电力电缆\NH-YJY\3×185,0.6/1.0kV</t>
  </si>
  <si>
    <t>【安徽华菱】交联电力电缆\NH-YJY\3×240,0.6/1.0kV</t>
  </si>
  <si>
    <t>【安徽华菱】交联电力电缆\NH-YJY\3×300,0.6/1.0kV</t>
  </si>
  <si>
    <t>【安徽华菱】交联电力电缆\NH-YJY\3×400,0.6/1.0kV</t>
  </si>
  <si>
    <t>【安徽华菱】交联电力电缆\NH-YJY\4×1.5,0.6/1.0kV</t>
  </si>
  <si>
    <t>【安徽华菱】交联电力电缆\NH-YJY\4×2.5,0.6/1.0kV</t>
  </si>
  <si>
    <t>【安徽华菱】交联电力电缆\NH-YJY\4×4,0.6/1.0kV</t>
  </si>
  <si>
    <t>【安徽华菱】交联电力电缆\NH-YJY\4×6,0.6/1.0kV</t>
  </si>
  <si>
    <t>【安徽华菱】交联电力电缆\NH-YJY\4×10,0.6/1.0kV</t>
  </si>
  <si>
    <t>【安徽华菱】交联电力电缆\NH-YJY\4×16,0.6/1.0kV</t>
  </si>
  <si>
    <t>【安徽华菱】交联电力电缆\NH-YJY\4×25,0.6/1.0kV</t>
  </si>
  <si>
    <t>【安徽华菱】交联电力电缆\NH-YJY\4×35,0.6/1.0kV</t>
  </si>
  <si>
    <t>【安徽华菱】交联电力电缆\NH-YJY\4×50,0.6/1.0kV</t>
  </si>
  <si>
    <t>【安徽华菱】交联电力电缆\NH-YJY\4×70,0.6/1.0kV</t>
  </si>
  <si>
    <t>【安徽华菱】交联电力电缆\NH-YJY\4×95,0.6/1.0kV</t>
  </si>
  <si>
    <t>【安徽华菱】交联电力电缆\NH-YJY\4×120,0.6/1.0kV</t>
  </si>
  <si>
    <t>【安徽华菱】交联电力电缆\NH-YJY\4×150,0.6/1.0kV</t>
  </si>
  <si>
    <t>【安徽华菱】交联电力电缆\NH-YJY\4×185,0.6/1.0kV</t>
  </si>
  <si>
    <t>【安徽华菱】交联电力电缆\NH-YJY\5×1.5,0.6/1.0kV</t>
  </si>
  <si>
    <t>【安徽华菱】交联电力电缆\NH-YJY\5×2.5,0.6/1.0kV</t>
  </si>
  <si>
    <t>【安徽华菱】交联电力电缆\NH-YJY\5×4,0.6/1.0kV</t>
  </si>
  <si>
    <t>【安徽华菱】交联电力电缆\NH-YJY\5×6,0.6/1.0kV</t>
  </si>
  <si>
    <t>【安徽华菱】交联电力电缆\NH-YJY\5×10,0.6/1.0kV</t>
  </si>
  <si>
    <t>【安徽华菱】交联电力电缆\NH-YJY\5×16,0.6/1.0kV</t>
  </si>
  <si>
    <t>【安徽华菱】交联电力电缆\NH-YJY\5×25,0.6/1.0kV</t>
  </si>
  <si>
    <t>【安徽华菱】交联电力电缆\NH-YJY\5×35,0.6/1.0kV</t>
  </si>
  <si>
    <t>【安徽华菱】交联电力电缆\NH-YJY\5×50,0.6/1.0kV</t>
  </si>
  <si>
    <t>【安徽华菱】交联电力电缆\NH-YJY\5×70,0.6/1.0kV</t>
  </si>
  <si>
    <t>【安徽华菱】交联电力电缆\NH-YJY\5×95,0.6/1.0kV</t>
  </si>
  <si>
    <t>【安徽华菱】交联电力电缆\NH-YJY\5×120,0.6/1.0kV</t>
  </si>
  <si>
    <t>【安徽华菱】交联电力电缆\NH-YJY\5×150,0.6/1.0kV</t>
  </si>
  <si>
    <t>【安徽华菱】交联电力电缆\NH-YJY\3×2.5+1×1.5,0.6/1.0kV</t>
  </si>
  <si>
    <t>【安徽华菱】交联电力电缆\NH-YJY\3×4+1×2.5,0.6/1.0kV</t>
  </si>
  <si>
    <t>【安徽华菱】交联电力电缆\NH-YJY\3×6+1×4,0.6/1.0kV</t>
  </si>
  <si>
    <t>【安徽华菱】交联电力电缆\NH-YJY\3×10+1×6,0.6/1.0kV</t>
  </si>
  <si>
    <t>【安徽华菱】交联电力电缆\NH-YJY\3×16+1×10,0.6/1.0kV</t>
  </si>
  <si>
    <t>【安徽华菱】交联电力电缆\NH-YJY\3×25+1×16,0.6/1.0kV</t>
  </si>
  <si>
    <t>【安徽华菱】交联电力电缆\NH-YJY\3×35+1×16,0.6/1.0kV</t>
  </si>
  <si>
    <t>【安徽华菱】交联电力电缆\NH-YJY\3×50+1×25,0.6/1.0kV</t>
  </si>
  <si>
    <t>【安徽华菱】交联电力电缆\NH-YJY\3×70+1×35,0.6/1.0kV</t>
  </si>
  <si>
    <t>【安徽华菱】交联电力电缆\NH-YJY\3×95+1×50,0.6/1.0kV</t>
  </si>
  <si>
    <t>【安徽华菱】交联电力电缆\NH-YJY\3×120+1×70,0.6/1.0kV</t>
  </si>
  <si>
    <t>【安徽华菱】交联电力电缆\NH-YJY\3×150+1×70,0.6/1.0kV</t>
  </si>
  <si>
    <t>【安徽华菱】交联电力电缆\NH-YJY\3×185+1×95,0.6/1.0kV</t>
  </si>
  <si>
    <t>【安徽华菱】交联电力电缆\NH-YJY\3×240+1×120,0.6/1.0kV</t>
  </si>
  <si>
    <t>【安徽华菱】交联电力电缆\NH-YJY\3×300+1×150,0.6/1.0kV</t>
  </si>
  <si>
    <t>【安徽华菱】交联电力电缆\NH-YJY\3×400+1×185,0.6/1.0kV</t>
  </si>
  <si>
    <t>【安徽华菱】交联电力电缆\NH-YJY\3×2.5+2×1.5,0.6/1.0kV</t>
  </si>
  <si>
    <t>【安徽华菱】交联电力电缆\NH-YJY\3×4+2×2.5,0.6/1.0kV</t>
  </si>
  <si>
    <t>【安徽华菱】交联电力电缆\NH-YJY\3×6+2×4,0.6/1.0kV</t>
  </si>
  <si>
    <t>【安徽华菱】交联电力电缆\NH-YJY\3×10+2×6,0.6/1.0kV</t>
  </si>
  <si>
    <t>【安徽华菱】交联电力电缆\NH-YJY\3×16+2×10,0.6/1.0kV</t>
  </si>
  <si>
    <t>【安徽华菱】交联电力电缆\NH-YJY\3×25+2×16,0.6/1.0kV</t>
  </si>
  <si>
    <t>【安徽华菱】交联电力电缆\NH-YJY\3×35+2×16,0.6/1.0kV</t>
  </si>
  <si>
    <t>【安徽华菱】交联电力电缆\NH-YJY\3×50+2×25,0.6/1.0kV</t>
  </si>
  <si>
    <t>【安徽华菱】交联电力电缆\NH-YJY\3×70+2×35,0.6/1.0kV</t>
  </si>
  <si>
    <t>【安徽华菱】交联电力电缆\NH-YJY\3×95+2×50,0.6/1.0kV</t>
  </si>
  <si>
    <t>【安徽华菱】交联电力电缆\NH-YJY\3×120+2×70,0.6/1.0kV</t>
  </si>
  <si>
    <t>【安徽华菱】交联电力电缆\NH-YJY\3×150+2×70,0.6/1.0kV</t>
  </si>
  <si>
    <t>【安徽华菱】交联电力电缆\NH-YJY\3×185+2×95,0.6/1.0kV</t>
  </si>
  <si>
    <t>【安徽华菱】交联电力电缆\NH-YJY\3×240+2×120,0.6/1.0kV</t>
  </si>
  <si>
    <t>【安徽华菱】交联电力电缆\NH-YJY\3×300+2×150,0.6/1.0kV</t>
  </si>
  <si>
    <t>【安徽华菱】交联电力电缆\NH-YJY\3×400+2×185,0.6/1.0kV</t>
  </si>
  <si>
    <t>【安徽华菱】交联电力电缆\NH-YJY\4×2.5+1×1.5,0.6/1.0kV</t>
  </si>
  <si>
    <t>【安徽华菱】交联电力电缆\NH-YJY\4×4+1×2.5,0.6/1.0kV</t>
  </si>
  <si>
    <t>【安徽华菱】交联电力电缆\NH-YJY\4×6+1×4,0.6/1.0kV</t>
  </si>
  <si>
    <t>【安徽华菱】交联电力电缆\NH-YJY\4×10+1×6,0.6/1.0kV</t>
  </si>
  <si>
    <t>【安徽华菱】交联电力电缆\NH-YJY\4×16+1×10,0.6/1.0kV</t>
  </si>
  <si>
    <t>【安徽华菱】交联电力电缆\NH-YJY\4×25+1×16,0.6/1.0kV</t>
  </si>
  <si>
    <t>【安徽华菱】交联电力电缆\NH-YJY\4×35+1×16,0.6/1.0kV</t>
  </si>
  <si>
    <t>【安徽华菱】交联电力电缆\NH-YJY\4×50+1×25,0.6/1.0kV</t>
  </si>
  <si>
    <t>【安徽华菱】交联电力电缆\NH-YJY\4×70+1×35,0.6/1.0kV</t>
  </si>
  <si>
    <t>【安徽华菱】交联电力电缆\NH-YJY\4×95+1×50,0.6/1.0kV</t>
  </si>
  <si>
    <t>【安徽华菱】交联电力电缆\NH-YJY\4×120+1×70,0.6/1.0kV</t>
  </si>
  <si>
    <t>【安徽华菱】交联电力电缆\NH-YJY\4×150+1×70,0.6/1.0kV</t>
  </si>
  <si>
    <t>【安徽华菱】交联电力电缆\NH-YJY\4×185+1×95,0.6/1.0kV</t>
  </si>
  <si>
    <t>【安徽华菱】交联电力电缆\NH-YJY23\2×1.5,0.6/1kV</t>
  </si>
  <si>
    <t>【安徽华菱】交联电力电缆\NH-YJY23\2×2.5,0.6/1kV</t>
  </si>
  <si>
    <t>【安徽华菱】交联电力电缆\NH-YJY23\2×4,0.6/1kV</t>
  </si>
  <si>
    <t>【安徽华菱】交联电力电缆\NH-YJY23\2×6,0.6/1kV</t>
  </si>
  <si>
    <t>【安徽华菱】交联电力电缆\NH-YJY23\2×10,0.6/1kV</t>
  </si>
  <si>
    <t>【安徽华菱】交联电力电缆\NH-YJY23\2×16,0.6/1kV</t>
  </si>
  <si>
    <t>【安徽华菱】交联电力电缆\NH-YJY23\2×25,0.6/1kV</t>
  </si>
  <si>
    <t>【安徽华菱】交联电力电缆\NH-YJY23\2×35,0.6/1kV</t>
  </si>
  <si>
    <t>【安徽华菱】交联电力电缆\NH-YJY23\2×50,0.6/1kV</t>
  </si>
  <si>
    <t>【安徽华菱】交联电力电缆\NH-YJY23\2×70,0.6/1kV</t>
  </si>
  <si>
    <t>【安徽华菱】交联电力电缆\NH-YJY23\2×95,0.6/1kV</t>
  </si>
  <si>
    <t>【安徽华菱】交联电力电缆\NH-YJY23\2×120,0.6/1kV</t>
  </si>
  <si>
    <t>【安徽华菱】交联电力电缆\NH-YJY23\2×150,0.6/1kV</t>
  </si>
  <si>
    <t>【安徽华菱】交联电力电缆\NH-YJY23\2×185,0.6/1kV</t>
  </si>
  <si>
    <t>【安徽华菱】交联电力电缆\NH-YJY23\2×240,0.6/1kV</t>
  </si>
  <si>
    <t>【安徽华菱】交联电力电缆\NH-YJY23\2×300,0.6/1kV</t>
  </si>
  <si>
    <t>【安徽华菱】交联电力电缆\NH-YJY23\3×1.5,0.6/1kV</t>
  </si>
  <si>
    <t>【安徽华菱】交联电力电缆\NH-YJY23\3×2.5,0.6/1kV</t>
  </si>
  <si>
    <t>【安徽华菱】交联电力电缆\NH-YJY23\3×4,0.6/1kV</t>
  </si>
  <si>
    <t>【安徽华菱】交联电力电缆\NH-YJY23\3×6,0.6/1kV</t>
  </si>
  <si>
    <t>【安徽华菱】交联电力电缆\NH-YJY23\3×10,0.6/1kV</t>
  </si>
  <si>
    <t>【安徽华菱】交联电力电缆\NH-YJY23\3×16,0.6/1kV</t>
  </si>
  <si>
    <t>【安徽华菱】交联电力电缆\NH-YJY23\3×25,0.6/1kV</t>
  </si>
  <si>
    <t>【安徽华菱】交联电力电缆\NH-YJY23\3×35,0.6/1kV</t>
  </si>
  <si>
    <t>【安徽华菱】交联电力电缆\NH-YJY23\3×50,0.6/1kV</t>
  </si>
  <si>
    <t>【安徽华菱】交联电力电缆\NH-YJY23\3×70,0.6/1kV</t>
  </si>
  <si>
    <t>【安徽华菱】交联电力电缆\NH-YJY23\3×95,0.6/1kV</t>
  </si>
  <si>
    <t>【安徽华菱】交联电力电缆\NH-YJY23\3×120,0.6/1kV</t>
  </si>
  <si>
    <t>【安徽华菱】交联电力电缆\NH-YJY23\3×150,0.6/1kV</t>
  </si>
  <si>
    <t>【安徽华菱】交联电力电缆\NH-YJY23\3×185,0.6/1kV</t>
  </si>
  <si>
    <t>【安徽华菱】交联电力电缆\NH-YJY23\3×240,0.6/1kV</t>
  </si>
  <si>
    <t>【安徽华菱】交联电力电缆\NH-YJY23\3×300,0.6/1kV</t>
  </si>
  <si>
    <t>【安徽华菱】交联电力电缆\NH-YJY23\3×400,0.6/1kV</t>
  </si>
  <si>
    <t>【安徽华菱】交联电力电缆\NH-YJY23\4×1.5,0.6/1kV</t>
  </si>
  <si>
    <t>【安徽华菱】交联电力电缆\NH-YJY23\4×2.5,0.6/1kV</t>
  </si>
  <si>
    <t>【安徽华菱】交联电力电缆\NH-YJY23\4×4,0.6/1kV</t>
  </si>
  <si>
    <t>【安徽华菱】交联电力电缆\NH-YJY23\4×6,0.6/1kV</t>
  </si>
  <si>
    <t>【安徽华菱】交联电力电缆\NH-YJY23\4×10,0.6/1kV</t>
  </si>
  <si>
    <t>【安徽华菱】交联电力电缆\NH-YJY23\4×16,0.6/1kV</t>
  </si>
  <si>
    <t>【安徽华菱】交联电力电缆\NH-YJY23\4×25,0.6/1kV</t>
  </si>
  <si>
    <t>【安徽华菱】交联电力电缆\NH-YJY23\4×35,0.6/1kV</t>
  </si>
  <si>
    <t>【安徽华菱】交联电力电缆\NH-YJY23\4×50,0.6/1kV</t>
  </si>
  <si>
    <t>【安徽华菱】交联电力电缆\NH-YJY23\4×70,0.6/1kV</t>
  </si>
  <si>
    <t>【安徽华菱】交联电力电缆\NH-YJY23\4×95,0.6/1kV</t>
  </si>
  <si>
    <t>【安徽华菱】交联电力电缆\NH-YJY23\4×120,0.6/1kV</t>
  </si>
  <si>
    <t>【安徽华菱】交联电力电缆\NH-YJY23\4×150,0.6/1kV</t>
  </si>
  <si>
    <t>【安徽华菱】交联电力电缆\NH-YJY23\4×185,0.6/1kV</t>
  </si>
  <si>
    <t>【安徽华菱】交联电力电缆\NH-YJY23\5×1.5,0.6/1kV</t>
  </si>
  <si>
    <t>【安徽华菱】交联电力电缆\NH-YJY23\5×2.5,0.6/1kV</t>
  </si>
  <si>
    <t>【安徽华菱】交联电力电缆\NH-YJY23\5×4,0.6/1kV</t>
  </si>
  <si>
    <t>【安徽华菱】交联电力电缆\NH-YJY23\5×6,0.6/1kV</t>
  </si>
  <si>
    <t>【安徽华菱】交联电力电缆\NH-YJY23\5×10,0.6/1kV</t>
  </si>
  <si>
    <t>【安徽华菱】交联电力电缆\NH-YJY23\5×16,0.6/1kV</t>
  </si>
  <si>
    <t>【安徽华菱】交联电力电缆\NH-YJY23\5×25,0.6/1kV</t>
  </si>
  <si>
    <t>【安徽华菱】交联电力电缆\NH-YJY23\5×35,0.6/1kV</t>
  </si>
  <si>
    <t>【安徽华菱】交联电力电缆\NH-YJY23\5×50,0.6/1kV</t>
  </si>
  <si>
    <t>【安徽华菱】交联电力电缆\NH-YJY23\5×70,0.6/1kV</t>
  </si>
  <si>
    <t>【安徽华菱】交联电力电缆\NH-YJY23\5×95,0.6/1kV</t>
  </si>
  <si>
    <t>【安徽华菱】交联电力电缆\NH-YJY23\5×120,0.6/1kV</t>
  </si>
  <si>
    <t>【安徽华菱】交联电力电缆\NH-YJY23\5×150,0.6/1kV</t>
  </si>
  <si>
    <t>【安徽华菱】交联电力电缆\NH-YJY23\3×2.5+1×1.5,0.6/1kV</t>
  </si>
  <si>
    <t>【安徽华菱】交联电力电缆\NH-YJY23\3×4+1×2.5,0.6/1kV</t>
  </si>
  <si>
    <t>【安徽华菱】交联电力电缆\NH-YJY23\3×6+1×4,0.6/1kV</t>
  </si>
  <si>
    <t>【安徽华菱】交联电力电缆\NH-YJY23\3×10+1×6,0.6/1kV</t>
  </si>
  <si>
    <t>【安徽华菱】交联电力电缆\NH-YJY23\3×16+1×10,0.6/1kV</t>
  </si>
  <si>
    <t>【安徽华菱】交联电力电缆\NH-YJY23\3×25+1×16,0.6/1kV</t>
  </si>
  <si>
    <t>【安徽华菱】交联电力电缆\NH-YJY23\3×35+1×16,0.6/1kV</t>
  </si>
  <si>
    <t>【安徽华菱】交联电力电缆\NH-YJY23\3×50+1×25,0.6/1kV</t>
  </si>
  <si>
    <t>【安徽华菱】交联电力电缆\NH-YJY23\3×70+1×35,0.6/1kV</t>
  </si>
  <si>
    <t>【安徽华菱】交联电力电缆\NH-YJY23\3×95+1×50,0.6/1kV</t>
  </si>
  <si>
    <t>【安徽华菱】交联电力电缆\NH-YJY23\3×120+1×70,0.6/1kV</t>
  </si>
  <si>
    <t>【安徽华菱】交联电力电缆\NH-YJY23\3×150+1×70,0.6/1kV</t>
  </si>
  <si>
    <t>【安徽华菱】交联电力电缆\NH-YJY23\3×185+1×95,0.6/1kV</t>
  </si>
  <si>
    <t>【安徽华菱】交联电力电缆\NH-YJY23\3×240+1×120,0.6/1kV</t>
  </si>
  <si>
    <t>【安徽华菱】交联电力电缆\NH-YJY23\3×300+1×150,0.6/1kV</t>
  </si>
  <si>
    <t>【安徽华菱】交联电力电缆\NH-YJY23\3×400+1×185,0.6/1kV</t>
  </si>
  <si>
    <t>【安徽华菱】交联电力电缆\NH-YJY23\3×2.5+2×1.5,0.6/1kV</t>
  </si>
  <si>
    <t>【安徽华菱】交联电力电缆\NH-YJY23\3×4+2×2.5,0.6/1kV</t>
  </si>
  <si>
    <t>【安徽华菱】交联电力电缆\NH-YJY23\3×6+2×4,0.6/1kV</t>
  </si>
  <si>
    <t>【安徽华菱】交联电力电缆\NH-YJY23\3×10+2×6,0.6/1kV</t>
  </si>
  <si>
    <t>【安徽华菱】交联电力电缆\NH-YJY23\3×16+2×10,0.6/1kV</t>
  </si>
  <si>
    <t>【安徽华菱】交联电力电缆\NH-YJY23\3×25+2×16,0.6/1kV</t>
  </si>
  <si>
    <t>【安徽华菱】交联电力电缆\NH-YJY23\3×35+2×16,0.6/1kV</t>
  </si>
  <si>
    <t>【安徽华菱】交联电力电缆\NH-YJY23\3×50+2×25,0.6/1kV</t>
  </si>
  <si>
    <t>【安徽华菱】交联电力电缆\NH-YJY23\3×70+2×35,0.6/1kV</t>
  </si>
  <si>
    <t>【安徽华菱】交联电力电缆\NH-YJY23\3×95+2×50,0.6/1kV</t>
  </si>
  <si>
    <t>【安徽华菱】交联电力电缆\NH-YJY23\3×120+2×70,0.6/1kV</t>
  </si>
  <si>
    <t>【安徽华菱】交联电力电缆\NH-YJY23\3×150+2×70,0.6/1kV</t>
  </si>
  <si>
    <t>【安徽华菱】交联电力电缆\NH-YJY23\3×185+2×95,0.6/1kV</t>
  </si>
  <si>
    <t>【安徽华菱】交联电力电缆\NH-YJY23\3×240+2×120,0.6/1kV</t>
  </si>
  <si>
    <t>【安徽华菱】交联电力电缆\NH-YJY23\3×300+2×150,0.6/1kV</t>
  </si>
  <si>
    <t>【安徽华菱】交联电力电缆\NH-YJY23\3×400+2×185,0.6/1kV</t>
  </si>
  <si>
    <t>【安徽华菱】交联电力电缆\NH-YJY23\4×2.5+1×1.5,0.6/1kV</t>
  </si>
  <si>
    <t>【安徽华菱】交联电力电缆\NH-YJY23\4×4+1×2.5,0.6/1kV</t>
  </si>
  <si>
    <t>【安徽华菱】交联电力电缆\NH-YJY23\4×6+1×4,0.6/1kV</t>
  </si>
  <si>
    <t>【安徽华菱】交联电力电缆\NH-YJY23\4×10+1×6,0.6/1kV</t>
  </si>
  <si>
    <t>【安徽华菱】交联电力电缆\NH-YJY23\4×16+1×10,0.6/1kV</t>
  </si>
  <si>
    <t>【安徽华菱】交联电力电缆\NH-YJY23\4×25+1×16,0.6/1kV</t>
  </si>
  <si>
    <t>【安徽华菱】交联电力电缆\NH-YJY23\4×35+1×16,0.6/1kV</t>
  </si>
  <si>
    <t>【安徽华菱】交联电力电缆\NH-YJY23\4×50+1×25,0.6/1kV</t>
  </si>
  <si>
    <t>【安徽华菱】交联电力电缆\NH-YJY23\4×70+1×35,0.6/1kV</t>
  </si>
  <si>
    <t>【安徽华菱】交联电力电缆\NH-YJY23\4×95+1×50,0.6/1kV</t>
  </si>
  <si>
    <t>【安徽华菱】交联电力电缆\NH-YJY23\4×120+1×70,0.6/1kV</t>
  </si>
  <si>
    <t>【安徽华菱】交联电力电缆\NH-YJY23\4×150+1×70,0.6/1kV</t>
  </si>
  <si>
    <t>【安徽华菱】交联电力电缆\NH-YJY23\4×185+1×95,0.6/1kV</t>
  </si>
  <si>
    <t>【安徽华菱】交联电力电缆\NH-YJY63\1×1.5,0.6/1kV</t>
  </si>
  <si>
    <t>【安徽华菱】交联电力电缆\NH-YJY63\1×2.5,0.6/1kV</t>
  </si>
  <si>
    <t>【安徽华菱】交联电力电缆\NH-YJY63\1×4,0.6/1kV</t>
  </si>
  <si>
    <t>【安徽华菱】交联电力电缆\NH-YJY63\1×6,0.6/1kV</t>
  </si>
  <si>
    <t>【安徽华能】交联电力电缆\ZC-YJV\1×1.5,0.6/1.0kV</t>
  </si>
  <si>
    <t>WZSCCG-2020-BJ-1093</t>
  </si>
  <si>
    <t>2020年度北京配送短名单1kV电力电缆集团级铺货长协询价采购Ⅰ标段框架合同</t>
  </si>
  <si>
    <t>【安徽华能】交联电力电缆\ZC-YJV\1×2.5,0.6/1.0kV</t>
  </si>
  <si>
    <t>【安徽华能】交联电力电缆\ZC-YJV\1×4,0.6/1.0kV</t>
  </si>
  <si>
    <t>【安徽华能】交联电力电缆\ZC-YJV\1×6,0.6/1.0kV</t>
  </si>
  <si>
    <t>【安徽华能】交联电力电缆\ZC-YJV\1×10,0.6/1.0kV</t>
  </si>
  <si>
    <t>【安徽华能】交联电力电缆\ZC-YJV\1×16,0.6/1.0kV</t>
  </si>
  <si>
    <t>【安徽华能】交联电力电缆\ZC-YJV\1×25,0.6/1.0kV</t>
  </si>
  <si>
    <t>【安徽华能】交联电力电缆\ZC-YJV\1×35,0.6/1.0kV</t>
  </si>
  <si>
    <t>【安徽华能】交联电力电缆\ZC-YJV\1×50,0.6/1.0kV</t>
  </si>
  <si>
    <t>【安徽华能】交联电力电缆\ZC-YJV\1×70,0.6/1.0kV</t>
  </si>
  <si>
    <t>【安徽华能】交联电力电缆\ZC-YJV\1×95,0.6/1.0kV</t>
  </si>
  <si>
    <t>【安徽华能】交联电力电缆\ZC-YJV\1×120,0.6/1.0kV</t>
  </si>
  <si>
    <t>【安徽华能】交联电力电缆\ZC-YJV\1×150,0.6/1.0kV</t>
  </si>
  <si>
    <t>【安徽华能】交联电力电缆\ZC-YJV\1×185,0.6/1.0kV</t>
  </si>
  <si>
    <t>【安徽华能】交联电力电缆\ZC-YJV\1×240,0.6/1.0kV</t>
  </si>
  <si>
    <t>【安徽华能】交联电力电缆\ZC-YJV\1×300,0.6/1.0kV</t>
  </si>
  <si>
    <t>【安徽华能】交联电力电缆\ZC-YJV\1×400,0.6/1.0kV</t>
  </si>
  <si>
    <t>【安徽华能】交联电力电缆\ZC-YJV\1×500,0.6/1.0kV</t>
  </si>
  <si>
    <t>【安徽华能】交联电力电缆\ZC-YJV\2×1.5,0.6/1.0kV</t>
  </si>
  <si>
    <t>【安徽华能】交联电力电缆\ZC-YJV\2×2.5,0.6/1.0kV</t>
  </si>
  <si>
    <t>【安徽华能】交联电力电缆\ZC-YJV\2×4,0.6/1.0kV</t>
  </si>
  <si>
    <t>【安徽华能】交联电力电缆\ZC-YJV\2×6,0.6/1.0kV</t>
  </si>
  <si>
    <t>【安徽华能】交联电力电缆\ZC-YJV\2×10,0.6/1.0kV</t>
  </si>
  <si>
    <t>【安徽华能】交联电力电缆\ZC-YJV\2×16,0.6/1.0kV</t>
  </si>
  <si>
    <t>【安徽华能】交联电力电缆\ZC-YJV\2×25,0.6/1.0kV</t>
  </si>
  <si>
    <t>【安徽华能】交联电力电缆\ZC-YJV\2×35,0.6/1.0kV</t>
  </si>
  <si>
    <t>【安徽华能】交联电力电缆\ZC-YJV\2×50,0.6/1.0kV</t>
  </si>
  <si>
    <t>【安徽华能】交联电力电缆\ZC-YJV\2×70,0.6/1.0kV</t>
  </si>
  <si>
    <t>【安徽华能】交联电力电缆\ZC-YJV\2×95,0.6/1.0kV</t>
  </si>
  <si>
    <t>【安徽华能】交联电力电缆\ZC-YJV\2×120,0.6/1.0kV</t>
  </si>
  <si>
    <t>【安徽华能】交联电力电缆\ZC-YJV\2×150,0.6/1.0kV</t>
  </si>
  <si>
    <t>【安徽华能】交联电力电缆\ZC-YJV\2×185,0.6/1.0kV</t>
  </si>
  <si>
    <t>【安徽华能】交联电力电缆\ZC-YJV\2×240,0.6/1.0kV</t>
  </si>
  <si>
    <t>【安徽华能】交联电力电缆\ZC-YJV\2×300,0.6/1.0kV</t>
  </si>
  <si>
    <t>【安徽华能】交联电力电缆\ZC-YJV\3×1.5,0.6/1.0kV</t>
  </si>
  <si>
    <t>【安徽华能】交联电力电缆\ZC-YJV\3×2.5,0.6/1.0kV</t>
  </si>
  <si>
    <t>【安徽华能】交联电力电缆\ZC-YJV\3×4,0.6/1.0kV</t>
  </si>
  <si>
    <t>【安徽华能】交联电力电缆\ZC-YJV\3×6,0.6/1.0kV</t>
  </si>
  <si>
    <t>【安徽华能】交联电力电缆\ZC-YJV\3×10,0.6/1.0kV</t>
  </si>
  <si>
    <t>【安徽华能】交联电力电缆\ZC-YJV\3×16,0.6/1.0kV</t>
  </si>
  <si>
    <t>【安徽华能】交联电力电缆\ZC-YJV\3×25,0.6/1.0kV</t>
  </si>
  <si>
    <t>【安徽华能】交联电力电缆\ZC-YJV\3×35,0.6/1.0kV</t>
  </si>
  <si>
    <t>【安徽华能】交联电力电缆\ZC-YJV\3×50,0.6/1.0kV</t>
  </si>
  <si>
    <t>【安徽华能】交联电力电缆\ZC-YJV\3×70,0.6/1.0kV</t>
  </si>
  <si>
    <t>【安徽华能】交联电力电缆\ZC-YJV\3×95,0.6/1.0kV</t>
  </si>
  <si>
    <t>【安徽华能】交联电力电缆\ZC-YJV\3×120,0.6/1.0kV</t>
  </si>
  <si>
    <t>【安徽华能】交联电力电缆\ZC-YJV\3×150,0.6/1.0kV</t>
  </si>
  <si>
    <t>【安徽华能】交联电力电缆\ZC-YJV\3×185,0.6/1.0kV</t>
  </si>
  <si>
    <t>【安徽华能】交联电力电缆\ZC-YJV\3×240,0.6/1.0kV</t>
  </si>
  <si>
    <t>【安徽华能】交联电力电缆\ZC-YJV\3×300,0.6/1.0kV</t>
  </si>
  <si>
    <t>【安徽华能】交联电力电缆\ZC-YJV\3×400,0.6/1.0kV</t>
  </si>
  <si>
    <t>【安徽华能】交联电力电缆\YJV\3×10+2×6,0.6/1.0kV</t>
  </si>
  <si>
    <t>【安徽华能】交联电力电缆\YJV\3×120+2×70,0.6/1.0kV</t>
  </si>
  <si>
    <t>【安徽华能】交联电力电缆\YJV\3×180+1×120,0.6/1.0kV</t>
  </si>
  <si>
    <t>【安徽华能】交联电力电缆\YJV\3×185+1×95,0.6/1.0kV</t>
  </si>
  <si>
    <t>【安徽华能】交联电力电缆\YJV\3×185+2×95,0.6/1.0kV</t>
  </si>
  <si>
    <t>【安徽华能】交联电力电缆\YJV\3×240+2×120,0.6/1.0kV</t>
  </si>
  <si>
    <t>【安徽华能】交联电力电缆\YJV\3×35+1×16,0.6/1.0kV</t>
  </si>
  <si>
    <t>【安徽华能】交联电力电缆\YJV\3×35+2×16,0.6/1.0kV</t>
  </si>
  <si>
    <t>【安徽华能】交联电力电缆\YJV\3×35+2×25,0.6/1.0kV</t>
  </si>
  <si>
    <t>【安徽华能】交联电力电缆\YJV\3×50+1×25,0.6/1.0kV</t>
  </si>
  <si>
    <t>【安徽华能】交联电力电缆\YJV\3×70+1×35,0.6/1.0kV</t>
  </si>
  <si>
    <t>【安徽华能】交联电力电缆\YJV\3×70+2×35,0.6/1.0kV</t>
  </si>
  <si>
    <t>【安徽华能】交联电力电缆\YJV\3×95+1×50,0.6/1.0kV</t>
  </si>
  <si>
    <t>【安徽华能】交联电力电缆\YJV\3×95+2×50,0.6/1.0kV</t>
  </si>
  <si>
    <t>【安徽华能】交联电力电缆\ZC-YJV\4×1.5,0.6/1.0kV</t>
  </si>
  <si>
    <t>【安徽华能】交联电力电缆\ZC-YJV\4×2.5,0.6/1.0kV</t>
  </si>
  <si>
    <t>【安徽华能】交联电力电缆\ZC-YJV\4×4,0.6/1.0kV</t>
  </si>
  <si>
    <t>【安徽华能】交联电力电缆\ZC-YJV\4×6,0.6/1.0kV</t>
  </si>
  <si>
    <t>【安徽华能】交联电力电缆\ZC-YJV\4×10,0.6/1.0kV</t>
  </si>
  <si>
    <t>【安徽华能】交联电力电缆\ZC-YJV\4×16,0.6/1.0kV</t>
  </si>
  <si>
    <t>【安徽华能】交联电力电缆\ZC-YJV\4×25,0.6/1.0kV</t>
  </si>
  <si>
    <t>【安徽华能】交联电力电缆\ZC-YJV\4×35,0.6/1.0kV</t>
  </si>
  <si>
    <t>【安徽华能】交联电力电缆\ZC-YJV\4×50,0.6/1.0kV</t>
  </si>
  <si>
    <t>【安徽华能】交联电力电缆\ZC-YJV\4×70,0.6/1.0kV</t>
  </si>
  <si>
    <t>【安徽华能】交联电力电缆\ZC-YJV\4×95,0.6/1.0kV</t>
  </si>
  <si>
    <t>【安徽华能】交联电力电缆\ZC-YJV\4×120,0.6/1.0kV</t>
  </si>
  <si>
    <t>【安徽华能】交联电力电缆\ZC-YJV\4×150,0.6/1.0kV</t>
  </si>
  <si>
    <t>【安徽华能】交联电力电缆\ZC-YJV\4×185,0.6/1.0kV</t>
  </si>
  <si>
    <t>【安徽华能】交联电力电缆\ZC-YJV\5×1.5,0.6/1.0kV</t>
  </si>
  <si>
    <t>【安徽华能】交联电力电缆\ZC-YJV\5×2.5,0.6/1.0kV</t>
  </si>
  <si>
    <t>【安徽华能】交联电力电缆\ZC-YJV\5×4,0.6/1.0kV</t>
  </si>
  <si>
    <t>【安徽华能】交联电力电缆\ZC-YJV\5×6,0.6/1.0kV</t>
  </si>
  <si>
    <t>【安徽华能】交联电力电缆\ZC-YJV\5×10,0.6/1.0kV</t>
  </si>
  <si>
    <t>【安徽华能】交联电力电缆\ZC-YJV\5×16,0.6/1.0kV</t>
  </si>
  <si>
    <t>【安徽华能】交联电力电缆\ZC-YJV\5×25,0.6/1.0kV</t>
  </si>
  <si>
    <t>【安徽华能】交联电力电缆\ZC-YJV\5×35,0.6/1.0kV</t>
  </si>
  <si>
    <t>【安徽华能】交联电力电缆\ZC-YJV\5×50,0.6/1.0kV</t>
  </si>
  <si>
    <t>【安徽华能】交联电力电缆\ZC-YJV\5×70,0.6/1.0kV</t>
  </si>
  <si>
    <t>【安徽华能】交联电力电缆\ZC-YJV\5×95,0.6/1.0kV</t>
  </si>
  <si>
    <t>【安徽华能】交联电力电缆\ZC-YJV\5×120,0.6/1.0kV</t>
  </si>
  <si>
    <t>【安徽华能】交联电力电缆\ZC-YJV\5×150,0.6/1.0kV</t>
  </si>
  <si>
    <t>【安徽华能】交联电力电缆\ZC-YJV\3×2.5+1×1.5,0.6/1.0kV</t>
  </si>
  <si>
    <t>【安徽华能】交联电力电缆\ZC-YJV\3×4+1×2.5,0.6/1.0kV</t>
  </si>
  <si>
    <t>【安徽华能】交联电力电缆\ZC-YJV\3×6+1×4,0.6/1.0kV</t>
  </si>
  <si>
    <t>【安徽华能】交联电力电缆\ZC-YJV\3×10+1×6,0.6/1.0kV</t>
  </si>
  <si>
    <t>【安徽华能】交联电力电缆\ZC-YJV\3×16+1×10,0.6/1.0kV</t>
  </si>
  <si>
    <t>【安徽华能】交联电力电缆\ZC-YJV\3×25+1×16,0.6/1.0kV</t>
  </si>
  <si>
    <t>【安徽华能】交联电力电缆\ZC-YJV\3×35+1×16,0.6/1.0kV</t>
  </si>
  <si>
    <t>【安徽华能】交联电力电缆\ZC-YJV\3×50+1×25,0.6/1.0kV</t>
  </si>
  <si>
    <t>【安徽华能】交联电力电缆\ZC-YJV\3×70+1×35,0.6/1.0kV</t>
  </si>
  <si>
    <t>【安徽华能】交联电力电缆\ZC-YJV\3×95+1×50,0.6/1.0kV</t>
  </si>
  <si>
    <t>【安徽华能】交联电力电缆\ZC-YJV\3×120+1×70,0.6/1.0kV</t>
  </si>
  <si>
    <t>【安徽华能】交联电力电缆\ZC-YJV\3×150+1×70,0.6/1.0kV</t>
  </si>
  <si>
    <t>【安徽华能】交联电力电缆\ZC-YJV\3×185+1×95,0.6/1.0kV</t>
  </si>
  <si>
    <t>【安徽华能】交联电力电缆\ZC-YJV\3×240+1×120,0.6/1.0kV</t>
  </si>
  <si>
    <t>【安徽华能】交联电力电缆\ZC-YJV\3×300+1×150,0.6/1.0kV</t>
  </si>
  <si>
    <t>【安徽华能】交联电力电缆\ZC-YJV\3×400+1×185,0.6/1.0kV</t>
  </si>
  <si>
    <t>【安徽华能】交联电力电缆\ZC-YJV\3×2.5+2×1.5,0.6/1.0kV</t>
  </si>
  <si>
    <t>【安徽华能】交联电力电缆\ZC-YJV\3×4+2×2.5,0.6/1.0kV</t>
  </si>
  <si>
    <t>【安徽华能】交联电力电缆\ZC-YJV\3×6+2×4,0.6/1.0kV</t>
  </si>
  <si>
    <t>【安徽华能】交联电力电缆\ZC-YJV\3×10+2×6,0.6/1.0kV</t>
  </si>
  <si>
    <t>【安徽华能】交联电力电缆\ZC-YJV\3×16+2×10,0.6/1.0kV</t>
  </si>
  <si>
    <t>【安徽华能】交联电力电缆\ZC-YJV\3×25+2×16,0.6/1.0kV</t>
  </si>
  <si>
    <t>【安徽华能】交联电力电缆\ZC-YJV\3×35+2×16,0.6/1.0kV</t>
  </si>
  <si>
    <t>【安徽华能】交联电力电缆\ZC-YJV\3×50+2×25,0.6/1.0kV</t>
  </si>
  <si>
    <t>【安徽华能】交联电力电缆\ZC-YJV\3×70+2×35,0.6/1.0kV</t>
  </si>
  <si>
    <t>【安徽华能】交联电力电缆\ZC-YJV\3×95+2×50,0.6/1.0kV</t>
  </si>
  <si>
    <t>【安徽华能】交联电力电缆\ZC-YJV\3×120+2×70,0.6/1.0kV</t>
  </si>
  <si>
    <t>【安徽华能】交联电力电缆\ZC-YJV\3×150+2×70,0.6/1.0kV</t>
  </si>
  <si>
    <t>【安徽华能】交联电力电缆\ZC-YJV\3×185+2×95,0.6/1.0kV</t>
  </si>
  <si>
    <t>【安徽华能】交联电力电缆\ZC-YJV\3×240+2×120,0.6/1.0kV</t>
  </si>
  <si>
    <t>【安徽华能】交联电力电缆\ZC-YJV\3×300+2×150,0.6/1.0kV</t>
  </si>
  <si>
    <t>【安徽华能】交联电力电缆\ZC-YJV\3×400+2×185,0.6/1.0kV</t>
  </si>
  <si>
    <t>【安徽华能】交联电力电缆\ZC-YJV\4×2.5+1×1.5,0.6/1.0kV</t>
  </si>
  <si>
    <t>【安徽华能】交联电力电缆\ZC-YJV\4×4+1×2.5,0.6/1.0kV</t>
  </si>
  <si>
    <t>【安徽华能】交联电力电缆\ZC-YJV\4×6+1×4,0.6/1.0kV</t>
  </si>
  <si>
    <t>【安徽华能】交联电力电缆\ZC-YJV\4×10+1×6,0.6/1.0kV</t>
  </si>
  <si>
    <t>【安徽华能】交联电力电缆\ZC-YJV\4×16+1×10,0.6/1.0kV</t>
  </si>
  <si>
    <t>【安徽华能】交联电力电缆\ZC-YJV\4×25+1×16,0.6/1.0kV</t>
  </si>
  <si>
    <t>【安徽华能】交联电力电缆\ZC-YJV\4×35+1×16,0.6/1.0kV</t>
  </si>
  <si>
    <t>【安徽华能】交联电力电缆\ZC-YJV\4×50+1×25,0.6/1.0kV</t>
  </si>
  <si>
    <t>【安徽华能】交联电力电缆\ZC-YJV\4×70+1×35,0.6/1.0kV</t>
  </si>
  <si>
    <t>【安徽华能】交联电力电缆\ZC-YJV\4×95+1×50,0.6/1.0kV</t>
  </si>
  <si>
    <t>【安徽华能】交联电力电缆\ZC-YJV\4×120+1×70,0.6/1.0kV</t>
  </si>
  <si>
    <t>【安徽华能】交联电力电缆\ZC-YJV\4×150+1×70,0.6/1.0kV</t>
  </si>
  <si>
    <t>【安徽华能】交联电力电缆\ZC-YJV\4×185+1×95,0.6/1.0kV</t>
  </si>
  <si>
    <t>【安徽华能】交联电力电缆\ZC-YJV22\2×1.5,0.6/1kV</t>
  </si>
  <si>
    <t>【安徽华能】交联电力电缆\ZC-YJV22\2×2.5,0.6/1kV</t>
  </si>
  <si>
    <t>【安徽华能】交联电力电缆\ZC-YJV22\2×4,0.6/1kV</t>
  </si>
  <si>
    <t>【安徽华能】交联电力电缆\ZC-YJV22\2×6,0.6/1kV</t>
  </si>
  <si>
    <t>【安徽华能】交联电力电缆\ZC-YJV22\2×10,0.6/1kV</t>
  </si>
  <si>
    <t>【安徽华能】交联电力电缆\ZC-YJV22\2×16,0.6/1kV</t>
  </si>
  <si>
    <t>【安徽华能】交联电力电缆\ZC-YJV22\2×25,0.6/1kV</t>
  </si>
  <si>
    <t>【安徽华能】交联电力电缆\ZC-YJV22\2×35,0.6/1kV</t>
  </si>
  <si>
    <t>【安徽华能】交联电力电缆\ZC-YJV22\2×50,0.6/1kV</t>
  </si>
  <si>
    <t>【安徽华能】交联电力电缆\ZC-YJV22\2×70,0.6/1kV</t>
  </si>
  <si>
    <t>【安徽华能】交联电力电缆\ZC-YJV22\2×95,0.6/1kV</t>
  </si>
  <si>
    <t>【安徽华能】交联电力电缆\ZC-YJV22\2×120,0.6/1kV</t>
  </si>
  <si>
    <t>【安徽华能】交联电力电缆\ZC-YJV22\2×150,0.6/1kV</t>
  </si>
  <si>
    <t>【安徽华能】交联电力电缆\ZC-YJV22\2×185,0.6/1kV</t>
  </si>
  <si>
    <t>【安徽华能】交联电力电缆\ZC-YJV22\2×240,0.6/1kV</t>
  </si>
  <si>
    <t>【安徽华能】交联电力电缆\ZC-YJV22\2×300,0.6/1kV</t>
  </si>
  <si>
    <t>【安徽华能】交联电力电缆\ZC-YJV22\3×1.5,0.6/1kV</t>
  </si>
  <si>
    <t>【安徽华能】交联电力电缆\ZC-YJV22\3×2.5,0.6/1kV</t>
  </si>
  <si>
    <t>【安徽华能】交联电力电缆\ZC-YJV22\3×4,0.6/1kV</t>
  </si>
  <si>
    <t>【安徽华能】交联电力电缆\ZC-YJV22\3×6,0.6/1kV</t>
  </si>
  <si>
    <t>【安徽华能】交联电力电缆\ZC-YJV22\3×10,0.6/1kV</t>
  </si>
  <si>
    <t>【安徽华能】交联电力电缆\ZC-YJV22\3×16,0.6/1kV</t>
  </si>
  <si>
    <t>【安徽华能】交联电力电缆\ZC-YJV22\3×25,0.6/1kV</t>
  </si>
  <si>
    <t>【安徽华能】交联电力电缆\ZC-YJV22\3×35,0.6/1kV</t>
  </si>
  <si>
    <t>【安徽华能】交联电力电缆\ZC-YJV22\3×50,0.6/1kV</t>
  </si>
  <si>
    <t>【安徽华能】交联电力电缆\ZC-YJV22\3×70,0.6/1kV</t>
  </si>
  <si>
    <t>【安徽华能】交联电力电缆\ZC-YJV22\3×95,0.6/1kV</t>
  </si>
  <si>
    <t>【安徽华能】交联电力电缆\ZC-YJV22\3×120,0.6/1kV</t>
  </si>
  <si>
    <t>【安徽华能】交联电力电缆\ZC-YJV22\3×150,0.6/1kV</t>
  </si>
  <si>
    <t>【安徽华能】交联电力电缆\ZC-YJV22\3×185,0.6/1kV</t>
  </si>
  <si>
    <t>【安徽华能】交联电力电缆\ZC-YJV22\3×240,0.6/1kV</t>
  </si>
  <si>
    <t>【安徽华能】交联电力电缆\ZC-YJV22\3×300,0.6/1kV</t>
  </si>
  <si>
    <t>【安徽华能】交联电力电缆\ZC-YJV22\3×400,0.6/1kV</t>
  </si>
  <si>
    <t>【安徽华能】交联电力电缆\YJV22\3×120+1×70,0.6/1kV</t>
  </si>
  <si>
    <t>【安徽华能】交联电力电缆\YJV22\3×120+2×70,0.6/1kV</t>
  </si>
  <si>
    <t>【安徽华能】交联电力电缆\YJV22\3×150+1×70,0.6/1kV</t>
  </si>
  <si>
    <t>【安徽华能】交联电力电缆\YJV22\3×150+2×70,0.6/1kV</t>
  </si>
  <si>
    <t>【安徽华能】交联电力电缆\YJV22\3×185+1×95,0.6/1kV</t>
  </si>
  <si>
    <t>【安徽华能】交联电力电缆\YJV22\3×185+2×95,0.6/1kV</t>
  </si>
  <si>
    <t>【安徽华能】交联电力电缆\YJV22\3×240+1×120,0.6/1kV</t>
  </si>
  <si>
    <t>【安徽华能】交联电力电缆\YJV22\3×240+2×120,0.6/1kV</t>
  </si>
  <si>
    <t>【安徽华能】交联电力电缆\YJV22\3×240+3×120,0.6/1kV</t>
  </si>
  <si>
    <t>【安徽华能】交联电力电缆\YJV22\3×300+1×150,0.6/1kV</t>
  </si>
  <si>
    <t>【安徽华能】交联电力电缆\YJV22\3×35+1×16,0.6/1kV</t>
  </si>
  <si>
    <t>【安徽华能】交联电力电缆\YJV22\3×50+1×25,0.6/1kV</t>
  </si>
  <si>
    <t>【安徽华能】交联电力电缆\YJV22\3×50+2×25,0.6/1kV</t>
  </si>
  <si>
    <t>【安徽华能】交联电力电缆\YJV22\3×70+1×35,0.6/1kV</t>
  </si>
  <si>
    <t>【安徽华能】交联电力电缆\YJV22\3×95+1×50,0.6/1kV</t>
  </si>
  <si>
    <t>【安徽华能】交联电力电缆\YJV22\3×95+2×50,0.6/1kV</t>
  </si>
  <si>
    <t>【安徽华能】交联电力电缆\ZC-YJV22\4×1.5,0.6/1kV</t>
  </si>
  <si>
    <t>【安徽华能】交联电力电缆\ZC-YJV22\4×2.5,0.6/1kV</t>
  </si>
  <si>
    <t>【安徽华能】交联电力电缆\ZC-YJV22\4×4,0.6/1kV</t>
  </si>
  <si>
    <t>【安徽华能】交联电力电缆\ZC-YJV22\4×6,0.6/1kV</t>
  </si>
  <si>
    <t>【安徽华能】交联电力电缆\ZC-YJV22\4×10,0.6/1kV</t>
  </si>
  <si>
    <t>【安徽华能】交联电力电缆\ZC-YJV22\4×16,0.6/1kV</t>
  </si>
  <si>
    <t>【安徽华能】交联电力电缆\ZC-YJV22\4×25,0.6/1kV</t>
  </si>
  <si>
    <t>【安徽华能】交联电力电缆\ZC-YJV22\4×35,0.6/1kV</t>
  </si>
  <si>
    <t>【安徽华能】交联电力电缆\ZC-YJV22\4×50,0.6/1kV</t>
  </si>
  <si>
    <t>【安徽华能】交联电力电缆\ZC-YJV22\4×70,0.6/1kV</t>
  </si>
  <si>
    <t>【安徽华能】交联电力电缆\ZC-YJV22\4×95,0.6/1kV</t>
  </si>
  <si>
    <t>【安徽华能】交联电力电缆\ZC-YJV22\4×120,0.6/1kV</t>
  </si>
  <si>
    <t>【安徽华能】交联电力电缆\ZC-YJV22\4×150,0.6/1kV</t>
  </si>
  <si>
    <t>【安徽华能】交联电力电缆\ZC-YJV22\4×185,0.6/1kV</t>
  </si>
  <si>
    <t>【安徽华能】交联电力电缆\ZC-YJV22\5×1.5,0.6/1kV</t>
  </si>
  <si>
    <t>【安徽华能】交联电力电缆\ZC-YJV22\5×2.5,0.6/1kV</t>
  </si>
  <si>
    <t>【安徽华能】交联电力电缆\ZC-YJV22\5×4,0.6/1kV</t>
  </si>
  <si>
    <t>【安徽华能】交联电力电缆\ZC-YJV22\5×6,0.6/1kV</t>
  </si>
  <si>
    <t>【安徽华能】交联电力电缆\ZC-YJV22\5×10,0.6/1kV</t>
  </si>
  <si>
    <t>【安徽华能】交联电力电缆\ZC-YJV22\5×16,0.6/1kV</t>
  </si>
  <si>
    <t>【安徽华能】交联电力电缆\ZC-YJV22\5×25,0.6/1kV</t>
  </si>
  <si>
    <t>【安徽华能】交联电力电缆\ZC-YJV22\5×35,0.6/1kV</t>
  </si>
  <si>
    <t>【安徽华能】交联电力电缆\ZC-YJV22\5×50,0.6/1kV</t>
  </si>
  <si>
    <t>【安徽华能】交联电力电缆\ZC-YJV22\5×70,0.6/1kV</t>
  </si>
  <si>
    <t>【安徽华能】交联电力电缆\ZC-YJV22\5×95,0.6/1kV</t>
  </si>
  <si>
    <t>【安徽华能】交联电力电缆\ZC-YJV22\5×120,0.6/1kV</t>
  </si>
  <si>
    <t>【安徽华能】交联电力电缆\ZC-YJV22\5×150,0.6/1kV</t>
  </si>
  <si>
    <t>【安徽华能】交联电力电缆\ZC-YJV22\3×2.5+1×1.5,0.6/1kV</t>
  </si>
  <si>
    <t>【安徽华能】交联电力电缆\ZC-YJV22\3×4+1×2.5,0.6/1kV</t>
  </si>
  <si>
    <t>【安徽华能】交联电力电缆\ZC-YJV22\3×6+1×4,0.6/1kV</t>
  </si>
  <si>
    <t>【安徽华能】交联电力电缆\ZC-YJV22\3×10+1×6,0.6/1kV</t>
  </si>
  <si>
    <t>【安徽华能】交联电力电缆\ZC-YJV22\3×16+1×10,0.6/1kV</t>
  </si>
  <si>
    <t>【安徽华能】交联电力电缆\ZC-YJV22\3×25+1×16,0.6/1kV</t>
  </si>
  <si>
    <t>【安徽华能】交联电力电缆\ZC-YJV22\3×35+1×16,0.6/1kV</t>
  </si>
  <si>
    <t>【安徽华能】交联电力电缆\ZC-YJV22\3×50+1×25,0.6/1kV</t>
  </si>
  <si>
    <t>【安徽华能】交联电力电缆\ZC-YJV22\3×70+1×35,0.6/1kV</t>
  </si>
  <si>
    <t>【安徽华能】交联电力电缆\ZC-YJV22\3×95+1×50,0.6/1kV</t>
  </si>
  <si>
    <t>【安徽华能】交联电力电缆\ZC-YJV22\3×120+1×70,0.6/1kV</t>
  </si>
  <si>
    <t>【安徽华能】交联电力电缆\ZC-YJV22\3×150+1×70,0.6/1kV</t>
  </si>
  <si>
    <t>【安徽华能】交联电力电缆\ZC-YJV22\3×185+1×95,0.6/1kV</t>
  </si>
  <si>
    <t>【安徽华能】交联电力电缆\ZC-YJV22\3×240+1×120,0.6/1kV</t>
  </si>
  <si>
    <t>【安徽华能】交联电力电缆\ZC-YJV22\3×300+1×150,0.6/1kV</t>
  </si>
  <si>
    <t>【安徽华能】交联电力电缆\ZC-YJV22\3×400+1×185,0.6/1kV</t>
  </si>
  <si>
    <t>【安徽华能】交联电力电缆\ZC-YJV22\3×2.5+2×1.5,0.6/1kV</t>
  </si>
  <si>
    <t>【安徽华能】交联电力电缆\ZC-YJV22\3×4+2×2.5,0.6/1kV</t>
  </si>
  <si>
    <t>【安徽华能】交联电力电缆\ZC-YJV22\3×6+2×4,0.6/1kV</t>
  </si>
  <si>
    <t>【安徽华能】交联电力电缆\ZC-YJV22\3×10+2×6,0.6/1kV</t>
  </si>
  <si>
    <t>【安徽华能】交联电力电缆\ZC-YJV22\3×16+2×10,0.6/1kV</t>
  </si>
  <si>
    <t>【安徽华能】交联电力电缆\ZC-YJV22\3×25+2×16,0.6/1kV</t>
  </si>
  <si>
    <t>【安徽华能】交联电力电缆\ZC-YJV22\3×35+2×16,0.6/1kV</t>
  </si>
  <si>
    <t>【安徽华能】交联电力电缆\ZC-YJV22\3×50+2×25,0.6/1kV</t>
  </si>
  <si>
    <t>【安徽华能】交联电力电缆\ZC-YJV22\3×70+2×35,0.6/1kV</t>
  </si>
  <si>
    <t>【安徽华能】交联电力电缆\ZC-YJV22\3×95+2×50,0.6/1kV</t>
  </si>
  <si>
    <t>【安徽华能】交联电力电缆\ZC-YJV22\3×120+2×70,0.6/1kV</t>
  </si>
  <si>
    <t>【安徽华能】交联电力电缆\ZC-YJV22\3×150+2×70,0.6/1kV</t>
  </si>
  <si>
    <t>【安徽华能】交联电力电缆\ZC-YJV22\3×185+2×95,0.6/1kV</t>
  </si>
  <si>
    <t>【安徽华能】交联电力电缆\ZC-YJV22\3×240+2×120,0.6/1kV</t>
  </si>
  <si>
    <t>【安徽华能】交联电力电缆\ZC-YJV22\3×300+2×150,0.6/1kV</t>
  </si>
  <si>
    <t>【安徽华能】交联电力电缆\ZC-YJV22\3×400+2×185,0.6/1kV</t>
  </si>
  <si>
    <t>【安徽华能】交联电力电缆\ZC-YJV22\4×2.5+1×1.5,0.6/1kV</t>
  </si>
  <si>
    <t>【安徽华能】交联电力电缆\ZC-YJV22\4×4+1×2.5,0.6/1kV</t>
  </si>
  <si>
    <t>【安徽华能】交联电力电缆\ZC-YJV22\4×6+1×4,0.6/1kV</t>
  </si>
  <si>
    <t>【安徽华能】交联电力电缆\ZC-YJV22\4×10+1×6,0.6/1kV</t>
  </si>
  <si>
    <t>【安徽华能】交联电力电缆\ZC-YJV22\4×16+1×10,0.6/1kV</t>
  </si>
  <si>
    <t>【安徽华能】交联电力电缆\ZC-YJV22\4×25+1×16,0.6/1kV</t>
  </si>
  <si>
    <t>【安徽华能】交联电力电缆\ZC-YJV22\4×35+1×16,0.6/1kV</t>
  </si>
  <si>
    <t>【安徽华能】交联电力电缆\ZC-YJV22\4×50+1×25,0.6/1kV</t>
  </si>
  <si>
    <t>【安徽华能】交联电力电缆\ZC-YJV22\4×70+1×35,0.6/1kV</t>
  </si>
  <si>
    <t>【安徽华能】交联电力电缆\ZC-YJV22\4×95+1×50,0.6/1kV</t>
  </si>
  <si>
    <t>【安徽华能】交联电力电缆\ZC-YJV22\4×120+1×70,0.6/1kV</t>
  </si>
  <si>
    <t>【安徽华能】交联电力电缆\ZC-YJV22\4×150+1×70,0.6/1kV</t>
  </si>
  <si>
    <t>【安徽华能】交联电力电缆\ZC-YJV22\4×185+1×95,0.6/1kV</t>
  </si>
  <si>
    <t>【安徽华能】交联电力电缆\ZC-YJV62\1×1.5,0.6/1kV</t>
  </si>
  <si>
    <t>【安徽华能】交联电力电缆\ZC-YJV62\1×2.5,0.6/1kV</t>
  </si>
  <si>
    <t>【安徽华能】交联电力电缆\ZC-YJV62\1×4,0.6/1kV</t>
  </si>
  <si>
    <t>【安徽华能】交联电力电缆\ZC-YJV62\1×6,0.6/1kV</t>
  </si>
  <si>
    <t>【安徽华能】交联电力电缆\ZC-YJV62\1×10,0.6/1kV</t>
  </si>
  <si>
    <t>【安徽华能】交联电力电缆\ZC-YJV62\1×16,0.6/1kV</t>
  </si>
  <si>
    <t>【安徽华能】交联电力电缆\ZC-YJV62\1×25,0.6/1kV</t>
  </si>
  <si>
    <t>【安徽华能】交联电力电缆\ZC-YJV62\1×35,0.6/1kV</t>
  </si>
  <si>
    <t>【安徽华能】交联电力电缆\ZC-YJV62\1×50,0.6/1kV</t>
  </si>
  <si>
    <t>【安徽华能】交联电力电缆\ZC-YJV62\1×70,0.6/1kV</t>
  </si>
  <si>
    <t>【安徽华能】交联电力电缆\ZC-YJV62\1×95,0.6/1kV</t>
  </si>
  <si>
    <t>【安徽华能】交联电力电缆\ZC-YJV62\1×120,0.6/1kV</t>
  </si>
  <si>
    <t>【安徽华能】交联电力电缆\ZC-YJV62\1×150,0.6/1kV</t>
  </si>
  <si>
    <t>【安徽华能】交联电力电缆\ZC-YJV62\1×185,0.6/1kV</t>
  </si>
  <si>
    <t>【安徽华能】交联电力电缆\ZC-YJV62\1×240,0.6/1kV</t>
  </si>
  <si>
    <t>【安徽华能】交联电力电缆\ZC-YJV62\1×300,0.6/1kV</t>
  </si>
  <si>
    <t>【安徽华能】交联电力电缆\ZC-YJV62\1×400,0.6/1kV</t>
  </si>
  <si>
    <t>【安徽华能】交联电力电缆\ZC-YJV62\1×500,0.6/1kV</t>
  </si>
  <si>
    <t>【安徽华能】交联电力电缆\ZC-YJY\1×1.5,0.6/1.0kV</t>
  </si>
  <si>
    <t>【安徽华能】交联电力电缆\ZC-YJY\1×2.5,0.6/1.0kV</t>
  </si>
  <si>
    <t>【安徽华能】交联电力电缆\ZC-YJY\1×4,0.6/1.0kV</t>
  </si>
  <si>
    <t>【安徽华能】交联电力电缆\ZC-YJY\1×6,0.6/1.0kV</t>
  </si>
  <si>
    <t>【安徽华能】交联电力电缆\ZC-YJY\1×10,0.6/1.0kV</t>
  </si>
  <si>
    <t>【安徽华能】交联电力电缆\ZC-YJY\1×16,0.6/1.0kV</t>
  </si>
  <si>
    <t>【安徽华能】交联电力电缆\ZC-YJY\1×25,0.6/1.0kV</t>
  </si>
  <si>
    <t>【安徽华能】交联电力电缆\ZC-YJY\1×35,0.6/1.0kV</t>
  </si>
  <si>
    <t>【安徽华能】交联电力电缆\ZC-YJY\1×50,0.6/1.0kV</t>
  </si>
  <si>
    <t>【安徽华能】交联电力电缆\ZC-YJY\1×70,0.6/1.0kV</t>
  </si>
  <si>
    <t>【安徽华能】交联电力电缆\ZC-YJY\1×95,0.6/1.0kV</t>
  </si>
  <si>
    <t>【安徽华能】交联电力电缆\ZC-YJY\1×120,0.6/1.0kV</t>
  </si>
  <si>
    <t>【安徽华能】交联电力电缆\ZC-YJY\1×150,0.6/1.0kV</t>
  </si>
  <si>
    <t>【安徽华能】交联电力电缆\ZC-YJY\1×185,0.6/1.0kV</t>
  </si>
  <si>
    <t>【安徽华能】交联电力电缆\ZC-YJY\1×240,0.6/1.0kV</t>
  </si>
  <si>
    <t>【安徽华能】交联电力电缆\ZC-YJY\1×300,0.6/1.0kV</t>
  </si>
  <si>
    <t>【安徽华能】交联电力电缆\ZC-YJY\1×400,0.6/1.0kV</t>
  </si>
  <si>
    <t>【安徽华能】交联电力电缆\ZC-YJY\1×500,0.6/1.0kV</t>
  </si>
  <si>
    <t>【安徽华能】交联电力电缆\ZC-YJY\2×1.5,0.6/1.0kV</t>
  </si>
  <si>
    <t>【安徽华能】交联电力电缆\ZC-YJY\2×2.5,0.6/1.0kV</t>
  </si>
  <si>
    <t>【安徽华能】交联电力电缆\ZC-YJY\2×4,0.6/1.0kV</t>
  </si>
  <si>
    <t>【安徽华能】交联电力电缆\ZC-YJY\2×6,0.6/1.0kV</t>
  </si>
  <si>
    <t>【安徽华能】交联电力电缆\ZC-YJY\2×10,0.6/1.0kV</t>
  </si>
  <si>
    <t>【安徽华能】交联电力电缆\ZC-YJY\2×16,0.6/1.0kV</t>
  </si>
  <si>
    <t>【安徽华能】交联电力电缆\ZC-YJY\2×25,0.6/1.0kV</t>
  </si>
  <si>
    <t>【安徽华能】交联电力电缆\ZC-YJY\2×35,0.6/1.0kV</t>
  </si>
  <si>
    <t>【安徽华能】交联电力电缆\ZC-YJY\2×50,0.6/1.0kV</t>
  </si>
  <si>
    <t>【安徽华能】交联电力电缆\ZC-YJY\2×70,0.6/1.0kV</t>
  </si>
  <si>
    <t>【安徽华能】交联电力电缆\ZC-YJY\2×95,0.6/1.0kV</t>
  </si>
  <si>
    <t>【安徽华能】交联电力电缆\ZC-YJY\2×120,0.6/1.0kV</t>
  </si>
  <si>
    <t>【安徽华能】交联电力电缆\ZC-YJY\2×150,0.6/1.0kV</t>
  </si>
  <si>
    <t>【安徽华能】交联电力电缆\ZC-YJY\2×185,0.6/1.0kV</t>
  </si>
  <si>
    <t>【安徽华能】交联电力电缆\ZC-YJY\2×240,0.6/1.0kV</t>
  </si>
  <si>
    <t>【安徽华能】交联电力电缆\ZC-YJY\2×300,0.6/1.0kV</t>
  </si>
  <si>
    <t>【安徽华能】交联电力电缆\ZC-YJY\3×1.5,0.6/1.0kV</t>
  </si>
  <si>
    <t>【安徽华能】交联电力电缆\ZC-YJY\3×2.5,0.6/1.0kV</t>
  </si>
  <si>
    <t>【安徽华能】交联电力电缆\ZC-YJY\3×4,0.6/1.0kV</t>
  </si>
  <si>
    <t>【安徽华能】交联电力电缆\ZC-YJY\3×6,0.6/1.0kV</t>
  </si>
  <si>
    <t>【安徽华能】交联电力电缆\ZC-YJY\3×10,0.6/1.0kV</t>
  </si>
  <si>
    <t>【安徽华能】交联电力电缆\ZC-YJY\3×16,0.6/1.0kV</t>
  </si>
  <si>
    <t>【安徽华能】交联电力电缆\ZC-YJY\3×25,0.6/1.0kV</t>
  </si>
  <si>
    <t>【安徽华能】交联电力电缆\ZC-YJY\3×35,0.6/1.0kV</t>
  </si>
  <si>
    <t>【安徽华能】交联电力电缆\ZC-YJY\3×50,0.6/1.0kV</t>
  </si>
  <si>
    <t>【安徽华能】交联电力电缆\ZC-YJY\3×70,0.6/1.0kV</t>
  </si>
  <si>
    <t>【安徽华能】交联电力电缆\ZC-YJY\3×95,0.6/1.0kV</t>
  </si>
  <si>
    <t>【安徽华能】交联电力电缆\ZC-YJY\3×120,0.6/1.0kV</t>
  </si>
  <si>
    <t>【安徽华能】交联电力电缆\ZC-YJY\3×150,0.6/1.0kV</t>
  </si>
  <si>
    <t>【安徽华能】交联电力电缆\ZC-YJY\3×185,0.6/1.0kV</t>
  </si>
  <si>
    <t>【安徽华能】交联电力电缆\ZC-YJY\3×240,0.6/1.0kV</t>
  </si>
  <si>
    <t>【安徽华能】交联电力电缆\ZC-YJY\3×300,0.6/1.0kV</t>
  </si>
  <si>
    <t>【安徽华能】交联电力电缆\ZC-YJY\3×400,0.6/1.0kV</t>
  </si>
  <si>
    <t>【安徽华能】交联电力电缆\ZC-YJY\4×1.5,0.6/1.0kV</t>
  </si>
  <si>
    <t>【安徽华能】交联电力电缆\ZC-YJY\4×2.5,0.6/1.0kV</t>
  </si>
  <si>
    <t>【安徽华能】交联电力电缆\ZC-YJY\4×4,0.6/1.0kV</t>
  </si>
  <si>
    <t>【安徽华能】交联电力电缆\ZC-YJY\4×6,0.6/1.0kV</t>
  </si>
  <si>
    <t>【安徽华能】交联电力电缆\ZC-YJY\4×10,0.6/1.0kV</t>
  </si>
  <si>
    <t>【安徽华能】交联电力电缆\ZC-YJY\4×16,0.6/1.0kV</t>
  </si>
  <si>
    <t>【安徽华能】交联电力电缆\ZC-YJY\4×25,0.6/1.0kV</t>
  </si>
  <si>
    <t>【安徽华能】交联电力电缆\ZC-YJY\4×35,0.6/1.0kV</t>
  </si>
  <si>
    <t>【安徽华能】交联电力电缆\ZC-YJY\4×50,0.6/1.0kV</t>
  </si>
  <si>
    <t>【安徽华能】交联电力电缆\ZC-YJY\4×70,0.6/1.0kV</t>
  </si>
  <si>
    <t>【安徽华能】交联电力电缆\ZC-YJY\4×95,0.6/1.0kV</t>
  </si>
  <si>
    <t>【安徽华能】交联电力电缆\ZC-YJY\4×120,0.6/1.0kV</t>
  </si>
  <si>
    <t>【安徽华能】交联电力电缆\ZC-YJY\4×150,0.6/1.0kV</t>
  </si>
  <si>
    <t>【安徽华能】交联电力电缆\ZC-YJY\4×185,0.6/1.0kV</t>
  </si>
  <si>
    <t>【安徽华能】交联电力电缆\ZC-YJY\5×1.5,0.6/1.0kV</t>
  </si>
  <si>
    <t>【安徽华能】交联电力电缆\ZC-YJY\5×2.5,0.6/1.0kV</t>
  </si>
  <si>
    <t>【安徽华能】交联电力电缆\ZC-YJY\5×4,0.6/1.0kV</t>
  </si>
  <si>
    <t>【安徽华能】交联电力电缆\ZC-YJY\5×6,0.6/1.0kV</t>
  </si>
  <si>
    <t>【安徽华能】交联电力电缆\ZC-YJY\5×10,0.6/1.0kV</t>
  </si>
  <si>
    <t>【安徽华能】交联电力电缆\ZC-YJY\5×16,0.6/1.0kV</t>
  </si>
  <si>
    <t>【安徽华能】交联电力电缆\ZC-YJY\5×25,0.6/1.0kV</t>
  </si>
  <si>
    <t>【安徽华能】交联电力电缆\ZC-YJY\5×35,0.6/1.0kV</t>
  </si>
  <si>
    <t>【安徽华能】交联电力电缆\ZC-YJY\5×50,0.6/1.0kV</t>
  </si>
  <si>
    <t>【安徽华能】交联电力电缆\ZC-YJY\5×70,0.6/1.0kV</t>
  </si>
  <si>
    <t>【安徽华能】交联电力电缆\ZC-YJY\5×95,0.6/1.0kV</t>
  </si>
  <si>
    <t>【安徽华能】交联电力电缆\ZC-YJY\5×120,0.6/1.0kV</t>
  </si>
  <si>
    <t>【安徽华能】交联电力电缆\ZC-YJY\5×150,0.6/1.0kV</t>
  </si>
  <si>
    <t>【安徽华能】交联电力电缆\ZC-YJY\3×2.5+1×1.5,0.6/1.0kV</t>
  </si>
  <si>
    <t>【安徽华能】交联电力电缆\ZC-YJY\3×4+1×2.5,0.6/1.0kV</t>
  </si>
  <si>
    <t>【安徽华能】交联电力电缆\ZC-YJY\3×6+1×4,0.6/1.0kV</t>
  </si>
  <si>
    <t>【安徽华能】交联电力电缆\ZC-YJY\3×10+1×6,0.6/1.0kV</t>
  </si>
  <si>
    <t>【安徽华能】交联电力电缆\ZC-YJY\3×16+1×10,0.6/1.0kV</t>
  </si>
  <si>
    <t>【安徽华能】交联电力电缆\ZC-YJY\3×25+1×16,0.6/1.0kV</t>
  </si>
  <si>
    <t>【安徽华能】交联电力电缆\ZC-YJY\3×35+1×16,0.6/1.0kV</t>
  </si>
  <si>
    <t>【安徽华能】交联电力电缆\ZC-YJY\3×50+1×25,0.6/1.0kV</t>
  </si>
  <si>
    <t>【安徽华能】交联电力电缆\ZC-YJY\3×70+1×35,0.6/1.0kV</t>
  </si>
  <si>
    <t>【安徽华能】交联电力电缆\ZC-YJY\3×95+1×50,0.6/1.0kV</t>
  </si>
  <si>
    <t>【安徽华能】交联电力电缆\ZC-YJY\3×120+1×70,0.6/1.0kV</t>
  </si>
  <si>
    <t>【安徽华能】交联电力电缆\ZC-YJY\3×150+1×70,0.6/1.0kV</t>
  </si>
  <si>
    <t>【安徽华能】交联电力电缆\ZC-YJY\3×185+1×95,0.6/1.0kV</t>
  </si>
  <si>
    <t>【安徽华能】交联电力电缆\ZC-YJY\3×240+1×120,0.6/1.0kV</t>
  </si>
  <si>
    <t>【安徽华能】交联电力电缆\ZC-YJY\3×300+1×150,0.6/1.0kV</t>
  </si>
  <si>
    <t>【安徽华能】交联电力电缆\ZC-YJY\3×400+1×185,0.6/1.0kV</t>
  </si>
  <si>
    <t>【安徽华能】交联电力电缆\ZC-YJY\3×2.5+2×1.5,0.6/1.0kV</t>
  </si>
  <si>
    <t>【安徽华能】交联电力电缆\ZC-YJY\3×4+2×2.5,0.6/1.0kV</t>
  </si>
  <si>
    <t>【安徽华能】交联电力电缆\ZC-YJY\3×6+2×4,0.6/1.0kV</t>
  </si>
  <si>
    <t>【安徽华能】交联电力电缆\ZC-YJY\3×10+2×6,0.6/1.0kV</t>
  </si>
  <si>
    <t>【安徽华能】交联电力电缆\ZC-YJY\3×16+2×10,0.6/1.0kV</t>
  </si>
  <si>
    <t>【安徽华能】交联电力电缆\ZC-YJY\3×25+2×16,0.6/1.0kV</t>
  </si>
  <si>
    <t>【安徽华能】交联电力电缆\ZC-YJY\3×35+2×16,0.6/1.0kV</t>
  </si>
  <si>
    <t>【安徽华能】交联电力电缆\ZC-YJY\3×50+2×25,0.6/1.0kV</t>
  </si>
  <si>
    <t>【安徽华能】交联电力电缆\ZC-YJY\3×70+2×35,0.6/1.0kV</t>
  </si>
  <si>
    <t>【安徽华能】交联电力电缆\ZC-YJY\3×95+2×50,0.6/1.0kV</t>
  </si>
  <si>
    <t>【安徽华能】交联电力电缆\ZC-YJY\3×120+2×70,0.6/1.0kV</t>
  </si>
  <si>
    <t>【安徽华能】交联电力电缆\ZC-YJY\3×150+2×70,0.6/1.0kV</t>
  </si>
  <si>
    <t>【安徽华能】交联电力电缆\ZC-YJY\3×185+2×95,0.6/1.0kV</t>
  </si>
  <si>
    <t>【安徽华能】交联电力电缆\ZC-YJY\3×240+2×120,0.6/1.0kV</t>
  </si>
  <si>
    <t>【安徽华能】交联电力电缆\ZC-YJY\3×300+2×150,0.6/1.0kV</t>
  </si>
  <si>
    <t>【安徽华能】交联电力电缆\ZC-YJY\3×400+2×185,0.6/1.0kV</t>
  </si>
  <si>
    <t>【安徽华能】交联电力电缆\ZC-YJY\4×2.5+1×1.5,0.6/1.0kV</t>
  </si>
  <si>
    <t>【安徽华能】交联电力电缆\ZC-YJY\4×4+1×2.5,0.6/1.0kV</t>
  </si>
  <si>
    <t>【安徽华能】交联电力电缆\ZC-YJY\4×6+1×4,0.6/1.0kV</t>
  </si>
  <si>
    <t>【安徽华能】交联电力电缆\ZC-YJY\4×10+1×6,0.6/1.0kV</t>
  </si>
  <si>
    <t>【安徽华能】交联电力电缆\ZC-YJY\4×16+1×10,0.6/1.0kV</t>
  </si>
  <si>
    <t>【安徽华能】交联电力电缆\ZC-YJY\4×25+1×16,0.6/1.0kV</t>
  </si>
  <si>
    <t>【安徽华能】交联电力电缆\ZC-YJY\4×35+1×16,0.6/1.0kV</t>
  </si>
  <si>
    <t>【安徽华能】交联电力电缆\ZC-YJY\4×50+1×25,0.6/1.0kV</t>
  </si>
  <si>
    <t>【安徽华能】交联电力电缆\ZC-YJY\4×70+1×35,0.6/1.0kV</t>
  </si>
  <si>
    <t>【安徽华能】交联电力电缆\ZC-YJY\4×95+1×50,0.6/1.0kV</t>
  </si>
  <si>
    <t>【安徽华能】交联电力电缆\ZC-YJY\4×120+1×70,0.6/1.0kV</t>
  </si>
  <si>
    <t>【安徽华能】交联电力电缆\ZC-YJY\4×150+1×70,0.6/1.0kV</t>
  </si>
  <si>
    <t>【安徽华能】交联电力电缆\ZC-YJY\4×185+1×95,0.6/1.0kV</t>
  </si>
  <si>
    <t>【安徽华能】交联电力电缆\ZC-YJY23\2×1.5,0.6/1kV</t>
  </si>
  <si>
    <t>【安徽华能】交联电力电缆\ZC-YJY23\2×2.5,0.6/1kV</t>
  </si>
  <si>
    <t>【安徽华能】交联电力电缆\ZC-YJY23\2×4,0.6/1kV</t>
  </si>
  <si>
    <t>【安徽华能】交联电力电缆\ZC-YJY23\2×6,0.6/1kV</t>
  </si>
  <si>
    <t>【安徽华能】交联电力电缆\ZC-YJY23\2×10,0.6/1kV</t>
  </si>
  <si>
    <t>【安徽华能】交联电力电缆\ZC-YJY23\2×16,0.6/1kV</t>
  </si>
  <si>
    <t>【安徽华能】交联电力电缆\ZC-YJY23\2×25,0.6/1kV</t>
  </si>
  <si>
    <t>【安徽华能】交联电力电缆\ZC-YJY23\2×35,0.6/1kV</t>
  </si>
  <si>
    <t>【安徽华能】交联电力电缆\ZC-YJY23\2×50,0.6/1kV</t>
  </si>
  <si>
    <t>【安徽华能】交联电力电缆\ZC-YJY23\2×70,0.6/1kV</t>
  </si>
  <si>
    <t>【安徽华能】交联电力电缆\ZC-YJY23\2×95,0.6/1kV</t>
  </si>
  <si>
    <t>【安徽华能】交联电力电缆\ZC-YJY23\2×120,0.6/1kV</t>
  </si>
  <si>
    <t>【安徽华能】交联电力电缆\ZC-YJY23\2×150,0.6/1kV</t>
  </si>
  <si>
    <t>【安徽华能】交联电力电缆\ZC-YJY23\2×185,0.6/1kV</t>
  </si>
  <si>
    <t>【安徽华能】交联电力电缆\ZC-YJY23\2×240,0.6/1kV</t>
  </si>
  <si>
    <t>【安徽华能】交联电力电缆\ZC-YJY23\2×300,0.6/1kV</t>
  </si>
  <si>
    <t>【安徽华能】交联电力电缆\ZC-YJY23\3×1.5,0.6/1kV</t>
  </si>
  <si>
    <t>【安徽华能】交联电力电缆\ZC-YJY23\3×2.5,0.6/1kV</t>
  </si>
  <si>
    <t>【安徽华能】交联电力电缆\ZC-YJY23\3×4,0.6/1kV</t>
  </si>
  <si>
    <t>【安徽华能】交联电力电缆\ZC-YJY23\3×6,0.6/1kV</t>
  </si>
  <si>
    <t>【安徽华能】交联电力电缆\ZC-YJY23\3×10,0.6/1kV</t>
  </si>
  <si>
    <t>【安徽华能】交联电力电缆\ZC-YJY23\3×16,0.6/1kV</t>
  </si>
  <si>
    <t>【安徽华能】交联电力电缆\ZC-YJY23\3×25,0.6/1kV</t>
  </si>
  <si>
    <t>【安徽华能】交联电力电缆\ZC-YJY23\3×35,0.6/1kV</t>
  </si>
  <si>
    <t>【安徽华能】交联电力电缆\ZC-YJY23\3×50,0.6/1kV</t>
  </si>
  <si>
    <t>【安徽华能】交联电力电缆\ZC-YJY23\3×70,0.6/1kV</t>
  </si>
  <si>
    <t>【安徽华能】交联电力电缆\ZC-YJY23\3×95,0.6/1kV</t>
  </si>
  <si>
    <t>【安徽华能】交联电力电缆\ZC-YJY23\3×120,0.6/1kV</t>
  </si>
  <si>
    <t>【安徽华能】交联电力电缆\ZC-YJY23\3×150,0.6/1kV</t>
  </si>
  <si>
    <t>【安徽华能】交联电力电缆\ZC-YJY23\3×185,0.6/1kV</t>
  </si>
  <si>
    <t>【安徽华能】交联电力电缆\ZC-YJY23\3×240,0.6/1kV</t>
  </si>
  <si>
    <t>【安徽华能】交联电力电缆\ZC-YJY23\3×300,0.6/1kV</t>
  </si>
  <si>
    <t>【安徽华能】交联电力电缆\ZC-YJY23\3×400,0.6/1kV</t>
  </si>
  <si>
    <t>【安徽华能】交联电力电缆\ZC-YJY23\4×1.5,0.6/1kV</t>
  </si>
  <si>
    <t>【安徽华能】交联电力电缆\ZC-YJY23\4×2.5,0.6/1kV</t>
  </si>
  <si>
    <t>【安徽华能】交联电力电缆\ZC-YJY23\4×4,0.6/1kV</t>
  </si>
  <si>
    <t>【安徽华能】交联电力电缆\ZC-YJY23\4×6,0.6/1kV</t>
  </si>
  <si>
    <t>【安徽华能】交联电力电缆\ZC-YJY23\4×10,0.6/1kV</t>
  </si>
  <si>
    <t>【安徽华能】交联电力电缆\ZC-YJY23\4×16,0.6/1kV</t>
  </si>
  <si>
    <t>【安徽华能】交联电力电缆\ZC-YJY23\4×25,0.6/1kV</t>
  </si>
  <si>
    <t>【安徽华能】交联电力电缆\ZC-YJY23\4×35,0.6/1kV</t>
  </si>
  <si>
    <t>【安徽华能】交联电力电缆\ZC-YJY23\4×50,0.6/1kV</t>
  </si>
  <si>
    <t>【安徽华能】交联电力电缆\ZC-YJY23\4×70,0.6/1kV</t>
  </si>
  <si>
    <t>【安徽华能】交联电力电缆\ZC-YJY23\4×95,0.6/1kV</t>
  </si>
  <si>
    <t>【安徽华能】交联电力电缆\ZC-YJY23\4×120,0.6/1kV</t>
  </si>
  <si>
    <t>【安徽华能】交联电力电缆\ZC-YJY23\4×150,0.6/1kV</t>
  </si>
  <si>
    <t>【安徽华能】交联电力电缆\ZC-YJY23\4×185,0.6/1kV</t>
  </si>
  <si>
    <t>【安徽华能】交联电力电缆\ZC-YJY23\5×1.5,0.6/1kV</t>
  </si>
  <si>
    <t>【安徽华能】交联电力电缆\ZC-YJY23\5×2.5,0.6/1kV</t>
  </si>
  <si>
    <t>【安徽华能】交联电力电缆\ZC-YJY23\5×4,0.6/1kV</t>
  </si>
  <si>
    <t>【安徽华能】交联电力电缆\ZC-YJY23\5×6,0.6/1kV</t>
  </si>
  <si>
    <t>【安徽华能】交联电力电缆\ZC-YJY23\5×10,0.6/1kV</t>
  </si>
  <si>
    <t>【安徽华能】交联电力电缆\ZC-YJY23\5×16,0.6/1kV</t>
  </si>
  <si>
    <t>【安徽华能】交联电力电缆\ZC-YJY23\5×25,0.6/1kV</t>
  </si>
  <si>
    <t>【安徽华能】交联电力电缆\ZC-YJY23\5×35,0.6/1kV</t>
  </si>
  <si>
    <t>【安徽华能】交联电力电缆\ZC-YJY23\5×50,0.6/1kV</t>
  </si>
  <si>
    <t>【安徽华能】交联电力电缆\ZC-YJY23\5×70,0.6/1kV</t>
  </si>
  <si>
    <t>【安徽华能】交联电力电缆\ZC-YJY23\5×95,0.6/1kV</t>
  </si>
  <si>
    <t>【安徽华能】交联电力电缆\ZC-YJY23\5×120,0.6/1kV</t>
  </si>
  <si>
    <t>【安徽华能】交联电力电缆\ZC-YJY23\5×150,0.6/1kV</t>
  </si>
  <si>
    <t>【安徽华能】交联电力电缆\ZC-YJY23\3×2.5+1×1.5,0.6/1kV</t>
  </si>
  <si>
    <t>【安徽华能】交联电力电缆\ZC-YJY23\3×4+1×2.5,0.6/1kV</t>
  </si>
  <si>
    <t>【安徽华能】交联电力电缆\ZC-YJY23\3×6+1×4,0.6/1kV</t>
  </si>
  <si>
    <t>【安徽华能】交联电力电缆\ZC-YJY23\3×10+1×6,0.6/1kV</t>
  </si>
  <si>
    <t>【安徽华能】交联电力电缆\ZC-YJY23\3×16+1×10,0.6/1kV</t>
  </si>
  <si>
    <t>【安徽华能】交联电力电缆\ZC-YJY23\3×25+1×16,0.6/1kV</t>
  </si>
  <si>
    <t>【安徽华能】交联电力电缆\ZC-YJY23\3×35+1×16,0.6/1kV</t>
  </si>
  <si>
    <t>【安徽华能】交联电力电缆\ZC-YJY23\3×50+1×25,0.6/1kV</t>
  </si>
  <si>
    <t>【安徽华能】交联电力电缆\ZC-YJY23\3×70+1×35,0.6/1kV</t>
  </si>
  <si>
    <t>【安徽华能】交联电力电缆\ZC-YJY23\3×95+1×50,0.6/1kV</t>
  </si>
  <si>
    <t>【安徽华能】交联电力电缆\ZC-YJY23\3×120+1×70,0.6/1kV</t>
  </si>
  <si>
    <t>【安徽华能】交联电力电缆\ZC-YJY23\3×150+1×70,0.6/1kV</t>
  </si>
  <si>
    <t>【安徽华能】交联电力电缆\ZC-YJY23\3×185+1×95,0.6/1kV</t>
  </si>
  <si>
    <t>【安徽华能】交联电力电缆\ZC-YJY23\3×240+1×120,0.6/1kV</t>
  </si>
  <si>
    <t>【安徽华能】交联电力电缆\ZC-YJY23\3×300+1×150,0.6/1kV</t>
  </si>
  <si>
    <t>【安徽华能】交联电力电缆\ZC-YJY23\3×400+1×185,0.6/1kV</t>
  </si>
  <si>
    <t>【安徽华能】交联电力电缆\ZC-YJY23\3×2.5+2×1.5,0.6/1kV</t>
  </si>
  <si>
    <t>【安徽华能】交联电力电缆\ZC-YJY23\3×4+2×2.5,0.6/1kV</t>
  </si>
  <si>
    <t>【安徽华能】交联电力电缆\ZC-YJY23\3×6+2×4,0.6/1kV</t>
  </si>
  <si>
    <t>【安徽华能】交联电力电缆\ZC-YJY23\3×10+2×6,0.6/1kV</t>
  </si>
  <si>
    <t>【安徽华能】交联电力电缆\ZC-YJY23\3×16+2×10,0.6/1kV</t>
  </si>
  <si>
    <t>【安徽华能】交联电力电缆\ZC-YJY23\3×25+2×16,0.6/1kV</t>
  </si>
  <si>
    <t>【安徽华能】交联电力电缆\ZC-YJY23\3×35+2×16,0.6/1kV</t>
  </si>
  <si>
    <t>【安徽华能】交联电力电缆\ZC-YJY23\3×50+2×25,0.6/1kV</t>
  </si>
  <si>
    <t>【安徽华能】交联电力电缆\ZC-YJY23\3×70+2×35,0.6/1kV</t>
  </si>
  <si>
    <t>【安徽华能】交联电力电缆\ZC-YJY23\3×95+2×50,0.6/1kV</t>
  </si>
  <si>
    <t>【安徽华能】交联电力电缆\ZC-YJY23\3×120+2×70,0.6/1kV</t>
  </si>
  <si>
    <t>【安徽华能】交联电力电缆\ZC-YJY23\3×150+2×70,0.6/1kV</t>
  </si>
  <si>
    <t>【安徽华能】交联电力电缆\ZC-YJY23\3×185+2×95,0.6/1kV</t>
  </si>
  <si>
    <t>【安徽华能】交联电力电缆\ZC-YJY23\3×240+2×120,0.6/1kV</t>
  </si>
  <si>
    <t>【安徽华能】交联电力电缆\ZC-YJY23\3×300+2×150,0.6/1kV</t>
  </si>
  <si>
    <t>【安徽华能】交联电力电缆\ZC-YJY23\3×400+2×185,0.6/1kV</t>
  </si>
  <si>
    <t>【安徽华能】交联电力电缆\ZC-YJY23\4×2.5+1×1.5,0.6/1kV</t>
  </si>
  <si>
    <t>【安徽华能】交联电力电缆\ZC-YJY23\4×4+1×2.5,0.6/1kV</t>
  </si>
  <si>
    <t>【安徽华能】交联电力电缆\ZC-YJY23\4×6+1×4,0.6/1kV</t>
  </si>
  <si>
    <t>【安徽华能】交联电力电缆\ZC-YJY23\4×10+1×6,0.6/1kV</t>
  </si>
  <si>
    <t>【安徽华能】交联电力电缆\ZC-YJY23\4×16+1×10,0.6/1kV</t>
  </si>
  <si>
    <t>【安徽华能】交联电力电缆\ZC-YJY23\4×25+1×16,0.6/1kV</t>
  </si>
  <si>
    <t>【安徽华能】交联电力电缆\ZC-YJY23\4×35+1×16,0.6/1kV</t>
  </si>
  <si>
    <t>【安徽华能】交联电力电缆\ZC-YJY23\4×50+1×25,0.6/1kV</t>
  </si>
  <si>
    <t>【安徽华能】交联电力电缆\ZC-YJY23\4×70+1×35,0.6/1kV</t>
  </si>
  <si>
    <t>【安徽华能】交联电力电缆\ZC-YJY23\4×95+1×50,0.6/1kV</t>
  </si>
  <si>
    <t>【安徽华能】交联电力电缆\ZC-YJY23\4×120+1×70,0.6/1kV</t>
  </si>
  <si>
    <t>【安徽华能】交联电力电缆\ZC-YJY23\4×150+1×70,0.6/1kV</t>
  </si>
  <si>
    <t>【安徽华能】交联电力电缆\ZC-YJY23\4×185+1×95,0.6/1kV</t>
  </si>
  <si>
    <t>【安徽华能】交联电力电缆\ZC-YJY63\1×1.5,0.6/1kV</t>
  </si>
  <si>
    <t>【安徽华能】交联电力电缆\ZC-YJY63\1×2.5,0.6/1kV</t>
  </si>
  <si>
    <t>【安徽华能】交联电力电缆\ZC-YJY63\1×4,0.6/1kV</t>
  </si>
  <si>
    <t>【安徽华能】交联电力电缆\ZC-YJY63\1×6,0.6/1kV</t>
  </si>
  <si>
    <t>【安徽华能】交联电力电缆\ZC-YJY63\1×10,0.6/1kV</t>
  </si>
  <si>
    <t>【安徽华能】交联电力电缆\ZC-YJY63\1×16,0.6/1kV</t>
  </si>
  <si>
    <t>【安徽华能】交联电力电缆\ZC-YJY63\1×25,0.6/1kV</t>
  </si>
  <si>
    <t>【安徽华能】交联电力电缆\ZC-YJY63\1×35,0.6/1kV</t>
  </si>
  <si>
    <t>【安徽华能】交联电力电缆\ZC-YJY63\1×50,0.6/1kV</t>
  </si>
  <si>
    <t>【安徽华能】交联电力电缆\ZC-YJY63\1×70,0.6/1kV</t>
  </si>
  <si>
    <t>【安徽华能】交联电力电缆\ZC-YJY63\1×95,0.6/1kV</t>
  </si>
  <si>
    <t>【安徽华能】交联电力电缆\ZC-YJY63\1×120,0.6/1kV</t>
  </si>
  <si>
    <t>【安徽华能】交联电力电缆\ZC-YJY63\1×150,0.6/1kV</t>
  </si>
  <si>
    <t>【安徽华能】交联电力电缆\ZC-YJY63\1×185,0.6/1kV</t>
  </si>
  <si>
    <t>【安徽华能】交联电力电缆\ZC-YJY63\1×240,0.6/1kV</t>
  </si>
  <si>
    <t>【安徽华能】交联电力电缆\ZC-YJY63\1×300,0.6/1kV</t>
  </si>
  <si>
    <t>【安徽华能】交联电力电缆\ZC-YJY63\1×400,0.6/1kV</t>
  </si>
  <si>
    <t>【安徽华能】交联电力电缆\ZC-YJY63\1×500,0.6/1kV</t>
  </si>
  <si>
    <t>【安徽华能】交联电力电缆\NH-YJV\1×1.5,0.6/1.0kV</t>
  </si>
  <si>
    <t>【安徽华能】交联电力电缆\NH-YJV\1×2.5,0.6/1.0kV</t>
  </si>
  <si>
    <t>【安徽华能】交联电力电缆\NH-YJV\1×4,0.6/1.0kV</t>
  </si>
  <si>
    <t>【安徽华能】交联电力电缆\NH-YJV\1×6,0.6/1.0kV</t>
  </si>
  <si>
    <t>【安徽华能】交联电力电缆\NH-YJV\1×10,0.6/1.0kV</t>
  </si>
  <si>
    <t>【安徽华能】交联电力电缆\NH-YJV\1×16,0.6/1.0kV</t>
  </si>
  <si>
    <t>【安徽华能】交联电力电缆\NH-YJV\1×25,0.6/1.0kV</t>
  </si>
  <si>
    <t>【安徽华能】交联电力电缆\NH-YJV\1×35,0.6/1.0kV</t>
  </si>
  <si>
    <t>【安徽华能】交联电力电缆\NH-YJV\1×50,0.6/1.0kV</t>
  </si>
  <si>
    <t>【安徽华能】交联电力电缆\NH-YJV\1×70,0.6/1.0kV</t>
  </si>
  <si>
    <t>【安徽华能】交联电力电缆\NH-YJV\1×95,0.6/1.0kV</t>
  </si>
  <si>
    <t>【安徽华能】交联电力电缆\NH-YJV\1×120,0.6/1.0kV</t>
  </si>
  <si>
    <t>【安徽华能】交联电力电缆\NH-YJV\1×150,0.6/1.0kV</t>
  </si>
  <si>
    <t>【安徽华能】交联电力电缆\NH-YJV\1×185,0.6/1.0kV</t>
  </si>
  <si>
    <t>【安徽华能】交联电力电缆\NH-YJV\1×240,0.6/1.0kV</t>
  </si>
  <si>
    <t>【安徽华能】交联电力电缆\NH-YJV\1×300,0.6/1.0kV</t>
  </si>
  <si>
    <t>【安徽华能】交联电力电缆\NH-YJV\1×400,0.6/1.0kV</t>
  </si>
  <si>
    <t>【安徽华能】交联电力电缆\NH-YJV\1×500,0.6/1.0kV</t>
  </si>
  <si>
    <t>【安徽华能】交联电力电缆\NH-YJV\2×1.5,0.6/1.0kV</t>
  </si>
  <si>
    <t>【安徽华能】交联电力电缆\NH-YJV\2×2.5,0.6/1.0kV</t>
  </si>
  <si>
    <t>【安徽华能】交联电力电缆\NH-YJV\2×4,0.6/1.0kV</t>
  </si>
  <si>
    <t>【安徽华能】交联电力电缆\NH-YJV\2×6,0.6/1.0kV</t>
  </si>
  <si>
    <t>【安徽华能】交联电力电缆\NH-YJV\2×10,0.6/1.0kV</t>
  </si>
  <si>
    <t>【安徽华能】交联电力电缆\NH-YJV\2×16,0.6/1.0kV</t>
  </si>
  <si>
    <t>【安徽华能】交联电力电缆\NH-YJV\2×25,0.6/1.0kV</t>
  </si>
  <si>
    <t>【安徽华能】交联电力电缆\NH-YJV\2×35,0.6/1.0kV</t>
  </si>
  <si>
    <t>【安徽华能】交联电力电缆\NH-YJV\2×50,0.6/1.0kV</t>
  </si>
  <si>
    <t>【安徽华能】交联电力电缆\NH-YJV\2×70,0.6/1.0kV</t>
  </si>
  <si>
    <t>【安徽华能】交联电力电缆\NH-YJV\2×95,0.6/1.0kV</t>
  </si>
  <si>
    <t>【安徽华能】交联电力电缆\NH-YJV\2×120,0.6/1.0kV</t>
  </si>
  <si>
    <t>【安徽华能】交联电力电缆\NH-YJV\2×150,0.6/1.0kV</t>
  </si>
  <si>
    <t>【安徽华能】交联电力电缆\NH-YJV\2×185,0.6/1.0kV</t>
  </si>
  <si>
    <t>【安徽华能】交联电力电缆\NH-YJV\2×240,0.6/1.0kV</t>
  </si>
  <si>
    <t>【安徽华能】交联电力电缆\NH-YJV\2×300,0.6/1.0kV</t>
  </si>
  <si>
    <t>【安徽华能】交联电力电缆\NH-YJV\3×1.5,0.6/1.0kV</t>
  </si>
  <si>
    <t>【安徽华能】交联电力电缆\NH-YJV\3×2.5,0.6/1.0kV</t>
  </si>
  <si>
    <t>【安徽华能】交联电力电缆\NH-YJV\3×4,0.6/1.0kV</t>
  </si>
  <si>
    <t>【安徽华能】交联电力电缆\NH-YJV\3×6,0.6/1.0kV</t>
  </si>
  <si>
    <t>【安徽华能】交联电力电缆\NH-YJV\3×10,0.6/1.0kV</t>
  </si>
  <si>
    <t>【安徽华能】交联电力电缆\NH-YJV\3×16,0.6/1.0kV</t>
  </si>
  <si>
    <t>【安徽华能】交联电力电缆\NH-YJV\3×25,0.6/1.0kV</t>
  </si>
  <si>
    <t>【安徽华能】交联电力电缆\NH-YJV\3×35,0.6/1.0kV</t>
  </si>
  <si>
    <t>【安徽华能】交联电力电缆\NH-YJV\3×50,0.6/1.0kV</t>
  </si>
  <si>
    <t>【安徽华能】交联电力电缆\NH-YJV\3×70,0.6/1.0kV</t>
  </si>
  <si>
    <t>【安徽华能】交联电力电缆\NH-YJV\3×95,0.6/1.0kV</t>
  </si>
  <si>
    <t>【安徽华能】交联电力电缆\NH-YJV\3×120,0.6/1.0kV</t>
  </si>
  <si>
    <t>【安徽华能】交联电力电缆\NH-YJV\3×150,0.6/1.0kV</t>
  </si>
  <si>
    <t>【安徽华能】交联电力电缆\NH-YJV\3×185,0.6/1.0kV</t>
  </si>
  <si>
    <t>【安徽华能】交联电力电缆\NH-YJV\3×240,0.6/1.0kV</t>
  </si>
  <si>
    <t>【安徽华能】交联电力电缆\NH-YJV\3×300,0.6/1.0kV</t>
  </si>
  <si>
    <t>【安徽华能】交联电力电缆\NH-YJV\3×400,0.6/1.0kV</t>
  </si>
  <si>
    <t>【安徽华能】交联电力电缆\NH-YJV\4×1.5,0.6/1.0kV</t>
  </si>
  <si>
    <t>【安徽华能】交联电力电缆\NH-YJV\4×2.5,0.6/1.0kV</t>
  </si>
  <si>
    <t>【安徽华能】交联电力电缆\NH-YJV\4×4,0.6/1.0kV</t>
  </si>
  <si>
    <t>【安徽华能】交联电力电缆\NH-YJV\4×6,0.6/1.0kV</t>
  </si>
  <si>
    <t>【安徽华能】交联电力电缆\NH-YJV\4×10,0.6/1.0kV</t>
  </si>
  <si>
    <t>【安徽华能】交联电力电缆\NH-YJV\4×16,0.6/1.0kV</t>
  </si>
  <si>
    <t>【安徽华能】交联电力电缆\NH-YJV\4×25,0.6/1.0kV</t>
  </si>
  <si>
    <t>【安徽华能】交联电力电缆\NH-YJV\4×35,0.6/1.0kV</t>
  </si>
  <si>
    <t>【安徽华能】交联电力电缆\NH-YJV\4×50,0.6/1.0kV</t>
  </si>
  <si>
    <t>【安徽华能】交联电力电缆\NH-YJV\4×70,0.6/1.0kV</t>
  </si>
  <si>
    <t>【安徽华能】交联电力电缆\NH-YJV\4×95,0.6/1.0kV</t>
  </si>
  <si>
    <t>【安徽华能】交联电力电缆\NH-YJV\4×120,0.6/1.0kV</t>
  </si>
  <si>
    <t>【安徽华能】交联电力电缆\NH-YJV\4×150,0.6/1.0kV</t>
  </si>
  <si>
    <t>【安徽华能】交联电力电缆\NH-YJV\4×185,0.6/1.0kV</t>
  </si>
  <si>
    <t>【安徽华能】交联电力电缆\NH-YJV\5×1.5,0.6/1.0kV</t>
  </si>
  <si>
    <t>【安徽华能】交联电力电缆\NH-YJV\5×2.5,0.6/1.0kV</t>
  </si>
  <si>
    <t>【安徽华能】交联电力电缆\NH-YJV\5×4,0.6/1.0kV</t>
  </si>
  <si>
    <t>【安徽华能】交联电力电缆\NH-YJV\5×6,0.6/1.0kV</t>
  </si>
  <si>
    <t>【安徽华能】交联电力电缆\NH-YJV\5×10,0.6/1.0kV</t>
  </si>
  <si>
    <t>【安徽华能】交联电力电缆\NH-YJV\5×16,0.6/1.0kV</t>
  </si>
  <si>
    <t>【安徽华能】交联电力电缆\NH-YJV\5×25,0.6/1.0kV</t>
  </si>
  <si>
    <t>【安徽华能】交联电力电缆\NH-YJV\5×35,0.6/1.0kV</t>
  </si>
  <si>
    <t>【安徽华能】交联电力电缆\NH-YJV\5×50,0.6/1.0kV</t>
  </si>
  <si>
    <t>【安徽华能】交联电力电缆\NH-YJV\5×70,0.6/1.0kV</t>
  </si>
  <si>
    <t>【安徽华能】交联电力电缆\NH-YJV\5×95,0.6/1.0kV</t>
  </si>
  <si>
    <t>【安徽华能】交联电力电缆\NH-YJV\5×120,0.6/1.0kV</t>
  </si>
  <si>
    <t>【安徽华能】交联电力电缆\NH-YJV\5×150,0.6/1.0kV</t>
  </si>
  <si>
    <t>【安徽华能】交联电力电缆\NH-YJV\3×2.5+1×1.5,0.6/1.0kV</t>
  </si>
  <si>
    <t>【安徽华能】交联电力电缆\NH-YJV\3×4+1×2.5,0.6/1.0kV</t>
  </si>
  <si>
    <t>【安徽华能】交联电力电缆\NH-YJV\3×6+1×4,0.6/1.0kV</t>
  </si>
  <si>
    <t>【安徽华能】交联电力电缆\NH-YJV\3×10+1×6,0.6/1.0kV</t>
  </si>
  <si>
    <t>【安徽华能】交联电力电缆\NH-YJV\3×16+1×10,0.6/1.0kV</t>
  </si>
  <si>
    <t>【安徽华能】交联电力电缆\NH-YJV\3×25+1×16,0.6/1.0kV</t>
  </si>
  <si>
    <t>【安徽华能】交联电力电缆\NH-YJV\3×35+1×16,0.6/1.0kV</t>
  </si>
  <si>
    <t>【安徽华能】交联电力电缆\NH-YJV\3×50+1×25,0.6/1.0kV</t>
  </si>
  <si>
    <t>【安徽华能】交联电力电缆\NH-YJV\3×70+1×35,0.6/1.0kV</t>
  </si>
  <si>
    <t>【安徽华能】交联电力电缆\NH-YJV\3×95+1×50,0.6/1.0kV</t>
  </si>
  <si>
    <t>【安徽华能】交联电力电缆\NH-YJV\3×120+1×70,0.6/1.0kV</t>
  </si>
  <si>
    <t>【安徽华能】交联电力电缆\NH-YJV\3×150+1×70,0.6/1.0kV</t>
  </si>
  <si>
    <t>【安徽华能】交联电力电缆\NH-YJV\3×185+1×95,0.6/1.0kV</t>
  </si>
  <si>
    <t>【安徽华能】交联电力电缆\NH-YJV\3×240+1×120,0.6/1.0kV</t>
  </si>
  <si>
    <t>【安徽华能】交联电力电缆\NH-YJV\3×300+1×150,0.6/1.0kV</t>
  </si>
  <si>
    <t>【安徽华能】交联电力电缆\NH-YJV\3×400+1×185,0.6/1.0kV</t>
  </si>
  <si>
    <t>【安徽华能】交联电力电缆\NH-YJV\3×2.5+2×1.5,0.6/1.0kV</t>
  </si>
  <si>
    <t>【安徽华能】交联电力电缆\NH-YJV\3×4+2×2.5,0.6/1.0kV</t>
  </si>
  <si>
    <t>【安徽华能】交联电力电缆\NH-YJV\3×6+2×4,0.6/1.0kV</t>
  </si>
  <si>
    <t>【安徽华能】交联电力电缆\NH-YJV\3×10+2×6,0.6/1.0kV</t>
  </si>
  <si>
    <t>【安徽华能】交联电力电缆\NH-YJV\3×16+2×10,0.6/1.0kV</t>
  </si>
  <si>
    <t>【安徽华能】交联电力电缆\NH-YJV\3×25+2×16,0.6/1.0kV</t>
  </si>
  <si>
    <t>【安徽华能】交联电力电缆\NH-YJV\3×35+2×16,0.6/1.0kV</t>
  </si>
  <si>
    <t>【安徽华能】交联电力电缆\NH-YJV\3×50+2×25,0.6/1.0kV</t>
  </si>
  <si>
    <t>【安徽华能】交联电力电缆\NH-YJV\3×70+2×35,0.6/1.0kV</t>
  </si>
  <si>
    <t>【安徽华能】交联电力电缆\NH-YJV\3×95+2×50,0.6/1.0kV</t>
  </si>
  <si>
    <t>【安徽华能】交联电力电缆\NH-YJV\3×120+2×70,0.6/1.0kV</t>
  </si>
  <si>
    <t>【安徽华能】交联电力电缆\NH-YJV\3×150+2×70,0.6/1.0kV</t>
  </si>
  <si>
    <t>【安徽华能】交联电力电缆\NH-YJV\3×185+2×95,0.6/1.0kV</t>
  </si>
  <si>
    <t>【安徽华能】交联电力电缆\NH-YJV\3×240+2×120,0.6/1.0kV</t>
  </si>
  <si>
    <t>【安徽华能】交联电力电缆\NH-YJV\3×300+2×150,0.6/1.0kV</t>
  </si>
  <si>
    <t>【安徽华能】交联电力电缆\NH-YJV\3×400+2×185,0.6/1.0kV</t>
  </si>
  <si>
    <t>【安徽华能】交联电力电缆\NH-YJV\4×2.5+1×1.5,0.6/1.0kV</t>
  </si>
  <si>
    <t>【安徽华能】交联电力电缆\NH-YJV\4×4+1×2.5,0.6/1.0kV</t>
  </si>
  <si>
    <t>【安徽华能】交联电力电缆\NH-YJV\4×6+1×4,0.6/1.0kV</t>
  </si>
  <si>
    <t>【安徽华能】交联电力电缆\NH-YJV\4×10+1×6,0.6/1.0kV</t>
  </si>
  <si>
    <t>【安徽华能】交联电力电缆\NH-YJV\4×16+1×10,0.6/1.0kV</t>
  </si>
  <si>
    <t>【安徽华能】交联电力电缆\NH-YJV\4×25+1×16,0.6/1.0kV</t>
  </si>
  <si>
    <t>【安徽华能】交联电力电缆\NH-YJV\4×35+1×16,0.6/1.0kV</t>
  </si>
  <si>
    <t>【安徽华能】交联电力电缆\NH-YJV\4×50+1×25,0.6/1.0kV</t>
  </si>
  <si>
    <t>【安徽华能】交联电力电缆\NH-YJV\4×70+1×35,0.6/1.0kV</t>
  </si>
  <si>
    <t>【安徽华能】交联电力电缆\NH-YJV\4×95+1×50,0.6/1.0kV</t>
  </si>
  <si>
    <t>【安徽华能】交联电力电缆\NH-YJV\4×120+1×70,0.6/1.0kV</t>
  </si>
  <si>
    <t>【安徽华能】交联电力电缆\NH-YJV\4×150+1×70,0.6/1.0kV</t>
  </si>
  <si>
    <t>【安徽华能】交联电力电缆\NH-YJV\4×185+1×95,0.6/1.0kV</t>
  </si>
  <si>
    <t>【安徽华能】交联电力电缆\NH-YJV22\2×1.5,0.6/1kV</t>
  </si>
  <si>
    <t>【安徽华能】交联电力电缆\NH-YJV22\2×2.5,0.6/1kV</t>
  </si>
  <si>
    <t>【安徽华能】交联电力电缆\NH-YJV22\2×4,0.6/1kV</t>
  </si>
  <si>
    <t>【安徽华能】交联电力电缆\NH-YJV22\2×6,0.6/1kV</t>
  </si>
  <si>
    <t>【安徽华能】交联电力电缆\NH-YJV22\2×10,0.6/1kV</t>
  </si>
  <si>
    <t>【安徽华能】交联电力电缆\NH-YJV22\2×16,0.6/1kV</t>
  </si>
  <si>
    <t>【安徽华能】交联电力电缆\NH-YJV22\2×25,0.6/1kV</t>
  </si>
  <si>
    <t>【安徽华能】交联电力电缆\NH-YJV22\2×35,0.6/1kV</t>
  </si>
  <si>
    <t>【安徽华能】交联电力电缆\NH-YJV22\2×50,0.6/1kV</t>
  </si>
  <si>
    <t>【安徽华能】交联电力电缆\NH-YJV22\2×70,0.6/1kV</t>
  </si>
  <si>
    <t>【安徽华能】交联电力电缆\NH-YJV22\2×95,0.6/1kV</t>
  </si>
  <si>
    <t>【安徽华能】交联电力电缆\NH-YJV22\2×120,0.6/1kV</t>
  </si>
  <si>
    <t>【安徽华能】交联电力电缆\NH-YJV22\2×150,0.6/1kV</t>
  </si>
  <si>
    <t>【安徽华能】交联电力电缆\NH-YJV22\2×185,0.6/1kV</t>
  </si>
  <si>
    <t>【安徽华能】交联电力电缆\NH-YJV22\2×240,0.6/1kV</t>
  </si>
  <si>
    <t>【安徽华能】交联电力电缆\NH-YJV22\2×300,0.6/1kV</t>
  </si>
  <si>
    <t>【安徽华能】交联电力电缆\NH-YJV22\3×1.5,0.6/1kV</t>
  </si>
  <si>
    <t>【安徽华能】交联电力电缆\NH-YJV22\3×2.5,0.6/1kV</t>
  </si>
  <si>
    <t>【安徽华能】交联电力电缆\NH-YJV22\3×4,0.6/1kV</t>
  </si>
  <si>
    <t>【安徽华能】交联电力电缆\NH-YJV22\3×6,0.6/1kV</t>
  </si>
  <si>
    <t>【安徽华能】交联电力电缆\NH-YJV22\3×10,0.6/1kV</t>
  </si>
  <si>
    <t>【安徽华能】交联电力电缆\NH-YJV22\3×16,0.6/1kV</t>
  </si>
  <si>
    <t>【安徽华能】交联电力电缆\NH-YJV22\3×25,0.6/1kV</t>
  </si>
  <si>
    <t>【安徽华能】交联电力电缆\NH-YJV22\3×35,0.6/1kV</t>
  </si>
  <si>
    <t>【安徽华能】交联电力电缆\NH-YJV22\3×50,0.6/1kV</t>
  </si>
  <si>
    <t>【安徽华能】交联电力电缆\NH-YJV22\3×70,0.6/1kV</t>
  </si>
  <si>
    <t>【安徽华能】交联电力电缆\NH-YJV22\3×95,0.6/1kV</t>
  </si>
  <si>
    <t>【安徽华能】交联电力电缆\NH-YJV22\3×120,0.6/1kV</t>
  </si>
  <si>
    <t>【安徽华能】交联电力电缆\NH-YJV22\3×150,0.6/1kV</t>
  </si>
  <si>
    <t>【安徽华能】交联电力电缆\NH-YJV22\3×185,0.6/1kV</t>
  </si>
  <si>
    <t>【安徽华能】交联电力电缆\NH-YJV22\3×240,0.6/1kV</t>
  </si>
  <si>
    <t>【安徽华能】交联电力电缆\NH-YJV22\3×300,0.6/1kV</t>
  </si>
  <si>
    <t>【安徽华能】交联电力电缆\NH-YJV22\3×400,0.6/1kV</t>
  </si>
  <si>
    <t>【安徽华能】交联电力电缆\NH-YJV22\4×1.5,0.6/1kV</t>
  </si>
  <si>
    <t>【安徽华能】交联电力电缆\NH-YJV22\4×2.5,0.6/1kV</t>
  </si>
  <si>
    <t>【安徽华能】交联电力电缆\NH-YJV22\4×4,0.6/1kV</t>
  </si>
  <si>
    <t>【安徽华能】交联电力电缆\NH-YJV22\4×6,0.6/1kV</t>
  </si>
  <si>
    <t>【安徽华能】交联电力电缆\NH-YJV22\4×10,0.6/1kV</t>
  </si>
  <si>
    <t>【安徽华能】交联电力电缆\NH-YJV22\4×16,0.6/1kV</t>
  </si>
  <si>
    <t>【安徽华能】交联电力电缆\NH-YJV22\4×25,0.6/1kV</t>
  </si>
  <si>
    <t>【安徽华能】交联电力电缆\NH-YJV22\4×35,0.6/1kV</t>
  </si>
  <si>
    <t>【安徽华能】交联电力电缆\NH-YJV22\4×50,0.6/1kV</t>
  </si>
  <si>
    <t>【安徽华能】交联电力电缆\NH-YJV22\4×70,0.6/1kV</t>
  </si>
  <si>
    <t>【安徽华能】交联电力电缆\NH-YJV22\4×95,0.6/1kV</t>
  </si>
  <si>
    <t>【安徽华能】交联电力电缆\NH-YJV22\4×120,0.6/1kV</t>
  </si>
  <si>
    <t>【安徽华能】交联电力电缆\NH-YJV22\4×150,0.6/1kV</t>
  </si>
  <si>
    <t>【安徽华能】交联电力电缆\NH-YJV22\4×185,0.6/1kV</t>
  </si>
  <si>
    <t>【安徽华能】交联电力电缆\NH-YJV22\5×1.5,0.6/1kV</t>
  </si>
  <si>
    <t>【安徽华能】交联电力电缆\NH-YJV22\5×2.5,0.6/1kV</t>
  </si>
  <si>
    <t>【安徽华能】交联电力电缆\NH-YJV22\5×4,0.6/1kV</t>
  </si>
  <si>
    <t>【安徽华能】交联电力电缆\NH-YJV22\5×6,0.6/1kV</t>
  </si>
  <si>
    <t>【安徽华能】交联电力电缆\NH-YJV22\5×10,0.6/1kV</t>
  </si>
  <si>
    <t>【安徽华能】交联电力电缆\NH-YJV22\5×16,0.6/1kV</t>
  </si>
  <si>
    <t>【安徽华能】交联电力电缆\NH-YJV22\5×25,0.6/1kV</t>
  </si>
  <si>
    <t>【安徽华能】交联电力电缆\NH-YJV22\5×35,0.6/1kV</t>
  </si>
  <si>
    <t>【安徽华能】交联电力电缆\NH-YJV22\5×50,0.6/1kV</t>
  </si>
  <si>
    <t>【安徽华能】交联电力电缆\NH-YJV22\5×70,0.6/1kV</t>
  </si>
  <si>
    <t>【安徽华能】交联电力电缆\NH-YJV22\5×95,0.6/1kV</t>
  </si>
  <si>
    <t>【安徽华能】交联电力电缆\NH-YJV22\5×120,0.6/1kV</t>
  </si>
  <si>
    <t>【安徽华能】交联电力电缆\NH-YJV22\5×150,0.6/1kV</t>
  </si>
  <si>
    <t>【安徽华能】交联电力电缆\NH-YJV22\3×2.5+1×1.5,0.6/1kV</t>
  </si>
  <si>
    <t>【安徽华能】交联电力电缆\NH-YJV22\3×4+1×2.5,0.6/1kV</t>
  </si>
  <si>
    <t>【安徽华能】交联电力电缆\NH-YJV22\3×6+1×4,0.6/1kV</t>
  </si>
  <si>
    <t>【安徽华能】交联电力电缆\NH-YJV22\3×10+1×6,0.6/1kV</t>
  </si>
  <si>
    <t>【安徽华能】交联电力电缆\NH-YJV22\3×16+1×10,0.6/1kV</t>
  </si>
  <si>
    <t>【安徽华能】交联电力电缆\NH-YJV22\3×25+1×16,0.6/1kV</t>
  </si>
  <si>
    <t>【安徽华能】交联电力电缆\NH-YJV22\3×35+1×16,0.6/1kV</t>
  </si>
  <si>
    <t>【安徽华能】交联电力电缆\NH-YJV22\3×50+1×25,0.6/1kV</t>
  </si>
  <si>
    <t>【安徽华能】交联电力电缆\NH-YJV22\3×70+1×35,0.6/1kV</t>
  </si>
  <si>
    <t>【安徽华能】交联电力电缆\NH-YJV22\3×95+1×50,0.6/1kV</t>
  </si>
  <si>
    <t>【安徽华能】交联电力电缆\NH-YJV22\3×120+1×70,0.6/1kV</t>
  </si>
  <si>
    <t>【安徽华能】交联电力电缆\NH-YJV22\3×150+1×70,0.6/1kV</t>
  </si>
  <si>
    <t>【安徽华能】交联电力电缆\NH-YJV22\3×185+1×95,0.6/1kV</t>
  </si>
  <si>
    <t>【安徽华能】交联电力电缆\NH-YJV22\3×240+1×120,0.6/1kV</t>
  </si>
  <si>
    <t>【安徽华能】交联电力电缆\NH-YJV22\3×300+1×150,0.6/1kV</t>
  </si>
  <si>
    <t>【安徽华能】交联电力电缆\NH-YJV22\3×400+1×185,0.6/1kV</t>
  </si>
  <si>
    <t>【安徽华能】交联电力电缆\NH-YJV22\3×2.5+2×1.5,0.6/1kV</t>
  </si>
  <si>
    <t>【安徽华能】交联电力电缆\NH-YJV22\3×4+2×2.5,0.6/1kV</t>
  </si>
  <si>
    <t>【安徽华能】交联电力电缆\NH-YJV22\3×6+2×4,0.6/1kV</t>
  </si>
  <si>
    <t>【安徽华能】交联电力电缆\NH-YJV22\3×10+2×6,0.6/1kV</t>
  </si>
  <si>
    <t>【安徽华能】交联电力电缆\NH-YJV22\3×16+2×10,0.6/1kV</t>
  </si>
  <si>
    <t>【安徽华能】交联电力电缆\NH-YJV22\3×25+2×16,0.6/1kV</t>
  </si>
  <si>
    <t>【安徽华能】交联电力电缆\NH-YJV22\3×35+2×16,0.6/1kV</t>
  </si>
  <si>
    <t>【安徽华能】交联电力电缆\NH-YJV22\3×50+2×25,0.6/1kV</t>
  </si>
  <si>
    <t>【安徽华能】交联电力电缆\NH-YJV22\3×70+2×35,0.6/1kV</t>
  </si>
  <si>
    <t>【安徽华能】交联电力电缆\NH-YJV22\3×95+2×50,0.6/1kV</t>
  </si>
  <si>
    <t>【安徽华能】交联电力电缆\NH-YJV22\3×120+2×70,0.6/1kV</t>
  </si>
  <si>
    <t>【安徽华能】交联电力电缆\NH-YJV22\3×150+2×70,0.6/1kV</t>
  </si>
  <si>
    <t>【安徽华能】交联电力电缆\NH-YJV22\3×185+2×95,0.6/1kV</t>
  </si>
  <si>
    <t>【安徽华能】交联电力电缆\NH-YJV22\3×240+2×120,0.6/1kV</t>
  </si>
  <si>
    <t>【安徽华能】交联电力电缆\NH-YJV22\3×300+2×150,0.6/1kV</t>
  </si>
  <si>
    <t>【安徽华能】交联电力电缆\NH-YJV22\3×400+2×185,0.6/1kV</t>
  </si>
  <si>
    <t>【安徽华能】交联电力电缆\NH-YJV22\4×2.5+1×1.5,0.6/1kV</t>
  </si>
  <si>
    <t>【安徽华能】交联电力电缆\NH-YJV22\4×4+1×2.5,0.6/1kV</t>
  </si>
  <si>
    <t>【安徽华能】交联电力电缆\NH-YJV22\4×6+1×4,0.6/1kV</t>
  </si>
  <si>
    <t>【安徽华能】交联电力电缆\NH-YJV22\4×10+1×6,0.6/1kV</t>
  </si>
  <si>
    <t>【安徽华能】交联电力电缆\NH-YJV22\4×16+1×10,0.6/1kV</t>
  </si>
  <si>
    <t>【安徽华能】交联电力电缆\NH-YJV22\4×25+1×16,0.6/1kV</t>
  </si>
  <si>
    <t>【安徽华能】交联电力电缆\NH-YJV22\4×35+1×16,0.6/1kV</t>
  </si>
  <si>
    <t>【安徽华能】交联电力电缆\NH-YJV22\4×50+1×25,0.6/1kV</t>
  </si>
  <si>
    <t>【安徽华能】交联电力电缆\NH-YJV22\4×70+1×35,0.6/1kV</t>
  </si>
  <si>
    <t>【安徽华能】交联电力电缆\NH-YJV22\4×95+1×50,0.6/1kV</t>
  </si>
  <si>
    <t>【安徽华能】交联电力电缆\NH-YJV22\4×120+1×70,0.6/1kV</t>
  </si>
  <si>
    <t>【安徽华能】交联电力电缆\NH-YJV22\4×150+1×70,0.6/1kV</t>
  </si>
  <si>
    <t>【安徽华能】交联电力电缆\NH-YJV22\4×185+1×95,0.6/1kV</t>
  </si>
  <si>
    <t>【安徽华能】交联电力电缆\NH-YJV62\1×1.5,0.6/1kV</t>
  </si>
  <si>
    <t>【安徽华能】交联电力电缆\NH-YJV62\1×2.5,0.6/1kV</t>
  </si>
  <si>
    <t>【安徽华能】交联电力电缆\NH-YJV62\1×4,0.6/1kV</t>
  </si>
  <si>
    <t>【安徽华能】交联电力电缆\NH-YJV62\1×6,0.6/1kV</t>
  </si>
  <si>
    <t>【安徽华能】交联电力电缆\NH-YJV62\1×10,0.6/1kV</t>
  </si>
  <si>
    <t>【安徽华能】交联电力电缆\NH-YJV62\1×16,0.6/1kV</t>
  </si>
  <si>
    <t>【安徽华能】交联电力电缆\NH-YJV62\1×25,0.6/1kV</t>
  </si>
  <si>
    <t>【安徽华能】交联电力电缆\NH-YJV62\1×35,0.6/1kV</t>
  </si>
  <si>
    <t>【安徽华能】交联电力电缆\NH-YJV62\1×50,0.6/1kV</t>
  </si>
  <si>
    <t>【安徽华能】交联电力电缆\NH-YJV62\1×70,0.6/1kV</t>
  </si>
  <si>
    <t>【安徽华能】交联电力电缆\NH-YJV62\1×95,0.6/1kV</t>
  </si>
  <si>
    <t>【安徽华能】交联电力电缆\NH-YJV62\1×120,0.6/1kV</t>
  </si>
  <si>
    <t>【安徽华能】交联电力电缆\NH-YJV62\1×150,0.6/1kV</t>
  </si>
  <si>
    <t>【安徽华能】交联电力电缆\NH-YJV62\1×185,0.6/1kV</t>
  </si>
  <si>
    <t>【安徽华能】交联电力电缆\NH-YJV62\1×240,0.6/1kV</t>
  </si>
  <si>
    <t>【安徽华能】交联电力电缆\NH-YJV62\1×300,0.6/1kV</t>
  </si>
  <si>
    <t>【安徽华能】交联电力电缆\NH-YJV62\1×400,0.6/1kV</t>
  </si>
  <si>
    <t>【安徽华能】交联电力电缆\NH-YJV62\1×500,0.6/1kV</t>
  </si>
  <si>
    <t>【安徽华能】交联电力电缆\NH-YJY\1×1.5,0.6/1.0kV</t>
  </si>
  <si>
    <t>【安徽华能】交联电力电缆\NH-YJY\1×2.5,0.6/1.0kV</t>
  </si>
  <si>
    <t>【安徽华能】交联电力电缆\NH-YJY\1×4,0.6/1.0kV</t>
  </si>
  <si>
    <t>【安徽华能】交联电力电缆\NH-YJY\1×6,0.6/1.0kV</t>
  </si>
  <si>
    <t>【安徽华能】交联电力电缆\NH-YJY\1×10,0.6/1.0kV</t>
  </si>
  <si>
    <t>【安徽华能】交联电力电缆\NH-YJY\1×16,0.6/1.0kV</t>
  </si>
  <si>
    <t>【安徽华能】交联电力电缆\NH-YJY\1×25,0.6/1.0kV</t>
  </si>
  <si>
    <t>【安徽华能】交联电力电缆\NH-YJY\1×35,0.6/1.0kV</t>
  </si>
  <si>
    <t>【安徽华能】交联电力电缆\NH-YJY\1×50,0.6/1.0kV</t>
  </si>
  <si>
    <t>【安徽华能】交联电力电缆\NH-YJY\1×70,0.6/1.0kV</t>
  </si>
  <si>
    <t>【安徽华能】交联电力电缆\NH-YJY\1×95,0.6/1.0kV</t>
  </si>
  <si>
    <t>【安徽华能】交联电力电缆\NH-YJY\1×120,0.6/1.0kV</t>
  </si>
  <si>
    <t>【安徽华能】交联电力电缆\NH-YJY\1×150,0.6/1.0kV</t>
  </si>
  <si>
    <t>【安徽华能】交联电力电缆\NH-YJY\1×185,0.6/1.0kV</t>
  </si>
  <si>
    <t>【安徽华能】交联电力电缆\NH-YJY\1×240,0.6/1.0kV</t>
  </si>
  <si>
    <t>【安徽华能】交联电力电缆\NH-YJY\1×300,0.6/1.0kV</t>
  </si>
  <si>
    <t>【安徽华能】交联电力电缆\NH-YJY\1×400,0.6/1.0kV</t>
  </si>
  <si>
    <t>【安徽华能】交联电力电缆\NH-YJY\1×500,0.6/1.0kV</t>
  </si>
  <si>
    <t>【安徽华能】交联电力电缆\NH-YJY\2×1.5,0.6/1.0kV</t>
  </si>
  <si>
    <t>【安徽华能】交联电力电缆\NH-YJY\2×2.5,0.6/1.0kV</t>
  </si>
  <si>
    <t>【安徽华能】交联电力电缆\NH-YJY\2×4,0.6/1.0kV</t>
  </si>
  <si>
    <t>【安徽华能】交联电力电缆\NH-YJY\2×6,0.6/1.0kV</t>
  </si>
  <si>
    <t>【安徽华能】交联电力电缆\NH-YJY\2×10,0.6/1.0kV</t>
  </si>
  <si>
    <t>【安徽华能】交联电力电缆\NH-YJY\2×16,0.6/1.0kV</t>
  </si>
  <si>
    <t>【安徽华能】交联电力电缆\NH-YJY\2×25,0.6/1.0kV</t>
  </si>
  <si>
    <t>【安徽华能】交联电力电缆\NH-YJY\2×35,0.6/1.0kV</t>
  </si>
  <si>
    <t>【安徽华能】交联电力电缆\NH-YJY\2×50,0.6/1.0kV</t>
  </si>
  <si>
    <t>【安徽华能】交联电力电缆\NH-YJY\2×70,0.6/1.0kV</t>
  </si>
  <si>
    <t>【安徽华能】交联电力电缆\NH-YJY\2×95,0.6/1.0kV</t>
  </si>
  <si>
    <t>【安徽华能】交联电力电缆\NH-YJY\2×120,0.6/1.0kV</t>
  </si>
  <si>
    <t>【安徽华能】交联电力电缆\NH-YJY\2×150,0.6/1.0kV</t>
  </si>
  <si>
    <t>【安徽华能】交联电力电缆\NH-YJY\2×185,0.6/1.0kV</t>
  </si>
  <si>
    <t>【安徽华能】交联电力电缆\NH-YJY\2×240,0.6/1.0kV</t>
  </si>
  <si>
    <t>【安徽华能】交联电力电缆\NH-YJY\2×300,0.6/1.0kV</t>
  </si>
  <si>
    <t>【安徽华能】交联电力电缆\NH-YJY\3×1.5,0.6/1.0kV</t>
  </si>
  <si>
    <t>【安徽华能】交联电力电缆\NH-YJY\3×2.5,0.6/1.0kV</t>
  </si>
  <si>
    <t>【安徽华能】交联电力电缆\NH-YJY\3×4,0.6/1.0kV</t>
  </si>
  <si>
    <t>【安徽华能】交联电力电缆\NH-YJY\3×6,0.6/1.0kV</t>
  </si>
  <si>
    <t>【安徽华能】交联电力电缆\NH-YJY\3×10,0.6/1.0kV</t>
  </si>
  <si>
    <t>【安徽华能】交联电力电缆\NH-YJY\3×16,0.6/1.0kV</t>
  </si>
  <si>
    <t>【安徽华能】交联电力电缆\NH-YJY\3×25,0.6/1.0kV</t>
  </si>
  <si>
    <t>【安徽华能】交联电力电缆\NH-YJY\3×35,0.6/1.0kV</t>
  </si>
  <si>
    <t>【安徽华能】交联电力电缆\NH-YJY\3×50,0.6/1.0kV</t>
  </si>
  <si>
    <t>【安徽华能】交联电力电缆\NH-YJY\3×70,0.6/1.0kV</t>
  </si>
  <si>
    <t>【安徽华能】交联电力电缆\NH-YJY\3×95,0.6/1.0kV</t>
  </si>
  <si>
    <t>【安徽华能】交联电力电缆\NH-YJY\3×120,0.6/1.0kV</t>
  </si>
  <si>
    <t>【安徽华能】交联电力电缆\NH-YJY\3×150,0.6/1.0kV</t>
  </si>
  <si>
    <t>【安徽华能】交联电力电缆\NH-YJY\3×185,0.6/1.0kV</t>
  </si>
  <si>
    <t>【安徽华能】交联电力电缆\NH-YJY\3×240,0.6/1.0kV</t>
  </si>
  <si>
    <t>【安徽华能】交联电力电缆\NH-YJY\3×300,0.6/1.0kV</t>
  </si>
  <si>
    <t>【安徽华能】交联电力电缆\NH-YJY\3×400,0.6/1.0kV</t>
  </si>
  <si>
    <t>【安徽华能】交联电力电缆\NH-YJY\4×1.5,0.6/1.0kV</t>
  </si>
  <si>
    <t>【安徽华能】交联电力电缆\NH-YJY\4×2.5,0.6/1.0kV</t>
  </si>
  <si>
    <t>【安徽华能】交联电力电缆\NH-YJY\4×4,0.6/1.0kV</t>
  </si>
  <si>
    <t>【安徽华能】交联电力电缆\NH-YJY\4×6,0.6/1.0kV</t>
  </si>
  <si>
    <t>【安徽华能】交联电力电缆\NH-YJY\4×10,0.6/1.0kV</t>
  </si>
  <si>
    <t>【安徽华能】交联电力电缆\NH-YJY\4×16,0.6/1.0kV</t>
  </si>
  <si>
    <t>【安徽华能】交联电力电缆\NH-YJY\4×25,0.6/1.0kV</t>
  </si>
  <si>
    <t>【安徽华能】交联电力电缆\NH-YJY\4×35,0.6/1.0kV</t>
  </si>
  <si>
    <t>【安徽华能】交联电力电缆\NH-YJY\4×50,0.6/1.0kV</t>
  </si>
  <si>
    <t>【安徽华能】交联电力电缆\NH-YJY\4×70,0.6/1.0kV</t>
  </si>
  <si>
    <t>【安徽华能】交联电力电缆\NH-YJY\4×95,0.6/1.0kV</t>
  </si>
  <si>
    <t>【安徽华能】交联电力电缆\NH-YJY\4×120,0.6/1.0kV</t>
  </si>
  <si>
    <t>【安徽华能】交联电力电缆\NH-YJY\4×150,0.6/1.0kV</t>
  </si>
  <si>
    <t>【安徽华能】交联电力电缆\NH-YJY\4×185,0.6/1.0kV</t>
  </si>
  <si>
    <t>【安徽华能】交联电力电缆\NH-YJY\5×1.5,0.6/1.0kV</t>
  </si>
  <si>
    <t>【安徽华能】交联电力电缆\NH-YJY\5×2.5,0.6/1.0kV</t>
  </si>
  <si>
    <t>【安徽华能】交联电力电缆\NH-YJY\5×4,0.6/1.0kV</t>
  </si>
  <si>
    <t>【安徽华能】交联电力电缆\NH-YJY\5×6,0.6/1.0kV</t>
  </si>
  <si>
    <t>【安徽华能】交联电力电缆\NH-YJY\5×10,0.6/1.0kV</t>
  </si>
  <si>
    <t>【安徽华能】交联电力电缆\NH-YJY\5×16,0.6/1.0kV</t>
  </si>
  <si>
    <t>【安徽华能】交联电力电缆\NH-YJY\5×25,0.6/1.0kV</t>
  </si>
  <si>
    <t>【安徽华能】交联电力电缆\NH-YJY\5×35,0.6/1.0kV</t>
  </si>
  <si>
    <t>【安徽华能】交联电力电缆\NH-YJY\5×50,0.6/1.0kV</t>
  </si>
  <si>
    <t>【安徽华能】交联电力电缆\NH-YJY\5×70,0.6/1.0kV</t>
  </si>
  <si>
    <t>【安徽华能】交联电力电缆\NH-YJY\5×95,0.6/1.0kV</t>
  </si>
  <si>
    <t>【安徽华能】交联电力电缆\NH-YJY\5×120,0.6/1.0kV</t>
  </si>
  <si>
    <t>【安徽华能】交联电力电缆\NH-YJY\5×150,0.6/1.0kV</t>
  </si>
  <si>
    <t>【安徽华能】交联电力电缆\NH-YJY\3×2.5+1×1.5,0.6/1.0kV</t>
  </si>
  <si>
    <t>【安徽华能】交联电力电缆\NH-YJY\3×4+1×2.5,0.6/1.0kV</t>
  </si>
  <si>
    <t>【安徽华能】交联电力电缆\NH-YJY\3×6+1×4,0.6/1.0kV</t>
  </si>
  <si>
    <t>【安徽华能】交联电力电缆\NH-YJY\3×10+1×6,0.6/1.0kV</t>
  </si>
  <si>
    <t>【安徽华能】交联电力电缆\NH-YJY\3×16+1×10,0.6/1.0kV</t>
  </si>
  <si>
    <t>【安徽华能】交联电力电缆\NH-YJY\3×25+1×16,0.6/1.0kV</t>
  </si>
  <si>
    <t>【安徽华能】交联电力电缆\NH-YJY\3×35+1×16,0.6/1.0kV</t>
  </si>
  <si>
    <t>【安徽华能】交联电力电缆\NH-YJY\3×50+1×25,0.6/1.0kV</t>
  </si>
  <si>
    <t>【安徽华能】交联电力电缆\NH-YJY\3×70+1×35,0.6/1.0kV</t>
  </si>
  <si>
    <t>【安徽华能】交联电力电缆\NH-YJY\3×95+1×50,0.6/1.0kV</t>
  </si>
  <si>
    <t>【安徽华能】交联电力电缆\NH-YJY\3×120+1×70,0.6/1.0kV</t>
  </si>
  <si>
    <t>【安徽华能】交联电力电缆\NH-YJY\3×150+1×70,0.6/1.0kV</t>
  </si>
  <si>
    <t>【安徽华能】交联电力电缆\NH-YJY\3×185+1×95,0.6/1.0kV</t>
  </si>
  <si>
    <t>【安徽华能】交联电力电缆\NH-YJY\3×240+1×120,0.6/1.0kV</t>
  </si>
  <si>
    <t>【安徽华能】交联电力电缆\NH-YJY\3×300+1×150,0.6/1.0kV</t>
  </si>
  <si>
    <t>【安徽华能】交联电力电缆\NH-YJY\3×400+1×185,0.6/1.0kV</t>
  </si>
  <si>
    <t>【安徽华能】交联电力电缆\NH-YJY\3×2.5+2×1.5,0.6/1.0kV</t>
  </si>
  <si>
    <t>【安徽华能】交联电力电缆\NH-YJY\3×4+2×2.5,0.6/1.0kV</t>
  </si>
  <si>
    <t>【安徽华能】交联电力电缆\NH-YJY\3×6+2×4,0.6/1.0kV</t>
  </si>
  <si>
    <t>【安徽华能】交联电力电缆\NH-YJY\3×10+2×6,0.6/1.0kV</t>
  </si>
  <si>
    <t>【安徽华能】交联电力电缆\NH-YJY\3×16+2×10,0.6/1.0kV</t>
  </si>
  <si>
    <t>【安徽华能】交联电力电缆\NH-YJY\3×25+2×16,0.6/1.0kV</t>
  </si>
  <si>
    <t>【安徽华能】交联电力电缆\NH-YJY\3×35+2×16,0.6/1.0kV</t>
  </si>
  <si>
    <t>【安徽华能】交联电力电缆\NH-YJY\3×50+2×25,0.6/1.0kV</t>
  </si>
  <si>
    <t>【安徽华能】交联电力电缆\NH-YJY\3×70+2×35,0.6/1.0kV</t>
  </si>
  <si>
    <t>【安徽华能】交联电力电缆\NH-YJY\3×95+2×50,0.6/1.0kV</t>
  </si>
  <si>
    <t>【安徽华能】交联电力电缆\NH-YJY\3×120+2×70,0.6/1.0kV</t>
  </si>
  <si>
    <t>【安徽华能】交联电力电缆\NH-YJY\3×150+2×70,0.6/1.0kV</t>
  </si>
  <si>
    <t>【安徽华能】交联电力电缆\NH-YJY\3×185+2×95,0.6/1.0kV</t>
  </si>
  <si>
    <t>【安徽华能】交联电力电缆\NH-YJY\3×240+2×120,0.6/1.0kV</t>
  </si>
  <si>
    <t>【安徽华能】交联电力电缆\NH-YJY\3×300+2×150,0.6/1.0kV</t>
  </si>
  <si>
    <t>【安徽华能】交联电力电缆\NH-YJY\3×400+2×185,0.6/1.0kV</t>
  </si>
  <si>
    <t>【安徽华能】交联电力电缆\NH-YJY\4×2.5+1×1.5,0.6/1.0kV</t>
  </si>
  <si>
    <t>【安徽华能】交联电力电缆\NH-YJY\4×4+1×2.5,0.6/1.0kV</t>
  </si>
  <si>
    <t>【安徽华能】交联电力电缆\NH-YJY\4×6+1×4,0.6/1.0kV</t>
  </si>
  <si>
    <t>【安徽华能】交联电力电缆\NH-YJY\4×10+1×6,0.6/1.0kV</t>
  </si>
  <si>
    <t>【安徽华能】交联电力电缆\NH-YJY\4×16+1×10,0.6/1.0kV</t>
  </si>
  <si>
    <t>【安徽华能】交联电力电缆\NH-YJY\4×25+1×16,0.6/1.0kV</t>
  </si>
  <si>
    <t>【安徽华能】交联电力电缆\NH-YJY\4×35+1×16,0.6/1.0kV</t>
  </si>
  <si>
    <t>【安徽华能】交联电力电缆\NH-YJY\4×50+1×25,0.6/1.0kV</t>
  </si>
  <si>
    <t>【安徽华能】交联电力电缆\NH-YJY\4×70+1×35,0.6/1.0kV</t>
  </si>
  <si>
    <t>【安徽华能】交联电力电缆\NH-YJY\4×95+1×50,0.6/1.0kV</t>
  </si>
  <si>
    <t>【安徽华能】交联电力电缆\NH-YJY\4×120+1×70,0.6/1.0kV</t>
  </si>
  <si>
    <t>【安徽华能】交联电力电缆\NH-YJY\4×150+1×70,0.6/1.0kV</t>
  </si>
  <si>
    <t>【安徽华能】交联电力电缆\NH-YJY\4×185+1×95,0.6/1.0kV</t>
  </si>
  <si>
    <t>【安徽华能】交联电力电缆\NH-YJY23\2×1.5,0.6/1kV</t>
  </si>
  <si>
    <t>【安徽华能】交联电力电缆\NH-YJY23\2×2.5,0.6/1kV</t>
  </si>
  <si>
    <t>【安徽华能】交联电力电缆\NH-YJY23\2×4,0.6/1kV</t>
  </si>
  <si>
    <t>【安徽华能】交联电力电缆\NH-YJY23\2×6,0.6/1kV</t>
  </si>
  <si>
    <t>【安徽华能】交联电力电缆\NH-YJY23\2×10,0.6/1kV</t>
  </si>
  <si>
    <t>【安徽华能】交联电力电缆\NH-YJY23\2×16,0.6/1kV</t>
  </si>
  <si>
    <t>【安徽华能】交联电力电缆\NH-YJY23\2×25,0.6/1kV</t>
  </si>
  <si>
    <t>【安徽华能】交联电力电缆\NH-YJY23\2×35,0.6/1kV</t>
  </si>
  <si>
    <t>【安徽华能】交联电力电缆\NH-YJY23\2×50,0.6/1kV</t>
  </si>
  <si>
    <t>【安徽华能】交联电力电缆\NH-YJY23\2×70,0.6/1kV</t>
  </si>
  <si>
    <t>【安徽华能】交联电力电缆\NH-YJY23\2×95,0.6/1kV</t>
  </si>
  <si>
    <t>【安徽华能】交联电力电缆\NH-YJY23\2×120,0.6/1kV</t>
  </si>
  <si>
    <t>【安徽华能】交联电力电缆\NH-YJY23\2×150,0.6/1kV</t>
  </si>
  <si>
    <t>【安徽华能】交联电力电缆\NH-YJY23\2×185,0.6/1kV</t>
  </si>
  <si>
    <t>【安徽华能】交联电力电缆\NH-YJY23\2×240,0.6/1kV</t>
  </si>
  <si>
    <t>【安徽华能】交联电力电缆\NH-YJY23\2×300,0.6/1kV</t>
  </si>
  <si>
    <t>【安徽华能】交联电力电缆\NH-YJY23\3×1.5,0.6/1kV</t>
  </si>
  <si>
    <t>【安徽华能】交联电力电缆\NH-YJY23\3×2.5,0.6/1kV</t>
  </si>
  <si>
    <t>【安徽华能】交联电力电缆\NH-YJY23\3×4,0.6/1kV</t>
  </si>
  <si>
    <t>【安徽华能】交联电力电缆\NH-YJY23\3×6,0.6/1kV</t>
  </si>
  <si>
    <t>【安徽华能】交联电力电缆\NH-YJY23\3×10,0.6/1kV</t>
  </si>
  <si>
    <t>【安徽华能】交联电力电缆\NH-YJY23\3×16,0.6/1kV</t>
  </si>
  <si>
    <t>【安徽华能】交联电力电缆\NH-YJY23\3×25,0.6/1kV</t>
  </si>
  <si>
    <t>【安徽华能】交联电力电缆\NH-YJY23\3×35,0.6/1kV</t>
  </si>
  <si>
    <t>【安徽华能】交联电力电缆\NH-YJY23\3×50,0.6/1kV</t>
  </si>
  <si>
    <t>【安徽华能】交联电力电缆\NH-YJY23\3×70,0.6/1kV</t>
  </si>
  <si>
    <t>【安徽华能】交联电力电缆\NH-YJY23\3×95,0.6/1kV</t>
  </si>
  <si>
    <t>【安徽华能】交联电力电缆\NH-YJY23\3×120,0.6/1kV</t>
  </si>
  <si>
    <t>【安徽华能】交联电力电缆\NH-YJY23\3×150,0.6/1kV</t>
  </si>
  <si>
    <t>【安徽华能】交联电力电缆\NH-YJY23\3×185,0.6/1kV</t>
  </si>
  <si>
    <t>【安徽华能】交联电力电缆\NH-YJY23\3×240,0.6/1kV</t>
  </si>
  <si>
    <t>【安徽华能】交联电力电缆\NH-YJY23\3×300,0.6/1kV</t>
  </si>
  <si>
    <t>【安徽华能】交联电力电缆\NH-YJY23\3×400,0.6/1kV</t>
  </si>
  <si>
    <t>【安徽华能】交联电力电缆\NH-YJY23\4×1.5,0.6/1kV</t>
  </si>
  <si>
    <t>【安徽华能】交联电力电缆\NH-YJY23\4×2.5,0.6/1kV</t>
  </si>
  <si>
    <t>【安徽华能】交联电力电缆\NH-YJY23\4×4,0.6/1kV</t>
  </si>
  <si>
    <t>【安徽华能】交联电力电缆\NH-YJY23\4×6,0.6/1kV</t>
  </si>
  <si>
    <t>【安徽华能】交联电力电缆\NH-YJY23\4×10,0.6/1kV</t>
  </si>
  <si>
    <t>【安徽华能】交联电力电缆\NH-YJY23\4×16,0.6/1kV</t>
  </si>
  <si>
    <t>【安徽华能】交联电力电缆\NH-YJY23\4×25,0.6/1kV</t>
  </si>
  <si>
    <t>【安徽华能】交联电力电缆\NH-YJY23\4×35,0.6/1kV</t>
  </si>
  <si>
    <t>【安徽华能】交联电力电缆\NH-YJY23\4×50,0.6/1kV</t>
  </si>
  <si>
    <t>【安徽华能】交联电力电缆\NH-YJY23\4×70,0.6/1kV</t>
  </si>
  <si>
    <t>【安徽华能】交联电力电缆\NH-YJY23\4×95,0.6/1kV</t>
  </si>
  <si>
    <t>【安徽华能】交联电力电缆\NH-YJY23\4×120,0.6/1kV</t>
  </si>
  <si>
    <t>【安徽华能】交联电力电缆\NH-YJY23\4×150,0.6/1kV</t>
  </si>
  <si>
    <t>【安徽华能】交联电力电缆\NH-YJY23\4×185,0.6/1kV</t>
  </si>
  <si>
    <t>【安徽华能】交联电力电缆\NH-YJY23\5×1.5,0.6/1kV</t>
  </si>
  <si>
    <t>【安徽华能】交联电力电缆\NH-YJY23\5×2.5,0.6/1kV</t>
  </si>
  <si>
    <t>【安徽华能】交联电力电缆\NH-YJY23\5×4,0.6/1kV</t>
  </si>
  <si>
    <t>【安徽华能】交联电力电缆\NH-YJY23\5×6,0.6/1kV</t>
  </si>
  <si>
    <t>【安徽华能】交联电力电缆\NH-YJY23\5×10,0.6/1kV</t>
  </si>
  <si>
    <t>【安徽华能】交联电力电缆\NH-YJY23\5×16,0.6/1kV</t>
  </si>
  <si>
    <t>【安徽华能】交联电力电缆\NH-YJY23\5×25,0.6/1kV</t>
  </si>
  <si>
    <t>【安徽华能】交联电力电缆\NH-YJY23\5×35,0.6/1kV</t>
  </si>
  <si>
    <t>【安徽华能】交联电力电缆\NH-YJY23\5×50,0.6/1kV</t>
  </si>
  <si>
    <t>【安徽华能】交联电力电缆\NH-YJY23\5×70,0.6/1kV</t>
  </si>
  <si>
    <t>【安徽华能】交联电力电缆\NH-YJY23\5×95,0.6/1kV</t>
  </si>
  <si>
    <t>【安徽华能】交联电力电缆\NH-YJY23\5×120,0.6/1kV</t>
  </si>
  <si>
    <t>【安徽华能】交联电力电缆\NH-YJY23\5×150,0.6/1kV</t>
  </si>
  <si>
    <t>【安徽华能】交联电力电缆\NH-YJY23\3×2.5+1×1.5,0.6/1kV</t>
  </si>
  <si>
    <t>【安徽华能】交联电力电缆\NH-YJY23\3×4+1×2.5,0.6/1kV</t>
  </si>
  <si>
    <t>【安徽华能】交联电力电缆\NH-YJY23\3×6+1×4,0.6/1kV</t>
  </si>
  <si>
    <t>【安徽华能】交联电力电缆\NH-YJY23\3×10+1×6,0.6/1kV</t>
  </si>
  <si>
    <t>【安徽华能】交联电力电缆\NH-YJY23\3×16+1×10,0.6/1kV</t>
  </si>
  <si>
    <t>【安徽华能】交联电力电缆\NH-YJY23\3×25+1×16,0.6/1kV</t>
  </si>
  <si>
    <t>【安徽华能】交联电力电缆\NH-YJY23\3×35+1×16,0.6/1kV</t>
  </si>
  <si>
    <t>【安徽华能】交联电力电缆\NH-YJY23\3×50+1×25,0.6/1kV</t>
  </si>
  <si>
    <t>【安徽华能】交联电力电缆\NH-YJY23\3×70+1×35,0.6/1kV</t>
  </si>
  <si>
    <t>【安徽华能】交联电力电缆\NH-YJY23\3×95+1×50,0.6/1kV</t>
  </si>
  <si>
    <t>【安徽华能】交联电力电缆\NH-YJY23\3×120+1×70,0.6/1kV</t>
  </si>
  <si>
    <t>【安徽华能】交联电力电缆\NH-YJY23\3×150+1×70,0.6/1kV</t>
  </si>
  <si>
    <t>【安徽华能】交联电力电缆\NH-YJY23\3×185+1×95,0.6/1kV</t>
  </si>
  <si>
    <t>【安徽华能】交联电力电缆\NH-YJY23\3×240+1×120,0.6/1kV</t>
  </si>
  <si>
    <t>【安徽华能】交联电力电缆\NH-YJY23\3×300+1×150,0.6/1kV</t>
  </si>
  <si>
    <t>【安徽华能】交联电力电缆\NH-YJY23\3×400+1×185,0.6/1kV</t>
  </si>
  <si>
    <t>【安徽华能】交联电力电缆\NH-YJY23\3×2.5+2×1.5,0.6/1kV</t>
  </si>
  <si>
    <t>【安徽华能】交联电力电缆\NH-YJY23\3×4+2×2.5,0.6/1kV</t>
  </si>
  <si>
    <t>【安徽华能】交联电力电缆\NH-YJY23\3×6+2×4,0.6/1kV</t>
  </si>
  <si>
    <t>【安徽华能】交联电力电缆\NH-YJY23\3×10+2×6,0.6/1kV</t>
  </si>
  <si>
    <t>【安徽华能】交联电力电缆\NH-YJY23\3×16+2×10,0.6/1kV</t>
  </si>
  <si>
    <t>【安徽华能】交联电力电缆\NH-YJY23\3×25+2×16,0.6/1kV</t>
  </si>
  <si>
    <t>【安徽华能】交联电力电缆\NH-YJY23\3×35+2×16,0.6/1kV</t>
  </si>
  <si>
    <t>【安徽华能】交联电力电缆\NH-YJY23\3×50+2×25,0.6/1kV</t>
  </si>
  <si>
    <t>【安徽华能】交联电力电缆\NH-YJY23\3×70+2×35,0.6/1kV</t>
  </si>
  <si>
    <t>【安徽华能】交联电力电缆\NH-YJY23\3×95+2×50,0.6/1kV</t>
  </si>
  <si>
    <t>【安徽华能】交联电力电缆\NH-YJY23\3×120+2×70,0.6/1kV</t>
  </si>
  <si>
    <t>【安徽华能】交联电力电缆\NH-YJY23\3×150+2×70,0.6/1kV</t>
  </si>
  <si>
    <t>【安徽华能】交联电力电缆\NH-YJY23\3×185+2×95,0.6/1kV</t>
  </si>
  <si>
    <t>【安徽华能】交联电力电缆\NH-YJY23\3×240+2×120,0.6/1kV</t>
  </si>
  <si>
    <t>【安徽华能】交联电力电缆\NH-YJY23\3×300+2×150,0.6/1kV</t>
  </si>
  <si>
    <t>【安徽华能】交联电力电缆\NH-YJY23\3×400+2×185,0.6/1kV</t>
  </si>
  <si>
    <t>【安徽华能】交联电力电缆\NH-YJY23\4×2.5+1×1.5,0.6/1kV</t>
  </si>
  <si>
    <t>【安徽华能】交联电力电缆\NH-YJY23\4×4+1×2.5,0.6/1kV</t>
  </si>
  <si>
    <t>【安徽华能】交联电力电缆\NH-YJY23\4×6+1×4,0.6/1kV</t>
  </si>
  <si>
    <t>【安徽华能】交联电力电缆\NH-YJY23\4×10+1×6,0.6/1kV</t>
  </si>
  <si>
    <t>【安徽华能】交联电力电缆\NH-YJY23\4×16+1×10,0.6/1kV</t>
  </si>
  <si>
    <t>【安徽华能】交联电力电缆\NH-YJY23\4×25+1×16,0.6/1kV</t>
  </si>
  <si>
    <t>【安徽华能】交联电力电缆\NH-YJY23\4×35+1×16,0.6/1kV</t>
  </si>
  <si>
    <t>【安徽华能】交联电力电缆\NH-YJY23\4×50+1×25,0.6/1kV</t>
  </si>
  <si>
    <t>【安徽华能】交联电力电缆\NH-YJY23\4×70+1×35,0.6/1kV</t>
  </si>
  <si>
    <t>【安徽华能】交联电力电缆\NH-YJY23\4×95+1×50,0.6/1kV</t>
  </si>
  <si>
    <t>【安徽华能】交联电力电缆\NH-YJY23\4×120+1×70,0.6/1kV</t>
  </si>
  <si>
    <t>【安徽华能】交联电力电缆\NH-YJY23\4×150+1×70,0.6/1kV</t>
  </si>
  <si>
    <t>【安徽华能】交联电力电缆\NH-YJY23\4×185+1×95,0.6/1kV</t>
  </si>
  <si>
    <t>【安徽华能】交联电力电缆\NH-YJY63\1×1.5,0.6/1kV</t>
  </si>
  <si>
    <t>【安徽华能】交联电力电缆\NH-YJY63\1×2.5,0.6/1kV</t>
  </si>
  <si>
    <t>【安徽华能】交联电力电缆\NH-YJY63\1×4,0.6/1kV</t>
  </si>
  <si>
    <t>【安徽华能】交联电力电缆\NH-YJY63\1×6,0.6/1kV</t>
  </si>
  <si>
    <t>【安徽华能】交联电力电缆\NH-YJY63\1×10,0.6/1kV</t>
  </si>
  <si>
    <t>【安徽华能】交联电力电缆\NH-YJY63\1×16,0.6/1kV</t>
  </si>
  <si>
    <t>【安徽华能】交联电力电缆\NH-YJY63\1×25,0.6/1kV</t>
  </si>
  <si>
    <t>【安徽华能】交联电力电缆\NH-YJY63\1×35,0.6/1kV</t>
  </si>
  <si>
    <t>【安徽华能】交联电力电缆\NH-YJY63\1×50,0.6/1kV</t>
  </si>
  <si>
    <t>【安徽华能】交联电力电缆\NH-YJY63\1×70,0.6/1kV</t>
  </si>
  <si>
    <t>【安徽华能】交联电力电缆\NH-YJY63\1×95,0.6/1kV</t>
  </si>
  <si>
    <t>【安徽华能】交联电力电缆\NH-YJY63\1×120,0.6/1kV</t>
  </si>
  <si>
    <t>【安徽华能】交联电力电缆\NH-YJY63\1×150,0.6/1kV</t>
  </si>
  <si>
    <t>【安徽华能】交联电力电缆\NH-YJY63\1×185,0.6/1kV</t>
  </si>
  <si>
    <t>【安徽华能】交联电力电缆\NH-YJY63\1×240,0.6/1kV</t>
  </si>
  <si>
    <t>【安徽华能】交联电力电缆\NH-YJY63\1×300,0.6/1kV</t>
  </si>
  <si>
    <t>【安徽华能】交联电力电缆\NH-YJY63\1×400,0.6/1kV</t>
  </si>
  <si>
    <t>【安徽华能】交联电力电缆\NH-YJY63\1×500,0.6/1kV</t>
  </si>
  <si>
    <t>【安徽华菱】交联电力电缆\NH-YJY63\1×10,0.6/1kV</t>
  </si>
  <si>
    <t>【安徽华菱】交联电力电缆\NH-YJY63\1×16,0.6/1kV</t>
  </si>
  <si>
    <t>【安徽华菱】交联电力电缆\NH-YJY63\1×25,0.6/1kV</t>
  </si>
  <si>
    <t>【安徽华菱】交联电力电缆\NH-YJY63\1×35,0.6/1kV</t>
  </si>
  <si>
    <t>【安徽华菱】交联电力电缆\NH-YJY63\1×50,0.6/1kV</t>
  </si>
  <si>
    <t>【安徽华菱】交联电力电缆\NH-YJY63\1×70,0.6/1kV</t>
  </si>
  <si>
    <t>【安徽华菱】交联电力电缆\NH-YJY63\1×95,0.6/1kV</t>
  </si>
  <si>
    <t>【安徽华菱】交联电力电缆\NH-YJY63\1×120,0.6/1kV</t>
  </si>
  <si>
    <t>【安徽华菱】交联电力电缆\NH-YJY63\1×150,0.6/1kV</t>
  </si>
  <si>
    <t>【安徽华菱】交联电力电缆\NH-YJY63\1×185,0.6/1kV</t>
  </si>
  <si>
    <t>【安徽华菱】交联电力电缆\NH-YJY63\1×240,0.6/1kV</t>
  </si>
  <si>
    <t>【安徽华菱】交联电力电缆\NH-YJY63\1×300,0.6/1kV</t>
  </si>
  <si>
    <t>【安徽华菱】交联电力电缆\NH-YJY63\1×400,0.6/1kV</t>
  </si>
  <si>
    <t>【安徽华菱】交联电力电缆\NH-YJY63\1×500,0.6/1kV</t>
  </si>
  <si>
    <t>【覃家坪】大米\5kg</t>
  </si>
  <si>
    <t>宣恩顺发电子商务有限公司</t>
  </si>
  <si>
    <t>覃家坪</t>
  </si>
  <si>
    <t>WZSCCG-2020-BJ-2045</t>
  </si>
  <si>
    <t>2020年度北京配送覃家坪大米商城铺货长协采购框架合同（湖北帮扶宣恩）</t>
  </si>
  <si>
    <t>【覃家坪】大米\10kg</t>
  </si>
  <si>
    <t>【覃家坪】大米\25kg</t>
  </si>
  <si>
    <t>【覃家坪】大米\2.5kg</t>
  </si>
  <si>
    <t>【诗源贡】大米\25kg</t>
  </si>
  <si>
    <t>湖北旺发粮油有限公司</t>
  </si>
  <si>
    <t>诗源贡</t>
  </si>
  <si>
    <t>WZSCCG-2020-BJ-1097</t>
  </si>
  <si>
    <t>2020年度北京配送诗源贡大米商城铺货长协采购框架合同</t>
  </si>
  <si>
    <t>【诗源贡】大米\10kg</t>
  </si>
  <si>
    <t>【诗源贡】香米\25kg</t>
  </si>
  <si>
    <t>【诗源贡】香米\10kg</t>
  </si>
  <si>
    <t>【诗源贡】贡米\5kg</t>
  </si>
  <si>
    <t>【诗源贡】贡米\20kg</t>
  </si>
  <si>
    <t>箱</t>
  </si>
  <si>
    <t>【宝洁】舒肤佳芦荟沐水润呵护沐浴液\1000ml/瓶</t>
  </si>
  <si>
    <t>【宝洁】舒肤佳芦荟水润呵护沐浴液\720ml/瓶</t>
  </si>
  <si>
    <t>【宝洁】护舒宝甜睡棉柔400贴身卫生巾6片/包</t>
  </si>
  <si>
    <t>【宝洁】护舒宝云感棉极薄量多日用/夜用卫生巾16片/包</t>
  </si>
  <si>
    <t>【宝洁】护舒宝幻彩极护卫生巾量多日用/夜用卫生巾9片/包</t>
  </si>
  <si>
    <t>【宝洁】佳洁士健康专家防蛀修护(长效清新薄荷)\140g/支</t>
  </si>
  <si>
    <t>【宝洁】佳洁士健康专家防蛀修护(长效清新薄荷)\200g/支</t>
  </si>
  <si>
    <t>【宝洁】佳洁士全优7效祛牙渍健白牙膏\120g/支</t>
  </si>
  <si>
    <t>【宝洁】佳洁士五彩水晶牙刷（软毛）\1支/盒</t>
  </si>
  <si>
    <t>【宝洁】佳洁士外柔内刚牙刷\1支/盒</t>
  </si>
  <si>
    <t>【宝洁】佳洁士超细柔韧黑茶深洁牙刷\1支/盒</t>
  </si>
  <si>
    <t>【宝洁】佳洁士天鹅绒护龈牙刷（静谧蓝）\1支/盒</t>
  </si>
  <si>
    <t>【宝洁】欧乐B牙龈专护(持续修护清新)\200g/支</t>
  </si>
  <si>
    <t>【宝洁】欧乐B专业护龈金丝/银丝深洁牙刷\1支/盒</t>
  </si>
  <si>
    <t>【宝洁】潘婷3分钟奢护精华霜多效损伤修护\180ml/瓶</t>
  </si>
  <si>
    <t>【宝洁】舒肤佳纯白清香型香皂\125g/块</t>
  </si>
  <si>
    <t>【洁玉】提缎毛巾34×76cm</t>
  </si>
  <si>
    <t>孚日集团股份有限公司</t>
  </si>
  <si>
    <t>洁玉</t>
  </si>
  <si>
    <t>WZSCCG-2020-BJ-2015</t>
  </si>
  <si>
    <t>【洁玉】提缎刺绣毛巾34×76cm</t>
  </si>
  <si>
    <t>【洁玉】定织五彩运动巾38×110cm</t>
  </si>
  <si>
    <t>【洁玉】清盈抗菌毛巾34×74cm</t>
  </si>
  <si>
    <t>【洁玉】浅暖毛巾34×76cm</t>
  </si>
  <si>
    <t>【洁玉】幸福恋曲毛巾34×74cm</t>
  </si>
  <si>
    <t>【洁玉】优越方巾34×35cm</t>
  </si>
  <si>
    <t>【洁玉】优越毛巾34×76cm</t>
  </si>
  <si>
    <t>【洁玉】布拉格之恋浴巾70×140cm</t>
  </si>
  <si>
    <t>【洁玉】布拉格之恋毛巾34×76cm</t>
  </si>
  <si>
    <t>【洁玉】本色毛巾34×76cm</t>
  </si>
  <si>
    <t>【洁玉】优越浴巾70×140cm</t>
  </si>
  <si>
    <t>【洁玉】绵竹纤维洁面巾25×49cm</t>
  </si>
  <si>
    <t>【吉福】电缆分接箱\35,630,DFW-40.5/630-1/1,二分支,海拔2000米及以下</t>
  </si>
  <si>
    <t>吉林市吉福新材料有限公司</t>
  </si>
  <si>
    <t>吉福</t>
  </si>
  <si>
    <t>WZSCCG-2020-BJ-1083</t>
  </si>
  <si>
    <t>2020年度集团级电缆分接箱I标段长协采购</t>
  </si>
  <si>
    <t>吉林市吉福新材料有限责任公司</t>
  </si>
  <si>
    <t>【吉福】电缆分接箱\35,630,DFW-40.5/630-1/2,三分支,海拔2000米及以下</t>
  </si>
  <si>
    <t>【吉福】电缆分接箱\35,630,DFW-40.5/630-1/3,四分支,海拔2000米及以下</t>
  </si>
  <si>
    <t>【吉福】电缆分接箱\35,630,DFW-40.5/630-1/4,五分支,海拔2000米及以下</t>
  </si>
  <si>
    <t>【吉福】电缆分接箱\35,630,DFW-40.5/630-1/1-1K,二分支单隔离开关,海拔2000米及以下</t>
  </si>
  <si>
    <t>【吉福】电缆分接箱\35,630,DFW-40.5/630-1/2-1K,三分支单隔离开关,海拔2000米及以下</t>
  </si>
  <si>
    <t>【吉福】电缆分接箱\35,630,DFW-40.5/630-1/3-1K,四分支单隔离开关,海拔2000米及以下</t>
  </si>
  <si>
    <t>【吉福】电缆分接箱\35,630,DFW-40.5/630-1/4-1K,五分支单隔离开关,海拔2000米及以下</t>
  </si>
  <si>
    <t>【吉福】电缆分接箱\35,630,DFW-40.5/630-1/2-2K,三分支二隔离开关,海拔2000米及以下</t>
  </si>
  <si>
    <t>【吉福】电缆分接箱\35,630,DFW-40.5/630-1/3-2K,四分支二隔离开关,海拔2000米及以下</t>
  </si>
  <si>
    <t>【吉福】电缆分接箱\35,630,DFW-40.5/630-1/4-2K,五分支二隔离开关,海拔2000米及以下</t>
  </si>
  <si>
    <t>【吉福】电缆分接箱\35,630,DFW-40.5/630-1/2-3K,三分支三隔离开关,海拔2000米及以下</t>
  </si>
  <si>
    <t>【吉福】电缆分接箱\35,630,DFW-40.5/630-1/3-3K,四分支三隔离开关,海拔2000米及以下</t>
  </si>
  <si>
    <t>【吉福】电缆分接箱\35,630,DFW-40.5/630-1/4-3K,五分支三隔离开关,海拔2000米及以下</t>
  </si>
  <si>
    <t>【吉福】电缆分接箱\35,630,DFW-40.5/630-1/3-4K,四分支四隔离开关,海拔2000米及以下</t>
  </si>
  <si>
    <t>【吉福】电缆分接箱\35,630,DFW-40.5/630-1/4-4K,五分支四隔离开关,海拔2000米及以下</t>
  </si>
  <si>
    <t>【吉福】电缆分接箱\35,630,DFWC-40.5/630-1/1,二分支,海拔2000米及以下</t>
  </si>
  <si>
    <t>【吉福】电缆分接箱\35,630,DFWC-40.5/630-1/2,三分支,海拔2000米及以下</t>
  </si>
  <si>
    <t>【吉福】电缆分接箱\35,630,DFWC-40.5/630-1/3,四分支,海拔2000米及以下</t>
  </si>
  <si>
    <t>【吉福】电缆分接箱\35,630,DFWC-40.5/630-1/4,五分支,海拔2000米及以下</t>
  </si>
  <si>
    <t>【吉福】带开关电缆分接箱\35,630,DFWC-40.5/630-1/1-1K,二分支单SF6开关,海拔2000米及以下</t>
  </si>
  <si>
    <t>【吉福】带开关电缆分接箱\35,630,DFWC-40.5/630-1/2-1K,三分支单SF6开关,海拔2000米及以下</t>
  </si>
  <si>
    <t>【吉福】带开关电缆分接箱\35,630,DFWC-40.5/630-1/3-1K,四分支单SF6开关,海拔2000米及以下</t>
  </si>
  <si>
    <t>【吉福】带开关电缆分接箱\35,630,DFWC-40.5/630-1/4-1K,五分支单SF6开关,海拔2000米及以下</t>
  </si>
  <si>
    <t>【吉福】带开关电缆分接箱\35,630,DFWC-40.5/630-1/2-2K,三分支二SF6开关,海拔2000米及以下</t>
  </si>
  <si>
    <t>【吉福】带开关电缆分接箱\35,630,DFWC-40.5/630-1/3-2K,四分支二SF6开关,海拔2000米及以下</t>
  </si>
  <si>
    <t>【吉福】带开关电缆分接箱\35,630,DFWC-40.5/630-1/4-2K,五分支二SF6开关,海拔2000米及以下</t>
  </si>
  <si>
    <t>【吉福】带开关电缆分接箱\35,630,DFWC-40.5/630-1/2-3K,三分支三SF6开关,海拔2000米及以下</t>
  </si>
  <si>
    <t>【吉福】带开关电缆分接箱\35,630,DFWC-40.5/630-1/3-3K,四分支三SF6开关,海拔2000米及以下</t>
  </si>
  <si>
    <t>【吉福】带开关电缆分接箱\35,630,DFWC-40.5/630-1/4-3K,五分支三SF6开关,海拔2000米及以下</t>
  </si>
  <si>
    <t>【吉福】带开关电缆分接箱\35,630,DFWC-40.5/630-1/3-4K,四分支四SF6开关,海拔2000米及以下</t>
  </si>
  <si>
    <t>【吉福】带开关电缆分接箱\35,630,DFWC-40.5/630-1/4-4K,五分支四SF6开关,海拔2000米及以下</t>
  </si>
  <si>
    <t>【吉福】电缆分接箱\35,630,GDFW-40.5/630-1/1,二分支,海拔2000米及以上</t>
  </si>
  <si>
    <t>【吉福】电缆分接箱\35,630,GDFW-40.5/630-1/2,三分支,海拔2000米及以上</t>
  </si>
  <si>
    <t>【吉福】电缆分接箱\35,630,GDFW-40.5/630-1/3,四分支,海拔2000米及以上</t>
  </si>
  <si>
    <t>【吉福】电缆分接箱\35,630,GDFW-40.5/630-1/4,五分支,海拔2000米及以上</t>
  </si>
  <si>
    <t>【吉福】电缆分接箱\35,630,GDFW-40.5/630-1/1-1K,二分支单隔离开关,海拔2000米及以上</t>
  </si>
  <si>
    <t>【吉福】电缆分接箱\35,630,GDFW-40.5/630-1/2-1K,三分支单隔离开关,海拔2000米及以上</t>
  </si>
  <si>
    <t>【吉福】电缆分接箱\35,630,GDFW-40.5/630-1/3-1K,四分支单隔离开关,海拔2000米及以上</t>
  </si>
  <si>
    <t>【吉福】电缆分接箱\35,630,GDFW-40.5/630-1/4-1K,五分支单隔离开关,海拔2000米及以上</t>
  </si>
  <si>
    <t>【吉福】电缆分接箱\35,630,GDFW-40.5/630-1/2-2K,三分支二隔离开关,海拔2000米及以上</t>
  </si>
  <si>
    <t>【吉福】电缆分接箱\35,630,GDFW-40.5/630-1/3-2K,四分支二隔离开关,海拔2000米及以上</t>
  </si>
  <si>
    <t>【吉福】电缆分接箱\35,630,GDFW-40.5/630-1/4-2K,五分支二隔离开关,海拔2000米及以上</t>
  </si>
  <si>
    <t>【吉福】电缆分接箱\35,630,GDFW-40.5/630-1/2-3K,三分支三隔离开关,海拔2000米及以上</t>
  </si>
  <si>
    <t>【吉福】电缆分接箱\35,630,GDFW-40.5/630-1/3-3K,四分支三隔离开关,海拔2000米及以上</t>
  </si>
  <si>
    <t>【吉福】电缆分接箱\35,630,GDFW-40.5/630-1/4-3K,五分支三隔离开关,海拔2000米及以上</t>
  </si>
  <si>
    <t>【吉福】电缆分接箱\35,630,GDFW-40.5/630-1/3-4K,四分支四隔离开关,海拔2000米及以上</t>
  </si>
  <si>
    <t>【吉福】电缆分接箱\35,630,GDFW-40.5/630-1/4-4K,五分支四隔离开关,海拔2000米及以上</t>
  </si>
  <si>
    <t>【吉福】电缆分接箱\35,630,GDFWC-40.5/630-1/1,二分支,海拔2000米及以上</t>
  </si>
  <si>
    <t>【吉福】电缆分接箱\35,630,GDFWC-40.5/630-1/2,三分支,海拔2000米及以上</t>
  </si>
  <si>
    <t>【吉福】电缆分接箱\35,630,GDFWC-40.5/630-1/3,四分支,海拔2000米及以上</t>
  </si>
  <si>
    <t>【吉福】电缆分接箱\35,630,GDFWC-40.5/630-1/4,五分支,海拔2000米及以上</t>
  </si>
  <si>
    <t>【吉福】带开关电缆分接箱\35,630,GDFWC-40.5/630-1/1-1K,二分支单SF6开关,海拔2000米及以上</t>
  </si>
  <si>
    <t>【吉福】带开关电缆分接箱\35,630,GDFWC-40.5/630-1/2-1K,三分支单SF6开关,海拔2000米及以上</t>
  </si>
  <si>
    <t>【吉福】带开关电缆分接箱\35,630,GDFWC-40.5/630-1/3-1K,四分支单SF6开关,海拔2000米及以上</t>
  </si>
  <si>
    <t>【吉福】带开关电缆分接箱\35,630,GDFWC-40.5/630-1/4-1K,五分支单SF6开关,海拔2000米及以上</t>
  </si>
  <si>
    <t>【吉福】带开关电缆分接箱\35,630,GDFWC-40.5/630-1/2-2K,三分支二SF6开关,海拔2000米及以上</t>
  </si>
  <si>
    <t>【吉福】带开关电缆分接箱\35,630,GDFWC-40.5/630-1/3-2K,四分支二SF6开关,海拔2000米及以上</t>
  </si>
  <si>
    <t>【吉福】带开关电缆分接箱\35,630,GDFWC-40.5/630-1/4-2K,五分支二SF6开关,海拔2000米及以上</t>
  </si>
  <si>
    <t>【吉福】带开关电缆分接箱\35,630,GDFWC-40.5/630-1/2-3K,三分支三SF6开关,海拔2000米及以上</t>
  </si>
  <si>
    <t>【吉福】带开关电缆分接箱\35,630,GDFWC-40.5/630-1/3-3K,四分支三SF6开关,海拔2000米及以上</t>
  </si>
  <si>
    <t>【吉福】带开关电缆分接箱\35,630,GDFWC-40.5/630-1/4-3K,五分支三SF6开关,海拔2000米及以上</t>
  </si>
  <si>
    <t>【吉福】带开关电缆分接箱\35,630,GDFWC-40.5/630-1/3-4K,四分支四SF6开关,海拔2000米及以上</t>
  </si>
  <si>
    <t>【吉福】带开关电缆分接箱\35,630,GDFWC-40.5/630-1/4-4K,五分支四SF6开关,海拔2000米及以上</t>
  </si>
  <si>
    <t>【双杰】电缆分接箱\35,630,DFW-40.5/630-1/1,二分支,海拔2000米及以下</t>
  </si>
  <si>
    <t>北京双杰电气股份有限公司</t>
  </si>
  <si>
    <t>双杰</t>
  </si>
  <si>
    <t>WZSCCG-2020-BJ-1084</t>
  </si>
  <si>
    <t>2020年度集团级电缆分接箱Ⅱ标段长协采购</t>
  </si>
  <si>
    <t>【双杰】电缆分接箱\35,630,DFW-40.5/630-1/2,三分支,海拔2000米及以下</t>
  </si>
  <si>
    <t>【双杰】电缆分接箱\35,630,DFW-40.5/630-1/3,四分支,海拔2000米及以下</t>
  </si>
  <si>
    <t>【双杰】电缆分接箱\35,630,DFW-40.5/630-1/4,五分支,海拔2000米及以下</t>
  </si>
  <si>
    <t>【双杰】电缆分接箱\35,630,DFW-40.5/630-1/1-1K,二分支单隔离开关,海拔2000米及以下</t>
  </si>
  <si>
    <t>【双杰】电缆分接箱\35,630,DFW-40.5/630-1/2-1K,三分支单隔离开关,海拔2000米及以下</t>
  </si>
  <si>
    <t>【双杰】电缆分接箱\35,630,DFW-40.5/630-1/3-1K,四分支单隔离开关,海拔2000米及以下</t>
  </si>
  <si>
    <t>【双杰】电缆分接箱\35,630,DFW-40.5/630-1/4-1K,五分支单隔离开关,海拔2000米及以下</t>
  </si>
  <si>
    <t>【双杰】电缆分接箱\35,630,DFW-40.5/630-1/2-2K,三分支二隔离开关,海拔2000米及以下</t>
  </si>
  <si>
    <t>【双杰】电缆分接箱\35,630,DFW-40.5/630-1/3-2K,四分支二隔离开关,海拔2000米及以下</t>
  </si>
  <si>
    <t>【双杰】电缆分接箱\35,630,DFW-40.5/630-1/4-2K,五分支二隔离开关,海拔2000米及以下</t>
  </si>
  <si>
    <t>【双杰】电缆分接箱\35,630,DFW-40.5/630-1/2-3K,三分支三隔离开关,海拔2000米及以下</t>
  </si>
  <si>
    <t>【双杰】电缆分接箱\35,630,DFW-40.5/630-1/3-3K,四分支三隔离开关,海拔2000米及以下</t>
  </si>
  <si>
    <t>【双杰】电缆分接箱\35,630,DFW-40.5/630-1/4-3K,五分支三隔离开关,海拔2000米及以下</t>
  </si>
  <si>
    <t>【双杰】电缆分接箱\35,630,DFW-40.5/630-1/3-4K,四分支四隔离开关,海拔2000米及以下</t>
  </si>
  <si>
    <t>【双杰】电缆分接箱\35,630,DFW-40.5/630-1/4-4K,五分支四隔离开关,海拔2000米及以下</t>
  </si>
  <si>
    <t>【双杰】电缆分接箱\35,630,DFWC-40.5/630-1/1,二分支,海拔2000米及以下</t>
  </si>
  <si>
    <t>【双杰】电缆分接箱\35,630,DFWC-40.5/630-1/2,三分支,海拔2000米及以下</t>
  </si>
  <si>
    <t>【双杰】电缆分接箱\35,630,DFWC-40.5/630-1/3,四分支,海拔2000米及以下</t>
  </si>
  <si>
    <t>【双杰】电缆分接箱\35,630,DFWC-40.5/630-1/4,五分支,海拔2000米及以下</t>
  </si>
  <si>
    <t>【双杰】带开关电缆分接箱\35,630,DFWC-40.5/630-1/1-1K,二分支单SF6开关,海拔2000米及以下</t>
  </si>
  <si>
    <t>【双杰】带开关电缆分接箱\35,630,DFWC-40.5/630-1/2-1K,三分支单SF6开关,海拔2000米及以下</t>
  </si>
  <si>
    <t>【双杰】带开关电缆分接箱\35,630,DFWC-40.5/630-1/3-1K,四分支单SF6开关,海拔2000米及以下</t>
  </si>
  <si>
    <t>【双杰】带开关电缆分接箱\35,630,DFWC-40.5/630-1/4-1K,五分支单SF6开关,海拔2000米及以下</t>
  </si>
  <si>
    <t>【双杰】带开关电缆分接箱\35,630,DFWC-40.5/630-1/2-2K,三分支二SF6开关,海拔2000米及以下</t>
  </si>
  <si>
    <t>【双杰】带开关电缆分接箱\35,630,DFWC-40.5/630-1/3-2K,四分支二SF6开关,海拔2000米及以下</t>
  </si>
  <si>
    <t>【双杰】带开关电缆分接箱\35,630,DFWC-40.5/630-1/4-2K,五分支二SF6开关,海拔2000米及以下</t>
  </si>
  <si>
    <t>【双杰】带开关电缆分接箱\35,630,DFWC-40.5/630-1/2-3K,三分支三SF6开关,海拔2000米及以下</t>
  </si>
  <si>
    <t>【双杰】带开关电缆分接箱\35,630,DFWC-40.5/630-1/3-3K,四分支三SF6开关,海拔2000米及以下</t>
  </si>
  <si>
    <t>【双杰】带开关电缆分接箱\35,630,DFWC-40.5/630-1/4-3K,五分支三SF6开关,海拔2000米及以下</t>
  </si>
  <si>
    <t>【双杰】带开关电缆分接箱\35,630,DFWC-40.5/630-1/3-4K,四分支四SF6开关,海拔2000米及以下</t>
  </si>
  <si>
    <t>【双杰】带开关电缆分接箱\35,630,DFWC-40.5/630-1/4-4K,五分支四SF6开关,海拔2000米及以下</t>
  </si>
  <si>
    <t>【双杰】电缆分接箱\35,630,GDFW-40.5/630-1/1,二分支,海拔2000米及以上</t>
  </si>
  <si>
    <t>【双杰】电缆分接箱\35,630,GDFW-40.5/630-1/2,三分支,海拔2000米及以上</t>
  </si>
  <si>
    <t>【双杰】电缆分接箱\35,630,GDFW-40.5/630-1/3,四分支,海拔2000米及以上</t>
  </si>
  <si>
    <t>【双杰】电缆分接箱\35,630,GDFW-40.5/630-1/4,五分支,海拔2000米及以上</t>
  </si>
  <si>
    <t>【双杰】电缆分接箱\35,630,GDFW-40.5/630-1/3-4K,四分支四隔离开关,海拔2000米及以上</t>
  </si>
  <si>
    <t>【双杰】电缆分接箱\35,630,GDFW-40.5/630-1/4-4K,五分支四隔离开关,海拔2000米及以上</t>
  </si>
  <si>
    <t>【双杰】电缆分接箱\35,630,GDFW-40.5/630-1/2-1K,三分支单隔离开关,海拔2000米及以上</t>
  </si>
  <si>
    <t>【双杰】电缆分接箱\35,630,GDFW-40.5/630-1/3-1K,四分支单隔离开关,海拔2000米及以上</t>
  </si>
  <si>
    <t>【双杰】电缆分接箱\35,630,GDFW-40.5/630-1/4-1K,五分支单隔离开关,海拔2000米及以上</t>
  </si>
  <si>
    <t>【双杰】电缆分接箱\35,630,GDFW-40.5/630-1/2-2K,三分支二隔离开关,海拔2000米及以上</t>
  </si>
  <si>
    <t>【双杰】电缆分接箱\35,630,GDFW-40.5/630-1/3-2K,四分支二隔离开关,海拔2000米及以上</t>
  </si>
  <si>
    <t>【双杰】电缆分接箱\35,630,GDFW-40.5/630-1/4-2K,五分支二隔离开关,海拔2000米及以上</t>
  </si>
  <si>
    <t>【双杰】电缆分接箱\35,630,GDFW-40.5/630-1/2-3K,三分支三隔离开关,海拔2000米及以上</t>
  </si>
  <si>
    <t>【双杰】电缆分接箱\35,630,GDFW-40.5/630-1/3-3K,四分支三隔离开关,海拔2000米及以上</t>
  </si>
  <si>
    <t>【双杰】电缆分接箱\35,630,GDFW-40.5/630-1/4-3K,五分支三隔离开关,海拔2000米及以上</t>
  </si>
  <si>
    <t>【双杰】电缆分接箱\35,630,GDFW-40.5/630-1/1-1K,二分支单隔离开关,海拔2000米及以上</t>
  </si>
  <si>
    <t>【双杰】电缆分接箱\35,630,GDFWC-40.5/630-1/1,二分支,海拔2000米及以上</t>
  </si>
  <si>
    <t>【双杰】电缆分接箱\35,630,GDFWC-40.5/630-1/2,三分支,海拔2000米及以上</t>
  </si>
  <si>
    <t>【双杰】电缆分接箱\35,630,GDFWC-40.5/630-1/3,四分支,海拔2000米及以上</t>
  </si>
  <si>
    <t>【双杰】电缆分接箱\35,630,GDFWC-40.5/630-1/4,五分支,海拔2000米及以上</t>
  </si>
  <si>
    <t>【双杰】带开关电缆分接箱\35,630,GDFWC-40.5/630-1/1-1K,二分支单SF6开关,海拔2000米及以上</t>
  </si>
  <si>
    <t>【双杰】带开关电缆分接箱\35,630,GDFWC-40.5/630-1/2-1K,三分支单SF6开关,海拔2000米及以上</t>
  </si>
  <si>
    <t>【双杰】带开关电缆分接箱\35,630,GDFWC-40.5/630-1/3-1K,四分支单SF6开关,海拔2000米及以上</t>
  </si>
  <si>
    <t>【双杰】带开关电缆分接箱\35,630,GDFWC-40.5/630-1/4-1K,五分支单SF6开关,海拔2000米及以上</t>
  </si>
  <si>
    <t>【双杰】带开关电缆分接箱\35,630,GDFWC-40.5/630-1/2-2K,三分支二SF6开关,海拔2000米及以上</t>
  </si>
  <si>
    <t>【双杰】带开关电缆分接箱\35,630,GDFWC-40.5/630-1/3-2K,四分支二SF6开关,海拔2000米及以上</t>
  </si>
  <si>
    <t>【双杰】带开关电缆分接箱\35,630,GDFWC-40.5/630-1/4-2K,五分支二SF6开关,海拔2000米及以上</t>
  </si>
  <si>
    <t>【双杰】带开关电缆分接箱\35,630,GDFWC-40.5/630-1/2-3K,三分支三SF6开关,海拔2000米及以上</t>
  </si>
  <si>
    <t>【双杰】带开关电缆分接箱\35,630,GDFWC-40.5/630-1/3-3K,四分支三SF6开关,海拔2000米及以上</t>
  </si>
  <si>
    <t>【双杰】带开关电缆分接箱\35,630,GDFWC-40.5/630-1/4-3K,五分支三SF6开关,海拔2000米及以上</t>
  </si>
  <si>
    <t>【双杰】带开关电缆分接箱\35,630,GDFWC-40.5/630-1/3-4K,四分支四SF6开关,海拔2000米及以上</t>
  </si>
  <si>
    <t>【双杰】带开关电缆分接箱\35,630,GDFWC-40.5/630-1/4-4K,五分支四SF6开关,海拔2000米及以上</t>
  </si>
  <si>
    <t>【德施普】矿用防静电工作服</t>
  </si>
  <si>
    <t>苏州德施普职业防护装备有限公司</t>
  </si>
  <si>
    <t>德施普</t>
  </si>
  <si>
    <t>WZSCCG-2020-BJ-2021</t>
  </si>
  <si>
    <t>国家能源e购商城德施普工装长协采购铺货采购合同</t>
  </si>
  <si>
    <t>【德施普】井下工作服（手肘、膝盖、臀部可加厚）</t>
  </si>
  <si>
    <t>【德施普】地面工作服春秋装</t>
  </si>
  <si>
    <t>【德施普】地面工作服夏装长袖</t>
  </si>
  <si>
    <t>【德施普】防护雨衣雨裤</t>
  </si>
  <si>
    <t>【德施普】耐酸碱围裙</t>
  </si>
  <si>
    <t>【德施普】绒衣裤</t>
  </si>
  <si>
    <t>【德施普】秋衣裤</t>
  </si>
  <si>
    <t>【德施普】棉衣裤</t>
  </si>
  <si>
    <t>【德施普】防寒服(活套)</t>
  </si>
  <si>
    <t>【弘盾】井下工作服</t>
  </si>
  <si>
    <t>江苏弘盾服饰科技有限公司</t>
  </si>
  <si>
    <t>弘盾</t>
  </si>
  <si>
    <t>WZSCCG-2020-BJ-2024</t>
  </si>
  <si>
    <t>国家能源e购商城弘盾工装长协采购铺货采购合同</t>
  </si>
  <si>
    <t>【弘盾】地面工作服春秋装</t>
  </si>
  <si>
    <t>【弘盾】地面工作服夏装长袖</t>
  </si>
  <si>
    <t>【吉福】冷缩三芯中间接头\3*50-95mm2,26/35kV</t>
  </si>
  <si>
    <t>WZSCCG-2020-BJ-1086</t>
  </si>
  <si>
    <t>2020年度集团级电缆附件Ⅱ标段长协采购</t>
  </si>
  <si>
    <t>【吉福】冷缩三芯中间接头\3*120-240mm2,26/35kV</t>
  </si>
  <si>
    <t>【吉福】冷缩三芯中间接头\3*300-400mm2,26/35kV</t>
  </si>
  <si>
    <t>【吉福】冷缩三芯中间接头\3*500-630mm2,26/35kV</t>
  </si>
  <si>
    <t>【吉福】冷缩三芯户内终端\3*50-95mm2,26/35kV</t>
  </si>
  <si>
    <t>【吉福】冷缩三芯户内终端\3*120-240mm2,26/35kV</t>
  </si>
  <si>
    <t>【吉福】冷缩三芯户内终端\3*300-400mm2,26/35kV</t>
  </si>
  <si>
    <t>【吉福】冷缩三芯户内终端\3*500-630mm2,26/35kV</t>
  </si>
  <si>
    <t>【吉福】冷缩三芯户外终端\3*50-95mm2,26/35kV</t>
  </si>
  <si>
    <t>【吉福】冷缩三芯户外终端\3*120-240mm2,26/35kV</t>
  </si>
  <si>
    <t>【弘盾】地面工作服夏装短袖</t>
  </si>
  <si>
    <t>【弘盾】井下工作服(手肘、膝盖、臀加厚)</t>
  </si>
  <si>
    <t>【吉福】冷缩三芯户外终端\3*300-400mm2,26/35kV</t>
  </si>
  <si>
    <t>【吉福】冷缩三芯户外终端\3*500-630mm2,26/35kV</t>
  </si>
  <si>
    <t>【吉福】冷缩单芯中间接头\1*50-95mm2,26/35kV</t>
  </si>
  <si>
    <t>【吉福】冷缩单芯中间接头\1*1*120-240mm2,26/35kV</t>
  </si>
  <si>
    <t>【吉福】冷缩单芯中间接头\1*300-400mm2,26/35kV</t>
  </si>
  <si>
    <t>【吉福】冷缩单芯中间接头\1*500-630mm2,26/35kV</t>
  </si>
  <si>
    <t>【吉福】冷缩单芯户内终端\1*50-95mm2,26/35kV</t>
  </si>
  <si>
    <t>【吉福】冷缩单芯户内终端\1*120-240mm2,26/35kV</t>
  </si>
  <si>
    <t>【吉福】冷缩单芯户内终端\1*300-400mm2,26/35kV</t>
  </si>
  <si>
    <t>【吉福】冷缩单芯户内终端\1*500-630mm2,26/35kV</t>
  </si>
  <si>
    <t>【吉福】冷缩单芯户外终端\1*1*50-95mm2,26/35kV</t>
  </si>
  <si>
    <t>【吉福】冷缩单芯户外终端\1*120-240mm2,26/35kV</t>
  </si>
  <si>
    <t>【吉福】冷缩单芯户外终端\1*300-400mm2,26/35kV</t>
  </si>
  <si>
    <t>【吉福】冷缩单芯户外终端\1*500-630mm2,26/35kV</t>
  </si>
  <si>
    <t>【吉福】冷缩三芯中间接头\3*25-50mm2,8.7/15kV</t>
  </si>
  <si>
    <t>【吉福】冷缩三芯中间接头\3*70-120mm2,8.7/15kV</t>
  </si>
  <si>
    <t>【吉福】冷缩三芯中间接头\3*150-240mm2,8.7/15kV</t>
  </si>
  <si>
    <t>【吉福】冷缩三芯中间接头\3*300-400mm2,8.7/15kV</t>
  </si>
  <si>
    <t>【吉福】冷缩三芯中间接头\3*500-630mm2,8.7/15kV</t>
  </si>
  <si>
    <t>【吉福】冷缩三芯户内终端\3*3*3*25-50mm2,8.7/15kV</t>
  </si>
  <si>
    <t>【吉福】冷缩三芯户内终端\3*70-120mm2,8.7/15kV</t>
  </si>
  <si>
    <t>【吉福】冷缩三芯户内终端\3*150-240mm2,8.7/15kV</t>
  </si>
  <si>
    <t>【吉福】冷缩三芯户内终端\3*300-400mm2,8.7/15kV</t>
  </si>
  <si>
    <t>【吉福】冷缩三芯户内终端\3*500-630mm2,8.7/15kV</t>
  </si>
  <si>
    <t>【吉福】冷缩三芯户外终端\3*25-50mm2,8.7/15kV</t>
  </si>
  <si>
    <t>【吉福】冷缩三芯户外终端\3*70-120mm2,8.7/15kV</t>
  </si>
  <si>
    <t>【吉福】冷缩三芯户外终端\3*150-240mm2,8.7/15kV</t>
  </si>
  <si>
    <t>【吉福】冷缩三芯户外终端\3*300-400mm2,8.7/15kV</t>
  </si>
  <si>
    <t>【吉福】冷缩三芯户外终端\3*500-630mm2,8.7/15kV</t>
  </si>
  <si>
    <t>【吉福】冷缩单芯中间接头\1*25-50mm2,8.7/15kV</t>
  </si>
  <si>
    <t>【吉福】冷缩单芯中间接头\1*70-120mm2,8.7/15kV</t>
  </si>
  <si>
    <t>【吉福】冷缩单芯中间接头\1*150-240mm2,8.7/15kV</t>
  </si>
  <si>
    <t>【吉福】冷缩单芯中间接头\1*300-400mm2,8.7/15kV</t>
  </si>
  <si>
    <t>【吉福】冷缩单芯中间接头\1*500mm2,8.7/15kV</t>
  </si>
  <si>
    <t>【吉福】冷缩单芯户内终端\1*25-50mm2,8.7/15kV</t>
  </si>
  <si>
    <t>【吉福】冷缩单芯户内终端\1*70-120mm2,8.7/15kV</t>
  </si>
  <si>
    <t>【吉福】冷缩单芯户内终端\1*150-240mm2,8.7/15kV</t>
  </si>
  <si>
    <t>【吉福】冷缩单芯户内终端\1*300-400mm2,8.7/15kV</t>
  </si>
  <si>
    <t>【吉福】冷缩单芯户内终端\1*500-630mm2,8.7/15kV</t>
  </si>
  <si>
    <t>【吉福】冷缩单芯户外终端\1*25-50mm2,8.7/15kV</t>
  </si>
  <si>
    <t>【吉福】冷缩单芯户外终端\1*70-120mm2,8.7/15kV</t>
  </si>
  <si>
    <t>【吉福】冷缩单芯户外终端\1*150-240mm2,8.7/15kV</t>
  </si>
  <si>
    <t>【吉福】冷缩单芯户外终端\1*300-400mm2,8.7/15kV</t>
  </si>
  <si>
    <t>【吉福】冷缩单芯户外终端\1*500-630mm2,8.7/15kV</t>
  </si>
  <si>
    <t>【吉福】冷缩单芯终端\1*10-25mm2,0.6/1kV</t>
  </si>
  <si>
    <t>【吉福】冷缩单芯终端\1*35-50mm2,0.6/1kV</t>
  </si>
  <si>
    <t>【吉福】冷缩单芯终端\1*70-120mm2,0.6/1kV</t>
  </si>
  <si>
    <t>【吉福】冷缩单芯终端\1*150-240mm2,0.6/1kV</t>
  </si>
  <si>
    <t>【吉福】冷缩单芯终端\1*300-400mm2,0.6/1kV</t>
  </si>
  <si>
    <t>【吉福】冷缩二芯终端\2*10-25mm2,0.6/1kV</t>
  </si>
  <si>
    <t>【吉福】冷缩二芯终端\2*35-50mm2,0.6/1kV</t>
  </si>
  <si>
    <t>【吉福】冷缩二芯终端\2*70-120mm2,0.6/1kV</t>
  </si>
  <si>
    <t>【吉福】冷缩二芯终端\2*150-240mm2,0.6/1kV</t>
  </si>
  <si>
    <t>【吉福】冷缩二芯终端\2*300-400mm2,0.6/1kV</t>
  </si>
  <si>
    <t>【吉福】冷缩三芯终端\3*3*10-25mm2,0.6/1kV</t>
  </si>
  <si>
    <t>【吉福】冷缩三芯终端\3*35-50mm2,0.6/1kV</t>
  </si>
  <si>
    <t>【吉福】冷缩三芯终端\3*70-120mm2,0.6/1kV</t>
  </si>
  <si>
    <t>【吉福】冷缩三芯终端\3*150-240mm2,0.6/1kV</t>
  </si>
  <si>
    <t>【吉福】冷缩三芯终端\3*300-400mm2,0.6/1kV</t>
  </si>
  <si>
    <t>【吉福】冷缩四芯终端\4*10-25mm2,0.6/1kV</t>
  </si>
  <si>
    <t>【吉福】冷缩四芯终端\4*35-50mm2,0.6/1kV</t>
  </si>
  <si>
    <t>【吉福】冷缩四芯终端\4*70-120mm2,0.6/1kV</t>
  </si>
  <si>
    <t>【吉福】冷缩四芯终端\4*150-240mm2,0.6/1kV</t>
  </si>
  <si>
    <t>【吉福】冷缩四芯终端\4*300-400mm2,0.6/1kV</t>
  </si>
  <si>
    <t>【吉福】冷缩五芯终端\5*10-25mm2,0.6/1kV</t>
  </si>
  <si>
    <t>【吉福】冷缩五芯终端\5*35-50mm2,0.6/1kV</t>
  </si>
  <si>
    <t>【吉福】冷缩五芯终端\5*70-120mm2,0.6/1kV</t>
  </si>
  <si>
    <t>【吉福】冷缩五芯终端\5*150-240mm2,0.6/1kV</t>
  </si>
  <si>
    <t>【吉福】冷缩五芯终端\5*300-400mm2,0.6/1kV</t>
  </si>
  <si>
    <t>【吉福】冷缩单芯中间接头\1*10-25mm2,0.6/1kV</t>
  </si>
  <si>
    <t>【吉福】冷缩单芯中间接头\1*35-50mm2,0.6/1kV</t>
  </si>
  <si>
    <t>【吉福】冷缩单芯中间接头\1*70-120mm2,0.6/1kV</t>
  </si>
  <si>
    <t>【吉福】冷缩单芯中间接头\1*150-240mm2,0.6/1kV</t>
  </si>
  <si>
    <t>【吉福】冷缩单芯中间接头\1*300-400mm2,0.6/1kV</t>
  </si>
  <si>
    <t>【吉福】冷缩二芯中间接头\2*10-25mm2,0.6/1kV</t>
  </si>
  <si>
    <t>【吉福】冷缩二芯中间接头\2*35-50mm2,0.6/1kV</t>
  </si>
  <si>
    <t>【吉福】冷缩二芯中间接头\2*70-120mm2,0.6/1kV</t>
  </si>
  <si>
    <t>【吉福】冷缩二芯中间接头\2*150-240mm2,0.6/1kV</t>
  </si>
  <si>
    <t>【吉福】冷缩二芯中间接头\2*300-400mm2,0.6/1kV</t>
  </si>
  <si>
    <t>【吉福】冷缩三芯中间接头\3*10-25mm2,0.6/1kV</t>
  </si>
  <si>
    <t>【吉福】冷缩三芯中间接头\3*3*35-50mm2,0.6/1kV</t>
  </si>
  <si>
    <t>【吉福】冷缩三芯中间接头\3*3*70-120mm2,0.6/1kV</t>
  </si>
  <si>
    <t>【吉福】冷缩三芯中间接头\3*150-240mm2,0.6/1kV</t>
  </si>
  <si>
    <t>【吉福】冷缩三芯中间接头\3*300-400mm2,0.6/1kV</t>
  </si>
  <si>
    <t>【吉福】冷缩四芯中间接头\4*10-25mm2,0.6/1kV</t>
  </si>
  <si>
    <t>【吉福】冷缩四芯中间接头\4*35-50mm2,0.6/1kV</t>
  </si>
  <si>
    <t>【吉福】冷缩四芯中间接头\4*70-120mm2,0.6/1kV</t>
  </si>
  <si>
    <t>【吉福】冷缩四芯中间接头\4*150-240mm2,0.6/1kV</t>
  </si>
  <si>
    <t>【吉福】冷缩四芯中间接头\4*300-400mm2,0.6/1kV</t>
  </si>
  <si>
    <t>【吉福】冷缩五芯中间接头\5*10-25mm2,0.6/1kV</t>
  </si>
  <si>
    <t>【吉福】冷缩五芯中间接头\5*35-50mm2,0.6/1kV</t>
  </si>
  <si>
    <t>【吉福】冷缩五芯中间接头\5*70-120mm2,0.6/1kV</t>
  </si>
  <si>
    <t>【吉福】冷缩五芯中间接头\5*150-240mm2,0.6/1kV</t>
  </si>
  <si>
    <t>【吉福】冷缩五芯中间接头\5*300-400mm2,0.6/1kV</t>
  </si>
  <si>
    <t>【吉福】欧式T型后插头\1*120mm2,26/35kV</t>
  </si>
  <si>
    <t>【吉福】欧式T型后插头\1*150mm2,26/35kV</t>
  </si>
  <si>
    <t>【吉福】欧式T型后插头\1*185mm2,26/35kV</t>
  </si>
  <si>
    <t>【吉福】欧式T型后插头\1*240mm2,26/35kV</t>
  </si>
  <si>
    <t>【吉福】欧式T型后插头\1*300mm2,26/35kV</t>
  </si>
  <si>
    <t>【吉福】欧式T型后插头\1*400mm2,26/35kV</t>
  </si>
  <si>
    <t>【吉福】欧式T型后插头\1*50mm2,26/35kV</t>
  </si>
  <si>
    <t>【吉福】欧式T型后插头\1*500mm2,26/35kV</t>
  </si>
  <si>
    <t>【吉福】欧式T型后插头\1*70mm2,26/35kV</t>
  </si>
  <si>
    <t>【吉福】欧式T型后插头\1*95mm2,26/35kV</t>
  </si>
  <si>
    <t>【吉福】欧式T型前插头\1*120mm2,26/35kV</t>
  </si>
  <si>
    <t>【吉福】欧式T型前插头\1*150mm2,26/35kV</t>
  </si>
  <si>
    <t>【吉福】欧式T型前插头\1*185mm2,26/35kV</t>
  </si>
  <si>
    <t>【吉福】欧式T型前插头\1*240mm2,26/35kV</t>
  </si>
  <si>
    <t>【吉福】欧式T型前插头\1*300mm2,26/35kV</t>
  </si>
  <si>
    <t>【吉福】欧式T型前插头\1*400mm2,26/35kV</t>
  </si>
  <si>
    <t>【吉福】欧式T型前插头\1*50mm2,26/35kV</t>
  </si>
  <si>
    <t>【吉福】欧式T型前插头\1*500mm2,26/35kV</t>
  </si>
  <si>
    <t>【吉福】欧式T型前插头\1*70mm2,26/35kV</t>
  </si>
  <si>
    <t>【吉福】欧式T型前插头\1*95mm2,26/35kV</t>
  </si>
  <si>
    <t>【吉福】T型后插式避雷器\51/134-600A\51kV,10kA,10kA</t>
  </si>
  <si>
    <t>【长缆电工】冷缩三芯中间接头\3*50-95mm2,26/35kV</t>
  </si>
  <si>
    <t>长缆电工科技股份有限公司</t>
  </si>
  <si>
    <t>长缆电工</t>
  </si>
  <si>
    <t>WZSCCG-2020-BJ-1085</t>
  </si>
  <si>
    <t>2020年度集团级电缆附件I标段长协采购</t>
  </si>
  <si>
    <t>【长缆电工】冷缩三芯中间接头\3*120-240mm2,26/35kV</t>
  </si>
  <si>
    <t>【长缆电工】冷缩三芯中间接头\3*300-400mm2,26/35kV</t>
  </si>
  <si>
    <t>【长缆电工】冷缩三芯中间接头\3*500-630mm2,26/35kV</t>
  </si>
  <si>
    <t>【长缆电工】冷缩三芯户内终端\3*50-95mm2,26/35kV</t>
  </si>
  <si>
    <t>【长缆电工】冷缩三芯户内终端\3*120-240mm2,26/35kV</t>
  </si>
  <si>
    <t>【长缆电工】冷缩三芯户内终端\3*300-400mm2,26/35kV</t>
  </si>
  <si>
    <t>【长缆电工】冷缩三芯户内终端\3*500-630mm2,26/35kV</t>
  </si>
  <si>
    <t>【长缆电工】冷缩三芯户外终端\3*50-95mm2,26/35kV</t>
  </si>
  <si>
    <t>【长缆电工】冷缩三芯户外终端\3*120-240mm2,26/35kV</t>
  </si>
  <si>
    <t>【长缆电工】冷缩三芯户外终端\3*300-400mm2,26/35kV</t>
  </si>
  <si>
    <t>【长缆电工】冷缩三芯户外终端\3*500-630mm2,26/35kV</t>
  </si>
  <si>
    <t>【长缆电工】冷缩单芯中间接头\1*50-95mm2,26/35kV</t>
  </si>
  <si>
    <t>【长缆电工】冷缩单芯中间接头\1*1*120-240mm2,26/35kV</t>
  </si>
  <si>
    <t>【长缆电工】冷缩单芯中间接头\1*300-400mm2,26/35kV</t>
  </si>
  <si>
    <t>【长缆电工】冷缩单芯中间接头\1*500-630mm2,26/35kV</t>
  </si>
  <si>
    <t>【长缆电工】冷缩单芯户内终端\1*50-95mm2,26/35kV</t>
  </si>
  <si>
    <t>【长缆电工】冷缩单芯户内终端\1*120-240mm2,26/35kV</t>
  </si>
  <si>
    <t>【长缆电工】冷缩单芯户内终端\1*300-400mm2,26/35kV</t>
  </si>
  <si>
    <t>【长缆电工】冷缩单芯户内终端\1*500-630mm2,26/35kV</t>
  </si>
  <si>
    <t>【长缆电工】冷缩单芯户外终端\1*1*50-95mm2,26/35kV</t>
  </si>
  <si>
    <t>【长缆电工】冷缩单芯户外终端\1*120-240mm2,26/35kV</t>
  </si>
  <si>
    <t>【长缆电工】冷缩单芯户外终端\1*300-400mm2,26/35kV</t>
  </si>
  <si>
    <t>【长缆电工】冷缩单芯户外终端\1*500-630mm2,26/35kV</t>
  </si>
  <si>
    <t>【长缆电工】冷缩三芯中间接头\3*25-50mm2,8.7/15kV</t>
  </si>
  <si>
    <t>【长缆电工】冷缩三芯中间接头\3*70-120mm2,8.7/15kV</t>
  </si>
  <si>
    <t>【长缆电工】冷缩三芯中间接头\3*150-240mm2,8.7/15kV</t>
  </si>
  <si>
    <t>【长缆电工】冷缩三芯中间接头\3*300-400mm2,8.7/15kV</t>
  </si>
  <si>
    <t>【长缆电工】冷缩三芯中间接头\3*500-630mm2,8.7/15kV</t>
  </si>
  <si>
    <t>【长缆电工】冷缩三芯户内终端\3*3*3*25-50mm2,8.7/15kV</t>
  </si>
  <si>
    <t>【长缆电工】冷缩三芯户内终端\3*70-120mm2,8.7/15kV</t>
  </si>
  <si>
    <t>【长缆电工】冷缩三芯户内终端\3*150-240mm2,8.7/15kV</t>
  </si>
  <si>
    <t>【长缆电工】冷缩三芯户内终端\3*300-400mm2,8.7/15kV</t>
  </si>
  <si>
    <t>【长缆电工】冷缩三芯户内终端\3*500-630mm2,8.7/15kV</t>
  </si>
  <si>
    <t>【长缆电工】冷缩三芯户外终端\3*25-50mm2,8.7/15kV</t>
  </si>
  <si>
    <t>【长缆电工】冷缩三芯户外终端\3*70-120mm2,8.7/15kV</t>
  </si>
  <si>
    <t>【长缆电工】冷缩三芯户外终端\3*150-240mm2,8.7/15kV</t>
  </si>
  <si>
    <t>【长缆电工】冷缩三芯户外终端\3*300-400mm2,8.7/15kV</t>
  </si>
  <si>
    <t>【长缆电工】冷缩三芯户外终端\3*500-630mm2,8.7/15kV</t>
  </si>
  <si>
    <t>【长缆电工】冷缩单芯中间接头\1*25-50mm2,8.7/15kV</t>
  </si>
  <si>
    <t>【长缆电工】冷缩单芯中间接头\1*70-120mm2,8.7/15kV</t>
  </si>
  <si>
    <t>【长缆电工】冷缩单芯中间接头\1*150-240mm2,8.7/15kV</t>
  </si>
  <si>
    <t>【长缆电工】冷缩单芯中间接头\1*300-400mm2,8.7/15kV</t>
  </si>
  <si>
    <t>【长缆电工】冷缩单芯中间接头\1*500mm2,8.7/15kV</t>
  </si>
  <si>
    <t>【长缆电工】冷缩单芯户内终端\1*25-50mm2,8.7/15kV</t>
  </si>
  <si>
    <t>【长缆电工】冷缩单芯户内终端\1*70-120mm2,8.7/15kV</t>
  </si>
  <si>
    <t>【长缆电工】冷缩单芯户内终端\1*150-240mm2,8.7/15kV</t>
  </si>
  <si>
    <t>【长缆电工】冷缩单芯户内终端\1*300-400mm2,8.7/15kV</t>
  </si>
  <si>
    <t>【长缆电工】冷缩单芯户内终端\1*500-630mm2,8.7/15kV</t>
  </si>
  <si>
    <t>【长缆电工】冷缩单芯户外终端\1*25-50mm2,8.7/15kV</t>
  </si>
  <si>
    <t>【长缆电工】冷缩单芯户外终端\1*70-120mm2,8.7/15kV</t>
  </si>
  <si>
    <t>【长缆电工】冷缩单芯户外终端\1*150-240mm2,8.7/15kV</t>
  </si>
  <si>
    <t>【长缆电工】冷缩单芯户外终端\1*300-400mm2,8.7/15kV</t>
  </si>
  <si>
    <t>【长缆电工】冷缩单芯户外终端\1*500-630mm2,8.7/15kV</t>
  </si>
  <si>
    <t>【长缆电工】冷缩单芯终端\1*10-25mm2,0.6/1kV</t>
  </si>
  <si>
    <t>【长缆电工】冷缩单芯终端\1*35-50mm2,0.6/1kV</t>
  </si>
  <si>
    <t>【长缆电工】冷缩单芯终端\1*70-120mm2,0.6/1kV</t>
  </si>
  <si>
    <t>【长缆电工】冷缩单芯终端\1*150-240mm2,0.6/1kV</t>
  </si>
  <si>
    <t>【长缆电工】冷缩单芯终端\1*300-400mm2,0.6/1kV</t>
  </si>
  <si>
    <t>【长缆电工】冷缩二芯终端\2*10-25mm2,0.6/1kV</t>
  </si>
  <si>
    <t>【长缆电工】冷缩二芯终端\2*35-50mm2,0.6/1kV</t>
  </si>
  <si>
    <t>【长缆电工】冷缩二芯终端\2*70-120mm2,0.6/1kV</t>
  </si>
  <si>
    <t>【长缆电工】冷缩二芯终端\2*150-240mm2,0.6/1kV</t>
  </si>
  <si>
    <t>【长缆电工】冷缩二芯终端\2*300-400mm2,0.6/1kV</t>
  </si>
  <si>
    <t>【长缆电工】冷缩三芯终端\3*3*10-25mm2,0.6/1kV</t>
  </si>
  <si>
    <t>【长缆电工】冷缩三芯终端\3*35-50mm2,0.6/1kV</t>
  </si>
  <si>
    <t>【长缆电工】冷缩三芯终端\3*70-120mm2,0.6/1kV</t>
  </si>
  <si>
    <t>【长缆电工】冷缩三芯终端\3*150-240mm2,0.6/1kV</t>
  </si>
  <si>
    <t>【长缆电工】冷缩三芯终端\3*300-400mm2,0.6/1kV</t>
  </si>
  <si>
    <t>【长缆电工】冷缩四芯终端\4*10-25mm2,0.6/1kV</t>
  </si>
  <si>
    <t>【长缆电工】冷缩四芯终端\4*35-50mm2,0.6/1kV</t>
  </si>
  <si>
    <t>【长缆电工】冷缩四芯终端\4*70-120mm2,0.6/1kV</t>
  </si>
  <si>
    <t>【长缆电工】冷缩四芯终端\4*150-240mm2,0.6/1kV</t>
  </si>
  <si>
    <t>【长缆电工】冷缩四芯终端\4*300-400mm2,0.6/1kV</t>
  </si>
  <si>
    <t>【长缆电工】冷缩五芯终端\5*10-25mm2,0.6/1kV</t>
  </si>
  <si>
    <t>【长缆电工】冷缩五芯终端\5*35-50mm2,0.6/1kV</t>
  </si>
  <si>
    <t>【长缆电工】冷缩五芯终端\5*70-120mm2,0.6/1kV</t>
  </si>
  <si>
    <t>【长缆电工】冷缩五芯终端\5*150-240mm2,0.6/1kV</t>
  </si>
  <si>
    <t>【长缆电工】冷缩五芯终端\5*300-400mm2,0.6/1kV</t>
  </si>
  <si>
    <t>【长缆电工】冷缩单芯中间接头\1*10-25mm2,0.6/1kV</t>
  </si>
  <si>
    <t>【长缆电工】冷缩单芯中间接头\1*35-50mm2,0.6/1kV</t>
  </si>
  <si>
    <t>【长缆电工】冷缩单芯中间接头\1*70-120mm2,0.6/1kV</t>
  </si>
  <si>
    <t>【长缆电工】冷缩单芯中间接头\1*150-240mm2,0.6/1kV</t>
  </si>
  <si>
    <t>【长缆电工】冷缩单芯中间接头\1*300-400mm2,0.6/1kV</t>
  </si>
  <si>
    <t>【长缆电工】冷缩二芯中间接头\2*10-25mm2,0.6/1kV</t>
  </si>
  <si>
    <t>【长缆电工】冷缩二芯中间接头\2*35-50mm2,0.6/1kV</t>
  </si>
  <si>
    <t>【长缆电工】冷缩二芯中间接头\2*70-120mm2,0.6/1kV</t>
  </si>
  <si>
    <t>【长缆电工】冷缩二芯中间接头\2*150-240mm2,0.6/1kV</t>
  </si>
  <si>
    <t>【长缆电工】冷缩二芯中间接头\2*300-400mm2,0.6/1kV</t>
  </si>
  <si>
    <t>【长缆电工】冷缩三芯中间接头\3*10-25mm2,0.6/1kV</t>
  </si>
  <si>
    <t>【长缆电工】冷缩三芯中间接头\3*3*35-50mm2,0.6/1kV</t>
  </si>
  <si>
    <t>【长缆电工】冷缩三芯中间接头\3*3*70-120mm2,0.6/1kV</t>
  </si>
  <si>
    <t>【长缆电工】冷缩三芯中间接头\3*150-240mm2,0.6/1kV</t>
  </si>
  <si>
    <t>【长缆电工】冷缩三芯中间接头\3*300-400mm2,0.6/1kV</t>
  </si>
  <si>
    <t>【长缆电工】冷缩四芯中间接头\4*10-25mm2,0.6/1kV</t>
  </si>
  <si>
    <t>【长缆电工】冷缩四芯中间接头\4*35-50mm2,0.6/1kV</t>
  </si>
  <si>
    <t>【长缆电工】冷缩四芯中间接头\4*70-120mm2,0.6/1kV</t>
  </si>
  <si>
    <t>【长缆电工】冷缩四芯中间接头\4*150-240mm2,0.6/1kV</t>
  </si>
  <si>
    <t>【长缆电工】冷缩四芯中间接头\4*300-400mm2,0.6/1kV</t>
  </si>
  <si>
    <t>【长缆电工】冷缩五芯中间接头\5*10-25mm2,0.6/1kV</t>
  </si>
  <si>
    <t>【长缆电工】冷缩五芯中间接头\5*35-50mm2,0.6/1kV</t>
  </si>
  <si>
    <t>【长缆电工】冷缩五芯中间接头\5*70-120mm2,0.6/1kV</t>
  </si>
  <si>
    <t>【长缆电工】冷缩五芯中间接头\5*150-240mm2,0.6/1kV</t>
  </si>
  <si>
    <t>【长缆电工】冷缩五芯中间接头\5*300-400mm2,0.6/1kV</t>
  </si>
  <si>
    <t>【长缆电工】欧式T型后插头\1*120mm2,26/35kV</t>
  </si>
  <si>
    <t>【长缆电工】欧式T型后插头\1*150mm2,26/35kV</t>
  </si>
  <si>
    <t>【长缆电工】欧式T型后插头\1*185mm2,26/35kV</t>
  </si>
  <si>
    <t>【长缆电工】欧式T型后插头\1*240mm2,26/35kV</t>
  </si>
  <si>
    <t>【长缆电工】欧式T型后插头\1*300mm2,26/35kV</t>
  </si>
  <si>
    <t>【长缆电工】欧式T型后插头\1*400mm2,26/35kV</t>
  </si>
  <si>
    <t>【长缆电工】欧式T型后插头\1*50mm2,26/35kV</t>
  </si>
  <si>
    <t>【长缆电工】欧式T型后插头\1*500mm2,26/35kV</t>
  </si>
  <si>
    <t>【长缆电工】欧式T型后插头\1*70mm2,26/35kV</t>
  </si>
  <si>
    <t>【长缆电工】欧式T型后插头\1*95mm2,26/35kV</t>
  </si>
  <si>
    <t>【长缆电工】欧式T型前插头\1*120mm2,26/35kV</t>
  </si>
  <si>
    <t>【长缆电工】欧式T型前插头\1*150mm2,26/35kV</t>
  </si>
  <si>
    <t>【长缆电工】欧式T型前插头\1*185mm2,26/35kV</t>
  </si>
  <si>
    <t>【长缆电工】欧式T型前插头\1*240mm2,26/35kV</t>
  </si>
  <si>
    <t>【长缆电工】欧式T型前插头\1*300mm2,26/35kV</t>
  </si>
  <si>
    <t>【长缆电工】欧式T型前插头\1*400mm2,26/35kV</t>
  </si>
  <si>
    <t>【长缆电工】欧式T型前插头\1*50mm2,26/35kV</t>
  </si>
  <si>
    <t>【长缆电工】欧式T型前插头\1*500mm2,26/35kV</t>
  </si>
  <si>
    <t>【长缆电工】欧式T型前插头\1*70mm2,26/35kV</t>
  </si>
  <si>
    <t>【长缆电工】欧式T型前插头\1*95mm2,26/35kV</t>
  </si>
  <si>
    <t>【长缆电工】T型后插式避雷器\51/134-600A\51kV,10kA,10kA</t>
  </si>
  <si>
    <t>【丹禾】井下工作服</t>
  </si>
  <si>
    <t>江苏丹禾服饰有限公司</t>
  </si>
  <si>
    <t>丹禾</t>
  </si>
  <si>
    <t>WZSCCG-2020-BJ-2022</t>
  </si>
  <si>
    <t>国家能源e购商城丹禾工装长协采购铺货采购合同</t>
  </si>
  <si>
    <t>【丹禾】地面工作服夏装长袖</t>
  </si>
  <si>
    <t>【丹禾】地面工作服春秋装</t>
  </si>
  <si>
    <t>【丹禾】绒衣裤</t>
  </si>
  <si>
    <t>【丹禾】秋衣裤</t>
  </si>
  <si>
    <t>【丹禾】井下工作服(手肘、膝盖、臀部加厚)</t>
  </si>
  <si>
    <t>【蓝月亮】自然亮白洗衣液\3kg/桶</t>
  </si>
  <si>
    <t>蓝月亮（中国）有限公司</t>
  </si>
  <si>
    <t>蓝月亮</t>
  </si>
  <si>
    <t>WZSCCG-2020-BJ-2023</t>
  </si>
  <si>
    <t>国家能源e购商城 蓝月亮日用品长协采购铺货采购合同</t>
  </si>
  <si>
    <t>蓝月亮(中国)有限公司</t>
  </si>
  <si>
    <t>【蓝月亮】自然亮白洗衣液\2kg/桶</t>
  </si>
  <si>
    <t>【蓝月亮】自然亮白洗衣液\1kg/瓶</t>
  </si>
  <si>
    <t>【蓝月亮】自然亮白洗衣液\1000g/袋</t>
  </si>
  <si>
    <t>【蓝月亮】自然亮白洗衣液\500g/袋</t>
  </si>
  <si>
    <t>【蓝月亮】薰亮洁净洗衣液瓶\500g/瓶</t>
  </si>
  <si>
    <t>【蓝月亮】白兰手洗专用洗衣液瓶\1kg/瓶</t>
  </si>
  <si>
    <t>【蓝月亮】抑菌洗手液(瓶+袋补)\500g/组</t>
  </si>
  <si>
    <t>【蓝月亮】抑菌洗手液套装(瓶+瓶补)\500g*2/组</t>
  </si>
  <si>
    <t>【蓝月亮】野菊花洗手液(瓶+瓶补)\500g/组</t>
  </si>
  <si>
    <t>【蓝月亮】抑菌500g瓶+野菊花500g瓶\500g/组</t>
  </si>
  <si>
    <t>【蓝月亮】薰亮手洗专用洗衣液\500g/瓶</t>
  </si>
  <si>
    <t>【蓝月亮】白兰双用型洗衣液(盖)\500g/瓶</t>
  </si>
  <si>
    <t>【蓝月亮】衣物消毒液\3000g/瓶</t>
  </si>
  <si>
    <t>【蓝月亮】衣物消毒液\2000g/瓶</t>
  </si>
  <si>
    <t>【蓝月亮】衣物消毒液\1000g/瓶</t>
  </si>
  <si>
    <t>【蓝月亮】薰衣草/玉玲兰柔顺剂\3kg/瓶</t>
  </si>
  <si>
    <t>【蓝月亮】薰衣草柔顺剂\2kg/瓶</t>
  </si>
  <si>
    <t>【蓝月亮】84消毒液\1.2kg/瓶</t>
  </si>
  <si>
    <t>【蓝月亮】84消毒液\600g/瓶</t>
  </si>
  <si>
    <t>【蓝月亮】罗兰香氛洁厕液\500g/瓶</t>
  </si>
  <si>
    <t>【蓝月亮】抑菌洗手液\500g/瓶</t>
  </si>
  <si>
    <t>【蓝月亮】维e洗手液瓶\500g/瓶</t>
  </si>
  <si>
    <t>【蓝月亮】健康洗手液\5000g/桶</t>
  </si>
  <si>
    <t>【蓝月亮】蓝月亮3kg洁净薰+1kg洁净薰袋*2+500g手洗翻盖*2\1组/套</t>
  </si>
  <si>
    <t>【蓝月亮】蓝月亮2kg洁净薰+1kg洁净薰袋*2+500g手洗翻盖\1组/套</t>
  </si>
  <si>
    <t>【蓝月亮】蓝月亮2kg亮白薰+1kg亮白薰瓶+1kg亮白薰袋+500g手洗翻盖*2\1组/套</t>
  </si>
  <si>
    <t>【蓝月亮】蓝月亮2kg亮白薰+1kg亮白薰袋*2+500g手洗翻盖\1组/套</t>
  </si>
  <si>
    <t>【蓝月亮】蓝月亮薰衣草2kg亮白+蓝月亮薰衣草1k亮白+蓝月亮薰衣草1kg*2亮白袋装\1组/套</t>
  </si>
  <si>
    <t>【蓝月亮】衣物清洁护理小礼包(自然香洁净1kg*2+风清白兰预涂500g+百合清香宝宝洗衣液1kg+风清白兰预涂袋装500g*2)\1组/套</t>
  </si>
  <si>
    <t>【蓝月亮】蓝月亮薰衣草洁净洗衣液3kg*2+蓝月亮薰衣草洁净洗衣液1kg*2\1组/套</t>
  </si>
  <si>
    <t>【蓝月亮】机洗洗衣液小礼包(蓝月亮薰衣草亮白增艳洗衣液1kg瓶+蓝月亮薰衣草亮白增艳洗衣液袋装1kg*2)\1组/套</t>
  </si>
  <si>
    <t>【蓝月亮】经典洗衣液礼包(薰衣草亮白洗衣液2kg*1+薰衣草亮白洗衣液1kg*2+80g*1)\1组/套</t>
  </si>
  <si>
    <t>【蓝月亮】经典洗衣液礼包2(薰亮2kg×2+白兰手洗1kg+白兰手洗翻盖500g×1+白兰手洗80g×2)\1组/套</t>
  </si>
  <si>
    <t>【蓝月亮】蓝月亮3kg亮白薰+1kg亮白薰袋*2+500g手洗翻盖*2\1组/套</t>
  </si>
  <si>
    <t>【蓝月亮】蓝月亮2kg洁净薰+1kg洁净薰瓶+1kg洁净薰袋+500g手洗翻盖*2\1组/套</t>
  </si>
  <si>
    <t>【蓝月亮】蓝月亮深层洁净薰衣草1kg瓶装+1kg*2袋装\1组/套</t>
  </si>
  <si>
    <t>【蓝月亮】风清白兰手洗专用洗衣液1kg+风清白兰手洗专用洗衣液袋装1kg*2\1组/套</t>
  </si>
  <si>
    <t>【蓝月亮】蓝月亮薰衣草亮白增艳洗衣液袋装500g*12\1组/套</t>
  </si>
  <si>
    <t>【蓝月亮】(洗手液组合：芦荟洗手液500g×2+野菊花洗手液500g×2)×1\1组/套</t>
  </si>
  <si>
    <t>【蓝月亮】抑菌洗手液500g*2+抑菌洗手液瓶补500g*2\1组/套</t>
  </si>
  <si>
    <t>【蓝月亮】洗手液组合：芦荟洗手液500g*3+芦荟洗手液500g*3\1组/套</t>
  </si>
  <si>
    <t>【康寿】KN95折叠式防护口罩\13.5*13.5cm（带呼吸阀）\10只/件</t>
  </si>
  <si>
    <t>【康寿】一次性使用医用口罩(白色)\17.5*9.5cm【请按10的整倍数下单】结算单位：只</t>
  </si>
  <si>
    <t>【康寿】一次性使用医用口罩(蓝色)\17.5*9.5cm【请按10的整倍数下单】结算单位：只</t>
  </si>
  <si>
    <t>【康寿】一次性使用非医用口罩(蓝色)\17.5*9.5cm【请按10的整倍数下单】结算单位：只</t>
  </si>
  <si>
    <t>【康寿】KN95折叠式防护口罩\13.5*13.5cm【请按10的整倍数下单】结算单位：只</t>
  </si>
  <si>
    <t>【康寿】KN95折叠式防护口罩 (带呼吸阀)\13.5*13.5cm【请按10的整倍数下单】结算单位：只</t>
  </si>
  <si>
    <t>【力达】安全帽\通用\"V"字型(ABS,VZ)</t>
  </si>
  <si>
    <t>顶</t>
  </si>
  <si>
    <t>北京力达塑料制造有限公司</t>
  </si>
  <si>
    <t>力达</t>
  </si>
  <si>
    <t>WZSCCG-2020-BJ-2012</t>
  </si>
  <si>
    <t>国家能源e购商城安全帽长协采购铺货采购合同</t>
  </si>
  <si>
    <t>【力达】安全帽\通用\"V"字型(ABS烤漆, VXM)</t>
  </si>
  <si>
    <t>【力达】安全帽\通用\双筋（HA，SJ）</t>
  </si>
  <si>
    <t>【力达】安全帽\通用\双筋（ABS，SJ）</t>
  </si>
  <si>
    <t>【力达】安全帽\通用\小沿三筋（HA, XY）</t>
  </si>
  <si>
    <t>【力达】安全帽\通用\"V"字型(HA, VZ)</t>
  </si>
  <si>
    <t>【力达】玻璃钢安全帽\通用\玻璃钢V字(旋钮式,BLG)</t>
  </si>
  <si>
    <t>【力达】棉安全帽\通用\棉安全帽(人造毛\革面)</t>
  </si>
  <si>
    <t>【力达】安全帽\通用\一键式电力电报警帽(HA/ABS)</t>
  </si>
  <si>
    <t>【华制】复合多功能旷工袜Ⅰ型\24-26\棉/涤纶</t>
  </si>
  <si>
    <t>双</t>
  </si>
  <si>
    <t>吉林省东北袜业园织袜有限公司</t>
  </si>
  <si>
    <t>华制</t>
  </si>
  <si>
    <t>WZSCCG-2020-BJ-2010</t>
  </si>
  <si>
    <t>国家能源e购商城矿工袜长协采购铺货采购合同</t>
  </si>
  <si>
    <t>【华制】多功能抗菌防护男/女袜\均码\棉</t>
  </si>
  <si>
    <t>【力达】矿工安全帽\通用\一键式矿工帽（ABS, KGM）</t>
  </si>
  <si>
    <t>【华制】复合多功能旷工袜Ⅱ型\40-44\棉/涤纶</t>
  </si>
  <si>
    <t>【华制】复合多功能矿袜（脚底点胶）\40-44\棉/涤纶</t>
  </si>
  <si>
    <t>【力达】矿工安全帽\通用\一键式矿工帽（ABS烤漆,KGM）</t>
  </si>
  <si>
    <t>【力达】安全帽\通用\矿工玻璃钢帽</t>
  </si>
  <si>
    <t>【华中神源】碳纤维头盔(神华定制)</t>
  </si>
  <si>
    <t>北京华中神源物资有限公司</t>
  </si>
  <si>
    <t>华中神源</t>
  </si>
  <si>
    <t>WZSCCG-2020-BJ-2019</t>
  </si>
  <si>
    <t>国家能源e购商城华中神源劳保长协采购铺货合同</t>
  </si>
  <si>
    <t>【华中神源】多功能重型防砸鞋(神华定制)</t>
  </si>
  <si>
    <t>【华中神源】防坠落护腰带（神华定制）</t>
  </si>
  <si>
    <t>【华中神源】多功能护腰带（神华定制）</t>
  </si>
  <si>
    <t>【星圣】夏季长袖工作服(含上衣+裤子)</t>
  </si>
  <si>
    <t>四川省大川制衣有限责任公司</t>
  </si>
  <si>
    <t>星圣</t>
  </si>
  <si>
    <t>WZSCCG-2020-BJ-2017</t>
  </si>
  <si>
    <t>国家能源e购商城星圣工装长协采购铺货采购合同</t>
  </si>
  <si>
    <t>【星圣】春秋双层工作服(含上衣+裤子)</t>
  </si>
  <si>
    <t>【星圣】棉衣(含上衣+裤子)</t>
  </si>
  <si>
    <t>【星圣】长短袖衬衣</t>
  </si>
  <si>
    <t>【银莱】井下工作服</t>
  </si>
  <si>
    <t>武汉市银莱制衣有限公司</t>
  </si>
  <si>
    <t>银莱</t>
  </si>
  <si>
    <t>WZSCCG-2020-BJ-2020</t>
  </si>
  <si>
    <t>国家能源e购商城 银莱工装长协采购铺货采购合同</t>
  </si>
  <si>
    <t>【银莱】地面工作服春秋装</t>
  </si>
  <si>
    <t>【银莱】地面工作服夏装长袖</t>
  </si>
  <si>
    <t>【银莱】地面工作服夏装短袖</t>
  </si>
  <si>
    <t>【银莱】绒衣裤</t>
  </si>
  <si>
    <t>【银莱】秋衣裤</t>
  </si>
  <si>
    <t>【银莱】棉衣裤</t>
  </si>
  <si>
    <t>【银莱】防寒服(活套)</t>
  </si>
  <si>
    <t>【银莱】防护雨衣雨裤</t>
  </si>
  <si>
    <t>【银莱】皮围裙(配袖套)\皮围裙：91cm×58cm   袖套：长41cm</t>
  </si>
  <si>
    <t>【银莱】耐酸碱围裙\94cm×108cm</t>
  </si>
  <si>
    <t>【银莱】井下工作服(手肘、膝盖、臀部加厚)</t>
  </si>
  <si>
    <t>【红豆】成衣免烫长袖衬衫\38-43\100%棉</t>
  </si>
  <si>
    <t>江苏红豆实业股份有限公司</t>
  </si>
  <si>
    <t>红豆</t>
  </si>
  <si>
    <t>WZSCCG-2020-BJ-2013</t>
  </si>
  <si>
    <t>国家能源e购商城工装长协采购铺货采购合同</t>
  </si>
  <si>
    <t>【红豆】短袖衫\165-185\100%棉</t>
  </si>
  <si>
    <t>【红豆】短袖T恤\165-185\100%棉</t>
  </si>
  <si>
    <t>【红豆】衬衫\38-44\棉60% 聚酯纤维40%</t>
  </si>
  <si>
    <t>【红豆】衬衫\100%棉</t>
  </si>
  <si>
    <t>【红豆】夹克\聚酯纤维100%</t>
  </si>
  <si>
    <t>【红豆】裤子\聚酯纤维100%</t>
  </si>
  <si>
    <t>【红豆】裤子\聚酯纤维39.7% 再生纤维素纤维31% 棉26.1% 聚氨酯弹性纤维(氨纶)3.2%</t>
  </si>
  <si>
    <t>【红豆】裤子\棉99%氨纶1%</t>
  </si>
  <si>
    <t>【红豆】裤子\棉76%聚酯纤维23%氨纶1%</t>
  </si>
  <si>
    <t>【红豆】裤子\棉66%聚酯纤维32%氨纶2%</t>
  </si>
  <si>
    <t>【红豆】普通一次性防护服(非医用)\无纺布</t>
  </si>
  <si>
    <t>【红豆】井下工作服\100%棉(导电纱除外)</t>
  </si>
  <si>
    <t>【红豆】地面工作服(春秋)\T/C 65/35</t>
  </si>
  <si>
    <t>【红豆】地面工作服(夏装长袖)\100%棉</t>
  </si>
  <si>
    <t>【红豆】防护雨衣雨裤\防静电涤纶干发PU面料</t>
  </si>
  <si>
    <t>【红豆】耐酸碱围裙\100%涤纶</t>
  </si>
  <si>
    <t>【红豆】秋衣裤\100%棉</t>
  </si>
  <si>
    <t>【红豆】棉衣裤\全棉纱卡</t>
  </si>
  <si>
    <t>【红豆】可脱卸防寒服套装\T/C 75/25</t>
  </si>
  <si>
    <t>【方仕】衬衫\棉85%桑蚕丝15%</t>
  </si>
  <si>
    <t>北京方仕工贸有限公司</t>
  </si>
  <si>
    <t>方仕</t>
  </si>
  <si>
    <t>WZSCCG-2020-BJ-2014</t>
  </si>
  <si>
    <t>【方仕】衬衫\100%棉</t>
  </si>
  <si>
    <t>【方仕】裤子\69%聚酯纤维24%粘纤7%氨纶</t>
  </si>
  <si>
    <t>【方仕】裤子\聚酯纤维64% 莫代尔18% 粘纤14% 氨纶4%</t>
  </si>
  <si>
    <t>【方仕】夹克\M-XXXL\100%棉羊毛</t>
  </si>
  <si>
    <t>【世龙密封】基本型缠绕垫\φ105×88×3.2mm 304+石墨</t>
  </si>
  <si>
    <t>哈尔滨世龙密封材料有限公司</t>
  </si>
  <si>
    <t>世龙密封</t>
  </si>
  <si>
    <t>WZSCCG-2020-BJ-029</t>
  </si>
  <si>
    <t>垫片（榆林）铺货采购框架合同</t>
  </si>
  <si>
    <t>【世龙密封】八角垫片\DN150 PN26.0 0Cr18Ni9Ti SH3403</t>
  </si>
  <si>
    <t>【世龙密封】八角垫片\DN50 1500LB 304 HG T20633</t>
  </si>
  <si>
    <t>【世龙密封】内外环缠绕垫\1" 150LB 304+304+石墨+304 B16.20</t>
  </si>
  <si>
    <t>【世龙密封】内外环缠绕垫\1"300LB 304+304+石墨+304 ASME B16.20</t>
  </si>
  <si>
    <t>【世龙密封】内外环缠绕垫\1"600LB 304+304+石墨+304 ASME B16.20</t>
  </si>
  <si>
    <t>【世龙密封】内外环缠绕垫\1-1/2" 150LB 304+304+石墨+304 B16.20</t>
  </si>
  <si>
    <t>【世龙密封】内外环缠绕垫\1-1/2" 300LB 304+304+石墨+304 B16.20</t>
  </si>
  <si>
    <t>【世龙密封】内外环缠绕垫\1-1/2″ 300LB CRS+304+石墨+304 B16.20</t>
  </si>
  <si>
    <t>【世龙密封】内外环缠绕垫\1-1/2″ 600LB CRS+304+石墨+304 B16.20</t>
  </si>
  <si>
    <t>【世龙密封】缠绕垫\1/2″ 150LB 304+304+石墨+304 ASME B16.20</t>
  </si>
  <si>
    <t>【世龙密封】缠绕垫\1/2″ 600LB 304+304+石墨+304 ASME B16.20</t>
  </si>
  <si>
    <t>【世龙密封】缠绕垫\1/2″ 600LB CRS+304+石墨+304 ASME B16.20</t>
  </si>
  <si>
    <t>【世龙密封】内外缠绕垫\10"150LB 304+304+石墨+304 ASME B16.20</t>
  </si>
  <si>
    <t>【世龙密封】内外环缠绕垫\10″ 600LB 304+304+聚四氟乙烯+304 B16.20</t>
  </si>
  <si>
    <t>【世龙密封】内外环缠绕垫\14" 150LB 304+304+石墨+304 B16.20</t>
  </si>
  <si>
    <t>【世龙密封】内外环缠绕垫\14″ 600LB 304+304+聚四氟乙烯+304 B16.20</t>
  </si>
  <si>
    <t>【世龙密封】缠绕垫\18″ 150LB 304+304+石墨+304 ASME B16.20</t>
  </si>
  <si>
    <t>【世龙密封】缠绕垫\1″ 300LB CRS+304+石墨+304 ASME B16.20</t>
  </si>
  <si>
    <t>【世龙密封】缠绕垫\1″ 600LB CRS+304+石墨+304 ASME B16.20</t>
  </si>
  <si>
    <t>【世龙密封】内外环缠绕垫\2"150LB 304+304+石墨+304 ASME B16.20</t>
  </si>
  <si>
    <t>【世龙密封】内外环缠绕垫\2"300LB 304+304+石墨+304 ASME B16.20</t>
  </si>
  <si>
    <t>【世龙密封】内外环缠绕垫\2"600LB 304+304+石墨+304 ASME B16.20</t>
  </si>
  <si>
    <t>【世龙密封】内外环缠绕垫\2-1/2″ 150LB 304+304+石墨+304 B16.20</t>
  </si>
  <si>
    <t>【世龙密封】内外环缠绕垫\2-1/2″ 600LB 304+304+石墨+304 B16.20</t>
  </si>
  <si>
    <t>【世龙密封】缠绕垫\20″ 150LB 304+304+石墨+304 ASME B16.20</t>
  </si>
  <si>
    <t>【世龙密封】内外环缠绕垫\20″ 600LB 304+304+聚四氟乙烯+304 B16.20</t>
  </si>
  <si>
    <t>【世龙密封】缠绕垫\24″ 150LB 304+304+石墨+304 ASME B16.20</t>
  </si>
  <si>
    <t>【世龙密封】缠绕垫\28″ 300LB CRS+304+石墨+304 ASME B16.20</t>
  </si>
  <si>
    <t>【世龙密封】缠绕垫\2″ 300LB CRS+304+石墨+304 ASME B16.20</t>
  </si>
  <si>
    <t>【世龙密封】缠绕垫\2″ 600LB CRS+304+石墨+304 ASME B16.20</t>
  </si>
  <si>
    <t>【世龙密封】内外环缠绕垫\3"150LB 304+304+石墨+304 ASME B16.20</t>
  </si>
  <si>
    <t>【世龙密封】内外环缠绕垫\3"300LB 304+304+石墨+304 B16.20</t>
  </si>
  <si>
    <t>【世龙密封】内外环缠绕垫\3/4" 150LB 304+304+石墨+304 B16.20</t>
  </si>
  <si>
    <t>【世龙密封】内外环缠绕垫\3/4" 300LB 304+304+石墨+304 B16.20</t>
  </si>
  <si>
    <t>【世龙密封】内外环缠绕垫\3/4" 600LB 304+304+石墨+304 B16.20</t>
  </si>
  <si>
    <t>【世龙密封】缠绕垫\3/4″ 300LB CRS+304+石墨+304 ASME B16.20</t>
  </si>
  <si>
    <t>【世龙密封】缠绕垫\3/4″ 600LB CRS+304+石墨+304 ASME B16.20</t>
  </si>
  <si>
    <t>【世龙密封】缠绕垫\30″ 150LB 304+304+石墨+304 ASME B16.20</t>
  </si>
  <si>
    <t>【世龙密封】缠绕垫\36″ 150LB 304+304+石墨+304 ASME B16.20</t>
  </si>
  <si>
    <t>【世龙密封】缠绕垫\3″ 300LB CRS+304+石墨+304 ASME B16.20</t>
  </si>
  <si>
    <t>【世龙密封】缠绕垫\3″ 600LB CRS+304+石墨+304 ASME B16.20</t>
  </si>
  <si>
    <t>【世龙密封】内外环缠绕垫\4"150LB 304+304+石墨+304 ASME B16.20</t>
  </si>
  <si>
    <t>【世龙密封】内外环缠绕垫\4"300LB 304+304+石墨+304 ASME B16.20</t>
  </si>
  <si>
    <t>【世龙密封】缠绕垫\4″ 150LB CRS+304+石墨+304 ASME B16.20</t>
  </si>
  <si>
    <t>【世龙密封】缠绕垫\4″ 600LB CRS+304+石墨+304 ASME B16.20</t>
  </si>
  <si>
    <t>【世龙密封】内外环缠绕垫\5"150LB 304+304+石墨+304 ASME B16.20</t>
  </si>
  <si>
    <t>【世龙密封】缠绕垫\52″ 150LB 304+304+石墨+304 ASME B16.20</t>
  </si>
  <si>
    <t>【世龙密封】缠绕垫\5″ 600LB 304+304+石墨+304 ASME B16.20</t>
  </si>
  <si>
    <t>【世龙密封】内外环缠绕垫\6"150LB 304+304+石墨+304 ASME B16.20</t>
  </si>
  <si>
    <t>【世龙密封】内外环缠绕垫\6"600LB 304+304+石墨+304 ASME B16.20</t>
  </si>
  <si>
    <t>【世龙密封】缠绕垫\6″ 600LB CRS+304+石墨+304 ASME B16.20</t>
  </si>
  <si>
    <t>【世龙密封】内外环缠绕垫\8"150LB 304+304+石墨+304 ASME B16.20</t>
  </si>
  <si>
    <t>【世龙密封】内外环缠绕垫\8"300LB 304+304+石墨+304 ASME B16.20</t>
  </si>
  <si>
    <t>【世龙密封】缠绕垫\8″ 300LB CRS+304+石墨+304 ASME B16.20</t>
  </si>
  <si>
    <t>【世龙密封】缠绕垫\8″ 600LB CRS+304+石墨+304 ASME B16.20</t>
  </si>
  <si>
    <t>【世龙密封】内外环缠绕垫\DN100 PN10.0 D4222 SH3407</t>
  </si>
  <si>
    <t>【世龙密封】内外环缠绕垫\DN1000 150LB D2232 HG T20631</t>
  </si>
  <si>
    <t>【世龙密封】内外环缠绕垫\DN1000 PN50 304+304+石墨+304 SH3407</t>
  </si>
  <si>
    <t>【世龙密封】内外环缠绕垫\DN150 300LB D1222 HG T20631</t>
  </si>
  <si>
    <t>【世龙密封】内外环缠绕垫\DN150 PN10.0 D4222 SH3407</t>
  </si>
  <si>
    <t>【世龙密封】内外环缠绕垫\DN150 PN5.0 304+304+石墨+316L SH3407</t>
  </si>
  <si>
    <t>【世龙密封】内外环缠绕垫\DN1500 150LB D2232 HG T20631</t>
  </si>
  <si>
    <t>【世龙密封】内外环缠绕垫\DN20 PN10.0 304+304+石墨+316L SH3407</t>
  </si>
  <si>
    <t>【世龙密封】内外环缠绕垫\DN20 PN5.0 304+304+石墨+316L SH3407</t>
  </si>
  <si>
    <t>【世龙密封】内外环缠绕垫\DN200 PN10.0 D4222 SH3407</t>
  </si>
  <si>
    <t>【世龙密封】内外环缠绕垫\DN200 PN5.0 304+304+石墨+316L SH3407</t>
  </si>
  <si>
    <t>【世龙密封】内外环缠绕垫\DN25 PN10.0 304+304+石墨+316L SH3407</t>
  </si>
  <si>
    <t>【世龙密封】内外环缠绕垫\DN25 PN2.0 304+304+石墨+316L SH3407</t>
  </si>
  <si>
    <t>【世龙密封】内外环缠绕垫\DN25 PN5.0 304+304+石墨+316L SH3407</t>
  </si>
  <si>
    <t>【世龙密封】内外环缠绕垫\DN300 300LB D2232 HG T20631</t>
  </si>
  <si>
    <t>【世龙密封】内外环缠绕垫\DN350 150LB D2232 HG T20631</t>
  </si>
  <si>
    <t>【世龙密封】内外环缠绕垫\DN40 600LB D2232 HG T20631</t>
  </si>
  <si>
    <t>【世龙密封】内外环缠绕垫\DN40 PN2.0 304+304+石墨+316L SH3407</t>
  </si>
  <si>
    <t>【世龙密封】内外环缠绕垫\DN40 PN5.0 304+304+石墨+316L SH3407</t>
  </si>
  <si>
    <t>【世龙密封】内外环缠绕垫\DN450 150LB D2232 HG T20631</t>
  </si>
  <si>
    <t>【世龙密封】内外环缠绕垫\DN450 PN16 D1222 HG T20610</t>
  </si>
  <si>
    <t>【世龙密封】内外环缠绕垫\DN450 PN2.5 D2224 HG20610</t>
  </si>
  <si>
    <t>【世龙密封】内外环缠绕垫\DN450 PN5.0 304+304+石墨+304 SH3407</t>
  </si>
  <si>
    <t>【世龙密封】内外环缠绕垫\DN50 600LB D2232 HG T20631</t>
  </si>
  <si>
    <t>【世龙密封】内外环缠绕垫\DN50 PN2.0 304+304+石墨+316L SH3407</t>
  </si>
  <si>
    <t>【世龙密封】内外环缠绕垫\DN50 PN5.0 304+304+石墨+316L SH3407</t>
  </si>
  <si>
    <t>【世龙密封】内外环缠绕垫\DN500 150LB D2222 HG T20631</t>
  </si>
  <si>
    <t>【世龙密封】内外环缠绕垫\DN500 150LB D2232 HG T20631</t>
  </si>
  <si>
    <t>【世龙密封】内外环缠绕垫\DN500 PN1.6 D2222 HG20610</t>
  </si>
  <si>
    <t>【世龙密封】内外环缠绕垫\DN500 PN2.5 D1222 HG20610</t>
  </si>
  <si>
    <t>【世龙密封】内外环缠绕垫\DN500 PN25 D1222 HG T20610</t>
  </si>
  <si>
    <t>【世龙密封】内外环缠绕垫\DN500 PN25 D2222 HG T20610</t>
  </si>
  <si>
    <t>【世龙密封】内外环缠绕垫\DN500 PN40304+304+石墨+304 HG T20610</t>
  </si>
  <si>
    <t>【世龙密封】内外环缠绕垫\DN600 300LB D2222 HG T20631</t>
  </si>
  <si>
    <t>【世龙密封】内外环缠绕垫\DN600 PN1.6 D2222 HG20610</t>
  </si>
  <si>
    <t>【世龙密封】内外环缠绕垫\DN600 PN1.6 D1224 HG20610</t>
  </si>
  <si>
    <t>【世龙密封】内外环缠绕垫\DN600 PN2.5 D2222 HG20610</t>
  </si>
  <si>
    <t>【世龙密封】内外环缠绕垫\DN600 PN2.5 D1222 HG20610</t>
  </si>
  <si>
    <t>【世龙密封】内外环缠绕垫\DN600 PN2.5 D1221 HG20610</t>
  </si>
  <si>
    <t>【世龙密封】内外环缠绕垫\DN600 PN25 304+304+石墨+304 HG20610</t>
  </si>
  <si>
    <t>【世龙密封】内外环缠绕垫\DN600 PN4.0 D2222 HG20610</t>
  </si>
  <si>
    <t>【世龙密封】内外环缠绕垫\DN600 PN40 D2222 HG T20610</t>
  </si>
  <si>
    <t>【世龙密封】内外环缠绕垫\DN700 150LB D2222 HG T20631</t>
  </si>
  <si>
    <t>【世龙密封】内外环缠绕垫\DN700 150LB D2232 HG T20631</t>
  </si>
  <si>
    <t>【世龙密封】内外环缠绕垫\DN80 PN10.0 304+304+石墨+316L SH3407</t>
  </si>
  <si>
    <t>【世龙密封】内外环缠绕垫\DN900 150LB D2232 HG T20631</t>
  </si>
  <si>
    <t>【世龙密封】基本型缠绕垫\DN100 150LB 304+石墨 HG T20631</t>
  </si>
  <si>
    <t>【世龙密封】基本型缠绕垫\DN100 300LB 304+石墨 HG T20631</t>
  </si>
  <si>
    <t>【世龙密封】基本型缠绕垫\DN100 PN16 304+石墨 HG T20610</t>
  </si>
  <si>
    <t>【世龙密封】基本型缠绕垫\DN1000 150LB 304+石墨 HG T20631</t>
  </si>
  <si>
    <t>【世龙密封】基本型缠绕垫\DN125 600LB 304+石墨 HG T20631</t>
  </si>
  <si>
    <t>【世龙密封】基本型缠绕垫\DN15 300LB 304+石墨 HG T20631</t>
  </si>
  <si>
    <t>【世龙密封】基本型缠绕垫\DN150 150LB 304+石墨 HG T20631</t>
  </si>
  <si>
    <t>【世龙密封】基本型缠绕垫\DN150 300LB 304+石墨 HG T20631</t>
  </si>
  <si>
    <t>【世龙密封】基本型缠绕垫\DN150 600LB 304+石墨 HG T20631</t>
  </si>
  <si>
    <t>【世龙密封】基本型缠绕垫\DN150 PN16 304+石墨 HG T20610</t>
  </si>
  <si>
    <t>【世龙密封】基本型缠绕垫\DN150 PN25 304+石墨 HG T20610</t>
  </si>
  <si>
    <t>【世龙密封】基本型缠绕垫\DN20 150LB 304+石墨 HG T20631</t>
  </si>
  <si>
    <t>【世龙密封】基本型缠绕垫\DN20 300LB 304+石墨 HG T20631</t>
  </si>
  <si>
    <t>【世龙密封】基本型缠绕垫\DN20 PN25 304+石墨 HG T20610</t>
  </si>
  <si>
    <t>【世龙密封】基本型缠绕垫\DN200 150LB 304+石墨 HG T20631</t>
  </si>
  <si>
    <t>【世龙密封】基本型缠绕垫\DN200 300LB 304+石墨 HG T20631</t>
  </si>
  <si>
    <t>【世龙密封】基本型缠绕垫\DN200 600LB 304+石墨 HG T20631</t>
  </si>
  <si>
    <t>【世龙密封】基本型缠绕垫\DN200 PN16 304+石墨 HG T20610</t>
  </si>
  <si>
    <t>【世龙密封】基本型缠绕垫\DN200 PN25 304+石墨 HG T20610</t>
  </si>
  <si>
    <t>【世龙密封】基本型缠绕垫\DN25 1500LB 304+石墨 HG T20631</t>
  </si>
  <si>
    <t>【世龙密封】基本型缠绕垫\DN25 150LB 304+石墨 HG T20631</t>
  </si>
  <si>
    <t>【世龙密封】基本型缠绕垫\DN25 300LB 304+石墨 HG T20631</t>
  </si>
  <si>
    <t>【世龙密封】基本型缠绕垫\DN25 PN25 304+石墨 HG T20610</t>
  </si>
  <si>
    <t>【世龙密封】基本型缠绕垫\DN250 150LB 304+石墨 HG T20631</t>
  </si>
  <si>
    <t>【世龙密封】基本型缠绕垫\DN250 300LB 304+石墨 HG T20631</t>
  </si>
  <si>
    <t>【世龙密封】基本型缠绕垫\DN250 600LB 304+石墨 HG T20631</t>
  </si>
  <si>
    <t>【世龙密封】基本型缠绕垫\DN300 150LB 304+石墨 HG T20631</t>
  </si>
  <si>
    <t>【世龙密封】基本型缠绕垫\DN300 300LB 304+石墨 HG T20631</t>
  </si>
  <si>
    <t>【世龙密封】基本型缠绕垫\DN300 600LB 304+石墨 HG T20631</t>
  </si>
  <si>
    <t>【世龙密封】基本型缠绕垫\DN32 300LB 304+石墨 HG T20631</t>
  </si>
  <si>
    <t>【世龙密封】基本型缠绕垫\DN350 600LB 304+石墨 HG T20631</t>
  </si>
  <si>
    <t>【世龙密封】基本型缠绕垫\DN40 150LB 304+石墨 HG T20631</t>
  </si>
  <si>
    <t>【世龙密封】基本型缠绕垫\DN40 300LB 304+石墨 HG T20631</t>
  </si>
  <si>
    <t>【世龙密封】基本型缠绕垫\DN400 150LB 304+石墨 HG T20631</t>
  </si>
  <si>
    <t>【世龙密封】基本型缠绕垫\DN400 300LB 304+石墨 HG T20631</t>
  </si>
  <si>
    <t>【世龙密封】基本型缠绕垫\DN400 600LB 304+石墨 HG T20631</t>
  </si>
  <si>
    <t>【世龙密封】基本型缠绕垫\DN450 150LB 304+石墨 HG T20631</t>
  </si>
  <si>
    <t>【世龙密封】基本型缠绕垫\DN50 150LB 304+石墨 HG T20631</t>
  </si>
  <si>
    <t>【世龙密封】基本型缠绕垫\DN50 300LB 304+石墨 HG T20631</t>
  </si>
  <si>
    <t>【世龙密封】基本型缠绕垫\DN500 150LB 304+石墨 HG T20631</t>
  </si>
  <si>
    <t>【世龙密封】基本型缠绕垫\DN500 PN25 304+石墨 HG T20610</t>
  </si>
  <si>
    <t>【世龙密封】基本型缠绕垫\DN65 PN25 304+石墨 HG T20610</t>
  </si>
  <si>
    <t>【世龙密封】基本型缠绕垫\DN700 300LB 304+石墨 HG T20631</t>
  </si>
  <si>
    <t>【世龙密封】基本型缠绕垫\DN80 150LB 304+石墨 HG T20631</t>
  </si>
  <si>
    <t>【世龙密封】基本型缠绕垫\DN80 300LB 304+石墨 HG T20631</t>
  </si>
  <si>
    <t>【世龙密封】基本型缠绕垫\φ92.4×80.6×4.5mm 316+石墨</t>
  </si>
  <si>
    <t>【世龙密封】带内环缠绕垫\DN100 150LB 304+石墨+304 HG T20631</t>
  </si>
  <si>
    <t>【世龙密封】带内环缠绕垫\DN100 PN16 304+石墨+304 HG T20610</t>
  </si>
  <si>
    <t>【世龙密封】带内环缠绕垫\DN125 PN25 304+石墨+304 HG T20610</t>
  </si>
  <si>
    <t>【世龙密封】带内环缠绕垫\DN15 150LB 304+石墨+304 HG T20631</t>
  </si>
  <si>
    <t>【世龙密封】带内环缠绕垫\DN15 300LB 304+石墨+304 HG T20631</t>
  </si>
  <si>
    <t>【世龙密封】带内环缠绕垫\DN15 600LB 304+石墨+304 HG T20631</t>
  </si>
  <si>
    <t>【世龙密封】带内环缠绕垫\DN15 PN16 304+石墨+304 HG T20610</t>
  </si>
  <si>
    <t>【世龙密封】带内环缠绕垫\DN150 PN25 304+石墨+304 HG T20610</t>
  </si>
  <si>
    <t>【世龙密封】带内环缠绕垫\DN20 150LB 304+石墨+304 HG T20631</t>
  </si>
  <si>
    <t>【世龙密封】带内环缠绕垫\DN20 300LB 304+石墨+304 HG T20631</t>
  </si>
  <si>
    <t>【世龙密封】带内环缠绕垫\DN20 600LB 304+石墨+304 HG T20631</t>
  </si>
  <si>
    <t>【世龙密封】带内环缠绕垫\DN20 PN16 304+石墨+304 GB T4622</t>
  </si>
  <si>
    <t>【世龙密封】带内环缠绕垫\DN20 PN16 304+石墨+304 HG T20610</t>
  </si>
  <si>
    <t>【世龙密封】带内环缠绕垫\DN200 150LB 304+石墨+304 HG T20631</t>
  </si>
  <si>
    <t>【世龙密封】带内环缠绕垫\DN200 300LB 304+石墨+304 HG T20631</t>
  </si>
  <si>
    <t>【世龙密封】带内环缠绕垫\DN200 PN16 304+石墨+304 HG T20610</t>
  </si>
  <si>
    <t>【世龙密封】带内环缠绕垫\DN200 PN25 304+石墨+304 HG T20610</t>
  </si>
  <si>
    <t>【世龙密封】带内环缠绕垫\DN25 150LB 304+石墨+304 HG T20631</t>
  </si>
  <si>
    <t>【世龙密封】带内环缠绕垫\DN25 600LB 304+石墨+304 HG T20631</t>
  </si>
  <si>
    <t>【世龙密封】带内环缠绕垫\DN300 600LB 304+石墨+304 HG T20631</t>
  </si>
  <si>
    <t>【世龙密封】带内环缠绕垫\DN350 600LB 304+石墨+304 HG T20631</t>
  </si>
  <si>
    <t>【世龙密封】带内环缠绕垫\DN40 150LB 304+石墨+304 HG T20631</t>
  </si>
  <si>
    <t>【世龙密封】带内环缠绕垫\DN40 300LB 304+石墨+304 HG T20631</t>
  </si>
  <si>
    <t>【世龙密封】带内环缠绕垫\DN400 600LB 304+石墨+304 HG T20631</t>
  </si>
  <si>
    <t>【世龙密封】带内环缠绕垫\DN50 150LB 304+石墨+304 HG T20631</t>
  </si>
  <si>
    <t>【世龙密封】带内环缠绕垫\DN50 300LB 304+石墨+304 HG T20631</t>
  </si>
  <si>
    <t>【世龙密封】带内环缠绕垫\DN50 PN10.0 304+石墨+Q235A SH3407</t>
  </si>
  <si>
    <t>【世龙密封】带内环缠绕垫\DN500 600LB 304+石墨+304 HG T20631</t>
  </si>
  <si>
    <t>【世龙密封】带内环缠绕垫\DN600 600LB 304+石墨+304 HG T20631</t>
  </si>
  <si>
    <t>【世龙密封】带内环缠绕垫\DN65 PN16 304+石墨+304 HG T20610</t>
  </si>
  <si>
    <t>【世龙密封】带内环缠绕垫\DN65 PN25 304+石墨+304 HG T20610</t>
  </si>
  <si>
    <t>【世龙密封】带外环缠绕垫\10″ 300LB 304+304+石墨 ASME B16.20</t>
  </si>
  <si>
    <t>【世龙密封】带外环缠绕垫\12″ 300LB 304+304+石墨 ASME B16.20</t>
  </si>
  <si>
    <t>【世龙密封】带外环缠绕垫\14″ 300LB 304+304+石墨 ASME B16.20</t>
  </si>
  <si>
    <t>【世龙密封】带外环缠绕垫\18″ 300LB 304+304+石墨 ASME B16.20</t>
  </si>
  <si>
    <t>【世龙密封】带外环缠绕垫\6″ 300LB 304+304+石墨 ASME B16.20</t>
  </si>
  <si>
    <t>【世龙密封】带外环缠绕垫\6″ 600LB 304+304+石墨 ASME B16.20</t>
  </si>
  <si>
    <t>【世龙密封】带外环缠绕垫\8″ 300LB 304+304+石墨 ASME B16.20</t>
  </si>
  <si>
    <t>【世龙密封】带外环缠绕垫\DN100 150LB Q235A+304+石墨 HG T20631</t>
  </si>
  <si>
    <t>【世龙密封】带外环缠绕垫\DN100 300LB 304+304+石墨 HG T20631</t>
  </si>
  <si>
    <t>【世龙密封】带外环缠绕垫\DN100 300LB Q235A+304+石墨 HG T20631</t>
  </si>
  <si>
    <t>【世龙密封】带外环缠绕垫\DN15 150LB 304+304+石墨 HG T20631</t>
  </si>
  <si>
    <t>【世龙密封】带外环缠绕垫\DN15 150LB CRS+304+石墨 HG T20631</t>
  </si>
  <si>
    <t>【世龙密封】带外环缠绕垫\DN15 150LB Q235A+304+石墨 HG T20631</t>
  </si>
  <si>
    <t>【世龙密封】带外环缠绕垫\DN15 300LB 304+304+石墨 HG T20631</t>
  </si>
  <si>
    <t>【世龙密封】带外环缠绕垫\DN15 300LB Q235A+304+石墨 HG T20631</t>
  </si>
  <si>
    <t>【世龙密封】带外环缠绕垫\DN15 600LB 304+304+石墨 HG T20631</t>
  </si>
  <si>
    <t>【世龙密封】带外环缠绕垫\DN150 150LB Q235A+304+石墨 HG T20631</t>
  </si>
  <si>
    <t>【世龙密封】带外环缠绕垫\DN150 300LB Q235A+304+石墨 HG T20631</t>
  </si>
  <si>
    <t>【世龙密封】带外环缠绕垫\DN150 600LB C1220 HG T20631</t>
  </si>
  <si>
    <t>【世龙密封】带外环缠绕垫\DN20 150LB 304+304+石墨 HG T20631</t>
  </si>
  <si>
    <t>【世龙密封】带外环缠绕垫\DN20 150LB CRS+304+石墨 HG T20631</t>
  </si>
  <si>
    <t>【世龙密封】带外环缠绕垫\DN20 300LB 304+304+石墨 HG T20631</t>
  </si>
  <si>
    <t>【世龙密封】带外环缠绕垫\DN20 300LB Q235A+304+石墨 HG T20631</t>
  </si>
  <si>
    <t>【世龙密封】带外环缠绕垫\DN20 600LB 304+304+石墨 HG T20631</t>
  </si>
  <si>
    <t>【世龙密封】带外环缠绕垫\DN200 150LB 304+304+石墨 HG T20631</t>
  </si>
  <si>
    <t>【世龙密封】带外环缠绕垫\DN200 600LB 304+304+石墨 HG T20631</t>
  </si>
  <si>
    <t>【世龙密封】带外环缠绕垫\DN25 150LB 304+304+石墨 HG T20631</t>
  </si>
  <si>
    <t>【世龙密封】带外环缠绕垫\DN25 150LB CRS+304+石墨 HG T20631</t>
  </si>
  <si>
    <t>【世龙密封】带外环缠绕垫\DN25 150LB Q235A+304+石墨 HG T20631</t>
  </si>
  <si>
    <t>【世龙密封】带外环缠绕垫\DN25 300LB 304+304+石墨 HG T20631</t>
  </si>
  <si>
    <t>【世龙密封】带外环缠绕垫\DN25 300LB Q235A+304+石墨 HG T20631</t>
  </si>
  <si>
    <t>【世龙密封】带外环缠绕垫\DN25 600LB 304+304+石墨 HG T20631</t>
  </si>
  <si>
    <t>【世龙密封】带外环缠绕垫\DN250 150LB 304+304+石墨 HG T20631</t>
  </si>
  <si>
    <t>【世龙密封】带外环缠绕垫\DN300 150LB 304+304+石墨 HG T20631</t>
  </si>
  <si>
    <t>【世龙密封】带外环缠绕垫\DN300 300LB 304+304+石墨 HG T20631</t>
  </si>
  <si>
    <t>【世龙密封】带外环缠绕垫\DN350 150LB 304+304+石墨 HG T20631</t>
  </si>
  <si>
    <t>【世龙密封】带外环缠绕垫\DN40 150LB 304+304+石墨 HG T20631</t>
  </si>
  <si>
    <t>【世龙密封】带外环缠绕垫\DN40 150LB CRS+304+石墨 HG T20631</t>
  </si>
  <si>
    <t>【世龙密封】带外环缠绕垫\DN40 150LB Q235A+304+石墨 HG T20631</t>
  </si>
  <si>
    <t>【世龙密封】带外环缠绕垫\DN40 300LB Q235A+304+石墨 HG T20631</t>
  </si>
  <si>
    <t>【世龙密封】带外环缠绕垫\DN40 600LB 304+304+石墨 HG T20631</t>
  </si>
  <si>
    <t>【世龙密封】带外环缠绕垫\DN400 150LB 304+304+石墨 HG T20631</t>
  </si>
  <si>
    <t>【世龙密封】带外环缠绕垫\DN450 150LB 304+304+石墨 HG T20631</t>
  </si>
  <si>
    <t>【世龙密封】带外环缠绕垫\DN50 150LB 304+304+石墨 HG T20631</t>
  </si>
  <si>
    <t>【世龙密封】带外环缠绕垫\DN50 150LB Q235A+304+石墨 HG T20631</t>
  </si>
  <si>
    <t>【世龙密封】带外环缠绕垫\DN50 300LB 304+304+石墨 HG T20631</t>
  </si>
  <si>
    <t>【世龙密封】带外环缠绕垫\DN50 300LB Q235A+304+石墨 HG T20631</t>
  </si>
  <si>
    <t>【世龙密封】带外环缠绕垫\DN50 600LB 304+304+石墨 HG T20631</t>
  </si>
  <si>
    <t>【世龙密封】带外环缠绕垫\DN500 150LB 304+304+石墨 HG T20631</t>
  </si>
  <si>
    <t>【世龙密封】带外环缠绕垫\DN600 150LB 304+304+石墨 HG T20631</t>
  </si>
  <si>
    <t>【世龙密封】带外环缠绕垫\DN700 150LB 304+304+石墨 HG T20631</t>
  </si>
  <si>
    <t>【世龙密封】带外环缠绕垫\DN80 150LB 304+304+石墨 HG T20631</t>
  </si>
  <si>
    <t>【世龙密封】带外环缠绕垫\DN80 150LB Q235A+304+石墨 HG T20631</t>
  </si>
  <si>
    <t>【世龙密封】带外环缠绕垫\DN80 300LB 304+304+石墨 HG T20631</t>
  </si>
  <si>
    <t>【世龙密封】带外环缠绕垫\DN80 300LB Q235A+304+石墨 HG T20631</t>
  </si>
  <si>
    <t>【世龙密封】带外环缠绕垫\DN80 600LB 304+304+石墨 HG T20631</t>
  </si>
  <si>
    <t>【世龙密封】带外环缠绕垫\DN800 150LB 304+304+石墨 HG T20631</t>
  </si>
  <si>
    <t>【世龙密封】橡胶垫片\φ65×45×3mm 硅橡胶</t>
  </si>
  <si>
    <t>【世龙密封】石墨垫片\DN750 150LB RF 柔性石墨 HG T20627</t>
  </si>
  <si>
    <t>【世龙密封】石棉橡胶垫片\DN100 PN16 RF 石棉橡胶 HG T20606</t>
  </si>
  <si>
    <t>【世龙密封】紫铜垫\φ37×31×4mm 紫铜</t>
  </si>
  <si>
    <t>【世龙密封】聚四氟乙烯垫片\DN600 PN10 RF 聚四氟乙烯 HG T20606</t>
  </si>
  <si>
    <t>【世龙密封】基本型缠绕垫\φ85×67×3.2mm 304+石墨</t>
  </si>
  <si>
    <t>【世龙密封】内外环缠绕垫\DN50 PN16 D2222</t>
  </si>
  <si>
    <t>【世龙密封】基本型缠绕垫\φ315×290×4.5mm 304+石墨</t>
  </si>
  <si>
    <t>【世龙密封】基本型缠绕垫\DN125 PN16 304+石墨 HG20610</t>
  </si>
  <si>
    <t>【世龙密封】基本型缠绕垫\DN20 PN16 304+石墨 HG20610</t>
  </si>
  <si>
    <t>【世龙密封】基本型缠绕垫\DN250 PN16 304+石墨 HG20610</t>
  </si>
  <si>
    <t>【世龙密封】基本型缠绕垫\DN32 PN16 304+石墨 HG20610</t>
  </si>
  <si>
    <t>【世龙密封】基本型缠绕垫\DN40 PN16 304+石墨 HG20610</t>
  </si>
  <si>
    <t>【世龙密封】基本型缠绕垫\DN400 PN16 304+石墨 HG20610</t>
  </si>
  <si>
    <t>【世龙密封】基本型缠绕垫\DN50 PN16 304+石墨 HG20610</t>
  </si>
  <si>
    <t>【世龙密封】基本型缠绕垫\DN500 PN16 304+石墨 HG20610</t>
  </si>
  <si>
    <t>【世龙密封】基本型缠绕垫\DN65 PN16 304+石墨 HG20610</t>
  </si>
  <si>
    <t>【世龙密封】内外环缠绕垫\1/2" 300LB 304+304+石墨+304</t>
  </si>
  <si>
    <t>【世龙密封】基本型缠绕垫\DN25 PN16 304+石墨 HG T20610</t>
  </si>
  <si>
    <t>【世龙密封】带内环缠绕垫\DN400 300LB 304+304+石墨 SH3407</t>
  </si>
  <si>
    <t>【世龙密封】紫铜垫\φ18×8×2mm 退火紫铜</t>
  </si>
  <si>
    <t>【世龙密封】内外环缠绕垫\1-1/2" 600LB 304+304+石墨+304</t>
  </si>
  <si>
    <t>【世龙密封】内外环缠绕垫\10" 300LB 304+304+石墨+304</t>
  </si>
  <si>
    <t>【世龙密封】内外环缠绕垫\12" 300LB 304+304+石墨+304</t>
  </si>
  <si>
    <t>【世龙密封】内外环缠绕垫\12" 600LB 304+304+石墨+304</t>
  </si>
  <si>
    <t>【世龙密封】内外环缠绕垫\14" 300LB 304+304+石墨+304</t>
  </si>
  <si>
    <t>【世龙密封】内外环缠绕垫\16" 300LB 304+304+石墨+304</t>
  </si>
  <si>
    <t>【世龙密封】内外环缠绕垫\18" 300LB 304+304+石墨+304</t>
  </si>
  <si>
    <t>【世龙密封】内外环缠绕垫\20" 300LB 304+304+石墨+304</t>
  </si>
  <si>
    <t>【世龙密封】内外环缠绕垫\3" 600LB 304+304+石墨+304</t>
  </si>
  <si>
    <t>【世龙密封】内外环缠绕垫\4" 600LB 304+304+石墨+304</t>
  </si>
  <si>
    <t>【世龙密封】内外环缠绕垫\42" 150LB 304+304+石墨+304</t>
  </si>
  <si>
    <t>【世龙密封】内外环缠绕垫\10" 600LB 304+304+石墨+304</t>
  </si>
  <si>
    <t>【世龙密封】基本型缠绕垫\φ190×163×3.2mm 304+石墨</t>
  </si>
  <si>
    <t>【世龙密封】八角垫片\DN15 2500LB 10# HG T20633</t>
  </si>
  <si>
    <t>【世龙密封】基本型缠绕垫\DN125 PN25 304+石墨 HG T20610</t>
  </si>
  <si>
    <t>【世龙密封】基本型缠绕垫\DN400 PN25 304+石墨 HG T20610</t>
  </si>
  <si>
    <t>【世龙密封】内外环缠绕垫\6" 300LB 304+304+石墨+304 ASME16.20</t>
  </si>
  <si>
    <t>【世龙密封】带内环缠绕垫\DN15 PN25 304+石墨+304 HG T20610</t>
  </si>
  <si>
    <t>【世龙密封】内外环缠绕垫\DN250 PN2.5 304+石墨+304 HG20631</t>
  </si>
  <si>
    <t>【世龙密封】内外环缠绕垫\32" 150LB D2222 ASME B16.20</t>
  </si>
  <si>
    <t>【世龙密封】内外环缠绕垫\24" 300LB 304+304+石墨+304</t>
  </si>
  <si>
    <t>【世龙密封】基本型缠绕垫\φ520×425×3mm 316L+石墨</t>
  </si>
  <si>
    <t>【世龙密封】带内环缠绕垫\14″ 150LB 304+石墨+304 ASME B16.20</t>
  </si>
  <si>
    <t>【世龙密封】带内环缠绕垫\10" 150LB 304+石墨+304 ASME B16.20</t>
  </si>
  <si>
    <t>【世龙密封】内外环缠绕垫\36″ 300LB 304+304+石墨+304</t>
  </si>
  <si>
    <t>【世龙密封】带外环缠绕垫\24" 300LB 304+304+石墨 ASME B16.20</t>
  </si>
  <si>
    <t>【世龙密封】基本型缠绕垫\φ70×57×3.2mm 304+石墨</t>
  </si>
  <si>
    <t>【世龙密封】内外环缠绕垫\8" 600LB CS+304+PTFE+304</t>
  </si>
  <si>
    <t>【世龙密封】内外环缠绕垫\6" 600LB CS+304+PTFE+304</t>
  </si>
  <si>
    <t>【世龙密封】内外环缠绕垫\10" 600LB CS+304+PTFE+304</t>
  </si>
  <si>
    <t>【世龙密封】八角垫片\DN25 1500LB 10# HG20633</t>
  </si>
  <si>
    <t>【世龙密封】八角垫片\DN50 1500LB 10# HG20633</t>
  </si>
  <si>
    <t>【世龙密封】内外环缠绕垫\DN25 600LB 304+304+聚四氟乙烯+304</t>
  </si>
  <si>
    <t>【世龙密封】内外环缠绕垫\DN150 600LB 304+304+聚四氟乙烯+304</t>
  </si>
  <si>
    <t>【世龙密封】内外环缠绕垫\DN200 600LB 304+304+聚四氟乙烯+304</t>
  </si>
  <si>
    <t>【世龙密封】内外环缠绕垫\DN100 600LB 304+304+聚四氟乙烯+304</t>
  </si>
  <si>
    <t>【世龙密封】内外环缠绕垫\DN15 600LB Q235A+304+石墨+304</t>
  </si>
  <si>
    <t>【世龙密封】带外环缠绕垫\DN40 300LB 304+304+石墨 HG20631</t>
  </si>
  <si>
    <t>【世龙密封】内外环缠绕垫\28" 150LB 304+304+石墨+304</t>
  </si>
  <si>
    <t>【世龙密封】内外环缠绕垫\8" 600LB 304+304+石墨+304</t>
  </si>
  <si>
    <t>【世龙密封】内外环缠绕垫\18" 600LB 304+304+石墨+304</t>
  </si>
  <si>
    <t>【世龙密封】带外环缠绕垫\4" 150LB 304+304+石墨 ASME B16.20</t>
  </si>
  <si>
    <t>【世龙密封】带外环缠绕垫\DN20 150LB Q235A+304+石墨 HG20631</t>
  </si>
  <si>
    <t>【世龙密封】带内环缠绕垫\DN400 150LB 304+石墨+Q235A HG20631</t>
  </si>
  <si>
    <t>【世龙密封】带外环缠绕垫\DN15 600LB Q235A+304+石墨 HG20631</t>
  </si>
  <si>
    <t>【世龙密封】带外环缠绕垫\DN20 600LB Q235A+304+石墨 HG20631</t>
  </si>
  <si>
    <t>【世龙密封】带外环缠绕垫\DN50 600LB Q235A+304+石墨 HG20631</t>
  </si>
  <si>
    <t>【世龙密封】带外环缠绕垫\DN80 600LB Q235A+304+石墨 HG20631</t>
  </si>
  <si>
    <t>【世龙密封】带外环缠绕垫\DN150 150LB 304+304+石墨 HG20631</t>
  </si>
  <si>
    <t>【世龙密封】内外环缠绕垫\12" 150LB 304+304+石墨+304</t>
  </si>
  <si>
    <t>【世龙密封】内外环缠绕垫\16" 150LB 304+304+石墨+304</t>
  </si>
  <si>
    <t>【世龙密封】内外环缠绕垫\DN900 300LB 304+304+石墨+321</t>
  </si>
  <si>
    <t>【世龙密封】内外环缠绕垫\DN500 300LB 304+304+石墨+304</t>
  </si>
  <si>
    <t>【世龙密封】带内环缠绕垫\DN50 PN25 304+聚四氟乙烯+304 HG T20610</t>
  </si>
  <si>
    <t>【世龙密封】带内环缠绕垫\DN20 PN25 304+聚四氟乙烯+304 HG T20610</t>
  </si>
  <si>
    <t>【世龙密封】内外环缠绕垫\DN100 PN16 304+304+聚四氟乙烯+304</t>
  </si>
  <si>
    <t>【世龙密封】内外环缠绕垫\DN65 PN16 304+304+石墨 HG T20610</t>
  </si>
  <si>
    <t>【世龙密封】带内环缠绕垫\DN32 PN40 304+聚四氟乙烯+304 HG T20610</t>
  </si>
  <si>
    <t>【世龙密封】带外环缠绕垫\DN250 PN25 304+304+聚四氟乙烯 HG T20610</t>
  </si>
  <si>
    <t>【世龙密封】基本型缠绕垫\DN80 PN16 304+石墨 HG T20610</t>
  </si>
  <si>
    <t>【世龙密封】带内环缠绕垫\DN150 150LB 304+石墨+304 HG T20631</t>
  </si>
  <si>
    <t>【世龙密封】带内环缠绕垫\DN80 150LB 304+石墨+304 HG T20631</t>
  </si>
  <si>
    <t>【世龙密封】外头盖垫片\BCH-7-W-1800-2.5-4B-Ⅲ 污水气提塔底重沸器 国产</t>
  </si>
  <si>
    <t>【世龙密封】浮头垫片\BCH-7-F-1800-2.5-4B-Ⅲ 污水气提塔底重沸器 国产</t>
  </si>
  <si>
    <t>【世龙密封】管箱垫片\BCH-7-G-1800-2.5-4B-Ⅲ 污水气提塔底重沸器 国产</t>
  </si>
  <si>
    <t>【世龙密封】管箱侧垫片\BCH-7-C-1800-2.5-4B-Ⅲ 污水气提塔底重沸器 国产</t>
  </si>
  <si>
    <t>【世龙密封】带内环缠绕垫\DN350 300LB 304+石墨+304 HG T20631</t>
  </si>
  <si>
    <t>【世龙密封】内外环缠绕垫\8" 300LB 304+304+聚四氟乙烯+304 ASME</t>
  </si>
  <si>
    <t>【世龙密封】内外环缠绕垫\10" 150LB 304+304+聚四氟乙烯+304</t>
  </si>
  <si>
    <t>【世龙密封】内外环缠绕垫\4" 150LB 304+304+聚四氟乙烯+304</t>
  </si>
  <si>
    <t>【世龙密封】内外环缠绕垫\3" 150LB 304+304+聚四氟乙烯+304 B16.20</t>
  </si>
  <si>
    <t>【世龙密封】内外环缠绕垫\3/4" 150LB304+304+聚四氟乙烯+304 B16.20</t>
  </si>
  <si>
    <t>【世龙密封】内外环缠绕垫\3/4" 300LB 304+304+聚四氟+304 B16.20</t>
  </si>
  <si>
    <t>【世龙密封】内外环缠绕垫\1-1/2" 300LB 304+304+四氟+304 B16.20</t>
  </si>
  <si>
    <t>【世龙密封】内外环缠绕垫\1/2" 300LB 304+304+聚四氟+304 B16.20</t>
  </si>
  <si>
    <t>【世龙密封】内外环缠绕垫\1" 300LB 304+304+聚四氟乙烯+304 B16.20</t>
  </si>
  <si>
    <t>【世龙密封】内外环缠绕垫\10" 300LB 304+304+聚四氟乙烯+304 B16.20</t>
  </si>
  <si>
    <t>【世龙密封】内外环缠绕垫\8" 150LB 304+304+聚四氟乙烯+304 B16.20</t>
  </si>
  <si>
    <t>【世龙密封】内外环缠绕垫\6" 300LB 304+304+聚四氟乙烯+304 B16.20</t>
  </si>
  <si>
    <t>【世龙密封】内外环缠绕垫\6" 150LB 304+304+聚四氟乙烯+304 B16.20</t>
  </si>
  <si>
    <t>【世龙密封】内外环缠绕垫\1" 150LB 304+304+聚四氟乙烯+304 B16.20</t>
  </si>
  <si>
    <t>【世龙密封】内外环缠绕垫\1-1/2" 150LB 304+304+四氟+304 B16.20</t>
  </si>
  <si>
    <t>【世龙密封】内外环缠绕垫\2" 150LB 304+304+聚四氟乙烯+304 B16.20</t>
  </si>
  <si>
    <t>【世龙密封】带内环缠绕垫\DN100 300LB 304+石墨+304 HG T20631</t>
  </si>
  <si>
    <t>【世龙密封】内外环缠绕垫\2" 300LB 304+304+聚四氟乙烯+304 B16.20</t>
  </si>
  <si>
    <t>【世龙密封】内外环缠绕垫\4" 300LB 304+304+聚四氟乙烯+304 B16.20</t>
  </si>
  <si>
    <t>【世龙密封】内外环缠绕垫\30" 300LB 304+304+石墨+304 B16.20</t>
  </si>
  <si>
    <t>【世龙密封】内外环缠绕垫\42" 300LB 304+304+石墨+304 B16.20</t>
  </si>
  <si>
    <t>【世龙密封】带外环缠绕垫\DN500 300LB 304+304+石墨 HG T20631</t>
  </si>
  <si>
    <t>【世龙密封】基本型缠绕垫\φ60×47×3.2mm 304+石墨</t>
  </si>
  <si>
    <t>【世龙密封】基本型缠绕垫\φ70×60×5mm 304+石墨</t>
  </si>
  <si>
    <t>【世龙密封】内外环缠绕垫\DN200 PN16 Q235B+304+石墨+Q235B</t>
  </si>
  <si>
    <t>【世龙密封】内外环缠绕垫\DN250 PN16 Q235B+304+石墨+Q235B</t>
  </si>
  <si>
    <t>【世龙密封】内外环缠绕垫\DN150 PN16 Q235B+304+石墨+Q235B</t>
  </si>
  <si>
    <t>【世龙密封】内外环缠绕垫\DN125 PN16 Q235B+304+石墨+Q235B</t>
  </si>
  <si>
    <t>【世龙密封】内环缠绕垫\DN125 300LB 304+柔性石墨+304 HG T20631</t>
  </si>
  <si>
    <t>【世龙密封】内环缠绕垫\DN150 300LB 304+柔性石墨+304 HG T20631</t>
  </si>
  <si>
    <t>【世龙密封】八角垫片\DN15 1500LB 304 HG T20633</t>
  </si>
  <si>
    <t>【世龙密封】带内环缠绕垫\DN65 300LB 304+柔性石墨+304 HG T20631</t>
  </si>
  <si>
    <t>【世龙密封】带内环缠绕垫\DN32 300LB 304+柔性石墨+304 HG T20631</t>
  </si>
  <si>
    <t>【世龙密封】内外环缠绕垫\DN15 150LB D1222 HG T20631</t>
  </si>
  <si>
    <t>【世龙密封】内外环缠绕垫\DN250 300LB D1222 HG T20631</t>
  </si>
  <si>
    <t>【世龙密封】带内环缠绕垫\DN500 300LB D0232 HG T20631</t>
  </si>
  <si>
    <t>【世龙密封】内外环缠绕垫\DN200 300LB D1222 HG T20631</t>
  </si>
  <si>
    <t>【世龙密封】内外环缠绕垫\DN25 150LB D1222 HG T20631</t>
  </si>
  <si>
    <t>【世龙密封】内外环缠绕垫\DN125 300LB D1222 HG T20631</t>
  </si>
  <si>
    <t>【世龙密封】内外环缠绕垫\DN20 150LB D1222 HG T20631</t>
  </si>
  <si>
    <t>【世龙密封】内外环缠绕垫\DN50 150LB D1222 HG T20631</t>
  </si>
  <si>
    <t>【世龙密封】内外环缠绕垫\DN40 150LB D1222 HG T20631</t>
  </si>
  <si>
    <t>【世龙密封】内外环缠绕垫\DN400 150LB D1222 HG T20631</t>
  </si>
  <si>
    <t>【世龙密封】内外环缠绕垫\DN15 300LB D1222 HG T20631</t>
  </si>
  <si>
    <t>【世龙密封】内外环缠绕垫\DN300 300LB D1222 HG T20631</t>
  </si>
  <si>
    <t>【世龙密封】内外环缠绕垫\DN80 150LB D1222 HG T20631</t>
  </si>
  <si>
    <t>【世龙密封】带内环缠绕垫\DN300 300LB 304+石墨+304 HG T20631</t>
  </si>
  <si>
    <t>【世龙密封】带内环缠绕垫\DN25 300LB 304+石墨+304 HG T20631</t>
  </si>
  <si>
    <t>【世龙密封】内外环缠绕垫\DN200 150LB D1222 HG T20631</t>
  </si>
  <si>
    <t>【世龙密封】内外环缠绕垫\DN65 150LB D1222 HG T20631</t>
  </si>
  <si>
    <t>【世龙密封】内外环缠绕垫\DN150 150LB D1222 HG T20631</t>
  </si>
  <si>
    <t>【世龙密封】带内环金属缠绕式垫片\GB4622-D2222-80-63 上海克莱德贝尔格曼</t>
  </si>
  <si>
    <t>【世龙密封】带内环缠绕垫\DN80 300LB 304+石墨+304 HG T20631</t>
  </si>
  <si>
    <t>【世龙密封】石棉橡胶垫片\DN65 PN16 RF XB450 HG T20606</t>
  </si>
  <si>
    <t>【世龙密封】石棉橡胶垫片\DN80 PN16 RF XB450 HG T20606</t>
  </si>
  <si>
    <t>【世龙密封】石棉橡胶垫片\DN500 PN16 RF XB450 HG T20606</t>
  </si>
  <si>
    <t>【世龙密封】石墨垫片\DN25 PN16 RF 柔性石墨 HG T20606</t>
  </si>
  <si>
    <t>【世龙密封】石墨垫片\DN20 PN16 RF 柔性石墨 HG T20606</t>
  </si>
  <si>
    <t>【世龙密封】石墨垫片\DN50 PN16 RF 柔性石墨 HG T20606</t>
  </si>
  <si>
    <t>【世龙密封】内外环缠绕垫\3/4″ 150LB Q235A+304+PTFE+304</t>
  </si>
  <si>
    <t>【世龙密封】内外环缠绕垫\1″ 150LB Q235A+304+PTFE+304</t>
  </si>
  <si>
    <t>【世龙密封】内外环缠绕垫\2″ 150LB CS+304+PTFE+304</t>
  </si>
  <si>
    <t>【世龙密封】内外环缠绕垫\3″ 150LB CS+304+PTFE+304</t>
  </si>
  <si>
    <t>【世龙密封】内外环缠绕垫\4″ 150LB CS+304+PTFE+304</t>
  </si>
  <si>
    <t>【世龙密封】内外环缠绕垫\1-1/2″ 150LB Q235A+304+PTFE+304</t>
  </si>
  <si>
    <t>【世龙密封】内外环缠绕垫\DN20 PN16 D2222 GB T4622.2</t>
  </si>
  <si>
    <t>【世龙密封】内外环缠绕垫\DN25 PN16 D2222 GB T4622.2</t>
  </si>
  <si>
    <t>【世龙密封】内外环缠绕垫\DN32 PN16 D2222 GB T4622.2</t>
  </si>
  <si>
    <t>【世龙密封】内外环缠绕垫\DN40 PN16 D2222 GB T4622.2</t>
  </si>
  <si>
    <t>【世龙密封】内外环缠绕垫\DN65 PN16 D2222 GB T4622.2</t>
  </si>
  <si>
    <t>【世龙密封】内外环缠绕垫\DN100 PN16 D2222 GB T4622.2</t>
  </si>
  <si>
    <t>【世龙密封】基本型缠绕垫\DN80 PN25 304+石墨 GB T4622</t>
  </si>
  <si>
    <t>【世龙密封】基本型缠绕垫\DN40 PN25 304+石墨 GB T4622</t>
  </si>
  <si>
    <t>【世龙密封】内外环缠绕垫\1-1/2" 600LB 304+304+石墨+316L</t>
  </si>
  <si>
    <t>【世龙密封】内外环缠绕垫\3/4″ 150LB 304+304+石墨+316L</t>
  </si>
  <si>
    <t>【世龙密封】内外环缠绕垫\DN450 PN16 Q235B+304+石墨+Q235B</t>
  </si>
  <si>
    <t>【世龙密封】内外环缠绕垫\20″ 150LB CRS+304+石墨+304</t>
  </si>
  <si>
    <t>【世龙密封】内外环缠绕垫\2″ 600LB 304+304+石墨+316L</t>
  </si>
  <si>
    <t>【世龙密封】内外环缠绕垫\1/2″ 600LB 304+304+石墨+316L</t>
  </si>
  <si>
    <t>【世龙密封】内外环缠绕垫\1" 300LB CS+304+PTFE+304</t>
  </si>
  <si>
    <t>【世龙密封】内外环缠绕垫\1" 600LB CS+304+PTFE+304</t>
  </si>
  <si>
    <t>【世龙密封】内外环缠绕垫\1/2" 150LB CS+304+PTFE+304</t>
  </si>
  <si>
    <t>【世龙密封】内外环缠绕垫\6" 300LB CS+304+PTFE+304</t>
  </si>
  <si>
    <t>【世龙密封】内外环缠绕垫\1-1/2" 600LB CS+304+PTFE+304</t>
  </si>
  <si>
    <t>【世龙密封】内外环缠绕垫\1-1/2" 300LB CS+304+PTFE+304</t>
  </si>
  <si>
    <t>【世龙密封】内外环缠绕垫\2" 300LB CS+304+PTFE+304</t>
  </si>
  <si>
    <t>【世龙密封】内外环缠绕垫\3/4" 300LB CS+304+PTFE+304</t>
  </si>
  <si>
    <t>【世龙密封】内外环缠绕垫\4" 300LB CS+304+PTFE+304</t>
  </si>
  <si>
    <t>【世龙密封】内外环缠绕垫\4" 300LB CRS+304+石墨+304</t>
  </si>
  <si>
    <t>【世龙密封】内外环缠绕垫\8" 300LB CS+304+PTFE+304</t>
  </si>
  <si>
    <t>【世龙密封】内外环缠绕垫\8" 150LB CS+304+PTFE+304</t>
  </si>
  <si>
    <t>【世龙密封】内外环缠绕垫\1/2″ 150LB CS+304+石墨+304</t>
  </si>
  <si>
    <t>【世龙密封】内外环缠绕垫\1″ 150LB CS+304+石墨+304</t>
  </si>
  <si>
    <t>【世龙密封】内外环缠绕垫\3″ 150LB CS+304+石墨+304</t>
  </si>
  <si>
    <t>【世龙密封】内外环缠绕垫\10" 150LB CS+304+PTFE+304</t>
  </si>
  <si>
    <t>【世龙密封】内外环缠绕垫\4″ 150LB CS+304+石墨+304</t>
  </si>
  <si>
    <t>【世龙密封】内外环缠绕垫\1/2" 300LB CS+304+PTFE+304</t>
  </si>
  <si>
    <t>【世龙密封】内外环缠绕垫\3" 300LB CS+304+PTFE+304</t>
  </si>
  <si>
    <t>【世龙密封】内外环缠绕垫\6″ 150LB CS+304+石墨+304</t>
  </si>
  <si>
    <t>【世龙密封】内外环缠绕垫\1/2″ 300LB CS+304+石墨+304</t>
  </si>
  <si>
    <t>【世龙密封】内外环缠绕垫\30″ 150LB CS+304+石墨+304</t>
  </si>
  <si>
    <t>【世龙密封】内外环缠绕垫\8″ 150LB CS+304+石墨+304</t>
  </si>
  <si>
    <t>【世龙密封】内外环缠绕垫\12″ 150LB CS+304+石墨+304</t>
  </si>
  <si>
    <t>【世龙密封】内外环缠绕垫\4″ 300LB CS+304+石墨+304</t>
  </si>
  <si>
    <t>【世龙密封】内外环缠绕垫\3″ 300LB CS+304+石墨+304</t>
  </si>
  <si>
    <t>【世龙密封】内外环缠绕垫\32″ 300LB CS+304+石墨+304</t>
  </si>
  <si>
    <t>【世龙密封】内外环缠绕垫\8″ 300LB CS+304+石墨+304</t>
  </si>
  <si>
    <t>【世龙密封】内外环缠绕垫\28″ 300LB CS+304+石墨+304</t>
  </si>
  <si>
    <t>【世龙密封】内外环缠绕垫\3/4″ 300LB CS+304+石墨+304</t>
  </si>
  <si>
    <t>【世龙密封】内外环缠绕垫\52″ 150LB CS+304+石墨+304</t>
  </si>
  <si>
    <t>【世龙密封】内外环缠绕垫\36″ 150LB CS+304+石墨+304</t>
  </si>
  <si>
    <t>【世龙密封】内外环缠绕垫\32″ 150LB CS+304+石墨+304</t>
  </si>
  <si>
    <t>【世龙密封】内外环缠绕垫\6″ 600LB CS+304+石墨+304</t>
  </si>
  <si>
    <t>【世龙密封】内外环缠绕垫\18″ 150LB CRS+304+石墨+304</t>
  </si>
  <si>
    <t>【世龙密封】内外环缠绕垫\10" 150LB CRS+304+石墨+304</t>
  </si>
  <si>
    <t>【世龙密封】内外环缠绕垫\4″ 300LB 304+304+石墨+316L</t>
  </si>
  <si>
    <t>【世龙密封】内外环缠绕垫\3″ 150LB 304+304+石墨+316L</t>
  </si>
  <si>
    <t>【世龙密封】内外环缠绕垫\1/2″ 150LB 304+304+石墨+316L</t>
  </si>
  <si>
    <t>【世龙密封】内外环缠绕垫\1/2″ 300LB 304+304+石墨+316L</t>
  </si>
  <si>
    <t>【世龙密封】内外环缠绕垫\26″ 150LB CRS+304+石墨+304</t>
  </si>
  <si>
    <t>【世龙密封】内外环缠绕垫\20″ 300LB CRS+304+石墨+304</t>
  </si>
  <si>
    <t>【世龙密封】内外环缠绕垫\14" 300LB CRS+304+石墨+304</t>
  </si>
  <si>
    <t>【世龙密封】内外环缠绕垫\30″ 150LB CRS+304+石墨+304</t>
  </si>
  <si>
    <t>【世龙密封】内外环缠绕垫\4" 600LB CS+304+PTFE+304</t>
  </si>
  <si>
    <t>【世龙密封】内外环缠绕垫\2-1/2″ 300LB CRS+304+石墨+304</t>
  </si>
  <si>
    <t>【世龙密封】内外环缠绕垫\3″ 300LB 304+304+石墨+316L</t>
  </si>
  <si>
    <t>【世龙密封】内外环缠绕垫\24″ 150LB CRS+304+石墨+304</t>
  </si>
  <si>
    <t>【世龙密封】内外环缠绕垫\10" 300LB CS+304+PTFE+304</t>
  </si>
  <si>
    <t>【世龙密封】内外环缠绕垫\4" 900LB 304+304+石墨+304</t>
  </si>
  <si>
    <t>【世龙密封】内外环缠绕垫\5" 600LB CRS+304+石墨+304</t>
  </si>
  <si>
    <t>【世龙密封】带外环缠绕垫\DN600 600LB Q235A+304+石墨</t>
  </si>
  <si>
    <t>【世龙密封】内外环缠绕垫\DN350 PN16 Q235B+304+石墨+Q235B</t>
  </si>
  <si>
    <t>【世龙密封】内外环缠绕垫\DN500 PN16 Q235B+304+石墨+Q235B</t>
  </si>
  <si>
    <t>【世龙密封】内外环缠绕垫\10" 600LB CRS+304+石墨+304 ASME</t>
  </si>
  <si>
    <t>【世龙密封】内外环缠绕垫\36″ 300LB CRS+304+石墨+304</t>
  </si>
  <si>
    <t>【世龙密封】内外环缠绕垫\12" 150LB CRS+304+石墨+304</t>
  </si>
  <si>
    <t>【世龙密封】内外环缠绕垫\DN400 PN16 Q235B+304+石墨+Q235B</t>
  </si>
  <si>
    <t>【世龙密封】内外环缠绕垫\4″ 150LB 304+304+石墨+316L</t>
  </si>
  <si>
    <t>【世龙密封】内外环缠绕垫\2" 600LB CS+304+PTFE+304</t>
  </si>
  <si>
    <t>【世龙密封】内外环缠绕垫\3" 600LB CS+304+PTFE+304</t>
  </si>
  <si>
    <t>【世龙密封】内外环缠绕垫\3/4" 600LB CS+304+PTFE+304</t>
  </si>
  <si>
    <t>【世龙密封】内外环缠绕垫\3/4" 1500LB 316+304+石墨+316</t>
  </si>
  <si>
    <t>【世龙密封】内外环缠绕垫\16" 300LB CRS+304+石墨+304</t>
  </si>
  <si>
    <t>【世龙密封】内外环缠绕垫\12" 600LB CRS+304+石墨+304</t>
  </si>
  <si>
    <t>【世龙密封】内外环缠绕垫\24″ 300LB CRS+304+石墨+304</t>
  </si>
  <si>
    <t>【世龙密封】内外环缠绕垫\26″ 300LB CRS+304+石墨+304</t>
  </si>
  <si>
    <t>【世龙密封】内外环缠绕垫\18″ 300LB CRS+304+石墨+304</t>
  </si>
  <si>
    <t>【世龙密封】带外环缠绕垫\24" 300LB Q235A+304+石墨</t>
  </si>
  <si>
    <t>【世龙密封】带外环缠绕垫\DN450 150LB Q235A+304+石墨</t>
  </si>
  <si>
    <t>【世龙密封】带外环缠绕垫\DN500 300LB Q235A+304+石墨 HG T20631</t>
  </si>
  <si>
    <t>【世龙密封】带外环缠绕垫\DN800 150LB Q235A+304+石墨 HG T20631</t>
  </si>
  <si>
    <t>【世龙密封】带外环缠绕垫\DN500 600LB Q235A+304+石墨 HG T20631</t>
  </si>
  <si>
    <t>【世龙密封】带外环缠绕垫\DN250 600LB Q235A+304+石墨 HG T20631</t>
  </si>
  <si>
    <t>【世龙密封】带外环缠绕垫\DN300 600LB Q235A+304+石墨 HG T20631</t>
  </si>
  <si>
    <t>【世龙密封】带内环缠绕垫\DN1300 PN4.0 304+柔性石墨+304</t>
  </si>
  <si>
    <t>【世龙密封】基本型缠绕垫\DN32 PN25 304+石墨 HG T20610</t>
  </si>
  <si>
    <t>【世龙密封】基本型缠绕垫\DN50 PN25 304+石墨 HG T20610</t>
  </si>
  <si>
    <t>【世龙密封】基本型缠绕垫\φ690×650×4.5mm 304+石墨</t>
  </si>
  <si>
    <t>【世龙密封】内外环缠绕垫\DN400 600LB D1525 HG T20631</t>
  </si>
  <si>
    <t>【世龙密封】内外环缠绕垫\10" 300LB D1222 ASME B16.20</t>
  </si>
  <si>
    <t>【世龙密封】内外环缠绕垫\2" 300LB D1222 ASME B16.20</t>
  </si>
  <si>
    <t>【世龙密封】内外环缠绕垫\DN100 600LB D4424 HG T20631</t>
  </si>
  <si>
    <t>【世龙密封】内外环缠绕垫\DN300 600LB 4424 HG T20631</t>
  </si>
  <si>
    <t>【世龙密封】内外环缠绕垫\DN300 150LB D4424 HG T20631</t>
  </si>
  <si>
    <t>【世龙密封】内外环缠绕垫\DN350 300LB D4424 HG T20631</t>
  </si>
  <si>
    <t>【世龙密封】内外环缠绕垫\DN650B 150LB D4424 HG T20631</t>
  </si>
  <si>
    <t>【世龙密封】内外环缠绕垫\DN800B 300BL D2222 HG T20631</t>
  </si>
  <si>
    <t>【世龙密封】内外环缠绕垫\DN1100B 150BL D2222 HG T20631</t>
  </si>
  <si>
    <t>【世龙密封】内外环缠绕垫\DN40 150LB D1525 HG T20631</t>
  </si>
  <si>
    <t>【世龙密封】内外环缠绕垫\DN200 900LB D1222 HG T20631</t>
  </si>
  <si>
    <t>【世龙密封】内外环缠绕垫\DN350 150LB D1525 HG T20631</t>
  </si>
  <si>
    <t>【世龙密封】内外环缠绕垫\DN500 150LB D1525 HG T20631</t>
  </si>
  <si>
    <t>【世龙密封】内外环缠绕垫\DN150 300LB D1525 HG T20631</t>
  </si>
  <si>
    <t>【世龙密封】内外环缠绕垫\DN300 300LB D1525 HG T20631</t>
  </si>
  <si>
    <t>【世龙密封】内外环缠绕垫\DN500 300LB D1525 HG T20631</t>
  </si>
  <si>
    <t>【世龙密封】内外环缠绕垫\DN600 300LB D1525 HG T20631</t>
  </si>
  <si>
    <t>【世龙密封】内外环缠绕垫\DN450 150LB D1525 HG T20631</t>
  </si>
  <si>
    <t>【世龙密封】内外环缠绕垫\DN400 300LB D1525 HG T20631</t>
  </si>
  <si>
    <t>【世龙密封】内外环缠绕垫\DN50 600LB D1525 HG T20631</t>
  </si>
  <si>
    <t>【世龙密封】内外环缠绕垫\DN350 600LB D1525 HG T20631</t>
  </si>
  <si>
    <t>【世龙密封】内外环缠绕垫\DN600 150LB D1525 HG T20631</t>
  </si>
  <si>
    <t>【世龙密封】内外环缠绕垫\DN450 600LB D1525 HG T20631</t>
  </si>
  <si>
    <t>【世龙密封】内外环缠绕垫\DN300 600LB D1525 HG T20631</t>
  </si>
  <si>
    <t>【世龙密封】内外环缠绕垫\DN15 900LB D1525 HG T20631</t>
  </si>
  <si>
    <t>【世龙密封】内外环缠绕垫\DN200 150LB D1626 HG T20631</t>
  </si>
  <si>
    <t>【世龙密封】内外环缠绕垫\DN150 600LB D1626 HG T20631</t>
  </si>
  <si>
    <t>【世龙密封】带外环缠绕垫\DN100 900LB CRS+304+石墨 HG T20631</t>
  </si>
  <si>
    <t>【世龙密封】带外环缠绕垫\DN40 300LB CRS+316L+石墨 HG T20631</t>
  </si>
  <si>
    <t>【世龙密封】带外环缠绕垫\DN250 300LB CRS+316L+石墨 HG T20631</t>
  </si>
  <si>
    <t>【世龙密封】带外环缠绕垫\DN100 300LB CRS+316L+石墨 HG T20631</t>
  </si>
  <si>
    <t>【世龙密封】带外环缠绕垫\DN200 600LB CRS+316L+石墨 HG T20631</t>
  </si>
  <si>
    <t>【世龙密封】带外环缠绕垫\DN250 600LB CRS+316L+石墨 HG T20631</t>
  </si>
  <si>
    <t>【世龙密封】带外环缠绕垫\DN100 150LB CRS+321+石墨 HG T20631</t>
  </si>
  <si>
    <t>【世龙密封】带外环缠绕垫\DN200 300LB CRS+316L+石墨 HG T20631</t>
  </si>
  <si>
    <t>【世龙密封】带外环缠绕垫\DN250 150LB CRS+316L+石墨 HG T20631</t>
  </si>
  <si>
    <t>【世龙密封】带内环缠绕垫\DN250 300LB 304+石墨+304 HG T20631</t>
  </si>
  <si>
    <t>【世龙密封】内外环缠绕垫\DN250 PN16 D1222 HG T20610</t>
  </si>
  <si>
    <t>【世龙密封】内外环缠绕垫\DN40 PN16 D1222 HG T20610</t>
  </si>
  <si>
    <t>【世龙密封】内外环缠绕垫\DN50 PN16 D1222 HG T20610</t>
  </si>
  <si>
    <t>【世龙密封】内外环缠绕垫\DN80 PN16 D1222 HG T20610</t>
  </si>
  <si>
    <t>【世龙密封】内外环缠绕垫\DN600 PN25 CRS+304+石墨+304HG T20610</t>
  </si>
  <si>
    <t>【世龙密封】内外环缠绕垫\DN400 150LB D1525 HG T20631</t>
  </si>
  <si>
    <t>【世龙密封】带内环缠绕垫\DN1200 PN2.5 304+石墨+304 NB T47025</t>
  </si>
  <si>
    <t>【世龙密封】带内环缠绕垫\DN1300 PN2.5 304+石墨+304 NB T47025</t>
  </si>
  <si>
    <t>【世龙密封】带内环缠绕垫\DN1000 PN2.5 304+石墨+304 NB T47025</t>
  </si>
  <si>
    <t>【世龙密封】带内环缠绕垫\DN450 PN6.4 304+石墨+304 NB T47025</t>
  </si>
  <si>
    <t>【世龙密封】橡胶垫片\DN40 150LB RF EPDM HG T20627</t>
  </si>
  <si>
    <t>【世龙密封】橡胶垫片\DN150 150LB RF EPDM HG T20627</t>
  </si>
  <si>
    <t>【世龙密封】橡胶垫片\DN200 150LB RF EPDM HG T20627</t>
  </si>
  <si>
    <t>【世龙密封】橡胶垫片\DN20 150LB RF NAS HG T20627</t>
  </si>
  <si>
    <t>【世龙密封】橡胶垫片\DN50 150LB RF NAS HG T20627</t>
  </si>
  <si>
    <t>【世龙密封】橡胶垫片\DN80 150LB RF NAS HG T20627</t>
  </si>
  <si>
    <t>【世龙密封】橡胶垫片\DN100 150LB RF NAS HG T20627</t>
  </si>
  <si>
    <t>【世龙密封】橡胶垫片\DN15 150LB RF NAS HG T20627</t>
  </si>
  <si>
    <t>【世龙密封】带活动对中环型齿形垫片\DN20 900LB 304+石墨 HG T20632</t>
  </si>
  <si>
    <t>【世龙密封】缠绕垫\48" 150LB 304+304+石墨+304 ASME B16.20</t>
  </si>
  <si>
    <t>【世龙密封】带内环缠绕垫\DN1200 PN4.0 B22 NB T47025</t>
  </si>
  <si>
    <t>【世龙密封】内外环缠绕垫\DN700 PN1.0 D22 NB T47025</t>
  </si>
  <si>
    <t>【世龙密封】内外环缠绕垫\DN900 PN1.0 D22 NB T47025</t>
  </si>
  <si>
    <t>【世龙密封】内外环缠绕垫\DN900 PN1.6 D22 NB T47025</t>
  </si>
  <si>
    <t>【世龙密封】内外环缠绕垫\DN700 PN1.6 D22 NB T47025</t>
  </si>
  <si>
    <t>【世龙密封】内外环缠绕垫\DN450 PN1.6 D22 NB T47025</t>
  </si>
  <si>
    <t>【世龙密封】内外环缠绕垫\DN600 PN1.6 D22 NB T47025</t>
  </si>
  <si>
    <t>【世龙密封】内外环缠绕垫\DN500 PN2.5 D22 NB T47025</t>
  </si>
  <si>
    <t>【世龙密封】内外环缠绕垫\DN450 PN2.5 D22 NB T47025</t>
  </si>
  <si>
    <t>【世龙密封】带内环缠绕垫\DN600 PN4.0 304+石墨+304 NB T47025</t>
  </si>
  <si>
    <t>【世龙密封】带内环缠绕垫\DN450 PN4.0 304+石墨+304 NB T47025</t>
  </si>
  <si>
    <t>【世龙密封】带内环缠绕垫\DN400 PN4.0 304+石墨+304 NB T47025</t>
  </si>
  <si>
    <t>【世龙密封】橡胶垫片\DN25 150LB RF NAS HG T20627</t>
  </si>
  <si>
    <t>【世龙密封】带内环缠绕垫\DN1000 PN1.0 304+石墨+304 NB T47025</t>
  </si>
  <si>
    <t>【世龙密封】聚四氟乙烯垫片\DN1200 PN0.6 RF PTFE NB T47024</t>
  </si>
  <si>
    <t>【世龙密封】带内环缠绕垫\DN450 PN1.6 304+石墨+304 NB T47025</t>
  </si>
  <si>
    <t>【世龙密封】基本型缠绕垫\φ610×580×3.5mm 304+石墨</t>
  </si>
  <si>
    <t>【世龙密封】基本型缠绕垫\φ225×210×3mm 304+石墨</t>
  </si>
  <si>
    <t>【世龙密封】基本型缠绕垫\φ325×350×3mm 304+石墨</t>
  </si>
  <si>
    <t>【世龙密封】带内环缠绕垫\DN20 300LB 304+PTFE+304 HG T20631</t>
  </si>
  <si>
    <t>【世龙密封】带内环缠绕垫\DN50 300LB 304+PTFE+304 HG T20631</t>
  </si>
  <si>
    <t>【世龙密封】带内环缠绕垫\DN32 300LB 304+PTFE+304 HG20631</t>
  </si>
  <si>
    <t>【世龙密封】带内环缠绕垫\DN25 300LB 304+PTFE+304 HG T20631</t>
  </si>
  <si>
    <t>【世龙密封】带内环缠绕垫\DN15 300LB 304+PTFE+304 HG T20631</t>
  </si>
  <si>
    <t>【世龙密封】外头盖垫片\波齿垫W73-1400-2.5 9 FSHJ-4027 换热器</t>
  </si>
  <si>
    <t>【世龙密封】管箱侧垫片\波齿垫C73-1000-2.5 5 FSHJ-4026 换热器</t>
  </si>
  <si>
    <t>【世龙密封】浮头垫片\波齿垫F73-1000-2.5-2 15 FSHJ-4026 换热器</t>
  </si>
  <si>
    <t>【世龙密封】管箱垫片\波齿垫G73-1000-2.5-2 4 FSHJ-4026 换热器</t>
  </si>
  <si>
    <t>【世龙密封】管箱侧垫片\波齿垫C73-1400-2.5 18 FSHJ-4027 换热器</t>
  </si>
  <si>
    <t>【世龙密封】外头盖垫片\波齿垫W73-1000-2.5 10 FSHJ-4026 换热器</t>
  </si>
  <si>
    <t>【世龙密封】管箱垫片\波齿垫G73-1400-2.5-2 19 FSHJ-4027 换热器</t>
  </si>
  <si>
    <t>【世龙密封】浮头垫片\波齿垫F73-1400-2.5-2 14 FSHJ-4027 换热器</t>
  </si>
  <si>
    <t>【世龙密封】带内环缠绕垫\DN800 PN64 304+石墨+304 HG T20610</t>
  </si>
  <si>
    <t>【世龙密封】管箱垫片\B22-400-2.5 丙烯汽化器 4110-E001 BKU 国产</t>
  </si>
  <si>
    <t>【世龙密封】左管箱垫片\8 丙烯精馏塔再沸器 NXN1900-1.9 国产</t>
  </si>
  <si>
    <t>【世龙密封】浮头垫片\22 脱丙烷塔再沸器 ASH500-1.3 国产</t>
  </si>
  <si>
    <t>【世龙密封】右管箱垫片\6 丙烯精馏塔再沸器 NXN1900-1.9 国产</t>
  </si>
  <si>
    <t>【世龙密封】右管箱垫片\22 脱乙烷塔再沸器 NJN1150-2.0 国产</t>
  </si>
  <si>
    <t>【世龙密封】壳程垫片\3 脱丁烷塔再沸器 AES1200-1.3 国产</t>
  </si>
  <si>
    <t>【世龙密封】管箱侧垫片\10 脱丙烷塔再沸器 AHS900-1.2 国产</t>
  </si>
  <si>
    <t>【世龙密封】左管箱垫片\3 脱乙烷塔再沸器 NJN1150-2.0 国产</t>
  </si>
  <si>
    <t>【世龙密封】管箱垫片\2 精制气提塔再沸器 AES500-1.3 国产</t>
  </si>
  <si>
    <t>【世龙密封】浮头垫片\17 精制气提塔再沸器 AES500-1.3 国产</t>
  </si>
  <si>
    <t>【世龙密封】外头盖垫片\11 精制气提塔再沸器 AES500-1.3 国产</t>
  </si>
  <si>
    <t>【世龙密封】浮头垫片\18 脱丁烷塔再沸器 AES1200-1.3 国产</t>
  </si>
  <si>
    <t>【世龙密封】管箱垫片\2 脱丁烷塔再沸器 AES1200-1.3 国产</t>
  </si>
  <si>
    <t>【世龙密封】外头盖垫片\12 脱丁烷塔再沸器 AES1200-1.3 国产</t>
  </si>
  <si>
    <t>【世龙密封】管箱侧垫片\3 精制气提塔再沸器 AES500-1.3 国产</t>
  </si>
  <si>
    <t>【世龙密封】外头盖垫片\18 脱丙烷塔再沸器 AHS900-2.1 国产</t>
  </si>
  <si>
    <t>【世龙密封】基本型缠绕垫\φ419×405×4.5mm 304+石墨</t>
  </si>
  <si>
    <t>【世龙密封】基本型缠绕垫\φ620×602×6.5mm 304+石墨</t>
  </si>
  <si>
    <t>【世龙密封】基本型缠绕垫\φ640×624×6.5mm 304+石墨</t>
  </si>
  <si>
    <t>【世龙密封】外头盖垫片\10 净化水冷却器 BES1200-2.2-400-6 2.5-2Ⅰ</t>
  </si>
  <si>
    <t>【世龙密封】管箱侧垫片\5 净化水冷却器 BES1200-2.2-400-6 2.5-2Ⅰ</t>
  </si>
  <si>
    <t>【世龙密封】浮头垫片\15 冷却器 BES1200-2.2-400-6 2.5-2Ⅰ 国产</t>
  </si>
  <si>
    <t>【世龙密封】管箱垫片\41 冷却器 BES1200-2.2-400-6 2.5-2Ⅰ 国产</t>
  </si>
  <si>
    <t>【世龙密封】垫圈\φ30×38mm 1.5mm 紫铜 非标</t>
  </si>
  <si>
    <t>【世龙密封】缠绕垫\24" 150LB 304+304+石墨+304 ASME B16.20</t>
  </si>
  <si>
    <t>【世龙密封】基本型缠绕垫\φ327×349×4.5mm 304+石墨</t>
  </si>
  <si>
    <t>【世龙密封】管箱垫片\10-0 R13081-3 丙烯冷剂冷凝器 NEN2100-1.6国产</t>
  </si>
  <si>
    <t>【世龙密封】管箱垫片\5 PGE13055-02 产品气压缩机一段冷凝器AXS1250 国产</t>
  </si>
  <si>
    <t>【世龙密封】管箱垫片\22-0 R13081-3 丙烯冷剂冷凝器NEN2100-1.6 国产</t>
  </si>
  <si>
    <t>【世龙密封】管箱垫片\1-3 PGE13057-05产品气压缩机三段冷却器AXS1200国产</t>
  </si>
  <si>
    <t>【世龙密封】管箱垫片\10-0 R13079-3 丙烯精馏塔冷凝器NEN2200-1.7国产</t>
  </si>
  <si>
    <t>【世龙密封】管箱垫片\2 PGE13057-05 产品气压缩机三段冷却器AXS1200 国产</t>
  </si>
  <si>
    <t>【世龙密封】右管箱垫片\15-0 Em1334-00-02丙烯排液冷却器BEM1300 国产</t>
  </si>
  <si>
    <t>【世龙密封】左管箱垫片\2-0 Em1334-00-03 丙烯排液冷却器 BEM1300</t>
  </si>
  <si>
    <t>【世龙密封】管箱垫片\5 PGE13056-02 产品气压缩机二段冷却器AXS1250 国产</t>
  </si>
  <si>
    <t>【世龙密封】外头盖垫片\12 PGE13057-05产品气压缩机三段冷却器AXS1200国产</t>
  </si>
  <si>
    <t>【世龙密封】管箱垫片\22-0 R13079-3 丙烯精馏塔冷凝器NEN2200-1.7国产</t>
  </si>
  <si>
    <t>【世龙密封】右管箱垫片\17 PGE13051-02 脱丁烷塔冷凝器 NEN1250 国产</t>
  </si>
  <si>
    <t>【世龙密封】壳程垫片\7 PGE13055-06 产品气压缩机一段冷却器AXS1250 国产</t>
  </si>
  <si>
    <t>【世龙密封】浮头垫片\18 PGE13057-05产品气压缩机三段冷却器AXS1200 国产</t>
  </si>
  <si>
    <t>【世龙密封】左管箱垫片\3 PGE13051-02 脱丁烷塔冷凝器 NEN1250 国产</t>
  </si>
  <si>
    <t>【世龙密封】壳程垫片\7 PGE13056-06 产品气压缩机二段冷却器AXS1250 国产</t>
  </si>
  <si>
    <t>【世龙密封】外头盖垫片\15 PGE13056-06产品气压缩机二段冷却器AXS1250国产</t>
  </si>
  <si>
    <t>【世龙密封】外头盖垫片\15 PGE13055-06产品气压缩机一段冷凝器AXS1250国产</t>
  </si>
  <si>
    <t>【世龙密封】管箱垫片\4-0 70-307 净化水换热器 BJS1200-2.2 国产</t>
  </si>
  <si>
    <t>【世龙密封】浮头垫片\15-0 70-307 净化水换热器 BJS1200 国产</t>
  </si>
  <si>
    <t>【世龙密封】管箱垫片\17-0 FSHJ-4023-1 凝结水换热器 BES1300 国产</t>
  </si>
  <si>
    <t>【世龙密封】浮头垫片\14-0 FSHJ-4023-1 凝结水换热器 BES1300 国产</t>
  </si>
  <si>
    <t>【世龙密封】管箱垫片\4-0 70-302-01 蒸汽换热器 BKU1400 国产</t>
  </si>
  <si>
    <t>【世龙密封】管箱侧垫片\5-0 70-301-01 汽提气换热器 BKU1800 国产</t>
  </si>
  <si>
    <t>【世龙密封】浮头垫片\15-0 FSHJ-4024-1 净化水换热器 BES900 国产</t>
  </si>
  <si>
    <t>【世龙密封】外头盖垫片\10-0 70-307 净化水换热器 BJS1200 国产</t>
  </si>
  <si>
    <t>【世龙密封】外头盖垫片\13-0 FSHJ-4024-1 净化水换热器 BES900 国产</t>
  </si>
  <si>
    <t>【世龙密封】管箱垫片\4-0 70-301-01 汽提气换热器 BKU1800 国产</t>
  </si>
  <si>
    <t>【世龙密封】管箱侧垫片\5-0 70-307 净化水换热器 BJS1200 国产</t>
  </si>
  <si>
    <t>【世龙密封】管箱侧垫片\9-0 FSHJ-4024-1 净化水换热器 BES900 国产</t>
  </si>
  <si>
    <t>【世龙密封】管箱侧垫片\16-0 FSHJ-4023-1 凝结水换热器 BES1300 国产</t>
  </si>
  <si>
    <t>【世龙密封】管箱侧垫片\5-0 70-302-01 蒸汽换热器 BKU1400 国产</t>
  </si>
  <si>
    <t>【世龙密封】外头盖垫片\9-0 FSHJ-4023-1 凝结水换热器 BES1300 国产</t>
  </si>
  <si>
    <t>【世龙密封】管箱垫片\10-0 FSHJ-4024-1 净化水换热器 BES900 国产</t>
  </si>
  <si>
    <t>【世龙密封】浮头垫片\18 PGE13056-05 产品气压缩机二段冷却器 AXS1250</t>
  </si>
  <si>
    <t>【世龙密封】浮头垫片\18 PGE13055-05 产品气压缩机一段冷凝器 AXS1250</t>
  </si>
  <si>
    <t>【世龙密封】橡胶垫片\DN40 PN16 RF 丁腈橡胶 HG T20606</t>
  </si>
  <si>
    <t>【世龙密封】带内环缠绕垫\B22-800-4.0 304+石墨+304 NB T47025</t>
  </si>
  <si>
    <t>【世龙密封】带内环缠绕垫\B22-300-6.4 304+石墨+304 NB T47025</t>
  </si>
  <si>
    <t>【世龙密封】带内环缠绕垫\B22-500-1.6 304+石墨 NB T47025</t>
  </si>
  <si>
    <t>【世龙密封】内外环缠绕垫\DN800A 600LB D2222 HG T20631</t>
  </si>
  <si>
    <t>【世龙密封】内外环缠绕垫\DN150 150LB D1232 HG T20631</t>
  </si>
  <si>
    <t>【世龙密封】内外环缠绕垫\DN450 PN4.0 D1221 NB T47025</t>
  </si>
  <si>
    <t>【世龙密封】内外环缠绕垫\DN500 PN1.6 CS+304+石墨+CS NB T47025</t>
  </si>
  <si>
    <t>【世龙密封】带内环缠绕垫\DN15 PN16 304+石墨+304 GB T4622</t>
  </si>
  <si>
    <t>【世龙密封】带内环缠绕垫\DN25 PN16 304+石墨+304 GB T4622</t>
  </si>
  <si>
    <t>【世龙密封】带内环缠绕垫\DN200 PN16 304+石墨+304 GB T4622</t>
  </si>
  <si>
    <t>【世龙密封】带内环缠绕垫\DN150 PN16 304+石墨+304 GB T4622</t>
  </si>
  <si>
    <t>【世龙密封】带内环缠绕垫\DN65 PN16 304+石墨+304 GB T4622</t>
  </si>
  <si>
    <t>【世龙密封】带内环缠绕垫\DN50 PN16 304+石墨+304 GB T4622</t>
  </si>
  <si>
    <t>【世龙密封】带内环缠绕垫\DN125 PN16 304+石墨+304 GB T4622</t>
  </si>
  <si>
    <t>【世龙密封】带内环缠绕垫\DN80 PN16 304+石墨+304 GB T4622</t>
  </si>
  <si>
    <t>【世龙密封】带内环缠绕垫\DN40 PN16 304+石墨+304 GB T4622</t>
  </si>
  <si>
    <t>【世龙密封】带内环缠绕垫\DN100 PN16 304+石墨+304 GB T4622</t>
  </si>
  <si>
    <t>【世龙密封】人孔垫片\72T242 03 余热锅炉 BQ53.3 1046-18.9 国产</t>
  </si>
  <si>
    <t>【世龙密封】内外环缠绕垫\DN2100 PN1.6 D2222JB T4705</t>
  </si>
  <si>
    <t>【世龙密封】管箱垫片\4-0 FSHJ-4031-1 除氧水冷却器 AES400 国产</t>
  </si>
  <si>
    <t>【世龙密封】浮头垫片\10-0 FSHJ-4031-1 除氧水冷却器 AES400 国产</t>
  </si>
  <si>
    <t>【世龙密封】管箱侧垫片\5-0 FSHJ-4031-1 除氧水冷却器 AES400 国产</t>
  </si>
  <si>
    <t>【世龙密封】外头盖垫片\15-0 FSHJ-4031-1 除氧水冷却器 AES400 国产</t>
  </si>
  <si>
    <t>【世龙密封】管箱侧垫片\18-0 EM1332-00-07 乙炔转换器进料加热器</t>
  </si>
  <si>
    <t>【世龙密封】管箱垫片\19-0 EM1332-00-07 乙炔转换器进料加热器 AES550</t>
  </si>
  <si>
    <t>【世龙密封】浮头垫片\14-0 EM1332-00-07 乙炔转换器进料加热器 AES550</t>
  </si>
  <si>
    <t>【世龙密封】外头盖垫片\9-0 EM1332-00-07 乙炔转换器进料加热器 AES550</t>
  </si>
  <si>
    <t>【世龙密封】左管箱垫片\4-0 EM1331-00-01 丙烷清洗液2号急冷器 BKM 国产</t>
  </si>
  <si>
    <t>【世龙密封】右管箱垫片\15-0 EM1331-00-01 丙烷清洗液2号急冷器BKM 国产</t>
  </si>
  <si>
    <t>【世龙密封】右管箱垫片\11 PGE13042-03 碱液加水冷却器 BEM400 国产</t>
  </si>
  <si>
    <t>【世龙密封】左管箱垫片\25 PGE13042-02 碱液加水冷却器 BEM400 国产</t>
  </si>
  <si>
    <t>【世龙密封】右管箱垫片\15 PGE13049-03 丙烷产品冷却器 BEM300 国产</t>
  </si>
  <si>
    <t>【世龙密封】左管箱垫片\3 PGE13049-03 丙烷产品冷却器 BEM300 国产</t>
  </si>
  <si>
    <t>【世龙密封】右管箱垫片\20 PGE13050-03 丙烯产品冷却器 BEM500 国产</t>
  </si>
  <si>
    <t>【世龙密封】左管箱垫片\3 PGE13050-03 丙烯产品冷却器 BEM500 国产</t>
  </si>
  <si>
    <t>【世龙密封】左管箱垫片\22 PGE13052-03 C5+产品冷却器 BEM350 国产</t>
  </si>
  <si>
    <t>【世龙密封】右管箱垫片\7 PGE13052-03 C5+产品冷却器 BEM350 国产</t>
  </si>
  <si>
    <t>【世龙密封】左管箱垫片\20 PGE13043-03 干燥器再生冷却器 AEM1100 国产</t>
  </si>
  <si>
    <t>【世龙密封】右管箱垫片\9 PGE13043-03 干燥器再生冷却器 AEM1100 国产</t>
  </si>
  <si>
    <t>【世龙密封】管箱垫片\25 PGE13059-01 碱洗塔进料预热器 BXU600 国产</t>
  </si>
  <si>
    <t>【世龙密封】管箱侧垫片\3 ZSD2342-01 乙烯精馏塔再沸器No.1 BXU1600</t>
  </si>
  <si>
    <t>【世龙密封】管箱垫片\4 ZSD2342-01 乙烯精馏塔再沸器No.1 BXU1600</t>
  </si>
  <si>
    <t>【世龙密封】包覆垫片\φ2096×1904×8.5mm 06Cr13+陶瓷纤维</t>
  </si>
  <si>
    <t>【世龙密封】包覆垫片\φ2096×1804×8.5mm 06Cr13+陶瓷纤维</t>
  </si>
  <si>
    <t>【世龙密封】O型密封圈\φ1320×7mm 氟橡胶</t>
  </si>
  <si>
    <t>【世龙密封】带内环缠绕垫\φ1408×1358×1322×4.5mm 304+石墨+304</t>
  </si>
  <si>
    <t>【世龙密封】带外环缠绕垫\φ772.8×660×620×5mm 304+304+石墨</t>
  </si>
  <si>
    <t>【世龙密封】填料环\φ423×405×8mm 聚四氟乙烯</t>
  </si>
  <si>
    <t>【世龙密封】带内环缠绕垫\φ1093×1052×1032×3.2mm 304+石墨+304</t>
  </si>
  <si>
    <t>【世龙密封】带内环缠绕垫\φ1905×1845×1805×6.4mm 304+石墨+304</t>
  </si>
  <si>
    <t>【世龙密封】带内环缠绕垫\φ415×375×355×4.5mm 帯筋 304+石墨+304</t>
  </si>
  <si>
    <t>【世龙密封】带外环缠绕垫\φ651.8×555×520×5mm 304+304+石墨</t>
  </si>
  <si>
    <t>【世龙密封】带内环缠绕垫\φ887×847×811×4.5mm 304+石墨+304</t>
  </si>
  <si>
    <t>【世龙密封】带内环缠绕垫\φ1508×1458×1422×4.5mm 304+石墨+304</t>
  </si>
  <si>
    <t>【世龙密封】带外环缠绕垫\φ772.8×640×600×5mm 304+304+石墨</t>
  </si>
  <si>
    <t>【世龙密封】带内环缠绕垫\φ400×380×4.5mm 316+石墨+316</t>
  </si>
  <si>
    <t>【世龙密封】带内环缠绕垫\DN500 PN6.4 304+石墨+304 NB T47025</t>
  </si>
  <si>
    <t>【世龙密封】带内环缠绕垫\DN300 PN4.0 304+石墨+304 NB T47025</t>
  </si>
  <si>
    <t>【世龙密封】带内环缠绕垫\DN650 PN1.6 304+石墨+304 NB T47025</t>
  </si>
  <si>
    <t>【世龙密封】带内环缠绕垫\DN3600 PN4.0 304+石墨+304 NB T47025</t>
  </si>
  <si>
    <t>【世龙密封】带内环缠绕垫\DN300 PN2.5 304+石墨+304 NB T47025</t>
  </si>
  <si>
    <t>【世龙密封】基本型缠绕垫\φ185×155×3mm 帯筋 304+石墨</t>
  </si>
  <si>
    <t>【世龙密封】垫片\B22-400-1.6 水蒸气冷凝器 4110-E003 国产</t>
  </si>
  <si>
    <t>【世龙密封】带内环缠绕垫\DN1400 PN4.0 304+石墨+304 NB T47025</t>
  </si>
  <si>
    <t>【世龙密封】带内环缠绕垫\DN400 PN6.4 304+石墨+304 NB T47025</t>
  </si>
  <si>
    <t>【世龙密封】带内环缠绕垫\DN20 PN25 304+石墨+304 HG T20610</t>
  </si>
  <si>
    <t>【世龙密封】带内环缠绕垫\DN25 PN25 304+石墨+304 HG T20610</t>
  </si>
  <si>
    <t>【世龙密封】带内环缠绕垫\DN50 PN25 304+石墨+304 HG T20610</t>
  </si>
  <si>
    <t>【世龙密封】带内环缠绕垫\DN40 PN25 304+石墨+304 HG T20610</t>
  </si>
  <si>
    <t>【世龙密封】带内环缠绕垫\DN80 PN25 304+石墨+304 HG T20610</t>
  </si>
  <si>
    <t>【世龙密封】带内环缠绕垫\DN100 PN25 304+石墨+304 HG T20610</t>
  </si>
  <si>
    <t>【世龙密封】带内环缠绕垫\DN25 PN16 304+石墨+304 HG T20610</t>
  </si>
  <si>
    <t>【世龙密封】带内环缠绕垫\DN40 PN16 304+石墨+304 HG T20610</t>
  </si>
  <si>
    <t>【世龙密封】带内环缠绕垫\DN50 PN16 304+石墨+304 HG T20610</t>
  </si>
  <si>
    <t>【世龙密封】带内环缠绕垫\DN125 PN16 304+石墨+304 HG T20610</t>
  </si>
  <si>
    <t>【世龙密封】带内环缠绕垫\DN80 PN16 304+石墨+304 HG T20610</t>
  </si>
  <si>
    <t>【世龙密封】带内环缠绕垫\DN150 PN16 304+石墨+304 HG T20610</t>
  </si>
  <si>
    <t>【世龙密封】聚四氟乙烯垫片\φ300×280×3mm 聚四氟乙烯</t>
  </si>
  <si>
    <t>【世龙密封】聚四氟乙烯垫片\φ448×428×3mm 帯筋 聚四氟乙烯</t>
  </si>
  <si>
    <t>【世龙密封】聚四氟乙烯垫片\φ274×254×10mm 聚四氟乙烯</t>
  </si>
  <si>
    <t>【世龙密封】垫片\B22-900-1.6 火炬气加热器 4110-E002 国产</t>
  </si>
  <si>
    <t>【世龙密封】管箱垫片\EM1337-00-01 25 乙烯产品备用加热器 E660C 国产</t>
  </si>
  <si>
    <t>【世龙密封】管箱侧垫片\EM1337-00-01 4 乙烯产品备用加热器 E660C 国产</t>
  </si>
  <si>
    <t>【世龙密封】管箱侧垫片\EM1337-00-01 20 乙烯产品备用加热器 E660A 国产</t>
  </si>
  <si>
    <t>【世龙密封】管箱垫片\EM1337-00-01 22 乙烯产品备用加热器 E660A 国产</t>
  </si>
  <si>
    <t>【世龙密封】管箱垫片\EM1337-00-01 13 乙烯产品备用加热器 E660B 国产</t>
  </si>
  <si>
    <t>【世龙密封】管箱侧垫片\EM1337-00-01 11 乙烯产品备用加热器 E660B 国产</t>
  </si>
  <si>
    <t>【世龙密封】管箱侧垫片\ZSD2344-00 7 冷火炬气化器</t>
  </si>
  <si>
    <t>【世龙密封】管箱垫片\ZSD2344-00 6 冷火炬气化器</t>
  </si>
  <si>
    <t>【世龙密封】管箱侧垫片\PGE13059-00 4 碱洗塔进料预热器 BXU600 国产</t>
  </si>
  <si>
    <t>【世龙密封】管箱垫片\ZSD2343-00 4 乙烯精馏塔再沸器No.2</t>
  </si>
  <si>
    <t>【世龙密封】管箱侧垫片\ZSD2343-00 5 乙烯精馏塔再沸器No.2</t>
  </si>
  <si>
    <t>【世龙密封】管箱垫片\PGE13064-00-2 14 甲醇汽化器</t>
  </si>
  <si>
    <t>【世龙密封】管箱垫片\ZSD2341-05 29 脱乙烷塔冷凝器</t>
  </si>
  <si>
    <t>【世龙密封】管箱侧垫片\ERW13449-02 11-6 乙烯产品加热器No.1</t>
  </si>
  <si>
    <t>【世龙密封】管箱侧垫片\ZSD2341-00-01 28 脱乙烷塔冷凝器</t>
  </si>
  <si>
    <t>【世龙密封】管箱侧垫片\ERW13446-00 5 脱甲烷塔中间急冷器</t>
  </si>
  <si>
    <t>【世龙密封】管箱垫片\ERW13446-00 4 脱甲烷塔中间急冷器</t>
  </si>
  <si>
    <t>【世龙密封】管箱垫片\EM1335-00-01 5 丙烯气化器</t>
  </si>
  <si>
    <t>【世龙密封】管箱垫片\ERW13449-02 11-5 乙烯产品加热器No.1</t>
  </si>
  <si>
    <t>【世龙密封】管箱侧垫片\EM1335-00-01 6 丙烯气化器</t>
  </si>
  <si>
    <t>【世龙密封】管箱垫片\ZSD2339-00-01 18 脱丙烷塔冷凝器No.2</t>
  </si>
  <si>
    <t>【世龙密封】管箱垫片\EM1333-00-01 4 脱乙烷塔冷凝器</t>
  </si>
  <si>
    <t>【世龙密封】右管箱垫片\EM1330-00-01 11 丙烷清洗液1号急冷器</t>
  </si>
  <si>
    <t>【世龙密封】管箱侧垫片\ZSD2340-00-02 8 脱甲烷塔再沸器</t>
  </si>
  <si>
    <t>【世龙密封】管箱垫片\EM1329-00-01 2-0 脱丙烷塔冷凝器</t>
  </si>
  <si>
    <t>【世龙密封】管箱侧垫片\ERW13450-00 6 乙烯产品加热器No.2</t>
  </si>
  <si>
    <t>【世龙密封】管箱垫片\ERW13450-00 5 乙烯产品加热器No.2</t>
  </si>
  <si>
    <t>【世龙密封】管箱垫片\ERW13451-00 12 乙烯产品加热器No.3</t>
  </si>
  <si>
    <t>【世龙密封】左管箱垫片\EM1330-00-01 22 丙烷清洗液1号急冷器</t>
  </si>
  <si>
    <t>【世龙密封】管箱侧垫片\EM1333-00-0 5 脱乙烷塔冷凝器</t>
  </si>
  <si>
    <t>【世龙密封】管箱垫片\EM1328-00-01 2-0 干燥器进料急冷器</t>
  </si>
  <si>
    <t>【世龙密封】管箱侧垫片\EM1336-00-01 10 丙烯蒸汽过热器</t>
  </si>
  <si>
    <t>【世龙密封】管箱侧垫片\ERW13451-00 13 乙烯产品加热器No.3</t>
  </si>
  <si>
    <t>【世龙密封】管箱垫片\PGE13047-00 4 脱乙烷塔开车用再沸器</t>
  </si>
  <si>
    <t>【世龙密封】管箱垫片\PGE13053-00 4 脱丁烷塔蒸汽再沸器</t>
  </si>
  <si>
    <t>【世龙密封】管箱垫片\ERW13486-00 5 脱甲烷塔进料急冷器</t>
  </si>
  <si>
    <t>【世龙密封】管箱垫片\PGE13066-00 4 脱丙烷塔再沸器</t>
  </si>
  <si>
    <t>【世龙密封】管箱垫片\EM1336-00-01 11 丙烯蒸汽过热器</t>
  </si>
  <si>
    <t>【世龙密封】右管箱垫片\EL1339-00-01 22 碳四过热器</t>
  </si>
  <si>
    <t>【世龙密封】管箱垫片\ERW13448-01 4 尾气加热器#2</t>
  </si>
  <si>
    <t>【世龙密封】左管箱垫片\EL1339-00-01 13-0 碳四过热器</t>
  </si>
  <si>
    <t>【世龙密封】管箱垫片\EL1338-00-01 4-0 开车用碳四气化器</t>
  </si>
  <si>
    <t>【世龙密封】管箱垫片\ERW13447-00 5 尾气加热器#1</t>
  </si>
  <si>
    <t>【世龙密封】管箱垫片\PGE13041-00 3 烃液加热器</t>
  </si>
  <si>
    <t>【世龙密封】管箱垫片\PGE13046-00 4 乙炔转化器换热器</t>
  </si>
  <si>
    <t>【世龙密封】管箱垫片\PGE13065-00 2 常压凝液闪蒸罐冷凝器</t>
  </si>
  <si>
    <t>【世龙密封】管箱侧垫片\PGE13065-00 3 常压凝液闪蒸罐冷凝器</t>
  </si>
  <si>
    <t>【世龙密封】管箱垫片\PGE13044-00-5 干燥器换热器</t>
  </si>
  <si>
    <t>【世龙密封】管箱垫片\ZSD2345-00 6 冷火炬过热器</t>
  </si>
  <si>
    <t>【世龙密封】左管箱垫片\PGE13054-00-3 凝液冷却器</t>
  </si>
  <si>
    <t>【世龙密封】带定位环波齿复合垫片\φ1771×1700×1600×4.5mm</t>
  </si>
  <si>
    <t>【世龙密封】非石棉纤维橡胶垫片\φ639×603×3mm 非石棉纤维橡胶</t>
  </si>
  <si>
    <t>【世龙密封】非石棉纤维橡胶垫片\φ450×403×3mm 非石棉纤维橡胶</t>
  </si>
  <si>
    <t>【世龙密封】非石棉纤维橡胶垫片\φ215×185×3mm 非石棉纤维橡胶</t>
  </si>
  <si>
    <t>【世龙密封】换热器垫片\G13-500-1.6-2 JB T4719</t>
  </si>
  <si>
    <t>【世龙密封】内外环缠绕垫片\DN600 PN2.5 B2222 HG T20610</t>
  </si>
  <si>
    <t>【世龙密封】换热器垫片\G13-450-4.0-2A GB T29463.2</t>
  </si>
  <si>
    <t>【世龙密封】带外环缠绕垫\DN1150B 150LB C2220HG T20631</t>
  </si>
  <si>
    <t>【世龙密封】内外环缠绕垫片\DN100 150LB D2222 HG T20631</t>
  </si>
  <si>
    <t>【世龙密封】聚四氟乙烯垫片\DN40 PN25 RF 聚四氟乙烯 HG T20606</t>
  </si>
  <si>
    <t>【世龙密封】聚四氟乙烯垫片\DN50 PN25 RF 聚四氟乙烯 HG T20606</t>
  </si>
  <si>
    <t>【世龙密封】聚四氟乙烯垫片\DN25 PN25 RF 聚四氟乙烯 HG T20606</t>
  </si>
  <si>
    <t>【世龙密封】内外环缠绕垫\DN500 PN0.6 D2222 HG T20610</t>
  </si>
  <si>
    <t>【世龙密封】带内环缠绕垫\DN700 PN4.0 304+石墨+304 HG T47025</t>
  </si>
  <si>
    <t>【世龙密封】带内环缠绕垫\DN1000 PN1.6 304+石墨+304 HG T47025</t>
  </si>
  <si>
    <t>【世龙密封】非石棉纤维橡胶垫片\φ1715×615×1mm 非石棉纤维橡胶</t>
  </si>
  <si>
    <t>【世龙密封】非石棉纤维橡胶垫片\φ440×410×1mm 非石棉纤维橡胶</t>
  </si>
  <si>
    <t>【世龙密封】橡胶垫片\φ600×515×3mm 丁腈橡胶</t>
  </si>
  <si>
    <t>【世龙密封】橡胶垫片\φ963×871×2mm 丁腈橡胶</t>
  </si>
  <si>
    <t>【世龙密封】橡胶垫片\φ1300×1227×3mm 丁腈橡胶</t>
  </si>
  <si>
    <t>【世龙密封】橡胶垫片\φ1196×1125×3mm 丁腈橡胶</t>
  </si>
  <si>
    <t>【世龙密封】橡胶垫片\φ596×514×3mm 丁腈橡胶</t>
  </si>
  <si>
    <t>【世龙密封】橡胶垫片\φ1296×1227×3mm 丁腈橡胶</t>
  </si>
  <si>
    <t>【世龙密封】橡胶垫片\φ1343×1228×2mm 丁腈橡胶</t>
  </si>
  <si>
    <t>【世龙密封】橡胶垫片\φ1350×1227×3mm 丁腈橡胶</t>
  </si>
  <si>
    <t>【世龙密封】橡胶垫片\φ915×820×2mm 丁腈橡胶</t>
  </si>
  <si>
    <t>【世龙密封】橡胶垫片\φ589×515×2mm 丁腈橡胶</t>
  </si>
  <si>
    <t>【世龙密封】橡胶垫片\φ1240×1125×2mm 丁腈橡胶</t>
  </si>
  <si>
    <t>【世龙密封】橡胶垫片\φ940×820×3mm 丁腈橡胶</t>
  </si>
  <si>
    <t>【世龙密封】八角垫片\DN125 2500LB 10# HG T20633</t>
  </si>
  <si>
    <t>【世龙密封】基本型缠绕垫\φ750×720×5mm 304+石墨</t>
  </si>
  <si>
    <t>【世龙密封】基本型缠绕垫\φ635×605×5mm 304+石墨</t>
  </si>
  <si>
    <t>【世龙密封】基本型缠绕垫\φ985×960×5mm 304+石墨</t>
  </si>
  <si>
    <t>【世龙密封】基本型缠绕垫\φ840×830×5mm 304+石墨</t>
  </si>
  <si>
    <t>【世龙密封】基本型缠绕垫\φ620×590×5mm 304+石墨</t>
  </si>
  <si>
    <t>【世龙密封】基本型缠绕垫\φ880×830×5mm 304+石墨</t>
  </si>
  <si>
    <t>【世龙密封】基本型缠绕垫\φ550×530×5mm 304+石墨</t>
  </si>
  <si>
    <t>【世龙密封】内外环缠绕垫\2" 150LB 304+316+石墨+304 ASMEB16.20</t>
  </si>
  <si>
    <t>【世龙密封】带内环缠绕垫\DN700 PN2.5 304+石墨+304 NB T47025</t>
  </si>
  <si>
    <t>【世龙密封】带内环缠绕垫\DN100 PN100 304+石墨+304 JB T90</t>
  </si>
  <si>
    <t>【世龙密封】基本型缠绕垫\φ738×720×6.5mm 304+石墨</t>
  </si>
  <si>
    <t>【世龙密封】基本型缠绕垫\φ719×695×6.5mm 304+石墨</t>
  </si>
  <si>
    <t>【世龙密封】基本型缠绕垫\φ554×527×2mm 304+石墨</t>
  </si>
  <si>
    <t>【世龙密封】基本型缠绕垫\φ847×820×6.5mm 304+石墨</t>
  </si>
  <si>
    <t>【世龙密封】基本型缠绕垫\φ276×260×4.5mm 304+石墨</t>
  </si>
  <si>
    <t>【世龙密封】内外环缠绕垫\DN600 PN2.5 D22 NB T47025</t>
  </si>
  <si>
    <t>【世龙密封】齿形垫片\DN175 PN200 1Cr18Ni9Ti JB T88</t>
  </si>
  <si>
    <t>【世龙密封】齿形垫片\DN225 PN160 1Cr18Ni9Ti JB T88</t>
  </si>
  <si>
    <t>【世龙密封】齿形垫片\DN600 PN160 1Cr18Ni9Ti JB T88</t>
  </si>
  <si>
    <t>【世龙密封】齿形垫片\DN350 PN160 1Cr18Ni9Ti JB T88</t>
  </si>
  <si>
    <t>【世龙密封】齿形垫片\DN175 PN160 1Cr18Ni9Ti JB T88</t>
  </si>
  <si>
    <t>【世龙密封】基本型缠绕垫\φ375×350×4.5mm 304+石墨</t>
  </si>
  <si>
    <t>【世龙密封】基本型缠绕垫\DN300 PN16 304+石墨 HG T20610</t>
  </si>
  <si>
    <t>【世龙密封】基本型缠绕垫\φ50×37×3.2mm 304+石墨</t>
  </si>
  <si>
    <t>【世龙密封】基本型缠绕垫\DN250 PN25 304L+石墨 GB T4622</t>
  </si>
  <si>
    <t>【世龙密封】基本型缠绕垫\φ75×62×3.2mm 316+石墨</t>
  </si>
  <si>
    <t>【世龙密封】基本型缠绕垫\φ90×72×3.2mm 316+石墨</t>
  </si>
  <si>
    <t>【世龙密封】基本型缠绕垫\DN100 PN25 304+石墨 GB T4622</t>
  </si>
  <si>
    <t>【世龙密封】内外环缠绕垫\DN50 PN16 304+304+石墨+304 GB T4622</t>
  </si>
  <si>
    <t>【世龙密封】基本型缠绕垫\DN300 PN25 304L+石墨 GB T4622</t>
  </si>
  <si>
    <t>【世龙密封】基本型缠绕垫\φ220×194×4.5mm 316+石墨</t>
  </si>
  <si>
    <t>【世龙密封】基本型缠绕垫\φ64×52×3.2mm 316+石墨</t>
  </si>
  <si>
    <t>【世龙密封】基本型缠绕垫\φ55×42×3.2mm 304+石墨</t>
  </si>
  <si>
    <t>【世龙密封】基本型缠绕垫\φ95×79×3.2mm 304+石墨</t>
  </si>
  <si>
    <t>【世龙密封】基本型缠绕垫\φ125×103×3.2mm 304+石墨</t>
  </si>
  <si>
    <t>【世龙密封】基本型缠绕垫\φ150×123×3.2mm 304+石墨</t>
  </si>
  <si>
    <t>【世龙密封】基本型缠绕垫\φ160×133×3.2mm 304+石墨</t>
  </si>
  <si>
    <t>【世龙密封】基本型缠绕垫\φ130×108×3.2mm 304+石墨</t>
  </si>
  <si>
    <t>【世龙密封】基本型缠绕垫\φ175×148×3.2mm 304+石墨</t>
  </si>
  <si>
    <t>【世龙密封】基本型缠绕垫\φ185×158×3.2mm 304+石墨</t>
  </si>
  <si>
    <t>【世龙密封】基本型缠绕垫\φ295×269×4.5mm 304+石墨</t>
  </si>
  <si>
    <t>【世龙密封】基本型缠绕垫\φ100×82×3.2mm 304+石墨</t>
  </si>
  <si>
    <t>【世龙密封】基本型缠绕垫\φ115×98×3.2mm 304+石墨</t>
  </si>
  <si>
    <t>【世龙密封】基本型缠绕垫\φ450×425×4.5mm 304+石墨</t>
  </si>
  <si>
    <t>【世龙密封】基本型缠绕垫\φ500×475×4.5mm 304+石墨</t>
  </si>
  <si>
    <t>【世龙密封】基本型缠绕垫\φ170×143×3.2mm 304+石墨</t>
  </si>
  <si>
    <t>【世龙密封】基本型缠绕垫\φ180×153×3.2mm 304+石墨</t>
  </si>
  <si>
    <t>【世龙密封】基本型缠绕垫\φ195×168×3.2mm 304+石墨</t>
  </si>
  <si>
    <t>【世龙密封】基本型缠绕垫\φ200×173×3.2mm 304+石墨</t>
  </si>
  <si>
    <t>【世龙密封】基本型缠绕垫\φ205×199×4.5mm 304+石墨</t>
  </si>
  <si>
    <t>【世龙密封】基本型缠绕垫\φ205×179×4.5mm 304+石墨</t>
  </si>
  <si>
    <t>【世龙密封】基本型缠绕垫\φ235×209×4.5mm 304+石墨</t>
  </si>
  <si>
    <t>【世龙密封】基本型缠绕垫\φ250×224×4.5mm 304+石墨</t>
  </si>
  <si>
    <t>【世龙密封】基本型缠绕垫\φ270×244×4.5mm 304+石墨</t>
  </si>
  <si>
    <t>【世龙密封】基本型缠绕垫\φ285×254×4.5mm 304+石墨</t>
  </si>
  <si>
    <t>【世龙密封】基本型缠绕垫\φ305×280×4.5mm 304+石墨</t>
  </si>
  <si>
    <t>【世龙密封】基本型缠绕垫\φ330×305×4.5mm 304+石墨</t>
  </si>
  <si>
    <t>【世龙密封】基本型缠绕垫\φ355×330×4.5mm 304+石墨</t>
  </si>
  <si>
    <t>【世龙密封】基本型缠绕垫\φ400×375×4.5mm 304+石墨</t>
  </si>
  <si>
    <t>【世龙密封】基本型缠绕垫\φ42×30×3.2mm 304+石墨</t>
  </si>
  <si>
    <t>【世龙密封】基本型缠绕垫\φ135×113×3.2mm 304+石墨</t>
  </si>
  <si>
    <t>【世龙密封】基本型缠绕垫\φ340×315×4.5mm 304+石墨</t>
  </si>
  <si>
    <t>【世龙密封】基本型缠绕垫\φ395×370×4.5mm 304+石墨</t>
  </si>
  <si>
    <t>【世龙密封】基本型缠绕垫\φ365×340×4.5mm 304+石墨</t>
  </si>
  <si>
    <t>【世龙密封】基本型缠绕垫\φ345×320×4.5mm 304+石墨</t>
  </si>
  <si>
    <t>【方仕】夹克\M-XXXL\100%绵羊毛</t>
  </si>
  <si>
    <t>【方仕】夹克\M-XXXL\100%聚酯纤维</t>
  </si>
  <si>
    <t>【方仕】防风长衣\M-XXXL\100%聚酯纤维</t>
  </si>
  <si>
    <t>【方仕】防风长衣\M-XXXL\84.2%绵羊毛 15.3%桑蚕丝 0.5%其他纤维</t>
  </si>
  <si>
    <t>【方仕】夹克\M-XXXL\绵羊毛100%</t>
  </si>
  <si>
    <t>【方仕】马甲\M-XXXL\68%羊毛32%粘纤</t>
  </si>
  <si>
    <t>【方仕】防寒羽绒服\M-XXXL\49%绵羊毛47%聚酯纤维4%桑蚕丝</t>
  </si>
  <si>
    <t>【梅思安】V-Gard豪华型安全帽\V-Gard豪华型(带透气孔)ABS安全帽超爱戴帽衬D型下颏带\颜色白/黄/橙/红/蓝/湖蓝\ABS材质\不含印标\10172476</t>
  </si>
  <si>
    <t>梅思安（中国）安全设备有限公司</t>
  </si>
  <si>
    <t>梅思安</t>
  </si>
  <si>
    <t>WZSCCG-2020-BJ-2026</t>
  </si>
  <si>
    <t>国家能源e购商城梅思安防护用品长协采购铺货采购合同</t>
  </si>
  <si>
    <t>临沂新明辉安全科技有限公司</t>
  </si>
  <si>
    <t>【梅思安】V-Gard豪华型安全帽\V-Gard豪华型(带透气孔)ABS安全帽超爱戴帽衬D型下颏带\颜色白/黄/橙/红/蓝/湖蓝 \ABS材质\含印标\10172476-L</t>
  </si>
  <si>
    <t>【梅思安】V-Gard豪华型安全帽\V-Gard豪华型(带透气孔)ABS安全帽一指键帽衬D型下颏带\颜色白/黄/橙/红/蓝/湖蓝\ABS材质\不含印标\10146671</t>
  </si>
  <si>
    <t>【梅思安】V-Gard豪华型安全帽\V-Gard豪华型(带透气孔)ABS安全帽一指键帽衬D型下颏带\颜色白/黄/橙/红/蓝/湖蓝 \ABS材质\ 含印标\10146671-L</t>
  </si>
  <si>
    <t>【梅思安】V-Gard标准型安全帽\V-Gard标准型(不带透气孔)ABS安全帽超爱戴帽衬D型下颏带\颜色白/黄/橙/红/蓝/湖蓝\ABS材质\不含印标\10172879</t>
  </si>
  <si>
    <t>【梅思安】V-Gard标准型安全帽\V-Gard标准型(不带透气孔)ABS安全帽超爱戴帽衬D型下颏带\颜色白/黄/橙/红/蓝/湖蓝 \ABS材质\含印标\10172879-L</t>
  </si>
  <si>
    <t>【梅思安】V-Gard标准型安全帽\V-Gard标准型(不带透气孔)ABS安全帽一指键帽衬D型下颏带\颜色白/黄/橙/红/蓝/湖蓝\ABS材质\不含印标\10146506</t>
  </si>
  <si>
    <t>【梅思安】V-Gard标准型安全帽\V-Gard标准型(不带透气孔)ABS安全帽一指键帽衬D型下颏带\颜色白/黄/橙/红/蓝/湖蓝\ABS材质\含印标\10146506-L</t>
  </si>
  <si>
    <t>【梅思安】V-Gard豪华型安全帽\V-Gard豪华型(带透气孔)PE安全帽超爱戴帽衬D型下颏带\颜色白/黄/橙/红/蓝/湖蓝\PE材质\不含印标\10172512</t>
  </si>
  <si>
    <t>【梅思安】V-Gard豪华型安全帽\V-Gard豪华型(带透气孔)PE安全帽超爱戴帽衬D型下颏带\颜色白/黄/橙/红/蓝/湖蓝 \PE材质\含印标\10172542-L</t>
  </si>
  <si>
    <t>【梅思安】V-Gard豪华型安全帽\V-Gard豪华型(带透气孔)PE安全帽一指键帽衬D型下颏带\颜色白/黄/橙/红/蓝/湖蓝\PE材质\不含印标\10146611</t>
  </si>
  <si>
    <t>【梅思安】V-Gard豪华型安全帽\V-Gard豪华型(带透气孔)PE安全帽一指键帽衬D型下颏带\颜色白/黄/橙/红/蓝/湖蓝 \PE材质\含印标\10146611-L</t>
  </si>
  <si>
    <t>【梅思安】V-Gard标准型安全帽\V-Gard标准型(不带透气孔)PE安全帽超爱戴帽衬D型下颏带\颜色白/黄/橙/红/蓝/湖蓝\PE材质\不含印标\10172901</t>
  </si>
  <si>
    <t>【梅思安】V-Gard标准型安全帽\V-Gard标准型(不带透气孔)PE安全帽超爱戴帽衬D型下颏带\颜色白/黄/橙/红/蓝/湖蓝 \PE材质\含印标\10172901-L</t>
  </si>
  <si>
    <t>【梅思安】V-Gard标准型安全帽\V-Gard标准型(不带透气孔)PE安全帽一指键帽衬D型下颏带\颜色白/黄/橙/红/蓝/湖蓝\PE材质\不含印标\10146458</t>
  </si>
  <si>
    <t>【梅思安】V-Gard标准型安全帽\V-Gard标准型(不带透气孔)PE安全帽一指键帽衬D型下颏带\颜色白/黄/橙/红/蓝/湖蓝\PE材质\含印标\10146458-L</t>
  </si>
  <si>
    <t>【梅思安】超爱戴帽衬\PVC 吸汗带\用于ABS帽壳\聚乙烯\10180492</t>
  </si>
  <si>
    <t>【飞鹤】反光药物高筒靴\高筒G231\橡胶\纯棉内里</t>
  </si>
  <si>
    <t>鹤壁飞鹤股份有限公司</t>
  </si>
  <si>
    <t>飞鹤</t>
  </si>
  <si>
    <t>WZSCCG-2020-BJ-2011</t>
  </si>
  <si>
    <t>国能e购商城安全鞋长协采购铺货采购合同</t>
  </si>
  <si>
    <t>【飞鹤】反光药物半筒靴\半筒G231\橡胶\纯棉内里</t>
  </si>
  <si>
    <t>【飞鹤】电绝缘胶鞋6KV高筒矿工靴\高筒T211\橡胶\纯棉内里\绝缘</t>
  </si>
  <si>
    <t>【飞鹤】电绝缘胶靴35KV\半筒T134\橡胶\纯棉内里\绝缘</t>
  </si>
  <si>
    <t>【飞鹤】保护足趾防护高筒靴\高筒T215\橡胶\纯棉内里\防砸</t>
  </si>
  <si>
    <t>【飞鹤】多功能防护靴(黑亮白帮)\高筒T219\橡胶\纯棉内里\防砸 \防穿刺</t>
  </si>
  <si>
    <t>【飞鹤】多功能防护靴(全防护)\高筒T336\橡胶\纯棉内里\防砸 \防穿刺</t>
  </si>
  <si>
    <t>【飞鹤】多功能安全鞋\FH15-1207双密度PU底\头层牛皮\防砸\6KV绝缘\耐油\耐弱酸碱</t>
  </si>
  <si>
    <t>【飞鹤】多功能安全鞋\FH16-0101双密度PU底\头层牛皮\优质平毛\防砸\6KV绝缘\耐油\耐弱酸碱</t>
  </si>
  <si>
    <t>【飞鹤】多功能安全鞋\FH16-010M双密度PU底\头层牛皮\优质平毛\防砸\6KV绝缘\耐油\耐弱酸碱</t>
  </si>
  <si>
    <t>【飞鹤】多功能安全鞋\FH15-1207M双密度PU底\头层牛皮\优质平毛\防砸\6KV绝缘\耐油\耐弱酸碱</t>
  </si>
  <si>
    <t>【华为】华为AR6300中端路由器设备(含辅材)</t>
  </si>
  <si>
    <t>华为技术有限公司（路由器）</t>
  </si>
  <si>
    <t>华为</t>
  </si>
  <si>
    <t>WZSCCG-2020-BJ-2046</t>
  </si>
  <si>
    <t>IT专区华为路由器设备商品铺货采购协议</t>
  </si>
  <si>
    <t>神华信息技术有限公司</t>
  </si>
  <si>
    <t>【华为】华为NetEngine 8000 M8高端路由器设备(含辅材)</t>
  </si>
  <si>
    <t>【华为】华为AR6300中端路由器设备+服务包(含辅材)</t>
  </si>
  <si>
    <t>【华为】华为NetEngine 8000 M8高端路由器设备+服务包(含辅材)</t>
  </si>
  <si>
    <t>【新华三】新华三MSR5620低端路由/防火墙合一设备(含辅材)</t>
  </si>
  <si>
    <t>新华三技术有限公司（路由器）</t>
  </si>
  <si>
    <t>新华三</t>
  </si>
  <si>
    <t>WZSCCG-2020-BJ-2048</t>
  </si>
  <si>
    <t>IT专区新华三路由器设备商品铺货采购协议</t>
  </si>
  <si>
    <t>北京华电天仁电力控制技术有限公司</t>
  </si>
  <si>
    <t>【新华三】新华三MSR5660中端路由器设备(含辅材)</t>
  </si>
  <si>
    <t>【新华三】新华三SR6604高端路由器设备(含辅材)</t>
  </si>
  <si>
    <t>【天融信】天融信NGFW4000-UF（NG-5228-gy）中端防火墙设备(含辅材)</t>
  </si>
  <si>
    <t>北京天融信网络安全技术有限公司（防火墙）</t>
  </si>
  <si>
    <t>天融信</t>
  </si>
  <si>
    <t>WZSCCG-2020-BJ-2054</t>
  </si>
  <si>
    <t>IT专区天融信防火墙设备商品铺货采购协议</t>
  </si>
  <si>
    <t>北京天融信网络安全技术有限公司</t>
  </si>
  <si>
    <t>【天融信】天融信NGFW4000-UF（NG-8168-gy）高端防火墙设备(含辅材)</t>
  </si>
  <si>
    <t>【天融信】天融信NGFW4000-UF（NG-5228-gy）中端防火墙设备+服务包(含辅材)</t>
  </si>
  <si>
    <t>【天融信】天融信NGFW4000-UF（NG-8168-gy）高端防火墙设备+服务包(含辅材)</t>
  </si>
  <si>
    <t>【华为】华为USG6585E中端防火墙设备(含辅材)</t>
  </si>
  <si>
    <t>华为技术有限公司（防火墙）</t>
  </si>
  <si>
    <t>WZSCCG-2020-BJ-2050</t>
  </si>
  <si>
    <t>IT专区华为防火墙设备商品铺货采购协议</t>
  </si>
  <si>
    <t>【华为】华为USG6655E高端防火墙设备(含辅材)</t>
  </si>
  <si>
    <t>【华为】华为	USG6585E中端防火墙设备+服务包(含辅材)</t>
  </si>
  <si>
    <t>【华为】华为USG6655E高端防火墙设备+服务包(含辅材)</t>
  </si>
  <si>
    <t>【新华三】新华三F1070中端防火墙设备(含辅材)</t>
  </si>
  <si>
    <t>新华三技术有限公司（防火墙）</t>
  </si>
  <si>
    <t>WZSCCG-2020-BJ-2052</t>
  </si>
  <si>
    <t>IT专区新华三防火墙设备商品铺货采购协议</t>
  </si>
  <si>
    <t>【新华三】新华三F5030高端防火墙设备(含辅材)</t>
  </si>
  <si>
    <t>【新华三】新华三F1070中端防火墙设备+服务包(含辅材)</t>
  </si>
  <si>
    <t>【新华三】新华三F5030高端防火墙设备+服务包(含辅材)</t>
  </si>
  <si>
    <t>【新华三】新华三MSR5620低端路由/防火墙合一设备+服务包(含辅材)</t>
  </si>
  <si>
    <t>【新华三】新华三MSR5660中端路由器设备+服务包(含辅材)</t>
  </si>
  <si>
    <t>【新华三】新华三SR6604高端路由器设备+服务包(含辅材)</t>
  </si>
  <si>
    <t>【飞鹤】多功能安全鞋\FH16-0308双密度PU底\优质翻毛皮\防砸\6KV绝缘\耐油\耐弱酸碱</t>
  </si>
  <si>
    <t>【飞鹤】多功能安全鞋\FH16-0309双密度PU底\头层牛皮\防砸\6KV绝缘\耐油\耐弱酸碱</t>
  </si>
  <si>
    <t>【飞鹤】多功能安全鞋\FH16-0311双密度PU底\优质翻毛皮\防砸\6KV绝缘\耐油\耐弱酸碱</t>
  </si>
  <si>
    <t>【飞鹤】多功能安全鞋\HF16-0317橡胶底\优质牛巴皮\防砸\6KV绝缘\耐油\耐弱酸碱</t>
  </si>
  <si>
    <t>【飞鹤】多功能安全鞋\FH16-0313双密度PU底\优质牛巴皮\防砸\6KV绝缘\耐油\耐弱酸碱</t>
  </si>
  <si>
    <t>【飞鹤】多功能安全鞋\FH16-0314橡胶底\优质牛巴皮\防砸\6KV绝缘\耐油\耐弱酸碱</t>
  </si>
  <si>
    <t>【飞鹤】多功能安全鞋\HF16-0318橡胶底\优质牛巴皮\防砸\6KV绝缘\耐油\耐弱酸碱</t>
  </si>
  <si>
    <t>【飞鹤】多功能安全鞋\FH-1101橡胶底\优质翻毛皮\防砸\6KV绝缘\耐油\耐弱酸碱</t>
  </si>
  <si>
    <t>【霍尼韦尔】7200LC硅胶防尘半面罩套装\7200LC\7200系列硅胶防尘半面罩套装\带滤棉承接座</t>
  </si>
  <si>
    <t>霍尼韦尔安全防护设备（上海）有限公司</t>
  </si>
  <si>
    <t>霍尼韦尔</t>
  </si>
  <si>
    <t>WZSCCG-2020-BJ-2025</t>
  </si>
  <si>
    <t>国家能源e购商城霍尼韦尔劳保长协采购铺货合同</t>
  </si>
  <si>
    <t>陕西蓝蜜蜂实业有限公司</t>
  </si>
  <si>
    <t>【霍尼韦尔】72N95颗粒物滤棉\72N95\用于7200防尘半面罩</t>
  </si>
  <si>
    <t>【霍尼韦尔】7200L硅胶半面罩\7200L\7200系列硅胶半面罩</t>
  </si>
  <si>
    <t>【霍尼韦尔】72N95C颗粒物有机蒸汽滤棉\72N95C\用于7200防尘半面罩</t>
  </si>
  <si>
    <t>【霍尼韦尔】72CV滤棉承接座\72CV\用于7200系列半面罩</t>
  </si>
  <si>
    <t>【霍尼韦尔】72001CN有机蒸气滤毒盒\72001CN\7200系列有机蒸气滤毒盒</t>
  </si>
  <si>
    <t>【霍尼韦尔】72002CN酸性气体滤毒盒\72002CN\7200系列酸性气体滤毒盒</t>
  </si>
  <si>
    <t>【霍尼韦尔】72P1预过滤棉\72P1\预过滤棉\P1等级\与72001CN配合使用</t>
  </si>
  <si>
    <t>【霍尼韦尔】720027CN预过滤棉盖\720027CN\预过滤棉盖\与72001CN或72002CN及72P1配合使用</t>
  </si>
  <si>
    <t>【霍尼韦尔】750030M硅胶半面罩\750030M\7500系列硅胶半面罩(大/中号)</t>
  </si>
  <si>
    <t>【霍尼韦尔】550050M橡胶半面罩\550050M\5500系列橡胶半面罩\舒适型(大/中号)</t>
  </si>
  <si>
    <t>【霍尼韦尔】75001CN有机蒸汽滤盒\75001CN\7500系列有机蒸气滤毒盒</t>
  </si>
  <si>
    <t>【霍尼韦尔】75FFP100CN高效颗粒物滤棉\75FFP100CN\P100高效颗粒物滤棉\KP100级别</t>
  </si>
  <si>
    <t>【霍尼韦尔】75FFP100CN长效颗粒物滤棉\7506N95CN\长效颗粒物过滤棉\KN95级别</t>
  </si>
  <si>
    <t>【霍尼韦尔】750027CN滤棉盖\750027CN\与7506N95CN或7506N99配合使用</t>
  </si>
  <si>
    <t>【霍尼韦尔】770030M硅胶半面罩\770030M\双滤盒硅胶半面罩(中号)</t>
  </si>
  <si>
    <t>【霍尼韦尔】54001全面罩\54001\双滤盒弹性橡胶全面罩(大号/ 中号)</t>
  </si>
  <si>
    <t>【霍尼韦尔】75SC多用滤毒盒\75SC\Defender多用滤毒盒\防护有机气体\酸性\碱性\硫化氢(逃生)</t>
  </si>
  <si>
    <t>【霍尼韦尔】N75001有机蒸汽滤毒盒\N75001\有机蒸汽滤毒盒</t>
  </si>
  <si>
    <t>【霍尼韦尔】N75002酸性气体滤毒盒\N75002\酸性气体滤毒盒</t>
  </si>
  <si>
    <t>【霍尼韦尔】N75003有机蒸汽酸性气体滤毒盒\N75003\有机蒸汽\酸性气体滤毒盒</t>
  </si>
  <si>
    <t>【霍尼韦尔】N75004碱性气体滤毒盒\N75004\碱性气体滤毒盒</t>
  </si>
  <si>
    <t>【霍尼韦尔】75SCP100综合气体滤毒盒\75SCP100\综合气体防护滤毒盒\带 P100滤棉</t>
  </si>
  <si>
    <t>【霍尼韦尔】7580P100防尘滤棉\7580P100\P100防尘滤棉</t>
  </si>
  <si>
    <t>【霍尼韦尔】N750015滤棉底座\N750015\7506N95或7506N99滤棉底座</t>
  </si>
  <si>
    <t>【霍尼韦尔】7200L半面罩尘毒四合一套装\7200L尘毒组合\7200L半面罩+72001CN有机蒸汽滤毒盒+72P1滤棉\720027CN滤棉盖</t>
  </si>
  <si>
    <t>【霍尼韦尔】5500半面罩尘毒组合套装\5500尘毒组合\550050M橡胶半面罩+75001CN有机蒸汽滤毒盒+7506N95CN滤棉+750027CN滤棉盖</t>
  </si>
  <si>
    <t>【霍尼韦尔】7700半面罩尘毒组合套装\7700尘毒组合\770030M硅胶半面罩+75001CN有机蒸汽滤毒盒+7506N95CN滤棉+750027CN滤棉盖</t>
  </si>
  <si>
    <t>【霍尼韦尔】NMX6601保护足趾橡胶靴\NMX660\保护足趾\橡胶靴</t>
  </si>
  <si>
    <t>【霍尼韦尔】NMX6602保护足趾防刺穿橡胶靴\NMX660\保护足趾\防穿刺\橡胶靴</t>
  </si>
  <si>
    <t>【霍尼韦尔】NMX6603保护足趾电绝缘橡胶靴\NMX660\保护足趾\15KV绝缘\橡胶靴</t>
  </si>
  <si>
    <t>【霍尼韦尔】NMX880P重型矿工靴\NMX880Plus工矿靴\保护足趾\跖骨防护\可调节系带</t>
  </si>
  <si>
    <t>【霍尼韦尔】NMX960重型工矿靴\NMX960工矿靴\保护足趾\跖骨防护\可调节系带</t>
  </si>
  <si>
    <t>【霍尼韦尔】Miller矿工腰带\Miller矿工腰带 \多功能型矿工安全带\铝合金快插扣\带手提袋</t>
  </si>
  <si>
    <t>【霍尼韦尔】DL-32A双挂点安全带\DL-32A\DL双挂点全身式安全带带背部D型环和胸前D型环</t>
  </si>
  <si>
    <t>【霍尼韦尔】DL-37A三挂点安全带\DL-37A\DL三挂点全身式安全带带背部D型环和胸前D型环\腰部定位环及定位腰带</t>
  </si>
  <si>
    <t>【霍尼韦尔】DL-42A全身性安全带\DL-42A\Dual-U结构三挂点全身式安全带带背部D型环和胸前D型环\腰部定位环及定位腰带\坠落指示器</t>
  </si>
  <si>
    <t>【霍尼韦尔】DL-C2集成式安全带\DL-C2单挂点集成式安全带中号\配1.2 米双挂钩缓冲系绳</t>
  </si>
  <si>
    <t>【霍尼韦尔】DL-61缓冲系绳\DL-61\三股绳缓冲系绳绳直径12毫米\配1个锚点端脚手架挂钩\1个安全带端安全钩\2米</t>
  </si>
  <si>
    <t>【霍尼韦尔】DL-62双叉缓冲系绳\DL-62\三股绳双叉缓冲系绳\绳直径12毫米\配有2个锚点端脚手架钩\1个安全带端安全钩\1.2米</t>
  </si>
  <si>
    <t>【霍尼韦尔】Falcon1016795坠落制动器\Falcon坠落制动器6米长度织带\配有1个万向安全钩和1个安全钩\产品重量1.58公斤</t>
  </si>
  <si>
    <t>【霍尼韦尔】1005041铝制三脚架\1005041铝制三角架配有一个中央锚点和一个侧方锚点\配有一个不锈钢单滑轮\最大安全负载136公斤\产品高度2.1米\重量15公斤</t>
  </si>
  <si>
    <t>【霍尼韦尔】1005042三脚架绞盘\1005042Manhandler®绞盘\长度20米\直径4.8毫米钢缆\带坠落指示器\内置安装支架\配有一个万向抓钩\重量19公斤</t>
  </si>
  <si>
    <t>【霍尼韦尔】F1安全鞋\防静电\保护足趾\安全鞋\F12017801L</t>
  </si>
  <si>
    <t>【霍尼韦尔】F1安全鞋\防静电\保护足趾\防刺穿\低帮安全鞋\F12017802L</t>
  </si>
  <si>
    <t>【霍尼韦尔】F1安全鞋\电绝缘\低帮安全鞋\F12017803L</t>
  </si>
  <si>
    <t>【霍尼韦尔】JET系列轻便安全鞋\JET防静电\保护足趾\06款安全鞋\BC2018601</t>
  </si>
  <si>
    <t>【霍尼韦尔】JET系列轻便安全鞋\JET防静电\保护足趾\非金属防刺穿\06款安全鞋\BC2018602</t>
  </si>
  <si>
    <t>【霍尼韦尔】JET系列轻便安全鞋\JET电绝缘\保护足趾\06款安全鞋\BC2018603</t>
  </si>
  <si>
    <t>【霍尼韦尔】S200G安全眼镜\S200G透明镜片\静谧蓝镜框\防雾</t>
  </si>
  <si>
    <t>【霍尼韦尔】S200G安全眼镜\S200G透色镜片\活力橙镜框\防雾</t>
  </si>
  <si>
    <t>【霍尼韦尔】JN230丁腈涂层手套\经济型\光面丁腈涂层涤纶工作手套</t>
  </si>
  <si>
    <t>【霍尼韦尔】YU138乳胶涂层手套\经济型\天然乳胶涂层涤纶工作手套</t>
  </si>
  <si>
    <t>【霍尼韦尔】H910Plus口罩\KN95折叠式口罩\白色\耳带式</t>
  </si>
  <si>
    <t>【霍尼韦尔】H910Plus口罩\KN95折叠式口罩白色\头带式</t>
  </si>
  <si>
    <t>【梅思安】超爱戴帽衬\针织布吸汗带\用于ABS帽壳\聚乙烯\10180494</t>
  </si>
  <si>
    <t>【梅思安】一指键帽衬\PVC吸汗带\用于ABS帽壳\聚乙烯\10146322-SP</t>
  </si>
  <si>
    <t>【梅思安】一指键帽衬\针织布吸汗带\用于ABS帽壳\聚乙烯\10146323-SP</t>
  </si>
  <si>
    <t>【梅思安】D型下颏带\挂片式\与帽衬相连\日字扣调节\织带\9100008-SP</t>
  </si>
  <si>
    <t>【梅思安】PC透明防面屏\需与梅思安安全帽及框架配合使用\防止高速物体冲击及紫外线辐射\聚碳酸酯\10115836</t>
  </si>
  <si>
    <t>【梅思安】面屏框架\需与梅思安安全帽及框架配合使用\防止高速物体冲击及紫外线辐射\塑料材质\10121266</t>
  </si>
  <si>
    <t>【梅思安】下颌罩\与面屏组合\塑料材质\10115827</t>
  </si>
  <si>
    <t>【梅思安】PC透明面屏\PC材质\透明面屏\可配下颌罩\聚碳酸酯\10115837</t>
  </si>
  <si>
    <t>【梅思安】透明防化面屏\聚醋酸酯材质\透明面屏\防雾防刮擦\聚醋酸酯\10115839</t>
  </si>
  <si>
    <t>【梅思安】透明防化面屏\聚醋酸酯材质\透明面屏\防雾防刮擦\可配下颌罩\聚醋酸酯\10115856</t>
  </si>
  <si>
    <t>【梅思安】头盔式超轻耳罩\需与梅思安安全帽配合使用\SNR：25db\酸醛塑料\SOR14012</t>
  </si>
  <si>
    <t>【梅思安】头盔式卓越型耳罩\需与梅思安安全帽配合使用\SNR：26db\酸醛塑料\SOR10012</t>
  </si>
  <si>
    <t>【梅思安】头盔式高舒耳罩\需与梅思安安全帽配合使用\SNR：31db\酸醛塑料\SOR12012</t>
  </si>
  <si>
    <t>【梅思安】威护防护眼镜\透明防雾镜片\透明镜脚\聚碳酸酯\10203293</t>
  </si>
  <si>
    <t>【梅思安】威护防护眼镜\黑色防雾镜片\黑色镜脚\聚碳酸酯\10203294</t>
  </si>
  <si>
    <t>【梅思安】威护防护眼罩\透明防雾镜片\可调超宽头带\聚碳酸酯\10203291</t>
  </si>
  <si>
    <t>【梅思安】新宾特防护眼镜\透明镜框\透明防雾镜片\可兼容矫视眼镜\聚碳酸酯\10113968</t>
  </si>
  <si>
    <t>【梅思安】杰纳斯- AC防护眼镜\黑色镜框\透明镜片\聚碳酸酯\10108428</t>
  </si>
  <si>
    <t>【梅思安】杰纳斯- AG防护眼镜\黑色镜框\灰色镜片\聚碳酸酯\10108429</t>
  </si>
  <si>
    <t>【梅思安】Arctic防护眼镜\透明镜框\透明镜片\聚碳酸酯\697514</t>
  </si>
  <si>
    <t>【梅思安】Arctic防护眼镜\灰色镜框\灰色镜片\聚碳酸酯\697515</t>
  </si>
  <si>
    <t>【梅思安】ChemPro防护眼罩\HTPE超柔软白色框架\防雾防刮\透明聚碳酸酯镜片\间接透气孔\聚碳酸酯\10108427</t>
  </si>
  <si>
    <t>【梅思安】E-Gard防护眼罩\透明框架\多孔\透明聚碳酸酯镜片\聚碳酸酯\9913221</t>
  </si>
  <si>
    <t>【梅思安】轻巧星全身式安全带\快速收腿带\背部D型环\中号\聚酯织带\镀锌合金钢金属件\10128052</t>
  </si>
  <si>
    <t>【梅思安】轻巧星单腿吸震绳\单腿吸震绳\2M长度\55mm开口挂钩\聚酯织带\镀锌合金钢金属件\10128058</t>
  </si>
  <si>
    <t>【梅思安】轻巧星双腿吸震绳\双腿\两个55mm开口挂钩\1.2m长\聚酯织带\镀锌合金钢金属件\10128059</t>
  </si>
  <si>
    <t>【梅思安】轻巧星腰带\两侧D型环\腰部衬垫\聚酯织带\镀锌合金钢金属件\10128061</t>
  </si>
  <si>
    <t>【梅思安】沃克曼速差自控器\9米镀锌钢缆\铸铝外壳\镀锌钢缆\10126174</t>
  </si>
  <si>
    <t>【梅思安】Advantage200LS半面罩呼吸器\中号\双滤片\热塑弹性体TPE材料\10120785</t>
  </si>
  <si>
    <t>【梅思安】P100列表型滤片\防尘效率超过99%\圆形塑料列表形状滤片\塑料材质\815369-CN</t>
  </si>
  <si>
    <t>【梅思安】GMA滤片\防有机蒸气\配优越系列面罩用\塑料材质\10120742</t>
  </si>
  <si>
    <t>【梅思安】GMA-P100滤片\防有机蒸气\防尘效率P100\配优越系列面罩用\塑料材质\10120748</t>
  </si>
  <si>
    <t>【梅思安】GMC-P100滤片\防有机蒸气\酸性气体\防尘效率P100\配优越系列面罩用\塑料材质\10120750</t>
  </si>
  <si>
    <t>【梅思安】GME滤片\防多种毒气\配优越系列面罩用\塑料材质\10120746</t>
  </si>
  <si>
    <t>【梅思安】GME-P100滤片\防多种毒气\防尘效率P100\配优越系列面罩用\塑料材质\10120762</t>
  </si>
  <si>
    <t>【梅思安】Advantage410半面罩呼吸器\中号\单滤罐\硅胶材料\硅胶材料\10146379</t>
  </si>
  <si>
    <t>【梅思安】宽视野全面罩Auer3SBasic\Hycar材质\中号\Hycar材料\D2055790-CN</t>
  </si>
  <si>
    <t>【梅思安】过滤罐90AB\防有机蒸气无机气体A2B2\铝制材料\10098113-CN</t>
  </si>
  <si>
    <t>【梅思安】过滤罐90ABEK2\防综合气体A2B2E2K2\铝制材料\10098112-CN</t>
  </si>
  <si>
    <t>【梅思安】过滤罐92ABEK2/St\防综合气体和粉尘A2B2E2K2P2\铝制材料\10097996-CN</t>
  </si>
  <si>
    <t>【梅思安】过滤罐93ABEK-CO-NO-Hg/St\防综合气体\Hg\一氧化碳\一氧化氮和粉尘\A1B2E2K1CONOHg-P3\铝制材料\10160507-CN</t>
  </si>
  <si>
    <t>【戴尔】图形工作站/Precision T5820/intel xeon W-2102/16G/固态256G/独显P620/23.8英寸/Windows10 Pro专业版/3年质保</t>
  </si>
  <si>
    <t>【戴尔】图形工作站/Precision T7820/2颗intel xeon 3104/32G/固态256G/独显P1000/23.8英寸/Windows10 Pro专业版/3年质保</t>
  </si>
  <si>
    <t>【戴尔】图形工作站/Precision T7820/2颗intel xeon 4110/64G/固态256G+机械2T/独显P2000/23.8英寸/Windows10 Pro专业版/3年质保</t>
  </si>
  <si>
    <t>【戴尔】图形工作站/Precision T7820/2颗intel xeon 5120/128G/固态256G+机械2T/独显RTX4000/23.8英寸/Windows10 Pro专业版/3年质保</t>
  </si>
  <si>
    <t>【戴尔】移动图形工作站/Precision M5540/i7/16G/固态512G/独显T1000/15.6英寸/Windows10 Pro专业版/3年质保</t>
  </si>
  <si>
    <t>【戴尔】瘦客户机/Wyse 3040/1.44四核心/2G/16G/THIN OS linux/3年质保</t>
  </si>
  <si>
    <t>【联想】笔记本电脑/ThinkPad L490/i5/8G/固态512G/集显/Windows 10 home/3年原厂质保</t>
  </si>
  <si>
    <t>联想（北京）有限公司</t>
  </si>
  <si>
    <t>联想</t>
  </si>
  <si>
    <t>WZSCCG-2020-BJ-2001</t>
  </si>
  <si>
    <t>IT专区联想办公电脑及配件商品铺货采购协议</t>
  </si>
  <si>
    <t>【联想】笔记本电脑/ThinkPad L490/i5/8G/固态512G/集显/Windows 10 Pro专业版/3年原厂质保</t>
  </si>
  <si>
    <t>【联想】笔记本电脑/ThinkPad L490/i7/8G/固态512G/集显/Windows 10 home/3年原厂质保</t>
  </si>
  <si>
    <t>【联想】笔记本电脑/ThinkPad L490/i7/8G/固态512G/集显/Windows 10 Pro专业版/3年原厂质保</t>
  </si>
  <si>
    <t>【联想】台式机主机/启天M420/i5/4G/1T机械/集显/无光驱/无显示器/Windows 10 home/3年原厂质保</t>
  </si>
  <si>
    <t>【联想】台式机主机/启天M420/i5/4G/1T机械/集显/无光驱/无显示器/Windows 10 Pro专业版/3年原厂质保</t>
  </si>
  <si>
    <t>【联想】台式机主机/启天M420/i5/8G/128固态+1T机械/集显/无光驱/无显示器/Windows 10 home/3年原厂质保</t>
  </si>
  <si>
    <t>【联想】台式机主机/启天M420/i5/8G/128固态+1T机械/集显/无光驱/无显示器/Windows 10 Pro专业版/3年原厂质保</t>
  </si>
  <si>
    <t>【联想】台式机主机/启天M620/i5/16G/128固态+1T机械/集显/无光驱/无显示器/Windows 10 home/3年原厂质保</t>
  </si>
  <si>
    <t>【联想】台式机主机/启天M620/i5/16G/128固态+1T机械/集显/无光驱/无显示器/Windows 10 Pro专业版/3年原厂质保</t>
  </si>
  <si>
    <t>【联想】台式机主机/ThinkCentre M720t/i5/16G/128固态+1T机械/2G独显/无光驱/无显示器/Windows 10 home/3年原厂质保</t>
  </si>
  <si>
    <t>【联想】台式机主机/ThinkCentre M720t/i5/16G/128固态+1T机械/2G独显/无光驱/无显示器/Windows 10 Pro专业版/3年原厂质保</t>
  </si>
  <si>
    <t>【联想】台式机主机/ThinkCentre M920t/i7/8G/128固态+1T机械/2G独显/无光驱/无显示器/Windows 10 home/3年原厂质保</t>
  </si>
  <si>
    <t>【联想】台式机主机/ThinkCentre M920t/i7/8G/128固态+1T机械/2G独显/无光驱/无显示器/Windows 10 Pro专业版/3年原厂质保</t>
  </si>
  <si>
    <t>【联想】台式机主机/ThinkCentre M920t/i7/16G/256固态+1T机械/4G独显/无光驱/无显示器/Windows 10 home/3年原厂质保</t>
  </si>
  <si>
    <t>【联想】台式机主机/ThinkCentre M920t/i7/16G/256固态+1T机械/4G独显/无光驱/无显示器/Windows 10 Pro专业版/3年原厂质保</t>
  </si>
  <si>
    <t>【联想】台式机电脑/启天M420/i5/4G/1T机械/21.5英寸显示器/无光驱/集显/Windows 10 home/3年原厂质保</t>
  </si>
  <si>
    <t>【联想】台式机电脑/启天M420/i5/4G/1T机械/21.5英寸显示器/无光驱/集显/Windows 10 home/5年原厂质保</t>
  </si>
  <si>
    <t>【联想】台式机电脑/启天M420/i5/4G/1T机械/21.5英寸显示器/无光驱/集显/Windows 10 Pro专业版/3年原厂质保</t>
  </si>
  <si>
    <t>【联想】台式机电脑/启天M420/i5/4G/1T机械/21.5英寸显示器/无光驱/集显/Windows 10 Pro专业版/5年原厂质保</t>
  </si>
  <si>
    <t>【联想】台式机电脑/启天M420/i5/8G/128固态+1T机械/21.5英寸显示器/无光驱/集显/Windows 10 home/3年原厂质保/现货</t>
  </si>
  <si>
    <t>【联想】台式机电脑/启天M420/i5/8G/128固态+1T机械/21.5英寸显示器/无光驱/集显/Windows 10 home/5年原厂质保</t>
  </si>
  <si>
    <t>【联想】台式机电脑/启天M420/i5/8G/128固态+1T机械/21.5英寸显示器/无光驱/集显/Windows 10 Pro专业版/3年原厂质保/现货</t>
  </si>
  <si>
    <t>【联想】台式机电脑/启天M420/i5/8G/128固态+1T机械/21.5英寸显示器/无光驱/集显/Windows 10 Pro专业版/5年原厂质保</t>
  </si>
  <si>
    <t>【联想】台式机电脑/启天M620/i5/16G/128固态+1T机械/23.8英寸显示器/无光驱/集显/Windows 10 home/3年原厂质保/现货</t>
  </si>
  <si>
    <t>【联想】台式机电脑/启天M620/i5/16G/128固态+1T机械/23.8英寸显示器/无光驱/集显/Windows 10 home/5年原厂质保</t>
  </si>
  <si>
    <t>【联想】台式机电脑/启天M620/i5/16G/128固态+1T机械/23.8英寸显示器/无光驱/集显/Windows 10 Pro专业版/3年原厂质保</t>
  </si>
  <si>
    <t>【联想】台式机电脑/启天M620/i5/16G/128固态+1T机械/23.8英寸显示器/无光驱/集显/Windows 10 Pro专业版/5年原厂质保</t>
  </si>
  <si>
    <t>【联想】台式机电脑/ThinkCentre M720t/i5/16G/128固态+1T机械/23.8英寸显示器/无光驱/2G独显/Windows 10 home/3年原厂质保/现货</t>
  </si>
  <si>
    <t>【联想】台式机电脑/ThinkCentre M720t/i5/16G/128固态+1T机械/23.8英寸显示器/无光驱/2G独显/Windows 10 home/5年原厂质保</t>
  </si>
  <si>
    <t>【联想】台式机电脑/ThinkCentre M720t/i5/16G/128固态+1T机械/23.8英寸显示器/无光驱/2G独显/Windows 10 Pro专业版/3年原厂质保/现货</t>
  </si>
  <si>
    <t>【联想】台式机电脑/ThinkCentre M720t/i5/16G/128固态+1T机械/23.8英寸显示器/无光驱/2G独显/Windows 10 Pro专业版/5年原厂质保</t>
  </si>
  <si>
    <t>【联想】台式机电脑/ThinkCentre M920t/i7/8G/128固态+1T机械/23.8英寸显示器/无光驱/2G独显/Windows 10 home/3年原厂质保/现货</t>
  </si>
  <si>
    <t>【联想】台式机电脑/ThinkCentre M920t/i7/8G/128固态+1T机械/23.8英寸显示器/无光驱/2G独显/Windows 10 home/5年原厂质保</t>
  </si>
  <si>
    <t>【联想】台式机电脑/ThinkCentre M920t/i7/8G/128固态+1T机械/23.8英寸显示器/无光驱/2G独显/Windows 10 Pro专业版/5年原厂质保</t>
  </si>
  <si>
    <t>【联想】台式机电脑/ThinkCentre M920t联想//i7/16G/256固态+1T机械/27英寸2K显示器/无光驱/4G独显/Windows 10 home/3年原厂质保/现货</t>
  </si>
  <si>
    <t>【联想】台式机电脑/ThinkCentre M920t联想//i7/16G/256固态+1T机械/27英寸2K显示器/无光驱/4G独显/Windows 10 home/5年原厂质保</t>
  </si>
  <si>
    <t>【联想】台式机电脑/ThinkCentre M920t联想//i7/16G/256固态+1T机械/27英寸2K显示器/无光驱/4G独显/Windows 10 Pro专业版/3年原厂质保</t>
  </si>
  <si>
    <t>【联想】台式机电脑/ThinkCentre M920t联想//i7/16G/256固态+1T机械/27英寸2K显示器/无光驱/4G独显/Windows 10 Pro专业版/5年原厂质保/现货</t>
  </si>
  <si>
    <t>【3M】防护眼镜\防雾防刮擦 XH000398665</t>
  </si>
  <si>
    <t>【3M】防护眼镜\透明镜片防雾 XH000398624</t>
  </si>
  <si>
    <t>【3M】耳塞\带线SNR25dB XA006458187</t>
  </si>
  <si>
    <t>【3M】高效颗粒物滤棉\KP100 XA010015635</t>
  </si>
  <si>
    <t>【3M】3200半面具+3700滤棉承接座套装\XH003870223</t>
  </si>
  <si>
    <t>【3M】颗粒物滤棉\KN95 XH003815210</t>
  </si>
  <si>
    <t>【3M】滤毒盒\防护有机蒸气及酸性气体 XH003864473</t>
  </si>
  <si>
    <t>【3M】全面具\中号 XH003897598</t>
  </si>
  <si>
    <t>【3M】颗粒物滤棉\KP100 XH003897440</t>
  </si>
  <si>
    <t>【3M】半面具\中号 XF003826237</t>
  </si>
  <si>
    <t>【3M】颗粒物滤棉\KN95 XH003819485</t>
  </si>
  <si>
    <t>【3M】半面具\硅胶中号 WX700900508</t>
  </si>
  <si>
    <t>【3M】全面罩\硅胶中号 XF003806973</t>
  </si>
  <si>
    <t>【3M】插帽式耳罩\红黑色 70071517067</t>
  </si>
  <si>
    <t>【3M】防颗粒物口罩\KN90耳带式环保装 XH003897523</t>
  </si>
  <si>
    <t>【3M】防护眼镜\耐冲击防刮擦 XM003824930</t>
  </si>
  <si>
    <t>【3M】插帽式耳罩\黑色 XH001651245</t>
  </si>
  <si>
    <t>【3M】防化学护目镜\防雾 XH000398632</t>
  </si>
  <si>
    <t>【3M】防化学护目镜\防雾 XH000398640</t>
  </si>
  <si>
    <t>【3M】防护眼镜\耐冲击防雾 XM003824971</t>
  </si>
  <si>
    <t>【3M】耳塞\带线SNR32dB 70071515772</t>
  </si>
  <si>
    <t>【3M】防颗粒物口罩\KN95耳带式针织头带带呼气阀环保装 XY003866841</t>
  </si>
  <si>
    <t>【3M】防颗粒物口罩\KN95头带式针织头带带呼气阀环保装 XY003866965</t>
  </si>
  <si>
    <t>【3M】气焊防护眼罩\防刮擦遮光号5# XM003829038</t>
  </si>
  <si>
    <t>【3M】防护眼镜\灰色镜片防雾 XH000039822</t>
  </si>
  <si>
    <t>【3M】防护眼镜\户内/户外镜面反光镜片防刮擦 XH000039830</t>
  </si>
  <si>
    <t>【3M】泡棉耳塞\不带线SNR37dB XX003808266</t>
  </si>
  <si>
    <t>【3M】泡棉耳塞\不带线SNR37dB中文包装 XH003829518</t>
  </si>
  <si>
    <t>【3M】防护眼镜\防刮擦 XM003825887</t>
  </si>
  <si>
    <t>【3M】防化学护目镜\耐冲击 XM003824922</t>
  </si>
  <si>
    <t>【3M】滤棉承接座\XH003822919</t>
  </si>
  <si>
    <t>【3M】防护眼镜\银色镜面耐冲击 70071578234</t>
  </si>
  <si>
    <t>【3M】颗粒物滤棉\KP100减除酸性气体异味 XH003897457</t>
  </si>
  <si>
    <t>【3M】颗粒物滤棉\KP100减除有机蒸气异味 XA010015643</t>
  </si>
  <si>
    <t>【3M】泡棉耳塞\带线SNR29dB 70071514940</t>
  </si>
  <si>
    <t>【3M】泡棉耳塞\带线SNR36dB 70071515129</t>
  </si>
  <si>
    <t>【3M】泡棉耳塞\不带线SNR36dB 70071515020</t>
  </si>
  <si>
    <t>【3M】免揉搓泡棉耳塞\带线SNR38dB 70071515699</t>
  </si>
  <si>
    <t>【3M】半面具\中/大号 XH003870231</t>
  </si>
  <si>
    <t>【3M】滤毒盒\防护有机蒸气 XH003815491</t>
  </si>
  <si>
    <t>【3M】综合滤毒盒\防护有机蒸气/酸性气体 XA010003995</t>
  </si>
  <si>
    <t>【3M】滤棉承接座\XH003897028</t>
  </si>
  <si>
    <t>【3M】颗粒物滤棉\KN95减除有机蒸气异味1 XH003819444</t>
  </si>
  <si>
    <t>【3M】滤棉盖\XH003807183</t>
  </si>
  <si>
    <t>【3M】颗粒物滤棉\XH003807175</t>
  </si>
  <si>
    <t>【3M】滤棉盖\XF003814449</t>
  </si>
  <si>
    <t>【3M】滤棉承接座\70070313211</t>
  </si>
  <si>
    <t>【3M】颗粒物滤棉\KN95 XH003874001</t>
  </si>
  <si>
    <t>【3M】滤毒盒\防护有机蒸气 XH003864440</t>
  </si>
  <si>
    <t>【3M】滤毒盒\防护酸性气体 XH003864465</t>
  </si>
  <si>
    <t>【3M】滤毒盒\防护氨及甲胺等碱性气体 70071618600</t>
  </si>
  <si>
    <t>【3M】滤毒盒\防护甲醛及有机蒸气 70071618618</t>
  </si>
  <si>
    <t>【3M】多功能滤毒盒\防护有机蒸气、氯气、二氧化氯、氯化氢、二氧化硫、氟化氢、硫化氢、氨气、甲胺、甲醛等 WX700902678</t>
  </si>
  <si>
    <t>【3M】滤棉适配器\70071651759</t>
  </si>
  <si>
    <t>【3M】多功能滤毒盒\防护有机/无机/酸性气体等 XF003805140</t>
  </si>
  <si>
    <t>【3M】半面具\硅胶材质中号快扣式 XH003828619</t>
  </si>
  <si>
    <t>【3M】颗粒物滤棉\KP100减除有机及酸性气体异味 70071401262</t>
  </si>
  <si>
    <t>【3M】半面具\硅胶材质小号 XF003808193</t>
  </si>
  <si>
    <t>【联想】移动图形工作站/ThinkPad P73/i7/16G/固态512G/独显T1000/17.3英寸显示器/Windows 10 Pro专业版/3年原厂质保</t>
  </si>
  <si>
    <t>【3M】防颗粒物口罩\KN90头带式环保装 XH003897515</t>
  </si>
  <si>
    <t>【联想】移动图形工作站/ThinkPad P53/i7/16G/固态512G/独显T1000/15.6英寸显示器/Windows 10 Pro专业版/5年原厂质保</t>
  </si>
  <si>
    <t>【3M】定性适合性检验工具敏感性测试液\苦味 70070709657</t>
  </si>
  <si>
    <t>【3M】定性适合性检验工具适合性测试液\苦味 70070709665</t>
  </si>
  <si>
    <t>【联想】台式图形工作站/P920/2颗intel xeon 5120/128G/固态256G+机械2T/独显RTX4000/23.8英寸显示器/Windows 10 Pro专业版/3年原厂质保</t>
  </si>
  <si>
    <t>【3M】头戴式耳罩\白黑色 XH001651229</t>
  </si>
  <si>
    <t>【联想】台式图形工作站/P720/2颗intel xeon 4110/64G/固态256G+机械2T/独显P2000/23.8英寸显示器/Windows 10 Pro专业版/3年原厂质保</t>
  </si>
  <si>
    <t>【3M】插帽式耳罩\白黑色 70071517075</t>
  </si>
  <si>
    <t>【联想】台式图形工作站/P720/2颗intel xeon 3104/32G/固态256G/独显P1000/23.8英寸显示器/Windows 10 Pro专业版/3年原厂质保</t>
  </si>
  <si>
    <t>【3M】半面具\小/中号 XF003852324</t>
  </si>
  <si>
    <t>【3M】半面具\中/大号 XF003852332</t>
  </si>
  <si>
    <t>【3M】防护眼镜\透明镜片防雾 XM004871401</t>
  </si>
  <si>
    <t>【联想】台式图形工作站/P330/i7/16G/固态256+机械2T/独显P620/23.8英寸显示器/Windows 10 Pro专业版/3年原厂质保</t>
  </si>
  <si>
    <t>【3M】防护眼镜\透明镜片防刮擦 XM004871369</t>
  </si>
  <si>
    <t>【联想】台式图形工作站/P330/i7/16G/固态256+机械2T/独显GTX1660ti/23.8英寸显示器/Windows 10 Pro专业版/3年原厂质保</t>
  </si>
  <si>
    <t>【3M】防护眼镜\灰色镜片防雾 XM004871351</t>
  </si>
  <si>
    <t>【3M】防护眼镜\灰色镜片防刮擦 XM004871385</t>
  </si>
  <si>
    <t>【3M】防护眼镜\黄色镜片防雾 XM004870049</t>
  </si>
  <si>
    <t>【3M】防护眼镜\透明镜片防雾 70071730819</t>
  </si>
  <si>
    <t>【联想】台式图形工作站/P330/i9/16G/固态256+机械2T/独显RTX2070/23.8英寸显示器/Windows 10 Pro专业版/3年原厂质保</t>
  </si>
  <si>
    <t>【3M】防护眼镜\透明镜片防刮擦 70071730801</t>
  </si>
  <si>
    <t>【3M】防护眼镜\灰色镜片防雾 70071730835</t>
  </si>
  <si>
    <t>【联想】台式图形工作站/P520/intel xeon W-2102/16G/固态256G/独显P620/23.8英寸显示器/Windows 10 Pro专业版/3年原厂质保</t>
  </si>
  <si>
    <t>【3M】防护眼镜\灰色镜片防刮擦 70071730827</t>
  </si>
  <si>
    <t>【3M】防护眼镜\透明镜片防雾 70071675154</t>
  </si>
  <si>
    <t>【3M】防护眼镜\灰色镜片防雾 70071675162</t>
  </si>
  <si>
    <t>【3M】预过滤棉\CR180811422</t>
  </si>
  <si>
    <t>【3M】头戴式耳罩\红黑色 XA006458161</t>
  </si>
  <si>
    <t>【3M】插帽式耳罩\红黑色 XA007706923</t>
  </si>
  <si>
    <t>【3M】头戴式耳罩\绿黑色 XA006458179</t>
  </si>
  <si>
    <t>【3M】插帽式耳罩\绿黑色 XA007706949</t>
  </si>
  <si>
    <t>【3M】头戴式耳罩\灰色 XA006458203</t>
  </si>
  <si>
    <t>【3M】插帽式耳罩\灰色 XA007706964</t>
  </si>
  <si>
    <t>【3M】变光屏外保护片\52000183674</t>
  </si>
  <si>
    <t>【3M】变光屏外保护片\52000182064</t>
  </si>
  <si>
    <t>【3M】变光屏内保护片\52000166497</t>
  </si>
  <si>
    <t>【3M】变光屏内保护片\52000182098</t>
  </si>
  <si>
    <t>【联想】台式机电脑/ThinkCentre M720q/i5/8G/机械1T/集显/Windows 10 home/3年原厂质保</t>
  </si>
  <si>
    <t>【联想】台式机电脑/ThinkCentre M720q/i3/4G/机械500G/集显/Windows 10 home/3年原厂质保</t>
  </si>
  <si>
    <t>【3M】颗粒物滤棉\KP95减除有机及酸性气体异味 WX700900060</t>
  </si>
  <si>
    <t>【3M】颗粒物滤棉\KP95减除酸性气体异味 XH003897465</t>
  </si>
  <si>
    <t>【联想】一体机电脑/ThinkCentre M920z/i7/16G/固态512/23.8英寸显示器触控/Windows 10 Pro专业版/5年原厂质保</t>
  </si>
  <si>
    <t>【3M】颗粒物滤棉\KN95 XH003873243</t>
  </si>
  <si>
    <t>【3M】3200半面具+1700滤棉承接座套装\XH003854979</t>
  </si>
  <si>
    <t>【联想】一体机电脑/ThinkCentre M920z/i7/16G/固态512/23.8英寸显示器触控/Windows 10 Pro专业版/3年原厂质保</t>
  </si>
  <si>
    <t>【联想】一体机电脑/ThinkCentre M920z/i7/16G/固态512/23.8英寸显示器触控/Windows 10 home/5年原厂质保</t>
  </si>
  <si>
    <t>【联想】一体机电脑/ThinkCentre M920z/i7/16G/固态512/23.8英寸显示器触控/Windows 10 home/3年原厂质保/现货</t>
  </si>
  <si>
    <t>【联想】一体机电脑/ThinkCentre M920z/i7/16G/固态128G+机械1T/23.8英寸显示器/Windows 10 Pro专业版/5年原厂质保</t>
  </si>
  <si>
    <t>【联想】一体机电脑/ThinkCentre M920z/i7/16G/固态128G+机械1T/23.8英寸显示器/Windows 10 Pro专业版/3年原厂质保/现货</t>
  </si>
  <si>
    <t>【联想】一体机电脑/ThinkCentre M920z/i7/16G/固态128G+机械1T/23.8英寸显示器/Windows 10 home/5年原厂质保</t>
  </si>
  <si>
    <t>【联想】一体机电脑/ThinkCentre M920z/i7/16G/固态128G+机械1T/23.8英寸显示器/Windows 10 home/3年原厂质保/现货</t>
  </si>
  <si>
    <t>【联想】一体机电脑/ThinkCentre M820z/i5/8G/机械1T/集显/21.5英寸显示器/Windows 10 Pro专业版/5年原厂质保</t>
  </si>
  <si>
    <t>【联想】笔记本电脑/ThinkPad X390/i5/8G/固态256G/集显/Windows 10 home/1年原厂质保</t>
  </si>
  <si>
    <t>【3M】全身式安全带\DBI-SALAExoFit™Lite黑色S号 XF003896792</t>
  </si>
  <si>
    <t>【联想】笔记本电脑/ThinkPad X390/i5/8G/固态256G/集显/Windows 10 home/5年原厂质保</t>
  </si>
  <si>
    <t>【3M】全身式安全带\DBI-SALAExoFit™Lite旋钮调节黑色S号 XF003896974</t>
  </si>
  <si>
    <t>【联想】笔记本电脑/ThinkPad X390/i5/8G/固态256G/集显/Windows 10 Pro专业版/1年原厂质保</t>
  </si>
  <si>
    <t>【联想】笔记本电脑/ThinkPad X390/i5/8G/固态256G/集显/Windows 10 Pro专业版/5年原厂质保</t>
  </si>
  <si>
    <t>【联想】笔记本电脑/ThinkPad X390/i5/8G/固态512G/集显/Windows 10 home/1年原厂质保</t>
  </si>
  <si>
    <t>【联想】一体机电脑/ThinkCentre M820z/i5/8G/机械1T/集显/21.5英寸显示器/Windows 10 Pro专业版/3年原厂质保</t>
  </si>
  <si>
    <t>【联想】一体机电脑/ThinkCentre M820z/i5/8G/机械1T/集显/21.5英寸显示器/Windows 10 home/5年原厂质保</t>
  </si>
  <si>
    <t>【联想】笔记本电脑/ThinkPad X390/i5/8G/固态512G/集显/Windows 10 home/5年原厂质保</t>
  </si>
  <si>
    <t>【联想】笔记本电脑/ThinkPad X390/i5/8G/固态512G/集显/Windows 10 Pro专业版/1年原厂质保</t>
  </si>
  <si>
    <t>【联想】一体机电脑/ThinkCentre M820z/i5/8G/机械1T/集显/21.5英寸显示器/Windows 10 home/3年原厂质保</t>
  </si>
  <si>
    <t>【联想】笔记本电脑/ThinkPad X390/i5/8G/固态512G/集显/Windows 10 Pro专业版/5年原厂质保</t>
  </si>
  <si>
    <t>【联想】笔记本电脑/ThinkPad X390/i7/8G/固态512G/集显/Windows 10 home/1年原厂质保</t>
  </si>
  <si>
    <t>【联想】笔记本电脑/ThinkPad X1 Yoga/i7/16G/固态512G/集显/触控屏/Windows 10 Pro专业版/5年原厂质保</t>
  </si>
  <si>
    <t>【联想】笔记本电脑/ThinkPad X390/i7/8G/固态512G/集显/Windows 10 home/5年原厂质保</t>
  </si>
  <si>
    <t>【联想】笔记本电脑/ThinkPad X390/i7/8G/固态512G/集显/Windows 10 Pro专业版/1年原厂质保</t>
  </si>
  <si>
    <t>【联想】笔记本电脑/ThinkPad X390/i7/8G/固态512G/集显/Windows 10 Pro专业版/5年原厂质保</t>
  </si>
  <si>
    <t>【联想】笔记本电脑/ThinkPad X1 Yoga/i7/16G/固态512G/集显/触控屏/Windows 10 Pro专业版/1年原厂质保</t>
  </si>
  <si>
    <t>【联想】笔记本电脑/ThinkPad X1 Yoga/i7/16G/固态512G/集显/触控屏/Windows 10 home/5年原厂质保</t>
  </si>
  <si>
    <t>【联想】笔记本电脑/ThinkPad T490s/i5/8G/固态512G/集显/Windows 10 home/1年原厂质保</t>
  </si>
  <si>
    <t>【联想】笔记本电脑/ThinkPad X1 Yoga/i7/16G/固态512G/集显/触控屏/Windows 10 home/1年原厂质保</t>
  </si>
  <si>
    <t>【联想】笔记本电脑/ThinkPad T490s/i5/8G/固态512G/集显/Windows 10 home/5年原厂质保</t>
  </si>
  <si>
    <t>【联想】笔记本电脑/ThinkPad T490s/i5/8G/固态512G/集显/Windows 10 Pro专业版/1年原厂质保</t>
  </si>
  <si>
    <t>【联想】笔记本电脑/ThinkPad T490s/i5/8G/固态512G/集显/Windows 10 Pro专业版/5年原厂质保</t>
  </si>
  <si>
    <t>【联想】笔记本电脑/ThinkPad T490s/i7/8G/固态512G/集显/Windows 10 home/1年原厂质保</t>
  </si>
  <si>
    <t>【联想】笔记本电脑/ThinkPad X1 Carbon/i7/8G/固态512G/集显/Windows 10 Pro专业版/5年原厂质保</t>
  </si>
  <si>
    <t>【联想】笔记本电脑/ThinkPad T490s/i7/8G/固态512G/集显/Windows 10 home/5年原厂质保</t>
  </si>
  <si>
    <t>【联想】笔记本电脑/ThinkPad X1 Carbon/i7/8G/固态512G/集显/Windows 10 Pro专业版/1年原厂质保</t>
  </si>
  <si>
    <t>【联想】笔记本电脑/ThinkPad T490s/i7/8G/固态512G/集显/Windows 10 Pro专业版/1年原厂质保</t>
  </si>
  <si>
    <t>【联想】笔记本电脑/ThinkPad X1 Carbon/i7/8G/固态512G/集显/Windows 10 home/5年原厂质保</t>
  </si>
  <si>
    <t>【联想】笔记本电脑/ThinkPad T490s/i7/8G/固态512G/集显/Windows 10 Pro专业版/5年原厂质保</t>
  </si>
  <si>
    <t>【联想】笔记本电脑/ThinkPad X1 Carbon/i7/8G/固态512G/集显/Windows 10 home/1年原厂质保</t>
  </si>
  <si>
    <t>【联想】笔记本电脑/ThinkPad T490s/i7/16G/固态512G/集显/Windows 10 home/1年原厂质保</t>
  </si>
  <si>
    <t>【联想】笔记本电脑/ThinkPad T490s/i7/16G/固态512G/集显/Windows 10 home/5年原厂质保</t>
  </si>
  <si>
    <t>【联想】笔记本电脑/ThinkPad T490s/i7/16G/固态512G/集显/Windows 10 Pro专业版/1年原厂质保</t>
  </si>
  <si>
    <t>【联想】笔记本电脑/ThinkPad T490s/i7/16G/固态512G/集显/Windows 10 Pro专业版/5年原厂质保</t>
  </si>
  <si>
    <t>【联想】笔记本电脑/ThinkPad T490s/i7/16G/固态1T/集显/2K屏/Windows 10 Pro专业版/1年原厂质保</t>
  </si>
  <si>
    <t>【联想】台式机电脑/ThinkCentre M720t/i7-9代/16G/256G固态+1T机械/2G独显/23.8英寸显示器/无光驱/Windows 10 home/5年原厂质保</t>
  </si>
  <si>
    <t>【联想】台式机电脑/ThinkCentre M720t/i7-9代/16G/256G固态+1T机械/2G独显/23.8英寸显示器/无光驱/Windows 10 Pro专业版/5年原厂质保/现货</t>
  </si>
  <si>
    <t>【联想】台式机电脑/启天M420/i5-9代/4G/1T机械/集显/21.5英寸显示器/无光驱/Windows 10 home/3年原厂质保</t>
  </si>
  <si>
    <t>【联想】台式机电脑/启天M420/i5-9代/4G/1T机械/集显/21.5英寸显示器/无光驱/Windows 10 Pro专业版/3年原厂质保</t>
  </si>
  <si>
    <t>【联想】台式机电脑/ThinkCentre M720e/K70/i5-9代/8G/128G固态+1T机械/集显/23.8英寸显示器/无光驱/Windows 10 home/3年原厂质保</t>
  </si>
  <si>
    <t>【联想】台式机电脑/ThinkCentre M720e/K70/i5-9代/8G/128G固态+1T机械/2G独显/23.8英寸显示器/无光驱/Windows 10 home/3年原厂质保</t>
  </si>
  <si>
    <t>【联想】台式机电脑/启天M520/AMD-R5/8G/128G固态+1T机械/2G独显/23.8英寸显示器/无光驱/Windows 10 home/3年原厂质保</t>
  </si>
  <si>
    <t>【联想】台式机电脑/启天M520/AMD-R5/8G/128G固态+1T机械/2G独显/23.8英寸显示器/无光驱/Windows 10 Pro专业版/3年原厂质保</t>
  </si>
  <si>
    <t>【联想】台式机电脑/ThinkCentre M920t/i7-9代/8G/256G固态+1T机械/2G独显/23.8英寸显示器/无光驱/Windows 10 home/3年原厂质保</t>
  </si>
  <si>
    <t>【联想】台式机电脑/ThinkCentre M920t/i7-9代/8G/256G固态+1T机械/2G独显/23.8英寸显示器/无光驱/Windows 10 Pro专业版/3年原厂质保</t>
  </si>
  <si>
    <t>【联想】台式机电脑/ThinkCentre M920t/i7-9代/32G/512G固态+2T机械/4G独显/27英寸2K显示器/无光驱/Windows 10 home/3年原厂质保</t>
  </si>
  <si>
    <t>【联想】台式机电脑/ThinkCentre M920t/i7-9代/32G/512G固态+2T机械/4G独显/27英寸2K显示器/无光驱/Windows 10 Pro专业版/3年原厂质保</t>
  </si>
  <si>
    <t>【联想】笔记本电脑/ThinkPad X1 Carbon/i7-10代/16G/512G固态/14英寸/分辨率1920*1080/Windows 10 Pro专业版/1年原厂质保</t>
  </si>
  <si>
    <t>【联想】台式机主机/启天M420/i5-9代/4G/1T机械/集显/无显示器/无光驱/Windows 10 home/3年原厂质保</t>
  </si>
  <si>
    <t>【联想】笔记本电脑/ThinkPad X1 Carbon/i7-10代/16G/512G固态/14英寸/分辨率1920*1080/Windows 10 home/1年原厂质保</t>
  </si>
  <si>
    <t>【联想】台式机主机/启天M420/i5-9代/4G/1T机械/集显/无显示器/无光驱/Windows 10 Pro专业版/3年原厂质保</t>
  </si>
  <si>
    <t>【联想】台式机主机/ThinkCentreM720e/K70/i5-9代/8G/128G固态+1T机械/集显/无显示器/无光驱/Windows 10 home/3年原厂质保</t>
  </si>
  <si>
    <t>【联想】笔记本电脑/ThinkPad T490/i7-10代/16G/256G固态/14英寸/分辨率1920*1080/Windows 10 Pro专业版/1年原厂质保</t>
  </si>
  <si>
    <t>【联想】笔记本电脑/ThinkPad T490/i7-10代/16G/256G固态/14英寸/分辨率1920*1080/Windows 10 home/1年原厂质保</t>
  </si>
  <si>
    <t>【联想】台式机主机/ThinkCentreM720e/K70/i5-9代/8G/128G固态+1T机械/2G独显/无显示器/无光驱/Windows 10 home/3年原厂质保</t>
  </si>
  <si>
    <t>【联想】笔记本电脑/昭阳 K4/i7-10代/8G/512G固态/2G独显/14英寸/分辨率1920*1080/Windows 10 Pro专业版/1年原厂质保</t>
  </si>
  <si>
    <t>【联想】台式机主机/启天M520/AMD-R5/8G/128G固态+1T机械/2G独显/无显示器/无光驱/Windows 10 home/3年原厂质保</t>
  </si>
  <si>
    <t>【联想】笔记本电脑/昭阳 K4/i7-10代/8G/512G固态/2G独显/14英寸/分辨率1920*1080/Windows 10 home/1年原厂质保</t>
  </si>
  <si>
    <t>【联想】台式机主机/启天M520/AMD-R5/8G/128G固态+1T机械/2G独显/无显示器/无光驱/Windows 10 Pro专业版/3年原厂质保</t>
  </si>
  <si>
    <t>【联想】笔记本电脑/ThinkPad T490/i7-10代/8G/256G固态/14英寸/分辨率1920*1080/Windows 10 Pro专业版/1年原厂质保</t>
  </si>
  <si>
    <t>【联想】笔记本电脑/ThinkPad T490/i7-10代/8G/256G固态/14英寸/分辨率1920*1080/Windows 10 home/1年原厂质保</t>
  </si>
  <si>
    <t>【联想】台式机主机/ThinkCentre M920t/i7-9代/8G/256G固态+1T机械/2G独显/无显示器/无光驱/Windows 10 home/3年原厂质保</t>
  </si>
  <si>
    <t>【联想】台式机主机/ThinkCentre M920t/i7-9代/8G/256G固态+1T机械/2G独显/无显示器/无光驱/Windows 10 Pro专业版/3年原厂质保</t>
  </si>
  <si>
    <t>【联想】台式机主机/ThinkCentre M920t/i7-9代/32G/512G固态+2T机械/4G独显/无显示器/无光驱/Windows 10 home/3年原厂质保</t>
  </si>
  <si>
    <t>【联想】台式机主机/ThinkCentre M920t/i7-9代/32G/512G固态+2T机械/4G独显/无显示器/无光驱/Windows 10 Pro专业版/3年原厂质保</t>
  </si>
  <si>
    <t>【联想】一体机电脑/启天A835/AMD-R5/8G/128G固态+1T机械/DVD光驱/2G独显/21.5显示器/Windows 10 home/3年原厂质保</t>
  </si>
  <si>
    <t>【联想】一体机电脑/启天A835/AMD-R5/8G/128G固态+1T机械/DVD光驱/2G独显/21.5显示器/Windows 10 Pro专业版/3年原厂质保</t>
  </si>
  <si>
    <t>【联想】笔记本电脑/ThinkPad L14/i5-10代/4G/1T机械/14英寸/分辨率1920*1080/Windows 10 home/1年原厂质保</t>
  </si>
  <si>
    <t>【联想】笔记本电脑/昭阳 K4e/i5-10代/8G/128G固态+1T机械/2G独显/14英寸/Windows 10 home/1年原厂质保</t>
  </si>
  <si>
    <t>【联想】笔记本电脑/ThinkPad L14/i5-10代/4G/1T机械/14英寸/分辨率1920*1080/Windows 10 Pro专业版/1年原厂质保</t>
  </si>
  <si>
    <t>【联想】笔记本电脑/ThinkPad T590/i7-8代/8G/512G固态/2G独显/15.6英寸1080P防眩光显示屏/Windows 10 Pro专业版/5年原厂质保</t>
  </si>
  <si>
    <t>【联想】台式图形工作站/ThinkStation P330/i9-9代/32G/1T固态+1T机械/RTX2080 8G独显/27英寸2K显示器/Windows 10 Pro专业版/3年原厂质保</t>
  </si>
  <si>
    <t>【联想】台式图形工作站/主机无显示器/ThinkStation P330/i9-9代/32G/1T固态+1T机械/RTX2080 8G独显/Windows 10 Pro专业版/3年原厂质保</t>
  </si>
  <si>
    <t>【联想】台式图形工作站/ThinkStation P520/Intel Xeon Skylake-W W-2123/32GB/512GB+1TB/显卡5GB GDDR5/23.8英寸显示器/Windows 10 Pro专业版/5年原厂质保</t>
  </si>
  <si>
    <t>【北重】耐温弹簧\N17.06.01.14</t>
  </si>
  <si>
    <t>北京北重汽轮电机有限责任公司</t>
  </si>
  <si>
    <t>北重</t>
  </si>
  <si>
    <t>WZSCCG-2020-BJ-053</t>
  </si>
  <si>
    <t>北重汽轮机、电机备件商城铺货长协采购框架合同</t>
  </si>
  <si>
    <t>【北重】耐温弹簧\N17.06.01.09</t>
  </si>
  <si>
    <t>【北重】澄清板\N17.73.01.207-1</t>
  </si>
  <si>
    <t>【北重】排油滤网\N17.73.01.35-1(1)</t>
  </si>
  <si>
    <t>【北重】断裂板\N17.30.05.08</t>
  </si>
  <si>
    <t>【北重】双锥垫圈\N17.30.04.50(1)</t>
  </si>
  <si>
    <t>【北重】螺塞\N17.30.04.49(1)</t>
  </si>
  <si>
    <t>【北重】双锥垫圈\N17.30.04.48(1)</t>
  </si>
  <si>
    <t>【北重】螺塞\N17.30.04.47(1)</t>
  </si>
  <si>
    <t>【北重】开口锥形套筒\N17.22.01.06(1)</t>
  </si>
  <si>
    <t>【北重】联轴器螺母\N17.22.01.05(1)</t>
  </si>
  <si>
    <t>【北重】联轴器螺母\N17.22.01.04(1)</t>
  </si>
  <si>
    <t>【北重】联轴器螺栓\N17.22.01.03(1)</t>
  </si>
  <si>
    <t>【北重】填隙条\N17.02.28.16(1)</t>
  </si>
  <si>
    <t>【北重】汽封片\N17.02.28.15(1)</t>
  </si>
  <si>
    <t>【北重】调节阀盖\N17.30.04.33-1(1)</t>
  </si>
  <si>
    <t>【北重】主汽调节阀杆止动装置\N17.30.04.103-1</t>
  </si>
  <si>
    <t>【北重】调节阀阀帽\N17.30.04.44-1(1)</t>
  </si>
  <si>
    <t>【北重】主汽门阀帽\N17.30.04.41-1(1)</t>
  </si>
  <si>
    <t>【北重】嵌缝压条\N17.02.27.13(1)</t>
  </si>
  <si>
    <t>【北重】汽封片\N17.02.27.12(1)</t>
  </si>
  <si>
    <t>【北重】填隙条\N17.02.26.16(1)</t>
  </si>
  <si>
    <t>【北重】填隙条\N17.02.26.15(1)</t>
  </si>
  <si>
    <t>【北重】螺母\8EG.940.078.1</t>
  </si>
  <si>
    <t>【北重】压帽\8EG.370.405</t>
  </si>
  <si>
    <t>【北重】压帽\8EG.370.408</t>
  </si>
  <si>
    <t>【北重】绝缘盖\8EG.760.1614</t>
  </si>
  <si>
    <t>【北重】密封垫\8EG.370.300</t>
  </si>
  <si>
    <t>【北重】绝缘引水管\5EG.454.220</t>
  </si>
  <si>
    <t>【北重】绝缘引水管\5EG.454.219</t>
  </si>
  <si>
    <t>【北重】绝缘引水管\5EG.454.215</t>
  </si>
  <si>
    <t>【北重】润滑油泵\N17.70.01-1</t>
  </si>
  <si>
    <t>【北重】齿形联轴器\N17.70.02.04-1</t>
  </si>
  <si>
    <t>【北重】轴承\N17.70.02.29-1</t>
  </si>
  <si>
    <t>【北重】波纹补偿器\1.6XBBJ65-F-165</t>
  </si>
  <si>
    <t>【北重】挡油板\8EG.325.156.6</t>
  </si>
  <si>
    <t>【北重】热收缩带\3020067</t>
  </si>
  <si>
    <t>【北重】桐马环氧粉云母带\5440-1T</t>
  </si>
  <si>
    <t>【北重】油封环\8EG.375.027</t>
  </si>
  <si>
    <t>【北重】油封环\8EG.375.026</t>
  </si>
  <si>
    <t>【北重】出线端子绝缘盒\5EG.772.018</t>
  </si>
  <si>
    <t>【北重】止退垫圈\8EG.951.213.2</t>
  </si>
  <si>
    <t>【北重】止退垫圈\8EG.951.213.1</t>
  </si>
  <si>
    <t>【北重】止退垫圈\8EG.951.212</t>
  </si>
  <si>
    <t>【北重】O型密封圈\B4542-92</t>
  </si>
  <si>
    <t>【北重】层压管\8EG.770.416.6</t>
  </si>
  <si>
    <t>【北重】层压管\8EG.770.416.5</t>
  </si>
  <si>
    <t>【北重】层压管\8EG.770.416.4</t>
  </si>
  <si>
    <t>【北重】层压管\8EG.770.581.4</t>
  </si>
  <si>
    <t>【北重】层压管\8EG.770.581.3</t>
  </si>
  <si>
    <t>【北重】层压管\8EG.770.581.2</t>
  </si>
  <si>
    <t>【北重】层压管\8EG.770.581.1</t>
  </si>
  <si>
    <t>【北重】层压管\8EG.770.581</t>
  </si>
  <si>
    <t>【北重】垫圈\8EG.770.422.8</t>
  </si>
  <si>
    <t>【北重】垫圈\8EG.770.422.7</t>
  </si>
  <si>
    <t>【北重】垫圈\8EG.770.422.1</t>
  </si>
  <si>
    <t>【北重】垫圈\8EG.770.580.8</t>
  </si>
  <si>
    <t>【北重】垫圈\8EG.770.580.7</t>
  </si>
  <si>
    <t>【北重】垫圈\8EG.770.580.6</t>
  </si>
  <si>
    <t>【北重】垫圈\8EG.770.580.5</t>
  </si>
  <si>
    <t>【北重】绝缘引水管\5EG.454.076</t>
  </si>
  <si>
    <t>【北重】绝缘引水管\5EG.454.075</t>
  </si>
  <si>
    <t>【北重】绝缘引水管\5EG.454.074</t>
  </si>
  <si>
    <t>【北重】绝缘引水管\5EG.454.073</t>
  </si>
  <si>
    <t>【北重】绝缘引水管\5EG.454.223</t>
  </si>
  <si>
    <t>【北重】绝缘引水管\5EG.454.222</t>
  </si>
  <si>
    <t>【北重】绝缘引水管\5EG.454.221</t>
  </si>
  <si>
    <t>【北重】锁片\8EG.951.085</t>
  </si>
  <si>
    <t>【北重】螺母\8EG.940.561</t>
  </si>
  <si>
    <t>【北重】角翼止退垫片\8EG.952.039</t>
  </si>
  <si>
    <t>【北重】波纹补偿器\1.6XBBJ50-F-165</t>
  </si>
  <si>
    <t>【北重】外盖加工\5EG.013.127</t>
  </si>
  <si>
    <t>【北重】挡油板\8EG.325.226</t>
  </si>
  <si>
    <t>【北重】外盖加工\5EG.012.420</t>
  </si>
  <si>
    <t>【北重】匝间短路探头\5EG.421.454</t>
  </si>
  <si>
    <t>【北重】弹簧\8EG.114.014</t>
  </si>
  <si>
    <t>【北重】弹簧\8EG.114.013</t>
  </si>
  <si>
    <t>【北重】出线端子绝缘盒\5EG.772.016</t>
  </si>
  <si>
    <t>【北重】单尔止动垫圈\8EG.951.209</t>
  </si>
  <si>
    <t>【北重】止退垫圈\8EG.951.207</t>
  </si>
  <si>
    <t>【北重】止退垫圈\8EG.951.217</t>
  </si>
  <si>
    <t>【北重】止退垫圈\8EG.951.213.4</t>
  </si>
  <si>
    <t>【北重】止退垫圈\8EG.951.213.3</t>
  </si>
  <si>
    <t>【北重】层压管\8EG.770.416.3</t>
  </si>
  <si>
    <t>【北重】层压管\8EG.770.416.2</t>
  </si>
  <si>
    <t>【北重】层压管\8EG.770.416.1</t>
  </si>
  <si>
    <t>【北重】层压管\8EG.770.581.6</t>
  </si>
  <si>
    <t>【北重】层压管\8EG.770.581.5</t>
  </si>
  <si>
    <t>【北重】螺母\8EG.940.078.2</t>
  </si>
  <si>
    <t>【北重】垫圈\8EG.770.422.6</t>
  </si>
  <si>
    <t>【北重】垫圈\8EG.770.422.5</t>
  </si>
  <si>
    <t>【北重】垫圈\8EG.770.422.4</t>
  </si>
  <si>
    <t>【北重】垫圈\8EG.770.422.3</t>
  </si>
  <si>
    <t>【北重】垫圈\8EG.770.422.2</t>
  </si>
  <si>
    <t>【北重】垫圈\8EG.770.580.4</t>
  </si>
  <si>
    <t>【北重】垫圈\8EG.770.580.3</t>
  </si>
  <si>
    <t>【北重】垫圈\8EG.770.580.2</t>
  </si>
  <si>
    <t>【北重】垫圈\8EG.770.580.1</t>
  </si>
  <si>
    <t>【北重】绝缘引水管\5EG.454.077</t>
  </si>
  <si>
    <t>【北重】填隙条\N17.02.26.14(1)</t>
  </si>
  <si>
    <t>【北重】汽封片\N17.02.26.13(1)</t>
  </si>
  <si>
    <t>【北重】汽封片\N17.02.26.12(1)</t>
  </si>
  <si>
    <t>【北重】汽封片\N17.02.26.11(1)</t>
  </si>
  <si>
    <t>【北重】汽封片\N17.02.25.11(1)</t>
  </si>
  <si>
    <t>【北重】主汽阀阀盖\N17.30.04.19-1(1)</t>
  </si>
  <si>
    <t>【北重】止动片\N17.30.04.18(1)</t>
  </si>
  <si>
    <t>【北重】销子\N17.30.01.07(1)</t>
  </si>
  <si>
    <t>【北重】双头螺栓\N17.30.01.08(1)</t>
  </si>
  <si>
    <t>【北重】轴承\N17.70.02.08-1</t>
  </si>
  <si>
    <t>【北重】高压涨差支架\JK01.36.12-300</t>
  </si>
  <si>
    <t>【北重】中压涨差支架\JK01.36.12-450</t>
  </si>
  <si>
    <t>【北重】低压涨差支架\JK01.36.12-DDK</t>
  </si>
  <si>
    <t>【北重】高压供油管\5EG.175.957</t>
  </si>
  <si>
    <t>【北重】波纹补偿器\1.6XBBJ40-F-165</t>
  </si>
  <si>
    <t>【北重】止动片\101060007</t>
  </si>
  <si>
    <t>【北重】1型六角螺母-A级和B级\B1315C-2005</t>
  </si>
  <si>
    <t>【北重】双锥面垫圈\N17.30.04.12(1)</t>
  </si>
  <si>
    <t>【北重】螺塞\N17.30.04.11(1)</t>
  </si>
  <si>
    <t>【北重】汽封片\N17.02.25.10(1)</t>
  </si>
  <si>
    <t>【北重】填隙条\N17.02.25.09(1)</t>
  </si>
  <si>
    <t>【北重】填隙条\N17.02.25.08(1)</t>
  </si>
  <si>
    <t>【北重】汽封片\N17.02.25.07(1)</t>
  </si>
  <si>
    <t>【北重】汽封片\N17.02.25.06(1)</t>
  </si>
  <si>
    <t>【北重】汽封片\N17.02.25.05(1)</t>
  </si>
  <si>
    <t>【北重】填隙条\N17.02.25.04(1)</t>
  </si>
  <si>
    <t>【北重】嵌缝压条\N17.02.23.07</t>
  </si>
  <si>
    <t>【北重】汽封片\N17.02.23.06</t>
  </si>
  <si>
    <t>【北重】垫圈\N17.30.04.10(1)</t>
  </si>
  <si>
    <t>【北重】销子\N17.30.04.09(1)</t>
  </si>
  <si>
    <t>【北重】调节阀座(中压调节阀座)\N17.30.04.08-1/1(1)</t>
  </si>
  <si>
    <t>【北重】螺栓\N17.30.04.07(1)</t>
  </si>
  <si>
    <t>【北重】主汽阀座(中压主汽阀座)\N17.30.04.06-1/1(1)</t>
  </si>
  <si>
    <t>【北重】调节阀连接座(高压调节阀连接座)\N17.30.01.43-1(1)</t>
  </si>
  <si>
    <t>【北重】截止阀阀盖(高压主汽阀盖)\N17.30.01.39-1(1)</t>
  </si>
  <si>
    <t>【北重】汽封片\N17.02.23.05</t>
  </si>
  <si>
    <t>【北重】嵌缝压条\N17.02.22.07</t>
  </si>
  <si>
    <t>【北重】汽封片\N17.02.22.06</t>
  </si>
  <si>
    <t>【北重】汽封片\N17.02.22.05</t>
  </si>
  <si>
    <t>【北重】嵌缝压条\N17.02.21.07</t>
  </si>
  <si>
    <t>【北重】汽封片(11x0.5)\N17.02.21.06</t>
  </si>
  <si>
    <t>【北重】汽封片\N17.02.21.05</t>
  </si>
  <si>
    <t>【北重】嵌缝压条\N17.02.20.07</t>
  </si>
  <si>
    <t>【北重】汽封片\N17.02.20.06</t>
  </si>
  <si>
    <t>【北重】调节阀盖(高压调节阀盖)\N17.30.01.31-1(1)</t>
  </si>
  <si>
    <t>【北重】承压套\N17.30.01.21-1(1)</t>
  </si>
  <si>
    <t>【北重】止动直焊脚\N17.30.01.18(1)</t>
  </si>
  <si>
    <t>【北重】止动弯焊脚\N17.30.01.17(1)</t>
  </si>
  <si>
    <t>【北重】法兰螺栓\N17.30.01.16(1)</t>
  </si>
  <si>
    <t>【北重】螺塞\N17.30.01.15(1)</t>
  </si>
  <si>
    <t>【北重】圆柱销\N17.30.01.106</t>
  </si>
  <si>
    <t>【北重】盖螺母\N17.30.01.109</t>
  </si>
  <si>
    <t>【北重】双锥面垫圈36\N17.30.01.14(1)</t>
  </si>
  <si>
    <t>【北重】汽封片\N17.02.20.05</t>
  </si>
  <si>
    <t>【北重】嵌缝压条\N17.02.19.07</t>
  </si>
  <si>
    <t>【北重】汽封片\N17.02.19.06</t>
  </si>
  <si>
    <t>【北重】汽封片\N17.02.19.05</t>
  </si>
  <si>
    <t>【北重】嵌缝压条\N17.02.18.07</t>
  </si>
  <si>
    <t>【北重】汽封片\N17.02.18.06</t>
  </si>
  <si>
    <t>【北重】汽封片\N17.02.18.05</t>
  </si>
  <si>
    <t>【北重】嵌缝压条\N17.02.17.07</t>
  </si>
  <si>
    <t>【北重】汽封片\N17.02.17.06</t>
  </si>
  <si>
    <t>【北重】螺栓\N17.30.01.108</t>
  </si>
  <si>
    <t>【北重】销子\N17.30.01.13(1)</t>
  </si>
  <si>
    <t>【北重】调节阀座\N17.30.01.12-1(1)</t>
  </si>
  <si>
    <t>【北重】双锥面垫圈24\N17.30.01.11(1)</t>
  </si>
  <si>
    <t>【北重】螺塞\N17.30.01.10(1)</t>
  </si>
  <si>
    <t>【北重】阀座\N17.30.01.09-1(1)</t>
  </si>
  <si>
    <t>【北重】汽封片\N17.02.17.05</t>
  </si>
  <si>
    <t>【北重】嵌缝压条\N17.02.16.07</t>
  </si>
  <si>
    <t>【北重】汽封片\N17.02.16.06</t>
  </si>
  <si>
    <t>【北重】汽封片\N17.02.16.05</t>
  </si>
  <si>
    <t>【北重】嵌缝压条\N17.02.15.07</t>
  </si>
  <si>
    <t>【北重】汽封片(11x0.5)\N17.02.15.06</t>
  </si>
  <si>
    <t>【北重】汽封片(8x0.5)\N17.02.15.05</t>
  </si>
  <si>
    <t>【北重】嵌缝压条\N17.02.14.07</t>
  </si>
  <si>
    <t>【北重】汽封片\N17.02.14.06</t>
  </si>
  <si>
    <t>【北重】第33级动叶片\N18.20.33.01/1</t>
  </si>
  <si>
    <t>【北重】第32级动叶片\N17.20.32.01/1</t>
  </si>
  <si>
    <t>【北重】第31级动叶片\N17.20.31.01(3)</t>
  </si>
  <si>
    <t>【北重】第30级动叶片\N17.20.30.01(2)</t>
  </si>
  <si>
    <t>【北重】第29级动叶片\N17.20.29.01(2)</t>
  </si>
  <si>
    <t>【北重】第28级动叶片\N18.20.28.01/1</t>
  </si>
  <si>
    <t>【北重】第27级动叶片\N17.20.27.01/1</t>
  </si>
  <si>
    <t>【北重】第26级动叶片\N17.20.26.01(3)</t>
  </si>
  <si>
    <t>【北重】第25级动叶片\N17.20.25.01(2)</t>
  </si>
  <si>
    <t>【北重】汽封片\N17.02.14.05</t>
  </si>
  <si>
    <t>【北重】嵌缝压条\N17.02.13.07</t>
  </si>
  <si>
    <t>【北重】汽封片\N17.02.13.06</t>
  </si>
  <si>
    <t>【北重】汽封片\N17.02.13.05</t>
  </si>
  <si>
    <t>【北重】嵌缝压条\N17.02.12.07</t>
  </si>
  <si>
    <t>【北重】汽封片\N17.02.12.06</t>
  </si>
  <si>
    <t>【北重】汽封片\N17.02.12.05</t>
  </si>
  <si>
    <t>【北重】嵌缝压条\N17.02.11.07</t>
  </si>
  <si>
    <t>【北重】汽封片(11x0.5)\N17.02.11.06</t>
  </si>
  <si>
    <t>【北重】第24级动叶片\N17.20.24.01(2)</t>
  </si>
  <si>
    <t>【北重】中压第十二级动叶片\N17.20.23.01(1)</t>
  </si>
  <si>
    <t>【北重】中压第十一级动叶片\N17.20.22.01(1)</t>
  </si>
  <si>
    <t>【北重】中压第十级动叶片\N17.20.21.01(1)</t>
  </si>
  <si>
    <t>【北重】中压第九级动叶片\N17.20.20.01(1)</t>
  </si>
  <si>
    <t>【北重】中压第八级动叶片\N17.20.19.01(1)</t>
  </si>
  <si>
    <t>【北重】中压第七级动叶片\N17.20.18.01</t>
  </si>
  <si>
    <t>【北重】中压第六级动叶片\N17.20.17.01</t>
  </si>
  <si>
    <t>【北重】中压第五级动叶片\N17.20.16.01</t>
  </si>
  <si>
    <t>【北重】汽封片(8x0.5)\N17.02.11.05</t>
  </si>
  <si>
    <t>【北重】嵌缝压条\N17.02.10.07</t>
  </si>
  <si>
    <t>【北重】汽封片\N17.02.10.06</t>
  </si>
  <si>
    <t>【北重】汽封片\N17.02.10.05</t>
  </si>
  <si>
    <t>【北重】嵌缝压条\N17A.02.09.07</t>
  </si>
  <si>
    <t>【北重】汽封片\N17A.02.09.06</t>
  </si>
  <si>
    <t>【北重】汽封片\N17A.02.09.05</t>
  </si>
  <si>
    <t>【北重】嵌缝压条\N17A.02.08.07</t>
  </si>
  <si>
    <t>【北重】汽封片\N17A.02.08.06</t>
  </si>
  <si>
    <t>【北重】中压第四级动叶片\N17.20.15.01</t>
  </si>
  <si>
    <t>【北重】中压第三级动叶片\N17.20.14.01</t>
  </si>
  <si>
    <t>【北重】中压第二级动叶片\N17.20.13.01</t>
  </si>
  <si>
    <t>【北重】中压第一级动叶片\N17.20.12.01</t>
  </si>
  <si>
    <t>【北重】高压第十一级叶片\N17.20.11.01</t>
  </si>
  <si>
    <t>【北重】高压第十级叶片\N17.20.10.01</t>
  </si>
  <si>
    <t>【北重】高压第九级叶片\N17.20.09.01</t>
  </si>
  <si>
    <t>【北重】高压第八级叶片\N17.20.08.01</t>
  </si>
  <si>
    <t>【北重】高压第七级叶片\N17.20.07.01</t>
  </si>
  <si>
    <t>【北重】汽封片\N17A.02.08.05</t>
  </si>
  <si>
    <t>【北重】嵌缝压条\N17A.02.07.07</t>
  </si>
  <si>
    <t>【北重】汽封片\N17A.02.07.06</t>
  </si>
  <si>
    <t>【北重】汽封片\N17A.02.07.05</t>
  </si>
  <si>
    <t>【北重】嵌缝压条\N17A.02.06.07</t>
  </si>
  <si>
    <t>【北重】汽封片\N17A.02.06.06</t>
  </si>
  <si>
    <t>【北重】汽封片\N17A.02.06.05</t>
  </si>
  <si>
    <t>【北重】嵌缝压条\N17A.02.05.07</t>
  </si>
  <si>
    <t>【北重】汽封片\N17A.02.05.06</t>
  </si>
  <si>
    <t>【北重】高压第六级叶片\N17.20.06.01</t>
  </si>
  <si>
    <t>【北重】高压第五级叶片\N17.20.05.01</t>
  </si>
  <si>
    <t>【北重】高压第四级叶片\N17.20.04.01</t>
  </si>
  <si>
    <t>【北重】高压第三级叶片\N17.20.03.01</t>
  </si>
  <si>
    <t>【北重】高压第二级叶片\N17.20.02.01</t>
  </si>
  <si>
    <t>【北重】高压第一级叶片\N17.20.01.01</t>
  </si>
  <si>
    <t>【北重】双头螺栓\N17.60.11.07</t>
  </si>
  <si>
    <t>【北重】罩盖螺母\N17.60.04.09(1)</t>
  </si>
  <si>
    <t>【北重】汽封片\N17A.02.05.05</t>
  </si>
  <si>
    <t>【北重】嵌缝压条\N17A.02.04.07</t>
  </si>
  <si>
    <t>【北重】汽封片\N17A.02.04.06</t>
  </si>
  <si>
    <t>【北重】汽封片\N17A.02.04.05</t>
  </si>
  <si>
    <t>【北重】嵌缝压条\N17A.02.03.07</t>
  </si>
  <si>
    <t>【北重】汽封片\N17A.02.03.06</t>
  </si>
  <si>
    <t>【北重】汽封片\N17A.02.03.05</t>
  </si>
  <si>
    <t>【北重】嵌缝压条\N17A.02.02.07</t>
  </si>
  <si>
    <t>【北重】汽封片\N17A.02.02.06</t>
  </si>
  <si>
    <t>【北重】加高垫圈\N17.60.04.08(1)</t>
  </si>
  <si>
    <t>【北重】双头螺栓\N17.60.04.07(1)</t>
  </si>
  <si>
    <t>【北重】双头螺栓\N17.60.04.06-1(1)</t>
  </si>
  <si>
    <t>【北重】罩盖螺母\N17.60.02.13(1)</t>
  </si>
  <si>
    <t>【北重】加高垫圈\N17.60.02.12(1)</t>
  </si>
  <si>
    <t>【北重】双头螺栓\N17.60.02.11</t>
  </si>
  <si>
    <t>【北重】双头螺栓\N17.60.02.09-1</t>
  </si>
  <si>
    <t>【北重】双头螺栓\N17.60.01.08</t>
  </si>
  <si>
    <t>【北重】切口螺母\N17.60.01.10(1)</t>
  </si>
  <si>
    <t>【北重】汽封片\N17A.02.02.05</t>
  </si>
  <si>
    <t>【北重】涨紧钢丝 L=7m\N17.01.16.21</t>
  </si>
  <si>
    <t>【北重】汽封片\N17.01.16.20(1)</t>
  </si>
  <si>
    <t>【北重】汽封片\N17.01.16.17(1)</t>
  </si>
  <si>
    <t>【北重】汽封环(蜂窝)\N17.06.23.01(1)</t>
  </si>
  <si>
    <t>【北重】汽封环(蜂窝)\N17.06.21.04(1)</t>
  </si>
  <si>
    <t>【北重】汽封环(蜂窝)\N17.06.21.03(1)</t>
  </si>
  <si>
    <t>【北重】汽封环(蜂窝)\N17.06.21.02(1)</t>
  </si>
  <si>
    <t>【北重】汽封环(蜂窝)\N17.06.21.01(1)</t>
  </si>
  <si>
    <t>【北重】密封圈\N17.30.04.69(1)</t>
  </si>
  <si>
    <t>【北重】套筒\N17.60.01.09(1)</t>
  </si>
  <si>
    <t>【北重】罩盖螺母\N17.01.31.105</t>
  </si>
  <si>
    <t>【北重】双头螺栓\N17.01.31.104</t>
  </si>
  <si>
    <t>【北重】罩盖螺母\N17.01.31.103</t>
  </si>
  <si>
    <t>【北重】双头螺栓\N17.01.31.102</t>
  </si>
  <si>
    <t>【北重】螺母\803004983(B1315-2005)</t>
  </si>
  <si>
    <t>【北重】螺母\803004984(B1315-2005)</t>
  </si>
  <si>
    <t>【北重】螺栓\N17.01.02.338</t>
  </si>
  <si>
    <t>【北重】螺栓\N17.01.02.336</t>
  </si>
  <si>
    <t>【北重】汽封环(蜂窝)\N17.06.20.03(1)</t>
  </si>
  <si>
    <t>【北重】汽封环(蜂窝)\N17.06.20.02(1)</t>
  </si>
  <si>
    <t>【北重】汽封环(蜂窝)\N17.06.20.01(1)</t>
  </si>
  <si>
    <t>【北重】汽封环(蜂窝)\N17.06.14.04</t>
  </si>
  <si>
    <t>【北重】汽封环(蜂窝)\N17.06.14.03(1)</t>
  </si>
  <si>
    <t>【北重】汽封环(蜂窝)\N17.06.14.02(1)</t>
  </si>
  <si>
    <t>【北重】汽封环(蜂窝)\N17.06.14.01(1)</t>
  </si>
  <si>
    <t>【北重】汽封环(蜂窝)\N17.06.12.03(1)</t>
  </si>
  <si>
    <t>【北重】汽封环(蜂窝)\N17.06.12.02(1)</t>
  </si>
  <si>
    <t>【北重】螺栓\N17.01.02.334</t>
  </si>
  <si>
    <t>【北重】罩盖螺母\N17.01.20.19(1)</t>
  </si>
  <si>
    <t>【北重】双头螺栓\N17.01.20.18(1)</t>
  </si>
  <si>
    <t>【北重】双头螺栓\N17.01.20.06-1</t>
  </si>
  <si>
    <t>【北重】螺母\N17.01.20.17(1)</t>
  </si>
  <si>
    <t>【北重】特制双头螺栓\N17.01.20.16(1)</t>
  </si>
  <si>
    <t>【北重】罩盖螺母\N17.01.20.02</t>
  </si>
  <si>
    <t>【北重】特制双头螺栓\N17.01.20.01</t>
  </si>
  <si>
    <t>【北重】汽封环(蜂窝)\N17.06.04.03</t>
  </si>
  <si>
    <t>【北重】汽封环(蜂窝)\N17.06.04.02</t>
  </si>
  <si>
    <t>【北重】汽封环(蜂窝)\N17.06.04.01</t>
  </si>
  <si>
    <t>【北重】3#汽封环(蜂窝)\N17.06.02.34(1)</t>
  </si>
  <si>
    <t>【北重】2#汽封环(蜂窝)\N17.06.02.33(1)</t>
  </si>
  <si>
    <t>【北重】1#汽封环(蜂窝)\N17.06.02.32(1)</t>
  </si>
  <si>
    <t>【北重】汽封环(蜂窝)\N17.06.01.04(1)</t>
  </si>
  <si>
    <t>【北重】汽封环(蜂窝)\N17.06.01.03(1)</t>
  </si>
  <si>
    <t>【北重】汽封环(蜂窝)\N17.06.01.11</t>
  </si>
  <si>
    <t>【北重】保护套\N17.30.04.36-1/1(1)</t>
  </si>
  <si>
    <t>【北重】垫圈\NJ17.30.04.19-1/42</t>
  </si>
  <si>
    <t>【北重】套筒\N17.30.04.26(1)</t>
  </si>
  <si>
    <t>【北重】螺栓\N17.01.02.340</t>
  </si>
  <si>
    <t>【北重】罩盖螺母\N17.01.19.13(1)</t>
  </si>
  <si>
    <t>【北重】双头螺栓\N17.01.19.12-1(1)</t>
  </si>
  <si>
    <t>【北重】双头螺栓\N17.01.19.06</t>
  </si>
  <si>
    <t>【北重】螺母\N17.01.19.14</t>
  </si>
  <si>
    <t>【北重】特制双头螺栓\N17.01.19.11(1)</t>
  </si>
  <si>
    <t>【北重】罩盖螺母\N17.01.19.12</t>
  </si>
  <si>
    <t>【北重】特制双头螺栓\N17.01.19.10(1)</t>
  </si>
  <si>
    <t>【北重】罩盖螺母\N17.01.15.22</t>
  </si>
  <si>
    <t>【北重】特制双头螺栓\N17.01.15.21</t>
  </si>
  <si>
    <t>【北重】衬套\N17.30.01.58(1)</t>
  </si>
  <si>
    <t>【北重】导向套\N17.30.01.57(1)</t>
  </si>
  <si>
    <t>【北重】衬套\N17.30.01.56(1)</t>
  </si>
  <si>
    <t>【北重】衬套\N17.30.01.55(1)</t>
  </si>
  <si>
    <t>【北重】导向套\N17.30.01.54(1)</t>
  </si>
  <si>
    <t>【北重】调节阀内部密封环\N17.30.01.85</t>
  </si>
  <si>
    <t>【北重】调节阀密封环\N17.30.01.78</t>
  </si>
  <si>
    <t>【北重】调节阀密封环\N17.30.01.79</t>
  </si>
  <si>
    <t>【北重】调节阀内部密封圈\N17.30.01.87</t>
  </si>
  <si>
    <t>【北重】特制双头螺栓\N17.01.15.20</t>
  </si>
  <si>
    <t>【北重】罩盖螺母\N17.01.15.19</t>
  </si>
  <si>
    <t>【北重】特制双头螺栓\N17.01.15.18</t>
  </si>
  <si>
    <t>【北重】罩盖螺母\N17.01.15.17</t>
  </si>
  <si>
    <t>【北重】罩盖螺母\N17.01.15.14</t>
  </si>
  <si>
    <t>【北重】特制双头螺栓\N17.01.15.13</t>
  </si>
  <si>
    <t>【北重】特制双头螺栓\N17.01.15.15</t>
  </si>
  <si>
    <t>【北重】后推力瓦\N17.08.04.70-1(1)</t>
  </si>
  <si>
    <t>【北重】前推力瓦\N17.08.04.40-1(1)</t>
  </si>
  <si>
    <t>【北重】调节阀密封圈\N17.30.01.84</t>
  </si>
  <si>
    <t>【北重】泄气阀\N17.30.01.83</t>
  </si>
  <si>
    <t>【北重】调节阀制动圈\N17.30.01.35-1(1)</t>
  </si>
  <si>
    <t>【北重】自密封垫圈\N17.30.01.21-1(1)/17</t>
  </si>
  <si>
    <t>【北重】垫圈\N17.30.01.21-1(1)/10</t>
  </si>
  <si>
    <t>【北重】中箱油封\N17.07.06.03-1(1)</t>
  </si>
  <si>
    <t>【北重】后箱油封\N17.07.02.04-1(1)</t>
  </si>
  <si>
    <t>【北重】后箱油封\N17.07.02.03-1(1)</t>
  </si>
  <si>
    <t>【北重】前箱油封\N17.07.01.05-1(1)</t>
  </si>
  <si>
    <t>【北重】内六角圆柱端紧定螺钉\B1223-2005</t>
  </si>
  <si>
    <t>【北重】芯轴\N17.23.01.19</t>
  </si>
  <si>
    <t>【北重】套筒\N17.23.01.18</t>
  </si>
  <si>
    <t>【北重】锥形开口套筒\N17.23.01.06(1)</t>
  </si>
  <si>
    <t>【北重】特制螺母\N17.23.01.05(1)</t>
  </si>
  <si>
    <t>【北重】特制螺母\N17.23.01.04(1)</t>
  </si>
  <si>
    <t>【北重】特制螺栓\N17.23.01.03(1)</t>
  </si>
  <si>
    <t>【北重】圆柱销\N17.22.01.08(1)</t>
  </si>
  <si>
    <t>【北重】套筒\N17.22.01.07(1)</t>
  </si>
  <si>
    <t>【北重】云母粉\803004430</t>
  </si>
  <si>
    <t>【北重】绝缘盒灌注胶\SWG-3</t>
  </si>
  <si>
    <t>【北重】绝缘环\5EG.750.200</t>
  </si>
  <si>
    <t>【北重】电连接器\RDQ-81</t>
  </si>
  <si>
    <t>【北重】稳定轴承轴瓦\5EG.263.093</t>
  </si>
  <si>
    <t>【北重】螺栓\8EG.920.225.4</t>
  </si>
  <si>
    <t>【北重】1型六角螺母-A级和B级\402060093</t>
  </si>
  <si>
    <t>【北重】法兰垫片\703000141</t>
  </si>
  <si>
    <t>【北重】法兰垫片\703000142</t>
  </si>
  <si>
    <t>【北重】推力轴承前瓦温热电阻\705000815</t>
  </si>
  <si>
    <t>【北重】推力轴承后瓦温热电阻\705000816</t>
  </si>
  <si>
    <t>【北重】高压前轴承左瓦温热电阻\705000817</t>
  </si>
  <si>
    <t>【北重】中压后轴承左瓦温热电阻\705000818</t>
  </si>
  <si>
    <t>【北重】低压前轴承前瓦温热电阻\705000819</t>
  </si>
  <si>
    <t>【北重】低压后轴承前瓦温热电阻\705000820</t>
  </si>
  <si>
    <t>【北重】高压前轴承右瓦温热电阻\705000821</t>
  </si>
  <si>
    <t>【北重】中压后轴承右瓦温热电阻\705000822</t>
  </si>
  <si>
    <t>【北重】低压前轴承后瓦温热电阻\705000823</t>
  </si>
  <si>
    <t>【北重】低压后轴承后瓦温热电阻\705000824</t>
  </si>
  <si>
    <t>【北重】罩盖螺母\N17.01.41.02(1)</t>
  </si>
  <si>
    <t>【北重】双头螺栓\N17.01.41.03(1)</t>
  </si>
  <si>
    <t>【北重】径向汽封齿\N17.02.10.04-1</t>
  </si>
  <si>
    <t>【北重】双头螺栓\N17.02.10.11</t>
  </si>
  <si>
    <t>【北重】螺母\N17.02.10.12</t>
  </si>
  <si>
    <t>【北重】双头螺栓\N17.02.12.09</t>
  </si>
  <si>
    <t>【北重】双头螺栓\N17.02.13.05(1)</t>
  </si>
  <si>
    <t>【北重】螺母\N17.02.13.06(1)</t>
  </si>
  <si>
    <t>【北重】双头螺栓\N17.02.14.04(1)</t>
  </si>
  <si>
    <t>【北重】螺母\N17.02.14.05(1)</t>
  </si>
  <si>
    <t>【北重】双头螺栓\N17.02.20.04(1)</t>
  </si>
  <si>
    <t>【北重】双头螺栓\N17.02.25.19(1)</t>
  </si>
  <si>
    <t>【北重】罩盖螺母\N17.02.25.20(1)</t>
  </si>
  <si>
    <t>【北重】双头螺栓\N17.02.25.24(1)</t>
  </si>
  <si>
    <t>【北重】罩盖螺母\N17.02.26.09</t>
  </si>
  <si>
    <t>【北重】双头螺栓\N17.02.27.09(1)</t>
  </si>
  <si>
    <t>【北重】双头螺栓\N17.02.27.11(1)</t>
  </si>
  <si>
    <t>【北重】汽封体\N17.02.28.14(1)</t>
  </si>
  <si>
    <t>【北重】径向轴承\N17.08.01-1(2)</t>
  </si>
  <si>
    <t>【北重】径向轴承\N17.08.02-1(2)</t>
  </si>
  <si>
    <t>【北重】径向轴承\N17.08.03-1(2)</t>
  </si>
  <si>
    <t>【北重】主调整垫片(I)\N17.08.04.55(1)</t>
  </si>
  <si>
    <t>【北重】主调整垫片(II)\N17.08.04.61(1)</t>
  </si>
  <si>
    <t>【北重】径向轴承\N17.08.05-1(2)</t>
  </si>
  <si>
    <t>【北重】径向轴承\N17.08.06-1(2)</t>
  </si>
  <si>
    <t>【北重】垂直调整垫块\N17.08.22.03(1)</t>
  </si>
  <si>
    <t>【北重】调整垫片\N17.08.22.04(1)</t>
  </si>
  <si>
    <t>【北重】调整垫块\N17.08.22.05(1)</t>
  </si>
  <si>
    <t>【北重】调整板\N17.08.25.03</t>
  </si>
  <si>
    <t>【北重】调整板\N17.08.25.04</t>
  </si>
  <si>
    <t>【北重】调整板\N17.08.25.05</t>
  </si>
  <si>
    <t>【北重】垫片\N17.08.25.10-1</t>
  </si>
  <si>
    <t>【北重】垫片\N17.08.25.11-1</t>
  </si>
  <si>
    <t>【北重】垫片\N17.08.25.12-1</t>
  </si>
  <si>
    <t>【北重】角垫块\N17.08.25.14</t>
  </si>
  <si>
    <t>【北重】垫片\N17.08.27.08-1(1)</t>
  </si>
  <si>
    <t>【北重】垫片\N17.08.27.09-1(1)</t>
  </si>
  <si>
    <t>【北重】垫片\N17.08.27.10-1(1)</t>
  </si>
  <si>
    <t>【北重】连接销\N17.21.01.05</t>
  </si>
  <si>
    <t>【北重】圆柱头内六角螺栓\N17.21.01.13(1)</t>
  </si>
  <si>
    <t>【北重】配重螺钉\N17.23.01.05</t>
  </si>
  <si>
    <t>【北重】调节阀圆柱销\N17.30.01.112</t>
  </si>
  <si>
    <t>【北重】圆柱销\N17.30.01.113</t>
  </si>
  <si>
    <t>【北重】调节阀圆柱销\N17.30.01.114</t>
  </si>
  <si>
    <t>【北重】双头螺栓\N17.30.01.13</t>
  </si>
  <si>
    <t>【北重】密封圈\N17.30.01.140</t>
  </si>
  <si>
    <t>【北重】销子\N17.30.01.25</t>
  </si>
  <si>
    <t>【北重】滤网体\N17.30.01.26-1(1)</t>
  </si>
  <si>
    <t>【北重】滤网\N17.30.01.29-1(1)</t>
  </si>
  <si>
    <t>【北重】径向销\N17.30.01.35</t>
  </si>
  <si>
    <t>【北重】双头螺栓\N17.30.01.37(1)</t>
  </si>
  <si>
    <t>【北重】套筒\N17.30.01.38(1)</t>
  </si>
  <si>
    <t>【北重】双锥面垫圈\N17.30.01.49(1)</t>
  </si>
  <si>
    <t>【北重】双锥面垫圈\N17.30.01.51(1)</t>
  </si>
  <si>
    <t>【北重】螺钉\N17.30.01.52</t>
  </si>
  <si>
    <t>【北重】热屏螺钉\N17.30.01.55</t>
  </si>
  <si>
    <t>【北重】紧定螺钉\N17.30.01.65(1)</t>
  </si>
  <si>
    <t>【北重】螺栓\N17.30.01.70(1)</t>
  </si>
  <si>
    <t>【北重】螺栓\N17.30.01.86</t>
  </si>
  <si>
    <t>【北重】切口螺母\N17.30.01.92</t>
  </si>
  <si>
    <t>【北重】顶开螺钉\N17.30.04.19</t>
  </si>
  <si>
    <t>【北重】双头螺栓\N17.30.04.23(1)</t>
  </si>
  <si>
    <t>【北重】垫圈\N17.30.04.24(1)</t>
  </si>
  <si>
    <t>【北重】螺母\N17.30.04.25(1)</t>
  </si>
  <si>
    <t>【北重】双头螺柱\N17.30.04.27(1)</t>
  </si>
  <si>
    <t>【北重】滤网体装焊\N17.30.04.29-1(1)</t>
  </si>
  <si>
    <t>【北重】滤网\N17.30.04.32-1(1)</t>
  </si>
  <si>
    <t>【北重】双头螺栓\N17.30.04.37(1)</t>
  </si>
  <si>
    <t>【北重】螺母\N17.30.04.38(1)</t>
  </si>
  <si>
    <t>【北重】垫圈\N17.30.04.39(1)</t>
  </si>
  <si>
    <t>【北重】销子\N17.30.04.40</t>
  </si>
  <si>
    <t>【北重】顶开螺钉\N17.30.04.42(1)</t>
  </si>
  <si>
    <t>【北重】销子\N17.30.04.45</t>
  </si>
  <si>
    <t>【北重】双头螺栓\N17.30.04.47</t>
  </si>
  <si>
    <t>【北重】顶开螺钉\N17.30.04.76</t>
  </si>
  <si>
    <t>【北重】销子\N17.30.04.84</t>
  </si>
  <si>
    <t>【北重】销子\N17.30.04.88</t>
  </si>
  <si>
    <t>【北重】压缩弹簧\N17.31.01.05</t>
  </si>
  <si>
    <t>【北重】螺钉\N17.31.01.09</t>
  </si>
  <si>
    <t>【北重】双锥垫圈\N17.60.01.24(1)</t>
  </si>
  <si>
    <t>【北重】密封环\N17.60.02.14</t>
  </si>
  <si>
    <t>【北重】蒸汽过滤器\N17.60.34.270-1</t>
  </si>
  <si>
    <t>【北重】润滑油泵径向轴承\N17.70.01.06-1</t>
  </si>
  <si>
    <t>【北重】润滑油泵径向轴承\N17.70.01.07-1</t>
  </si>
  <si>
    <t>【北重】润滑油泵径向推力轴承\N17.70.01.08-1</t>
  </si>
  <si>
    <t>【北重】双头螺栓\N17A.02.02.11</t>
  </si>
  <si>
    <t>【北重】六角头罩盖螺母\N17A.02.02.12</t>
  </si>
  <si>
    <t>【北重】定中心环\N17A.02.02.13</t>
  </si>
  <si>
    <t>【北重】特制双头螺栓\NC100.01.15.14</t>
  </si>
  <si>
    <t>【北重】高中压内缸汽封片\NC100.01.16.08</t>
  </si>
  <si>
    <t>【北重】高中压内缸汽封片\NC100.01.16.10</t>
  </si>
  <si>
    <t>【北重】高中压内缸涨紧钢丝\NC100.01.16.34</t>
  </si>
  <si>
    <t>【北重】中分面的连接\NC100.02.14.06-1</t>
  </si>
  <si>
    <t>【北重】两半弓形密封环\NC100.06.01.17</t>
  </si>
  <si>
    <t>【北重】高压隔板汽封环\NC100.06.04.01</t>
  </si>
  <si>
    <t>【北重】高压隔板汽封环\NC100.06.04.02</t>
  </si>
  <si>
    <t>【北重】高压隔板汽封环\NC100.06.04.03</t>
  </si>
  <si>
    <t>【北重】高压隔板汽封环\NC100.06.04.04</t>
  </si>
  <si>
    <t>【北重】高压隔板汽封环\NC100.06.04.05</t>
  </si>
  <si>
    <t>【北重】高压隔板汽封环\NC100.06.04.06</t>
  </si>
  <si>
    <t>【北重】高压隔板汽封环\NC100.06.04.07</t>
  </si>
  <si>
    <t>【北重】高压隔板汽封环\NC100.06.04.08</t>
  </si>
  <si>
    <t>【北重】高压隔板汽封环\NC100.06.04.09</t>
  </si>
  <si>
    <t>【北重】弹簧载荷汽封环\NC100.06.12.02</t>
  </si>
  <si>
    <t>【北重】弹簧载荷汽封环\NC100.06.12.03</t>
  </si>
  <si>
    <t>【北重】弹簧载荷汽封环\NC100.06.12.04</t>
  </si>
  <si>
    <t>【北重】汽缸间弓型密封环20型\NC100.06.12.05</t>
  </si>
  <si>
    <t>【北重】汽缸间弓型密封环20型\NC100.06.12.06</t>
  </si>
  <si>
    <t>【北重】中压隔板汽封环\NC100.06.14.01</t>
  </si>
  <si>
    <t>【北重】中压隔板汽封环\NC100.06.14.02</t>
  </si>
  <si>
    <t>【北重】中压隔板汽封环\NC100.06.14.03</t>
  </si>
  <si>
    <t>【北重】中压隔板汽封环\NC100.06.14.04</t>
  </si>
  <si>
    <t>【北重】中压隔板汽封环\NC100.06.14.05</t>
  </si>
  <si>
    <t>【北重】中压隔板汽封环\NC100.06.14.06</t>
  </si>
  <si>
    <t>【北重】中压隔板汽封环\NC100.06.14.07</t>
  </si>
  <si>
    <t>【北重】中压隔板汽封环\NC100.06.14.08</t>
  </si>
  <si>
    <t>【北重】中压隔板汽封环\NC100.06.14.09</t>
  </si>
  <si>
    <t>【北重】弓形密封环\NC100.06.20.04</t>
  </si>
  <si>
    <t>【北重】浮动油封环\NC100.08.04.07-1</t>
  </si>
  <si>
    <t>【北重】上调整垫块\NC100.08.04.15</t>
  </si>
  <si>
    <t>【北重】下调整垫块\NC100.08.04.16</t>
  </si>
  <si>
    <t>【北重】垂直调整垫块(有开口)\NC100.08.04.17</t>
  </si>
  <si>
    <t>【北重】垂直调整垫块\NC100.08.04.18</t>
  </si>
  <si>
    <t>【北重】上调整垫块\NC100.08.04.19</t>
  </si>
  <si>
    <t>【北重】上调整垫块\NC100.08.04.20</t>
  </si>
  <si>
    <t>【北重】下调整垫块\NC100.08.04.21</t>
  </si>
  <si>
    <t>【北重】下调整垫块\NC100.08.04.22</t>
  </si>
  <si>
    <t>【北重】垂直调整垫块(有开口)\NC100.08.04.23</t>
  </si>
  <si>
    <t>【北重】垂直调整垫块(有开口)\NC100.08.04.24</t>
  </si>
  <si>
    <t>【北重】垂直调整垫块\NC100.08.04.25</t>
  </si>
  <si>
    <t>【北重】垂直调整垫块\NC100.08.04.26</t>
  </si>
  <si>
    <t>【北重】垂直调整块\NC100.08.23.03</t>
  </si>
  <si>
    <t>【北重】调整垫\NC100.08.23.04</t>
  </si>
  <si>
    <t>【北重】调整垫块\NC100.08.23.05</t>
  </si>
  <si>
    <t>【北重】销子\NC100.30.01.10</t>
  </si>
  <si>
    <t>【北重】圆柱销\NC100.30.01.109</t>
  </si>
  <si>
    <t>【北重】双头螺柱\NC100.30.01.11</t>
  </si>
  <si>
    <t>【北重】罩盖螺母\NC100.30.01.112</t>
  </si>
  <si>
    <t>【北重】螺母\NC100.30.01.12</t>
  </si>
  <si>
    <t>【北重】螺栓\NC100.30.01.14</t>
  </si>
  <si>
    <t>【北重】销子\NC100.30.01.18</t>
  </si>
  <si>
    <t>【北重】销子\NC100.30.01.19</t>
  </si>
  <si>
    <t>【北重】销子\NC100.30.01.28</t>
  </si>
  <si>
    <t>【北重】径向销\NC100.30.01.31</t>
  </si>
  <si>
    <t>【北重】销子\NC100.30.01.35</t>
  </si>
  <si>
    <t>【北重】圆柱销\NC100.30.01.52</t>
  </si>
  <si>
    <t>【北重】圆柱销\NC100.30.01.55</t>
  </si>
  <si>
    <t>【北重】双头螺栓\NC100.30.01.67</t>
  </si>
  <si>
    <t>【北重】销子\NC100.30.04.100</t>
  </si>
  <si>
    <t>【北重】垫圈\NC100.30.04.101</t>
  </si>
  <si>
    <t>【北重】双锥垫圈\NC100.30.04.103</t>
  </si>
  <si>
    <t>【北重】螺母\NC100.30.04.105</t>
  </si>
  <si>
    <t>【北重】双头螺栓\NC100.30.04.106</t>
  </si>
  <si>
    <t>【北重】销子\NC100.30.04.107</t>
  </si>
  <si>
    <t>【北重】双锥垫圈\NC100.30.04.113</t>
  </si>
  <si>
    <t>【北重】双锥垫圈\NC100.30.04.115</t>
  </si>
  <si>
    <t>【北重】销子\NC100.30.04.38</t>
  </si>
  <si>
    <t>【北重】销子\NC100.30.04.47</t>
  </si>
  <si>
    <t>【北重】销子\NC100.30.04.61</t>
  </si>
  <si>
    <t>【北重】销子\NC100.30.04.62</t>
  </si>
  <si>
    <t>【北重】双头螺栓\NC100.30.04.71</t>
  </si>
  <si>
    <t>【北重】销子\NC100.30.04.95</t>
  </si>
  <si>
    <t>【北重】螺栓\NC100.30.04.99</t>
  </si>
  <si>
    <t>【北重】压缩弹簧\NC100.31.02.04</t>
  </si>
  <si>
    <t>【北重】扭弹簧\NC100.31.02.10</t>
  </si>
  <si>
    <t>【北重】导销\NC100.31.02.11-1</t>
  </si>
  <si>
    <t>【北重】加高垫圈\NC100.60.01.12</t>
  </si>
  <si>
    <t>【北重】锥销\N17.01.02.335</t>
  </si>
  <si>
    <t>【北重】双头螺栓\N17.01.04.03(1)</t>
  </si>
  <si>
    <t>【北重】对中环\N17.01.04.05(1)</t>
  </si>
  <si>
    <t>【北重】锁定螺栓\N17.01.04.06(1)</t>
  </si>
  <si>
    <t>【北重】圆柱头螺丝\N17.01.15.05</t>
  </si>
  <si>
    <t>【北重】安装定位螺丝\N17.01.15.08</t>
  </si>
  <si>
    <t>【北重】圆柱头螺钉\N17.01.15.10</t>
  </si>
  <si>
    <t>【北重】螺丝\N17.01.15.26</t>
  </si>
  <si>
    <t>【北重】定位螺丝\N17.01.19.04</t>
  </si>
  <si>
    <t>【北重】调整垫片\N17.01.19.04(1)</t>
  </si>
  <si>
    <t>【北重】调整垫片\N17.01.19.05(1)</t>
  </si>
  <si>
    <t>【北重】空心接头\N17.01.19.06(1)</t>
  </si>
  <si>
    <t>【北重】圆拄头螺丝\N17.01.19.07(1)</t>
  </si>
  <si>
    <t>【北重】调整垫片\N17.01.19.08(1)</t>
  </si>
  <si>
    <t>【北重】中心键\N17.01.19.09(1)</t>
  </si>
  <si>
    <t>【北重】螺尾锥销\N17.01.19.10</t>
  </si>
  <si>
    <t>【北重】导柱\N17.01.19.14(1)</t>
  </si>
  <si>
    <t>【北重】止动垫片\N17.01.19.15</t>
  </si>
  <si>
    <t>【北重】螺尾锥销\N17.01.20.09</t>
  </si>
  <si>
    <t>【北重】螺尾锥销\N17.01.20.10</t>
  </si>
  <si>
    <t>【北重】垫片\N17.01.20.18</t>
  </si>
  <si>
    <t>【北重】双锥垫圈\N17.01.20.20(1)</t>
  </si>
  <si>
    <t>【北重】止动垫圈\N17.01.20.21(1)</t>
  </si>
  <si>
    <t>【北重】螺塞\N17.01.20.22(1)</t>
  </si>
  <si>
    <t>【北重】双锥垫圈\N17.01.20.23(1)</t>
  </si>
  <si>
    <t>【北重】螺塞\N17.01.20.24(1)</t>
  </si>
  <si>
    <t>【北重】双锥垫片\N17.01.20.25(1)</t>
  </si>
  <si>
    <t>【北重】中压胀差传承装置\N17.01.20.29-1(1)</t>
  </si>
  <si>
    <t>【北重】螺栓\N17.01.20.58</t>
  </si>
  <si>
    <t>【北重】螺塞\N17.01.20.59</t>
  </si>
  <si>
    <t>【北重】柔性石墨金属包覆垫片\N17.01.31.121</t>
  </si>
  <si>
    <t>【北重】柔性石墨金属包覆垫片\N17.01.31.123</t>
  </si>
  <si>
    <t>【北重】垫圈\N17.01.31.174</t>
  </si>
  <si>
    <t>【北重】专用螺栓\N17.01.31.175</t>
  </si>
  <si>
    <t>【北重】安装螺丝\N17.01.41.01</t>
  </si>
  <si>
    <t>【北重】螺钉\N17.02.10.09</t>
  </si>
  <si>
    <t>【北重】水平中分面的连接\N17.02.10.10-1</t>
  </si>
  <si>
    <t>【北重】定中心环\N17.02.10.13</t>
  </si>
  <si>
    <t>【北重】悬挂销\N17.02.10.15</t>
  </si>
  <si>
    <t>【北重】六角带垫式螺栓\N17.02.10.16</t>
  </si>
  <si>
    <t>【北重】对中键\N17.02.10.17-1</t>
  </si>
  <si>
    <t>【北重】螺钉\N17.02.10.19</t>
  </si>
  <si>
    <t>【北重】键\N17.02.13.02(1)</t>
  </si>
  <si>
    <t>【北重】螺钉\N17.02.13.03(1)</t>
  </si>
  <si>
    <t>【北重】对中心环\N17.02.13.07(1)</t>
  </si>
  <si>
    <t>【北重】键\N17.02.14.02(1)</t>
  </si>
  <si>
    <t>【北重】对中心环\N17.02.14.06(1)</t>
  </si>
  <si>
    <t>【北重】键\N17.02.15.02(1)</t>
  </si>
  <si>
    <t>【北重】键\N17.02.16.02(1)</t>
  </si>
  <si>
    <t>【北重】键\N17.02.17.02(1)</t>
  </si>
  <si>
    <t>【北重】键\N17.02.18.02(1)</t>
  </si>
  <si>
    <t>【北重】键\N17.02.22.02(1)</t>
  </si>
  <si>
    <t>【北重】悬挂销\N17.02.24.06(1)</t>
  </si>
  <si>
    <t>【北重】六角带垫式螺栓\N17.02.24.07(1)</t>
  </si>
  <si>
    <t>【北重】螺钉\N17.02.25.14(1)</t>
  </si>
  <si>
    <t>【北重】螺钉\N17.02.25.17(1)</t>
  </si>
  <si>
    <t>【北重】定位环\N17.02.25.21(1)</t>
  </si>
  <si>
    <t>【北重】螺栓\N17.02.25.27(1)</t>
  </si>
  <si>
    <t>【北重】六角带垫式螺栓\N17.02.26.06</t>
  </si>
  <si>
    <t>【北重】悬挂销\N17.02.26.10(1)</t>
  </si>
  <si>
    <t>【北重】法兰螺栓\N17.06.01.03</t>
  </si>
  <si>
    <t>【北重】法兰螺栓\N17.06.01.04</t>
  </si>
  <si>
    <t>【北重】法兰螺栓\N17.06.01.05</t>
  </si>
  <si>
    <t>【北重】六角法兰螺栓\N17.06.01.06</t>
  </si>
  <si>
    <t>【北重】止动垫片\N17.06.01.10</t>
  </si>
  <si>
    <t>【北重】螺钉\N17.06.01.17</t>
  </si>
  <si>
    <t>【北重】六角凸缘螺栓\N17.06.01.20</t>
  </si>
  <si>
    <t>【北重】六角头法兰螺栓\N17.06.02.36(1)</t>
  </si>
  <si>
    <t>【北重】六角头法兰螺栓\N17.06.02.39(1)</t>
  </si>
  <si>
    <t>【北重】法兰螺栓\N17.06.21.03</t>
  </si>
  <si>
    <t>【北重】法兰螺栓\N17.06.21.16</t>
  </si>
  <si>
    <t>【北重】O形橡胶密封圈\N17.07.15.05</t>
  </si>
  <si>
    <t>【北重】油封环\N17.07.15.06</t>
  </si>
  <si>
    <t>【北重】软管总成\N17.07.15.07-1(1)</t>
  </si>
  <si>
    <t>【北重】套筒\N17.07.15.17</t>
  </si>
  <si>
    <t>【北重】连杆衬套\N17.08.04.04(1)</t>
  </si>
  <si>
    <t>【北重】塞子\N17.08.04.46(1)</t>
  </si>
  <si>
    <t>【北重】弹性圆柱销\N17.08.04.47(1)</t>
  </si>
  <si>
    <t>【北重】销子\N17.08.04.48(1)</t>
  </si>
  <si>
    <t>【北重】螺母\N17.08.25.13</t>
  </si>
  <si>
    <t>【北重】双头螺栓\N17.08.26.05-1(1)</t>
  </si>
  <si>
    <t>【北重】螺栓\N17.09.11.23</t>
  </si>
  <si>
    <t>【北重】内六角圆柱头螺钉\N17.09.11.24</t>
  </si>
  <si>
    <t>【北重】半圆封板\N17.22.01.09(1)</t>
  </si>
  <si>
    <t>【北重】平衡块\N17.23.01.02</t>
  </si>
  <si>
    <t>【北重】联轴器(低压/发电机间)\N17.23.01.02-1(1)</t>
  </si>
  <si>
    <t>【北重】平衡块\N17.23.01.03</t>
  </si>
  <si>
    <t>【北重】平衡块\N17.23.01.04</t>
  </si>
  <si>
    <t>【北重】盘车主体\N17.28.01.01(1)</t>
  </si>
  <si>
    <t>【北重】中间轴装配\N17.28.01.03-1(3)</t>
  </si>
  <si>
    <t>【北重】中间轴\N17.28.01.16(1)</t>
  </si>
  <si>
    <t>【北重】盘车手动装置\N17.28.01.40-1(2)</t>
  </si>
  <si>
    <t>【北重】塞子\N17.30.01.17</t>
  </si>
  <si>
    <t>【北重】销子\N17.30.01.21</t>
  </si>
  <si>
    <t>【北重】导向衬套\N17.30.01.22</t>
  </si>
  <si>
    <t>【北重】衬套\N17.30.01.24-1(1)</t>
  </si>
  <si>
    <t>【北重】调节阀漏气套筒\N17.30.01.34-1(1)</t>
  </si>
  <si>
    <t>【北重】调节阀衬套\N17.30.01.36-1(1)</t>
  </si>
  <si>
    <t>【北重】螺栓\N17.30.01.54</t>
  </si>
  <si>
    <t>【北重】螺母\N17.30.01.61</t>
  </si>
  <si>
    <t>【北重】密封环\N17.30.01.76(1)</t>
  </si>
  <si>
    <t>【北重】螺栓\N17.30.02.40</t>
  </si>
  <si>
    <t>【北重】螺塞\N17.30.04.40(1)</t>
  </si>
  <si>
    <t>【北重】密封环\N17.30.04.70(1)</t>
  </si>
  <si>
    <t>【北重】危急遮断器\N17.31.01-1</t>
  </si>
  <si>
    <t>【北重】重锤\N17.31.01.02</t>
  </si>
  <si>
    <t>【北重】危急遮断油门\N17.31.02-1</t>
  </si>
  <si>
    <t>【北重】压缩弹簧\N17.31.02.04</t>
  </si>
  <si>
    <t>【北重】扭弹簧\N17.31.02.10</t>
  </si>
  <si>
    <t>【北重】连接套\N17.60.01.04(1)</t>
  </si>
  <si>
    <t>【北重】螺塞\N17.60.01.25(1)</t>
  </si>
  <si>
    <t>【北重】连接套(疏水管接头)\N17.60.01.26(1)</t>
  </si>
  <si>
    <t>【北重】堵头\N17.60.01.27(1)</t>
  </si>
  <si>
    <t>【北重】下部进汽管\N17.60.02.04-1(1)</t>
  </si>
  <si>
    <t>【北重】遮热管\N17.60.02.16-1</t>
  </si>
  <si>
    <t>【北重】法兰\N17.60.22.02</t>
  </si>
  <si>
    <t>【北重】伸缩节\N17.60.22.03-1(1)</t>
  </si>
  <si>
    <t>【北重】垫片\N17.60.22.57</t>
  </si>
  <si>
    <t>【北重】紧固螺栓\N17.60.22.58</t>
  </si>
  <si>
    <t>【北重】罩盖螺母\N17.60.22.59</t>
  </si>
  <si>
    <t>【北重】紧固螺栓\N17.60.22.60</t>
  </si>
  <si>
    <t>【北重】垫片\N17.60.22.63</t>
  </si>
  <si>
    <t>【北重】紧固螺栓\N17.60.22.64</t>
  </si>
  <si>
    <t>【北重】主动齿轮\N17.70.01.04-1</t>
  </si>
  <si>
    <t>【北重】从动齿轮\N17.70.01.05-1</t>
  </si>
  <si>
    <t>【北重】挡圈\N17.70.01.09</t>
  </si>
  <si>
    <t>【北重】基板\N17.70.01.20</t>
  </si>
  <si>
    <t>【北重】中分面的连接\N17A.02.02.10-1</t>
  </si>
  <si>
    <t>【北重】连接管\N17A.27.19.02(2)</t>
  </si>
  <si>
    <t>【北重】弹簧垫片\N18.20.27.02</t>
  </si>
  <si>
    <t>【北重】上半定位环\N18.20.27.04</t>
  </si>
  <si>
    <t>【北重】下半定位环\N18.20.27.05</t>
  </si>
  <si>
    <t>【北重】下半定位环\N18.20.27.06</t>
  </si>
  <si>
    <t>【北重】上半定位环\N18.20.27.07</t>
  </si>
  <si>
    <t>【北重】下半定位环\N18.20.27.08</t>
  </si>
  <si>
    <t>【北重】上半定位环\N18.20.27.09</t>
  </si>
  <si>
    <t>【北重】下半封口弧段\N18.20.27.10</t>
  </si>
  <si>
    <t>【北重】上半封口弧段\N18.20.27.11</t>
  </si>
  <si>
    <t>【北重】产品键\N18.20.27.12</t>
  </si>
  <si>
    <t>【北重】上半定位环\N18.20.28.03</t>
  </si>
  <si>
    <t>【北重】下半定位环\N18.20.28.04</t>
  </si>
  <si>
    <t>【北重】上半定位环\N18.20.28.05</t>
  </si>
  <si>
    <t>【北重】下半定位环\N18.20.28.06</t>
  </si>
  <si>
    <t>【北重】上半定位环\N18.20.28.07</t>
  </si>
  <si>
    <t>【北重】下半定位环\N18.20.28.08</t>
  </si>
  <si>
    <t>【北重】上半定位环\N18.20.28.09</t>
  </si>
  <si>
    <t>【北重】下半定位环\N18.20.28.10</t>
  </si>
  <si>
    <t>【北重】上半封口弧段\N18.20.28.11</t>
  </si>
  <si>
    <t>【北重】下半封口弧段\N18.20.28.12</t>
  </si>
  <si>
    <t>【北重】产品键\N18.20.28.13</t>
  </si>
  <si>
    <t>【北重】密封环\NC100.30.04.96</t>
  </si>
  <si>
    <t>【北重】危急遮断器\NC100.31.01-1</t>
  </si>
  <si>
    <t>【北重】密封胶\C12879</t>
  </si>
  <si>
    <t>【北重】密封胶\D12881</t>
  </si>
  <si>
    <t>【北重】密封枪\A12882</t>
  </si>
  <si>
    <t>【北重】氟橡胶条(绝缘)\E12885</t>
  </si>
  <si>
    <t>【北重】氟橡胶条(绝缘)\B12887</t>
  </si>
  <si>
    <t>【北重】氟橡胶条(绝缘)\C12889</t>
  </si>
  <si>
    <t>【北重】氟橡胶条(绝缘)\A12890</t>
  </si>
  <si>
    <t>【北重】密封胶 乐泰 587\B12892</t>
  </si>
  <si>
    <t>【北重】配重零件\JGCJS18229.01</t>
  </si>
  <si>
    <t>【北重】六角头螺栓全螺纹 A和B级\401070726</t>
  </si>
  <si>
    <t>【北重】柔性石墨填料环\705000172</t>
  </si>
  <si>
    <t>【北重】法兰垫片\705000168</t>
  </si>
  <si>
    <t>【北重】法兰垫片\705000323</t>
  </si>
  <si>
    <t>【北重】内盖加工(汽、励端)\5EG.013.214</t>
  </si>
  <si>
    <t>【北重】挡油板\8EG.325.156.3</t>
  </si>
  <si>
    <t>【北重】切口螺母\NC100.60.01.11</t>
  </si>
  <si>
    <t>【北重】双头螺栓\NC100.60.01.13</t>
  </si>
  <si>
    <t>【北重】后推力瓦安装环\N17.08.04.75-1(1)</t>
  </si>
  <si>
    <t>【北重】前推力瓦安装环\N17.08.04.45-1(1)</t>
  </si>
  <si>
    <t>【北重】油封\N17.07.20.04-1(1)</t>
  </si>
  <si>
    <t>【北重】油封\N17.07.20.08-1(1)</t>
  </si>
  <si>
    <t>【北重】密封环\N17.60.04.10(1)</t>
  </si>
  <si>
    <t>【北重】蒸汽过滤孔板\N17.60.34.273</t>
  </si>
  <si>
    <t>【北重】特制双头螺栓\NC100.01.15.01</t>
  </si>
  <si>
    <t>【北重】切口螺母\NC100.01.15.02</t>
  </si>
  <si>
    <t>【北重】特制双头螺栓\NC100.01.15.03</t>
  </si>
  <si>
    <t>【北重】特制双头螺栓\NC100.01.15.04</t>
  </si>
  <si>
    <t>【北重】切口螺母\NC100.01.15.05</t>
  </si>
  <si>
    <t>【北重】特制双头螺栓\NC100.01.15.06</t>
  </si>
  <si>
    <t>【北重】切口螺母\NC100.01.15.07</t>
  </si>
  <si>
    <t>【北重】特制双头螺栓\NC100.01.15.08</t>
  </si>
  <si>
    <t>【北重】切口螺母\NC100.01.15.09</t>
  </si>
  <si>
    <t>【北重】特制双头螺栓\NC100.01.15.10</t>
  </si>
  <si>
    <t>【北重】切口螺母\NC100.01.15.11</t>
  </si>
  <si>
    <t>【北重】特制双头螺栓\NC100.01.15.12</t>
  </si>
  <si>
    <t>【北重】切口螺母\NC100.01.15.13</t>
  </si>
  <si>
    <t>【北重】特制双头螺栓\NC100.01.15.15</t>
  </si>
  <si>
    <t>【北重】切口螺母\NC100.01.15.16</t>
  </si>
  <si>
    <t>【北重】特制双头螺栓\NC100.01.15.17</t>
  </si>
  <si>
    <t>【北重】特制双头螺栓\NC100.01.15.18</t>
  </si>
  <si>
    <t>【北重】特制双头螺栓\NC100.01.15.35</t>
  </si>
  <si>
    <t>【北重】特制双头螺栓\NC100.01.15.36</t>
  </si>
  <si>
    <t>【北重】汽封环\NC100.01.16.12</t>
  </si>
  <si>
    <t>【北重】汽封环\NC100.06.01.03</t>
  </si>
  <si>
    <t>【北重】汽封环\NC100.06.20.02</t>
  </si>
  <si>
    <t>【北重】轴承箱油封\NC100.07.01.48-1</t>
  </si>
  <si>
    <t>【北重】径向轴承\NC100.08.02-1</t>
  </si>
  <si>
    <t>【北重】径向轴承\NC100.08.03-1</t>
  </si>
  <si>
    <t>【北重】反向垫环\NC100.08.04.03-1</t>
  </si>
  <si>
    <t>【北重】反向推力瓦\NC100.08.04.04-1</t>
  </si>
  <si>
    <t>【北重】正向推力瓦\NC100.08.04.05-1</t>
  </si>
  <si>
    <t>【北重】正向垫环\NC100.08.04.06-1</t>
  </si>
  <si>
    <t>【北重】密封环\NC100.30.01.36</t>
  </si>
  <si>
    <t>【北重】密封环\NC100.30.01.61</t>
  </si>
  <si>
    <t>【北重】双头螺栓\NC100.30.04.39</t>
  </si>
  <si>
    <t>【北重】垫圈\NC100.30.04.40</t>
  </si>
  <si>
    <t>【北重】螺母\NC100.30.04.41</t>
  </si>
  <si>
    <t>【北重】滤网体装焊及精加工\NC100.30.04.48-1</t>
  </si>
  <si>
    <t>【北重】滤网装配\NC100.30.04.52-1</t>
  </si>
  <si>
    <t>【北重】双头螺栓\NC100.30.04.63</t>
  </si>
  <si>
    <t>【北重】螺母\NC100.30.04.64</t>
  </si>
  <si>
    <t>【北重】垫圈\NC100.30.04.65</t>
  </si>
  <si>
    <t>【北重】密封环\NC100.60.02.08</t>
  </si>
  <si>
    <t>【北重】汽封环\NC100A.06.04.01(1)</t>
  </si>
  <si>
    <t>【北重】汽封环\NC100A.06.04.02(1)</t>
  </si>
  <si>
    <t>【北重】汽封环\NC100A.06.04.03(1)</t>
  </si>
  <si>
    <t>【北重】汽封环\NC100A.06.04.04(1)</t>
  </si>
  <si>
    <t>【北重】汽封环\NC100A.06.04.05(1)</t>
  </si>
  <si>
    <t>【北重】汽封环\NC100A.06.04.06(1)</t>
  </si>
  <si>
    <t>【北重】汽封环\NC100A.06.04.07(1)</t>
  </si>
  <si>
    <t>【北重】汽封环\NC100A.06.04.08(1)</t>
  </si>
  <si>
    <t>【北重】汽封环\NC100A.06.04.09(1)</t>
  </si>
  <si>
    <t>【北重】弹簧荷载汽封环\NC100A.06.12.02</t>
  </si>
  <si>
    <t>【北重】弹簧荷载汽封环\NC100A.06.12.03</t>
  </si>
  <si>
    <t>【北重】弹簧荷载汽封环\NC100A.06.12.04</t>
  </si>
  <si>
    <t>【北重】弹簧荷载汽封环\NC100A.06.12.05</t>
  </si>
  <si>
    <t>【北重】滤网体\NC100.30.01.37-1</t>
  </si>
  <si>
    <t>【北重】滤网\NC100.30.01.40-1</t>
  </si>
  <si>
    <t>【北重】加高垫圈\NC100.60.11.19</t>
  </si>
  <si>
    <t>【北重】罩盖螺母\NC100.60.04.12</t>
  </si>
  <si>
    <t>【北重】双头螺栓\NC100.60.04.08</t>
  </si>
  <si>
    <t>【北重】加高垫圈\NC100.60.04.11</t>
  </si>
  <si>
    <t>【北重】切口螺母\NC100.60.11.18</t>
  </si>
  <si>
    <t>【北重】双头螺栓\NC100.60.11.17</t>
  </si>
  <si>
    <t>【北重】高中压前汽封密封组件\NC100.01.17.37-1</t>
  </si>
  <si>
    <t>【北重】活塞环\NC100.01.15.32</t>
  </si>
  <si>
    <t>【北重】密封环\NC100.01.15.33</t>
  </si>
  <si>
    <t>【北重】齿形垫片\403090012</t>
  </si>
  <si>
    <t>【北重】齿形垫片\NC100.01.17.12</t>
  </si>
  <si>
    <t>【北重】四级后密封组件\NC100.01.17.32-1</t>
  </si>
  <si>
    <t>【北重】齿形垫\NC100.01.17.68</t>
  </si>
  <si>
    <t>【北重】齿形垫片\NC100.01.15.22</t>
  </si>
  <si>
    <t>【北重】齿形垫片\NC100.01.15.24</t>
  </si>
  <si>
    <t>【北重】柔性石墨金属缠绕垫片\713000555</t>
  </si>
  <si>
    <t>【北重】柔性石墨金属缠绕垫片\713000604</t>
  </si>
  <si>
    <t>【北重】柔性石墨金属缠绕垫片\713000556</t>
  </si>
  <si>
    <t>【北重】插管\NC100.01.16.18</t>
  </si>
  <si>
    <t>【北重】插管\NC100.01.16.19</t>
  </si>
  <si>
    <t>【北重】密封环装配\NC100.01.16.22-1</t>
  </si>
  <si>
    <t>【北重】调整垫片\N17.01.16.10</t>
  </si>
  <si>
    <t>【北重】调整环\NC100.01.16.20-1</t>
  </si>
  <si>
    <t>【北重】O型密封圈\N17.08.04.33(1)</t>
  </si>
  <si>
    <t>【北重】O型密封圈\N17.08.04.30(1)</t>
  </si>
  <si>
    <t>【北重】浮环(II)\N17.08.04.54-1(1)</t>
  </si>
  <si>
    <t>【北重】垫块\8EG.760.1607</t>
  </si>
  <si>
    <t>【北重】短路疏形片垫块\8EG.548.615.9</t>
  </si>
  <si>
    <t>【北重】楔\8EG.786.080</t>
  </si>
  <si>
    <t>【北重】止动垫圈\8EG.951.040</t>
  </si>
  <si>
    <t>【北重】环\8EG.217.1003</t>
  </si>
  <si>
    <t>【北重】密封板\8EG.750.829</t>
  </si>
  <si>
    <t>【北重】压帽\8EG.370.301</t>
  </si>
  <si>
    <t>【北重】绝缘垫块\8EG.761.898</t>
  </si>
  <si>
    <t>【北重】环氧玻璃布板\5EG.524.806W43</t>
  </si>
  <si>
    <t>【北重】支撑垫块\8EG.761.941</t>
  </si>
  <si>
    <t>【北重】绝缘管\8EG.770.402</t>
  </si>
  <si>
    <t>【北重】夹板\8EG.110.411</t>
  </si>
  <si>
    <t>【北重】压板\8EG.760.467</t>
  </si>
  <si>
    <t>【北重】支撑垫块(励侧)\8EG.761.908</t>
  </si>
  <si>
    <t>【北重】支撑垫块(汽侧)\8EG.761.907</t>
  </si>
  <si>
    <t>【北重】聚四氟乙烯板\8EG.371.619</t>
  </si>
  <si>
    <t>【北重】绝缘盖\8EG.760.1615</t>
  </si>
  <si>
    <t>【北重】O形橡胶密封圈\8EG.371.625</t>
  </si>
  <si>
    <t>【北重】六角头螺栓\8EG.920.235</t>
  </si>
  <si>
    <t>【北重】扇形绝缘垫块\8EG.761.914</t>
  </si>
  <si>
    <t>【北重】右侧叶片加工\5EG.217.526</t>
  </si>
  <si>
    <t>【北重】短路梳形片\8EG.548.615</t>
  </si>
  <si>
    <t>【北重】盖板\8EG.310.582</t>
  </si>
  <si>
    <t>【北重】水接头\8EG.454.129</t>
  </si>
  <si>
    <t>【北重】左侧叶片加工\5EG.217.527</t>
  </si>
  <si>
    <t>【北重】双孔螺母止退垫片\8EG.156.552</t>
  </si>
  <si>
    <t>【北重】螺钉\8EG.900.511</t>
  </si>
  <si>
    <t>【北重】螺栓\8EG.920.146.1</t>
  </si>
  <si>
    <t>【北重】螺栓\8EG.920.146.3</t>
  </si>
  <si>
    <t>【北重】润滑油清洗滤网装配\N17.73.01.260-1(1)</t>
  </si>
  <si>
    <t>【北重】中间环板精加工\N17.21.01.10/1(1)</t>
  </si>
  <si>
    <t>【北重】圆柱头内六角螺钉\404061161</t>
  </si>
  <si>
    <t>【北重】喷头\N17.01.02.239-1</t>
  </si>
  <si>
    <t>【北重】双头螺栓\N17.01.04.04</t>
  </si>
  <si>
    <t>【北重】定位螺栓\N17.01.15.07(1)</t>
  </si>
  <si>
    <t>【北重】内缸疏水管\N17.01.15.34-1/1</t>
  </si>
  <si>
    <t>【北重】波纹管\N17.01.31.129-1</t>
  </si>
  <si>
    <t>【北重】套筒\N17.60.11.08</t>
  </si>
  <si>
    <t>【北重】石墨垫圈\713000295</t>
  </si>
  <si>
    <t>【联想】移动图形工作站/ThinkPad P53/i7-9750H/16GB/512G固态+1T机械/ANVIDIA® Quadro® T1000/Windows 10 Pro专业版/15.6英寸/5年原厂质保</t>
  </si>
  <si>
    <t>【联想】移动图形工作站/ThinkPad P53/i7-9850H/32GB/2T固态/ANVIDIA® Quadro® T2000/Win 10 Pro专业版/15.6英寸/5年原厂质保</t>
  </si>
  <si>
    <t>【联想】移动图形工作站/ThinkPad P53/i7-9代/16G/512G固态+1T机械/独显T1000/15.6英寸/Windows10 home/1年原厂质保</t>
  </si>
  <si>
    <t>【联想】移动图形工作站/ThinkPad P53/i7-9代/16G/512G固态+1T机械/独显T1000/15.6英寸/Windows10 Pro专业版/1年原厂质保</t>
  </si>
  <si>
    <t>【上海电气】异径管\Φ411.5*406.4\790966-A1-03003</t>
  </si>
  <si>
    <t>【上海电气】异径管\Φ406.4*558.8\790960-A1-03007</t>
  </si>
  <si>
    <t>【上海电气】异径管\Φ711.2*800\790966-A1-02002</t>
  </si>
  <si>
    <t>【上海电气】螺旋水冷壁管\Φ38.1×6.36/SA213-T12\10011358</t>
  </si>
  <si>
    <t>【上海电气】管子\Φ48*12.5\9201942-A1-01001</t>
  </si>
  <si>
    <t>【上海电气】管子\Φ48*12.5\9201942-A1-01002</t>
  </si>
  <si>
    <t>【上海电气】管子\Φ48*12.5\9201942-A1-01003</t>
  </si>
  <si>
    <t>【上海电气】管子\Φ48*12.5\9201942-A1-01004</t>
  </si>
  <si>
    <t>【上海电气】管子\Φ48*12.5\9201942-A1-01005</t>
  </si>
  <si>
    <t>【上海电气】管子\Φ48*12.5\9201942-A1-01006</t>
  </si>
  <si>
    <t>【上海电气】管子\Φ48*12.5\9201942-A1-01007</t>
  </si>
  <si>
    <t>【上海电气】管子\Φ48*12.5\9201942-A1-01008</t>
  </si>
  <si>
    <t>【上海电气】管子\Φ48*12.5\9201942-A1-01009</t>
  </si>
  <si>
    <t>【上海电气】管子\Φ48*12.5\9201942-A1-01010</t>
  </si>
  <si>
    <t>【上海电气】端盖\Φ60*28\5427050-A1</t>
  </si>
  <si>
    <t>【上海电气】端盖\Φ165*80\5427050-A1</t>
  </si>
  <si>
    <t>【上海克莱德】吹灰器\RLSL-DFHCHHZHZZJ</t>
  </si>
  <si>
    <t>【上海克莱德】填料压盖\SCB04327YG</t>
  </si>
  <si>
    <t>【上海克莱德】链条\1-08B-1</t>
  </si>
  <si>
    <t>【上海克莱德】吹灰器连接软管\WLB-90</t>
  </si>
  <si>
    <t>【上海克莱德】水力吹灰器石棉布罩\O0000089</t>
  </si>
  <si>
    <t>【上海克莱德】蒸汽吹灰器轴承\361204-2RS O0000173</t>
  </si>
  <si>
    <t>【上海克莱德】喷嘴管\SCB140PZG</t>
  </si>
  <si>
    <t>【上海克莱德】内外管托架\N1/11364A</t>
  </si>
  <si>
    <t>【上海克莱德】转柄组件\N1/46487C</t>
  </si>
  <si>
    <t>【上海克莱德】吹灰器内芯管\1Cr18Ni9</t>
  </si>
  <si>
    <t>【上海克莱德】吹灰器齿轮箱\SCB11531RKGB/1</t>
  </si>
  <si>
    <t>【上海克莱德】齿轮箱\SCB12603/1</t>
  </si>
  <si>
    <t>【上海克莱德】行走箱\O0000386</t>
  </si>
  <si>
    <t>【上海克莱德】滚轮组\SCB11790-2</t>
  </si>
  <si>
    <t>【上海克莱德】撞销组\O0000444</t>
  </si>
  <si>
    <t>【上海克莱德】链轮\N1/50336A PL-SL</t>
  </si>
  <si>
    <t>【上海克莱德】齿轮箱链轮\N1/46458</t>
  </si>
  <si>
    <t>【上海克莱德】小链轮\N1/47377</t>
  </si>
  <si>
    <t>【上海克莱德】驱动板\N2/49275A</t>
  </si>
  <si>
    <t>【上海克莱德】垂直导管\N2/22996B</t>
  </si>
  <si>
    <t>【上海克莱德】水平导管组件\N2/35513E</t>
  </si>
  <si>
    <t>【上海克莱德】底部链轮\N2/49238A</t>
  </si>
  <si>
    <t>【上海克莱德】顶部链轮\N2/50167A</t>
  </si>
  <si>
    <t>【上海克莱德】丝杆\N2/35750</t>
  </si>
  <si>
    <t>【上海克莱德】蒸汽吹灰器膨胀节\O0000457</t>
  </si>
  <si>
    <t>【上海克莱德】吹灰器连接杆\N1-35745</t>
  </si>
  <si>
    <t>【上海克莱德】撞销座\RL-SL</t>
  </si>
  <si>
    <t>【上海克莱德】感应片\N2/50166</t>
  </si>
  <si>
    <t>【上海克莱德】运转螺母\N2/49225</t>
  </si>
  <si>
    <t>【大汇智联】智能锁\DH-PLG02\06Cr19Ni10</t>
  </si>
  <si>
    <t>成都大汇智联科技有限公司</t>
  </si>
  <si>
    <t>大汇智联</t>
  </si>
  <si>
    <t>WZSCCG-2020-BJ-1101</t>
  </si>
  <si>
    <t>国家能源e购商城2020年度无源智能锁具铺货采购合同</t>
  </si>
  <si>
    <t>【大汇智联】智能锁\DH-PLJ02\06Cr19Ni10</t>
  </si>
  <si>
    <t>【大汇智联】智能锁\DH-PLP02\06Cr19Ni10</t>
  </si>
  <si>
    <t>【大汇智联】智能锁\DH-PLZ02\06Cr19Ni10</t>
  </si>
  <si>
    <t>【大汇智联】智能钥匙\DH-SK20\06Cr19Ni10</t>
  </si>
  <si>
    <t>【浙江菲达】轴\2F480Y.2.2-01\静电除尘器\2F480</t>
  </si>
  <si>
    <t>浙江菲达环保科技股份有限公司</t>
  </si>
  <si>
    <t>浙江菲达</t>
  </si>
  <si>
    <t>WZSCCG-2020-BJ-1100</t>
  </si>
  <si>
    <t>2020年度北京配送浙江菲达除尘器备件商城铺货长协采购</t>
  </si>
  <si>
    <t>【浙江菲达】瓷轴电加热器\f4.1.9 B 380V1kW\静电除尘器\2F496</t>
  </si>
  <si>
    <t>【浙江菲达】振打轴 (二)\F220B.4.9.2\静电除尘器\F220</t>
  </si>
  <si>
    <t>【浙江菲达】竖轴轴承\CT40.3\电除尘器\2FR144-3</t>
  </si>
  <si>
    <t>【浙江菲达】轴\F228A. 4.1.1-01\静电除尘器\F228</t>
  </si>
  <si>
    <t>【浙江菲达】高压导线(四)\2F418.17.5L=710mm\静电除尘器\2F418</t>
  </si>
  <si>
    <t>【浙江菲达】法兰\2F443.14.5\静电除尘器\2F443</t>
  </si>
  <si>
    <t>【浙江菲达】振打轴\2F418.4.2\静电除尘器\2F720</t>
  </si>
  <si>
    <t>【浙江菲达】捅灰管\F48.6.5.5\静电除尘器\2F496</t>
  </si>
  <si>
    <t>【浙江菲达】RSB整体线\RSB(2)-3480- 2F418\静电除尘器\2F418</t>
  </si>
  <si>
    <t>【浙江菲达】轴\2F480Y.4.1-02\静电除尘器\2F480</t>
  </si>
  <si>
    <t>【浙江菲达】轴承座\f4.5\静电除尘器\2F496</t>
  </si>
  <si>
    <t>【浙江菲达】孔板(四)\2F452.6-7\静电除尘\2F452</t>
  </si>
  <si>
    <t>【浙江菲达】阴极振打轴(三)\2F443 C.4.1\静电除尘器\2F443</t>
  </si>
  <si>
    <t>【浙江菲达】高压引入罩(一)\2F452.17.1\静电除尘器\2F452</t>
  </si>
  <si>
    <t>【浙江菲达】竖轴轴套\f4.2× 95B.2-1\静电除尘器\2F496</t>
  </si>
  <si>
    <t>【浙江菲达】阳极振打轴\2F496. 2.1-01\静电除尘器\2F496</t>
  </si>
  <si>
    <t>【浙江菲达】出口气流分布板\2F496.28\静电除尘器\2F496</t>
  </si>
  <si>
    <t>【浙江菲达】RSB整体线\RSB(2)-3480- 2F443\静电除尘器\2F443</t>
  </si>
  <si>
    <t>【浙江菲达】灰斗挡风\F228A.10\静电除尘器\F228</t>
  </si>
  <si>
    <t>【浙江菲达】轴(三)\2F684 A.2.6\静电除尘器\2F684</t>
  </si>
  <si>
    <t>【浙江菲达】RSB-1小刺芒刺线\2F781.3.34\静电除尘器\2F781</t>
  </si>
  <si>
    <t>【浙江菲达】振打锤抱箍\f2- 1\静电除尘器\2F496</t>
  </si>
  <si>
    <t>【浙江菲达】竖轴轴套\f4.2× 95B.1-1\静电除尘器\2F496</t>
  </si>
  <si>
    <t>【浙江菲达】轴承支架\f4.3\静电除尘器\2F496</t>
  </si>
  <si>
    <t>【浙江菲达】阴极振打锤组件\F2- 90\静电除尘器\2F496</t>
  </si>
  <si>
    <t>【浙江菲达】下部阴打轴\f4.6- 84\静电除尘器\2F496</t>
  </si>
  <si>
    <t>【浙江菲达】尘中轴承\CT5094A.4\静电除尘器\2F496</t>
  </si>
  <si>
    <t>【浙江菲达】槽板\F224.2 8.2-16\静电除尘器\F224</t>
  </si>
  <si>
    <t>【浙江菲达】阳极振打轴\2F496. 2.1-02\静电除尘器\2F496</t>
  </si>
  <si>
    <t>【浙江菲达】传动套\F4A.1-4\电除尘</t>
  </si>
  <si>
    <t>【浙江菲达】阴极振打轴\2F496.4.5\静电除尘器\2F496</t>
  </si>
  <si>
    <t>【浙江菲达】新管型直刺芒刺线\FIR.I×54-3027\静电除尘器\2F418</t>
  </si>
  <si>
    <t>【浙江菲达】框架上连接板\FT-7A\静电除尘器\2F496</t>
  </si>
  <si>
    <t>【浙江菲达】高压引入罩(一)\2F443 A.17.1\静电除尘器\2F443</t>
  </si>
  <si>
    <t>【浙江菲达】阳极振打轴\2F496. 2.1-03\静电除尘器\2F496</t>
  </si>
  <si>
    <t>【浙江菲达】高压引线(二)\FG1.1\静电除尘器\2F496</t>
  </si>
  <si>
    <t>【浙江菲达】玻纤胶绳\2F496. 29.4-01 L=1000mm\静电除尘器\2F496</t>
  </si>
  <si>
    <t>【浙江菲达】阴极振打轴\2F496.4.6\静电除尘器\2F496</t>
  </si>
  <si>
    <t>【浙江菲达】阴极振打轴竖轴\2F496.4.8\静电除尘器\2F496</t>
  </si>
  <si>
    <t>【浙江菲达】竖轴\f4.2- 90\电除尘器\2FR144-3</t>
  </si>
  <si>
    <t>【浙江菲达】上部阴打轴\f4.5- 84\静电除尘器\2F496</t>
  </si>
  <si>
    <t>【浙江菲达】竖轴轴承\BCT50\静电除尘器\2F496</t>
  </si>
  <si>
    <t>【浙江菲达】轴\2F480Y.4.1-04\静电除尘器\2F480</t>
  </si>
  <si>
    <t>【浙江菲达】竖轴\f4.2- 75\静电除尘器\2F418</t>
  </si>
  <si>
    <t>【浙江菲达】轴\φ50 F228A.4.3.1\静电除尘器\F228</t>
  </si>
  <si>
    <t>【浙江菲达】传动轴\F4A.1.4\静电除尘器\ЗГД 2-128-9-6-6-01</t>
  </si>
  <si>
    <t>【浙江菲达】轴\φ50 F228A.4.4.1\静电除尘器\F228</t>
  </si>
  <si>
    <t>【浙江菲达】角衬板\F228A.9-2\静电除尘器\F228</t>
  </si>
  <si>
    <t>【浙江菲达】振打轴\2F418.2.1\静电除尘器\2F418</t>
  </si>
  <si>
    <t>【浙江菲达】套管\f2-44-1\静电除尘器\2F418</t>
  </si>
  <si>
    <t>【浙江菲达】孔板(五)\2F684 A.6-8\静电除尘\2F684</t>
  </si>
  <si>
    <t>【浙江菲达】瓷套电加热器\FT9A AC380V1.5kW\静电除尘器\2TGD286-4</t>
  </si>
  <si>
    <t>【浙江菲达】轴\2F480Y.2.2-02\静电除尘器\2F480</t>
  </si>
  <si>
    <t>【浙江菲达】阴极振打锤\f4.10×68.1.1\静电除尘器\2F496</t>
  </si>
  <si>
    <t>【浙江菲达】阳极导向板卡子\f1A- 1\静电除尘器\2F496</t>
  </si>
  <si>
    <t>【浙江菲达】RSB1芒刺线\RSB1- 3480-2F684A\静电除尘器\2F684A</t>
  </si>
  <si>
    <t>【浙江菲达】尘中轴承\CT5090B\静电除尘器\2F496</t>
  </si>
  <si>
    <t>【浙江菲达】分布板 (1)\2F7 81.14.6\静电除尘器\2F781</t>
  </si>
  <si>
    <t>【浙江菲达】定位套\2F496.4-1\静电除尘器\2F496</t>
  </si>
  <si>
    <t>【浙江菲达】竖轴(三)\2F273.4.2\电除尘器\2F273</t>
  </si>
  <si>
    <t>【浙江菲达】轴\2F480Y.4.2-01\静电除尘器\2F480</t>
  </si>
  <si>
    <t>【浙江菲达】框架下连接板\FT-6A\静电除尘器\2F496</t>
  </si>
  <si>
    <t>【浙江菲达】上部振打轴\F228A.4.1\静电除尘器\F228</t>
  </si>
  <si>
    <t>【浙江菲达】竖轴(一)\f4.2.1G\静电除尘器\2F781</t>
  </si>
  <si>
    <t>【浙江菲达】轴\2F480Y.4.2-03\静电除尘器\2F480</t>
  </si>
  <si>
    <t>【浙江菲达】高压导线(二)\2F418.17.3L=1020mm\静电除尘器\2F418</t>
  </si>
  <si>
    <t>【浙江菲达】阴极线\F452.4\静电除尘器\2FAA4</t>
  </si>
  <si>
    <t>【浙江菲达】按扭\10A 红色 LA39\IP65</t>
  </si>
  <si>
    <t>【浙江菲达】人孔门\FT1A\静电除尘器\2F496</t>
  </si>
  <si>
    <t>【浙江菲达】限位开关孔板\000011 019631\汽轮机\DK080/170R\进口</t>
  </si>
  <si>
    <t>【浙江菲达】振打轴 (一)\F228A.4.1.1\静电除尘器\F228</t>
  </si>
  <si>
    <t>【浙江菲达】温度计安装箱\F365.17-7\静电除尘器\F365</t>
  </si>
  <si>
    <t>【浙江菲达】阳极板加固夹板\f1A.E.1\静电除尘器\2F496</t>
  </si>
  <si>
    <t>【浙江菲达】芒刺线\RSB2- 3605-2F496\静电除尘器\2FR144-3</t>
  </si>
  <si>
    <t>【浙江菲达】法兰\2F418.14.5\静电除尘器\2F418</t>
  </si>
  <si>
    <t>【浙江菲达】上部振打轴\F255A.4.2\静电除尘器\F255</t>
  </si>
  <si>
    <t>【浙江菲达】竖轴\2F496.4.1\静电除尘器\2F496</t>
  </si>
  <si>
    <t>【浙江菲达】振打轴 (四)\2F452.4-4\静电除尘器\2F452</t>
  </si>
  <si>
    <t>【浙江菲达】玻纤胶圈 A\f3.1-4\静电除尘器\2F496</t>
  </si>
  <si>
    <t>【浙江菲达】轴(二)\F224.2.2\静电除尘器\F224</t>
  </si>
  <si>
    <t>【浙江菲达】定位销\F228A. 6.1-2\静电除尘\F228</t>
  </si>
  <si>
    <t>【浙江菲达】过渡链轮组件\2F288.52.4\移动极板除尘器\2F288</t>
  </si>
  <si>
    <t>【浙江菲达】小针轮\F4.7A\静电除尘器\2F273</t>
  </si>
  <si>
    <t>【浙江菲达】阴极振打轴(二)\2F443 C.4-2\静电除尘器\2F443</t>
  </si>
  <si>
    <t>【浙江菲达】轴(一)\f2.2×60-2\静电除尘器\2F496</t>
  </si>
  <si>
    <t>【浙江菲达】振打轴\2F443. 2-304\静电除尘器\2FAA4×45.0M</t>
  </si>
  <si>
    <t>【浙江菲达】竖轴\f4.3C1-150\静电除尘器\2F418</t>
  </si>
  <si>
    <t>【浙江菲达】联轴节 (1)\f2- 120.1\静电除尘器\2F496</t>
  </si>
  <si>
    <t>【浙江菲达】振打导向板\2F684A.10-4\静电除尘器\2F684</t>
  </si>
  <si>
    <t>【浙江菲达】竖轴(二)\2F684 A.4.4\静电除尘器\2F684</t>
  </si>
  <si>
    <t>【浙江菲达】孔板(一)\2F496.6-4\静电除尘\2F496</t>
  </si>
  <si>
    <t>【浙江菲达】阳极振打调整环\f2.5\静电除尘器\2F496</t>
  </si>
  <si>
    <t>【浙江菲达】轴\F212A. 2.1-01\静电除尘器\F212</t>
  </si>
  <si>
    <t>【浙江菲达】机座\2F684A.2.1.2\静电除尘器\2F684</t>
  </si>
  <si>
    <t>【浙江菲达】晶闸管\MTC\80 0A\1400V</t>
  </si>
  <si>
    <t>【浙江菲达】罩壳\f2A.1.1\静电除尘器\2F496</t>
  </si>
  <si>
    <t>【浙江菲达】轴\2F468. 2.1-02\静电除尘器\2F468</t>
  </si>
  <si>
    <t>【浙江菲达】吊杆\f3.11J\静电除尘器\2F496</t>
  </si>
  <si>
    <t>【浙江菲达】瓷轴\f4.9.2\静电除尘器\2F720</t>
  </si>
  <si>
    <t>【浙江菲达】三角板\F228A. 6.5-1\静电除尘\F228</t>
  </si>
  <si>
    <t>【浙江菲达】活动门 (一)\FT6.1B\静电除尘\2F496</t>
  </si>
  <si>
    <t>【浙江菲达】轴\F224.2.2-01\静电除尘器\F224</t>
  </si>
  <si>
    <t>【浙江菲达】导流叶片(三)\FT6.5\静电除尘\2F496</t>
  </si>
  <si>
    <t>【浙江菲达】防尘罩\2F496.4.2\静电除尘器\2F496</t>
  </si>
  <si>
    <t>【浙江菲达】阳极传动装置 (不含减速机)\f2A.1\静电除尘器\2F496</t>
  </si>
  <si>
    <t>【浙江菲达】锤臂组件\f4A.10×68.1.2\静电除尘器\2F496</t>
  </si>
  <si>
    <t>【浙江菲达】阳打轴 (一)\2F781.2.1\静电除尘器\2F781</t>
  </si>
  <si>
    <t>【浙江菲达】下横梁板\2F781. 1.3-01δ=10mm\静电除尘器\2F781</t>
  </si>
  <si>
    <t>【浙江菲达】电除尘芒刺线\2FAA4×35M- 2×88-133\静电除尘器\F228</t>
  </si>
  <si>
    <t>【浙江菲达】下部阴打轴\2F468.4.2\静电除尘器\2F468</t>
  </si>
  <si>
    <t>【浙江菲达】振打轴 (二)\2F443.4.2\静电除尘器\2F443</t>
  </si>
  <si>
    <t>【浙江菲达】高压引线(三)\FG1-3\静电除尘器\2F496</t>
  </si>
  <si>
    <t>【浙江菲达】减速机\XLED63-1/595- 0.37\i=595\无逆止器\垂直出轴\国产</t>
  </si>
  <si>
    <t>【浙江菲达】高压隔离开关箱\FT7B\静电除尘器\2F496</t>
  </si>
  <si>
    <t>【浙江菲达】高压引入罩\2F443.17.1\静电除尘器\2F443</t>
  </si>
  <si>
    <t>【浙江菲达】螺旋线\F443.5\静电除尘器\2FAA4×45.0M- 2×147.6-150</t>
  </si>
  <si>
    <t>【浙江菲达】振打轴 (三)\2F452.4-3\静电除尘器\2F452</t>
  </si>
  <si>
    <t>【浙江菲达】挡板\F228A.2-1\静电除尘器\F228</t>
  </si>
  <si>
    <t>【浙江菲达】竖轴(三)\F228A.4.4\静电除尘器\F228</t>
  </si>
  <si>
    <t>【浙江菲达】螺旋线\F452.4\静电除尘器\F452</t>
  </si>
  <si>
    <t>【浙江菲达】阳打轴 (三)\2F781.2.3\静电除尘器\2F781</t>
  </si>
  <si>
    <t>【浙江菲达】反法兰\2F480Y.14.8\静电除尘器\2F480</t>
  </si>
  <si>
    <t>【浙江菲达】人孔门 (二)\GPT2A\静电除尘器\2F496</t>
  </si>
  <si>
    <t>【浙江菲达】绝缘瓷套\f3.1- 3\静电除尘器\2F496</t>
  </si>
  <si>
    <t>【浙江菲达】竖轴(二)\F228A.4.3\静电除尘器\F228</t>
  </si>
  <si>
    <t>【浙江菲达】联轴节\F2- 120-1\静电除尘器\2FAA4×45.0M</t>
  </si>
  <si>
    <t>【浙江菲达】轴端\F4-3\电除尘器\2FR144-3</t>
  </si>
  <si>
    <t>【浙江菲达】轴(一)\F224.2.1\静电除尘器\F224</t>
  </si>
  <si>
    <t>【浙江菲达】撑管\F224.10.5\静电除尘器\F224</t>
  </si>
  <si>
    <t>【浙江菲达】活动套\F4A.1-1\电除尘\2FAA3×45.0M+2×50M</t>
  </si>
  <si>
    <t>【浙江菲达】气化装置\QHB150×300\静电除尘器\2F496</t>
  </si>
  <si>
    <t>【浙江菲达】轴\2F480Y.2.1-03\静电除尘器\2F480</t>
  </si>
  <si>
    <t>【浙江菲达】振打轴 (一)\F228A.4.2.1\静电除尘器\F228</t>
  </si>
  <si>
    <t>【浙江菲达】阻尼电阻\ZG12\150Ω\1kW</t>
  </si>
  <si>
    <t>【浙江菲达】轴\2F480Y.2.2-03\静电除尘器\2F480</t>
  </si>
  <si>
    <t>【浙江菲达】振打轴 (一)\2F443.4-1\静电除尘器\2F443</t>
  </si>
  <si>
    <t>【浙江菲达】振打锤组件\f2- 120\静电除尘器\2F684</t>
  </si>
  <si>
    <t>【浙江菲达】轴\2F480Y.2.1-01\静电除尘器\2F480</t>
  </si>
  <si>
    <t>【浙江菲达】压板\f2.1- 1\静电除尘器\2F496</t>
  </si>
  <si>
    <t>【浙江菲达】轴\2F480Y.4.2-04\静电除尘器\2F480</t>
  </si>
  <si>
    <t>【浙江菲达】振打锤\2F648C.2.5\静电除尘器\2FAA3×45+2×50-3×168</t>
  </si>
  <si>
    <t>【浙江菲达】电压表\SQ- 96\0-450V\0.5级</t>
  </si>
  <si>
    <t>【浙江菲达】轴承\f4- 5\静电除尘器\2F496</t>
  </si>
  <si>
    <t>【浙江菲达】阴极振打传动套\f4A.1.5A\静电除尘器\2F418</t>
  </si>
  <si>
    <t>【浙江菲达】振打锤\2F648C.2.4\静电除尘器\2FAA3×45+2×50-3×168</t>
  </si>
  <si>
    <t>【浙江菲达】新管形弯刺芒刺线\FTR.Y×60-3027\静电除尘器\2F418</t>
  </si>
  <si>
    <t>【浙江菲达】尘中轴承\CT5090A.4\静电除尘器\2F496</t>
  </si>
  <si>
    <t>【浙江菲达】导流叶片(二)\FT6.4\静电除尘\2F496</t>
  </si>
  <si>
    <t>【浙江菲达】新管形直刺芒刺线\FTR.I×60-3027\静电除尘器\2F418</t>
  </si>
  <si>
    <t>【浙江菲达】阳极振打轴\2F496. 2.1-05\静电除尘器\2F496</t>
  </si>
  <si>
    <t>【浙江菲达】撞击头\f1A.3×8-2\静电除尘器\F224</t>
  </si>
  <si>
    <t>【浙江菲达】轴\2F480Y.2.1-02\静电除尘器\2F480</t>
  </si>
  <si>
    <t>【浙江菲达】高压穿墙套管\ZDT.7\大连电子研究所</t>
  </si>
  <si>
    <t>【浙江菲达】RSB1芒刺线\RSB1- 3480-2F443C\静电除尘器\2F443</t>
  </si>
  <si>
    <t>【浙江菲达】阴极振打锤\F228A\静电除尘器\F228</t>
  </si>
  <si>
    <t>【浙江菲达】人孔门\2FAA4-FT2\静电除尘器\2FAA4</t>
  </si>
  <si>
    <t>【浙江菲达】阳极板卡子\f1A- 1\静电除尘器\2F720</t>
  </si>
  <si>
    <t>【浙江菲达】竖轴(三)\2F452.4.2\静电除尘器\2F452</t>
  </si>
  <si>
    <t>【浙江菲达】轴承支架\f4.10\静电除尘器\2F480</t>
  </si>
  <si>
    <t>【浙江菲达】整流变压器\GGAJO2- 2.0A\160kVA\380V\DC72kV</t>
  </si>
  <si>
    <t>【浙江菲达】绝缘子加热器\FT9B\静电除尘器\2F496</t>
  </si>
  <si>
    <t>【浙江菲达】竖轴(二)\2F781.4.1\静电除尘器\2F781</t>
  </si>
  <si>
    <t>【浙江菲达】竖轴(三)\2F781.4.2\静电除尘器\2F781</t>
  </si>
  <si>
    <t>【浙江菲达】上部阴打轴\2f468.4.1\静电除尘器\2F468</t>
  </si>
  <si>
    <t>【浙江菲达】孔板(三)\F228A.6-6\静电除尘\F228</t>
  </si>
  <si>
    <t>【浙江菲达】万向联轴器\SWC- I65A-360\移动极板除尘器\2F273</t>
  </si>
  <si>
    <t>【浙江菲达】瓷轴\f4.9.2\电除尘\2F496\浙江菲达\国产</t>
  </si>
  <si>
    <t>【浙江菲达】链条\P101.6-410\移动极板除尘器\2F253</t>
  </si>
  <si>
    <t>【浙江菲达】振打轴 (二)\2F452.4-2\静电除尘器\2F452</t>
  </si>
  <si>
    <t>【浙江菲达】整流变压器\GGAJO2- 2.4A\192kVA\380V\DC72kV</t>
  </si>
  <si>
    <t>【浙江菲达】阳打支座\F224.8.13.1\静电除尘器\2F496</t>
  </si>
  <si>
    <t>【浙江菲达】下横梁板\f1A.3A-9C-01\静电除尘器\2F220</t>
  </si>
  <si>
    <t>【浙江菲达】螺旋线挂钩工具\f3.14A\静电除尘器\2F720</t>
  </si>
  <si>
    <t>【浙江菲达】振打轴 (一)\2F452.4-1\静电除尘器\2F452</t>
  </si>
  <si>
    <t>【浙江菲达】下横梁板\2F480Y.1.2-01δ=10mm\静电除尘器\2F480</t>
  </si>
  <si>
    <t>【浙江菲达】轴(三)\2F468.2.1-03\静电除尘器\2F468</t>
  </si>
  <si>
    <t>【浙江菲达】轴(三)\F212A.2.1-02\静电除尘器\F212</t>
  </si>
  <si>
    <t>【浙江菲达】振打轴 (一)\2F443.4.1\静电除尘器\2F443</t>
  </si>
  <si>
    <t>【浙江菲达】竖轴(二)\2F273.54.5\电除尘器\2F273</t>
  </si>
  <si>
    <t>【浙江菲达】阴极振打轴壳\F4.1.4\除尘器\11313602</t>
  </si>
  <si>
    <t>【浙江菲达】振打锤组件\f2- 125\静电除尘器\2F496</t>
  </si>
  <si>
    <t>【浙江菲达】电流表\SQ-96 1800mA/1V\0-1.8A\1.5级</t>
  </si>
  <si>
    <t>【浙江菲达】高压隔离开关箱\FT7H\静电除尘器\2F781</t>
  </si>
  <si>
    <t>【浙江菲达】上部阴打轴\f4.5- 152\静电除尘器\2F468</t>
  </si>
  <si>
    <t>【浙江菲达】下横梁板\f1A.3×9-1\静电除尘器\2F418</t>
  </si>
  <si>
    <t>【浙江菲达】下横梁板\F224.1.2-1\静电除尘器\F224</t>
  </si>
  <si>
    <t>【浙江菲达】阴极振打轴(四)\2F443 C.4.2\静电除尘器\2F443</t>
  </si>
  <si>
    <t>【浙江菲达】振打轴\2F443. 2.101\静电除尘器\2FAA4×45.0M</t>
  </si>
  <si>
    <t>【浙江菲达】振打轴\2F443. 2-203\静电除尘器\2FAA4×45.0M</t>
  </si>
  <si>
    <t>【浙江菲达】轴端\2F496.4-2\静电除尘器\2F496</t>
  </si>
  <si>
    <t>【浙江菲达】金属膜电阻\RJ1\100Ω\1W</t>
  </si>
  <si>
    <t>【浙江菲达】上部振打轴\2F273.54.2\电除尘器\2F273</t>
  </si>
  <si>
    <t>【浙江菲达】灰斗电加热器\TR5001.5kW\静电除尘器\2F496</t>
  </si>
  <si>
    <t>【浙江菲达】RSB1芒刺线\RSB1- 3555-2F452\静电除尘器\2F452</t>
  </si>
  <si>
    <t>【浙江菲达】阳极振打锤\f2- φ120f2.3\静电除尘器\2F496</t>
  </si>
  <si>
    <t>【浙江菲达】链子\F224.1 0.6.1-01\静电除尘器\F224</t>
  </si>
  <si>
    <t>【浙江菲达】竖轴(三)\2F684 A.4.5\静电除尘器\2F684</t>
  </si>
  <si>
    <t>【浙江菲达】硅堆板\APF7.8 20.075\西门子\国产</t>
  </si>
  <si>
    <t>【浙江菲达】阴极振打轴\2F443C.4-1\静电除尘器\2FAA4</t>
  </si>
  <si>
    <t>【浙江菲达】竖轴\2F496.4.7\静电除尘器\2F496</t>
  </si>
  <si>
    <t>【浙江菲达】旋转阳极板\2F253.51.1\移动极板除尘器\2F253</t>
  </si>
  <si>
    <t>【浙江菲达】防尘套\f3.1- 5\静电除尘器\2F496</t>
  </si>
  <si>
    <t>【浙江菲达】阴极振打轴端\2F684A.4-2\静电除尘器\2F684A</t>
  </si>
  <si>
    <t>【浙江菲达】楔块\f4- 1\静电除尘器\2F496</t>
  </si>
  <si>
    <t>【浙江菲达】三角板\F228A. 6.3-1\静电除尘\F228</t>
  </si>
  <si>
    <t>【浙江菲达】灰斗挡风\F224.10\静电除尘器\F224</t>
  </si>
  <si>
    <t>【浙江菲达】竖轴(一)\f4.2.1J\静电除尘器\2F781</t>
  </si>
  <si>
    <t>【浙江菲达】凸套\GPT8\静电除尘器\2F684-4</t>
  </si>
  <si>
    <t>【浙江菲达】竖轴\f4.3C2-150\静电除尘器\2F418</t>
  </si>
  <si>
    <t>【浙江菲达】中间继电器\HH52P\AC220V</t>
  </si>
  <si>
    <t>【浙江菲达】阳极板\2F452.1.2\静电除尘器\2F452</t>
  </si>
  <si>
    <t>【浙江菲达】阳打轴 (二)\2F781.2.2\静电除尘器\2F781</t>
  </si>
  <si>
    <t>【浙江菲达】轴承支架\f4.11\静电除尘器\2F496</t>
  </si>
  <si>
    <t>【浙江菲达】竖轴\F224.4.1\静电除尘器\F224</t>
  </si>
  <si>
    <t>【浙江菲达】凹套\T1.1-6\静电除尘器\2F684-4</t>
  </si>
  <si>
    <t>【浙江菲达】下部振打轴\F228A.4.2\静电除尘器\F228</t>
  </si>
  <si>
    <t>【浙江菲达】轴承支架\f4.6\静电除尘器\2F496</t>
  </si>
  <si>
    <t>【浙江菲达】小刺线\2F480Y.3.6\静电除尘器\2F480</t>
  </si>
  <si>
    <t>【浙江菲达】竖轴(三)\2F273.54.6\电除尘器\2F273</t>
  </si>
  <si>
    <t>【浙江菲达】减速机\XWED63- 1/1505-0.37\i=1505无逆止器水平出轴\国产</t>
  </si>
  <si>
    <t>【浙江菲达】定位套\F4-2\静电除尘器\2F496</t>
  </si>
  <si>
    <t>【浙江菲达】轴(四)\2F468.2.1-04\静电除尘器\2F468</t>
  </si>
  <si>
    <t>【浙江菲达】线绕电阻\RXYC\1 00Ω\50W</t>
  </si>
  <si>
    <t>【浙江菲达】阳极板\f1A.2×100\静电除尘器\2F255</t>
  </si>
  <si>
    <t>【浙江菲达】伞形罩\f4A.14\静电除尘器\2F496</t>
  </si>
  <si>
    <t>【浙江菲达】高压隔离开关箱\FT7G\静电除尘器\2F684</t>
  </si>
  <si>
    <t>【浙江菲达】轴承支架\2F480Y.3.4\静电除尘器\2F480</t>
  </si>
  <si>
    <t>【浙江菲达】新管型直刺芒刺线\FTR.I×54-2981- F228A\静电除尘器\F228A</t>
  </si>
  <si>
    <t>【浙江菲达】轴\F224.2.3-01\静电除尘器\F224</t>
  </si>
  <si>
    <t>【浙江菲达】轴\F228A. 4.3.1-01\静电除尘器\F228</t>
  </si>
  <si>
    <t>【浙江菲达】支架\2F684A.10.1\静电除尘器\2F684</t>
  </si>
  <si>
    <t>【浙江菲达】轴\2F480Y.4.1-01\静电除尘器\2F480</t>
  </si>
  <si>
    <t>【浙江菲达】轴\2F684A.2.3\静电除尘器\2F684</t>
  </si>
  <si>
    <t>【浙江菲达】手轮\FT7G-1\静电除尘器\2F496</t>
  </si>
  <si>
    <t>【浙江菲达】高压引线(一)\FG1.1\静电除尘器\2F496</t>
  </si>
  <si>
    <t>【浙江菲达】整流变压器\GGAJO2- 2.2A\176kVA\380V\DC72kV</t>
  </si>
  <si>
    <t>【浙江菲达】导流叶片(一)\FT6.3\静电除尘\2F496</t>
  </si>
  <si>
    <t>【浙江菲达】阴极振打密封套\F4A.1.1\静电除尘器\2FAA3×45.0M</t>
  </si>
  <si>
    <t>【浙江菲达】高压导线(二)\FT22 L=500mm\静电除尘器\2F418</t>
  </si>
  <si>
    <t>【浙江菲达】气化板\QT150×300\静电除尘器\2F496</t>
  </si>
  <si>
    <t>【浙江菲达】轴\F224.2.1-01\静电除尘器\F224</t>
  </si>
  <si>
    <t>【浙江菲达】阳极板\f1A.2A G-155\静电除尘器\2F496</t>
  </si>
  <si>
    <t>【浙江菲达】振打锤组件\2F684A.2.4\静电除尘器\2F684</t>
  </si>
  <si>
    <t>【浙江菲达】下横梁板\f1A.3A-8C-01δ=10mm\静电除尘器\2F496</t>
  </si>
  <si>
    <t>【浙江菲达】螺旋线\2F781.3.35\静电除尘器\2F781</t>
  </si>
  <si>
    <t>【浙江菲达】孔板(六)\2F443.6-11\静电除尘器\2F443</t>
  </si>
  <si>
    <t>【浙江菲达】反法兰\2F684A.14.7\静电除尘器\2F684</t>
  </si>
  <si>
    <t>【浙江菲达】联轴器\f2.2× 60-1\静电除尘器\2F496</t>
  </si>
  <si>
    <t>【浙江菲达】孔板(二)\2F781.6-5\静电除尘\2F781</t>
  </si>
  <si>
    <t>【浙江菲达】下横梁板\f1A.3×8-1\静电除尘器\2F273</t>
  </si>
  <si>
    <t>【浙江菲达】提升工具\f3.13K\静电除尘器\2F496</t>
  </si>
  <si>
    <t>【浙江菲达】轴\2F480Y.4.1-03\静电除尘器\2F480</t>
  </si>
  <si>
    <t>【浙江菲达】螺旋线\LXX3-150\静电除尘器\2F496</t>
  </si>
  <si>
    <t>【浙江菲达】阴极上部振打轴\2F418.4.1\静电除尘器\2F418</t>
  </si>
  <si>
    <t>【浙江菲达】轴\2F480Y.2.2-04\静电除尘器\2F480</t>
  </si>
  <si>
    <t>【浙江菲达】承击砧\f1A.3A-1\静电除尘器\2F418</t>
  </si>
  <si>
    <t>【浙江菲达】竖轴(二)\2F452.4.4\静电除尘器\2F452</t>
  </si>
  <si>
    <t>【浙江菲达】下部阴打轴\f4.6- 152\静电除尘器\2F496</t>
  </si>
  <si>
    <t>【浙江菲达】信号接口板\WFb- SIC\国产</t>
  </si>
  <si>
    <t>【浙江菲达】清灰刷\2F273. 55.1.2\移动极板除尘器\2F253</t>
  </si>
  <si>
    <t>【浙江菲达】密封压盖\F4A.1-2\电除尘</t>
  </si>
  <si>
    <t>【浙江菲达】定位扣\FT6-1\静电除尘\2F496</t>
  </si>
  <si>
    <t>【浙江菲达】下部振打轴\2F273.54.3\电除尘器\2F273</t>
  </si>
  <si>
    <t>【浙江菲达】轴\2F480Y.2.2-05\静电除尘器\2F480</t>
  </si>
  <si>
    <t>【浙江菲达】挡板\2F684C.2-1\静电除尘器\2F684</t>
  </si>
  <si>
    <t>【浙江菲达】RS芒刺线\2F273.3.7\电除尘器\2F273</t>
  </si>
  <si>
    <t>【浙江菲达】振打轴系支承盘\F4- 4A\静电除尘器\2F496</t>
  </si>
  <si>
    <t>【浙江菲达】大针轮\F4.8\静电除尘器\2F496</t>
  </si>
  <si>
    <t>【浙江菲达】轴\F228A. 4.4.1-01\静电除尘器\F228</t>
  </si>
  <si>
    <t>【浙江菲达】阳极板夹板\2F480Y.4-2\静电除尘器\2FAA4×40M- 2×155.8</t>
  </si>
  <si>
    <t>【浙江菲达】竖轴(二)\2F273.4.1\电除尘器\2F273</t>
  </si>
  <si>
    <t>【浙江菲达】竖轴(一)\f4.2-70\静电除尘器\2F496</t>
  </si>
  <si>
    <t>【浙江菲达】管状电加热器\GAQ-2- 1 380V1kW</t>
  </si>
  <si>
    <t>【浙江菲达】瓷套加热器\FT9G 380V1kW</t>
  </si>
  <si>
    <t>【浙江菲达】轴\F228A. 4.2.1-01\静电除尘器\F228</t>
  </si>
  <si>
    <t>【浙江菲达】轴端\F4-3A\电除尘\2FAA3×45.0M+2×50M- 3×168-155</t>
  </si>
  <si>
    <t>【浙江菲达】振打轴\F212A.2.1\静电除尘器\F212</t>
  </si>
  <si>
    <t>【浙江菲达】轴\2F480Y.2.1-05\静电除尘器\2F480</t>
  </si>
  <si>
    <t>【浙江菲达】悬吊架\2F496.28.1\静电除尘器\2F496</t>
  </si>
  <si>
    <t>【浙江菲达】硅堆板\APF7.8 20.076\西门子\国产</t>
  </si>
  <si>
    <t>【浙江菲达】玻纤胶圈\F3.1-2\电除尘\ЗГД 2-128-9-6-6-01</t>
  </si>
  <si>
    <t>【浙江菲达】支撑板\F3.1.2\静电除尘器\2FAA4</t>
  </si>
  <si>
    <t>【浙江菲达】竖轴(一)\2F684 A.4.1\静电除尘器\2F684</t>
  </si>
  <si>
    <t>【浙江菲达】触发板\EPIS-fd-  02\静电除尘器\2FAA3\国产</t>
  </si>
  <si>
    <t>【浙江菲达】罩壳\f4.14\静电除尘器\2F496</t>
  </si>
  <si>
    <t>【浙江菲达】阳极振打轴\2F496. 2.1-04\静电除尘器\2F496</t>
  </si>
  <si>
    <t>【浙江菲达】轴\2F480Y.4.2-02\静电除尘器\2F480</t>
  </si>
  <si>
    <t>【浙江菲达】阳打轴系\2F273.2.1\电除尘器\2F273</t>
  </si>
  <si>
    <t>【浙江菲达】防尘套\2F496. 3.1-1\静电除尘器\2F496</t>
  </si>
  <si>
    <t>【浙江菲达】下横梁板\2F468. 1.2-01\静电除尘器\2F468</t>
  </si>
  <si>
    <t>【浙江菲达】RSB1型芒刺线\RSB1- 3605-2F781\静电除尘器\2F781</t>
  </si>
  <si>
    <t>【浙江菲达】角衬板 (2)\2F6 84A.14-6\静电除尘器\2F684</t>
  </si>
  <si>
    <t>【浙江菲达】垫片组\FT13\静电除尘器\2F496</t>
  </si>
  <si>
    <t>【浙江菲达】撞击杆\f1A.3×9\静电除尘器\2F496</t>
  </si>
  <si>
    <t>【浙江菲达】高压导线(三)\2F418.17.4L=1100mm\静电除尘器\2F418</t>
  </si>
  <si>
    <t>【浙江菲达】防尘罩\f4.4\静电除尘器\2F496</t>
  </si>
  <si>
    <t>【浙江菲达】挡圈\f4.10×68.1-1\静电除尘器\2F496</t>
  </si>
  <si>
    <t>【浙江菲达】下横梁板\2F496. 1.2-01\静电除尘器\2F496</t>
  </si>
  <si>
    <t>【浙江菲达】新管形直刺芒刺线\FTR.I×54-3027\静电除尘器\F224</t>
  </si>
  <si>
    <t>【浙江菲达】轴\2F468. 2.1-01\静电除尘器\2F468</t>
  </si>
  <si>
    <t>【浙江菲达】抱箍\f2.4\静电除尘器\2F496</t>
  </si>
  <si>
    <t>【浙江菲达】振打轴\2F443. 2-102\静电除尘器\2FAA4×45.0M</t>
  </si>
  <si>
    <t>【浙江菲达】竖轴(二)\f4.2×100B.1\静电除尘器\2F418</t>
  </si>
  <si>
    <t>【浙江菲达】新管形弯刺芒刺线\FTR.Y×60-2981- F228A\静电除尘器\F228A</t>
  </si>
  <si>
    <t>【浙江菲达】阳极振打挡板\FT.2A-1\静电除尘器\2F496</t>
  </si>
  <si>
    <t>【浙江菲达】阳极板\f1A.2A G-150\静电除尘器\2F496</t>
  </si>
  <si>
    <t>【浙江菲达】下部振打轴\F255A.4.5\静电除尘器\F255</t>
  </si>
  <si>
    <t>【浙江菲达】轴套\f4.1-4石墨\静电除尘器\2F496</t>
  </si>
  <si>
    <t>【美国马丁】一级清扫器\XHD35899-721160T\钢材、聚氨酯</t>
  </si>
  <si>
    <t>马丁工程技术（昆山）有限公司（美国马丁品牌）</t>
  </si>
  <si>
    <t>美国马丁</t>
  </si>
  <si>
    <t>WZSCCG-2020-BJ-2042</t>
  </si>
  <si>
    <t>神木市裕兴物资综合有限责任公司</t>
  </si>
  <si>
    <t>【美国马丁】一级清扫器\XHD35899-781166T\钢材、聚氨酯</t>
  </si>
  <si>
    <t>【美国马丁】一级清扫器\XHD35899-4811T\钢材、聚氨酯</t>
  </si>
  <si>
    <t>【湖北华信】过渡轴\HXD-5\HXD5.04-02-02\03.0165.001</t>
  </si>
  <si>
    <t>湖北华信机械发展有限公司</t>
  </si>
  <si>
    <t>湖北华信</t>
  </si>
  <si>
    <t>WZSCCG-2020-BJ-1070</t>
  </si>
  <si>
    <t>2020年度北京配送湖北华信吹灰器备件集团级长协采购框架合同</t>
  </si>
  <si>
    <t>【湖北华信】填料室\HXD-5\HXC51.05-091\03.0046.001</t>
  </si>
  <si>
    <t>【湖北华信】通气阀\HXC-51\HXC51.11-1\03.0180.002</t>
  </si>
  <si>
    <t>【湖北华信】压盖组件\HXC-51\HXC51.06\03.0183.001</t>
  </si>
  <si>
    <t>【湖北华信】电机齿轮\HXC-51\HXC51.07-40A\03.0060.006</t>
  </si>
  <si>
    <t>【湖北华信】枪头\HXD-5\HXD5.11-1\03.0086.005</t>
  </si>
  <si>
    <t>【湖北华信】销\HXC-51\E01235-0116\02.0014.001</t>
  </si>
  <si>
    <t>【湖北华信】通气阀\HXC-51\HXC51.11-1\03.0180.001</t>
  </si>
  <si>
    <t>【湖北华信】销轴\HXC-51\B01158-0119G\02.0014.004</t>
  </si>
  <si>
    <t>【湖北华信】行走箱滚轮\HXC-51\HXC51.07-04\03.0010.002</t>
  </si>
  <si>
    <t>【湖北华信】墙箱\HXC-51\E33220-1031\03.0089.004</t>
  </si>
  <si>
    <t>【湖北华信】联结法兰\HXC-51\HXC51.07-52\03.0053.009</t>
  </si>
  <si>
    <t>【湖北华信】内管部件\HXD-5\HXC51.01-06A\03.0160.001</t>
  </si>
  <si>
    <t>【湖北华信】内管垫片\HXD-5\HXC51.01-05\02.0018.016</t>
  </si>
  <si>
    <t>【湖北华信】中间杆\HXC-51\E47465-0037\03.0101.002</t>
  </si>
  <si>
    <t>【湖北华信】行走箱导轮\HXC-51\505023-000A\03.0068.002</t>
  </si>
  <si>
    <t>【湖北华信】后台肩螺栓\HXD-5\HXD5.07-13-4\03.0033.004</t>
  </si>
  <si>
    <t>【湖北华信】填料螺栓\HXC-51\M12X65\02.0006.002</t>
  </si>
  <si>
    <t>【湖北华信】进汽阀\HXC-51\HXC51.05\03.0037.011</t>
  </si>
  <si>
    <t>【湖北华信】锁紧螺钉\HXD-5\HXD5.11-31\03.0083.004</t>
  </si>
  <si>
    <t>【湖北华信】轴承\HXC-5\180208\02.0022.007</t>
  </si>
  <si>
    <t>【湖北华信】主控齿轮\HXD-5\GB893\03.0060.032</t>
  </si>
  <si>
    <t>【湖北华信】阀芯组件\HXC-51\HXC51.05-02A\03.0038.001</t>
  </si>
  <si>
    <t>【湖北华信】拨叉\HXC-51\HXC51.04-61\03.0036.001B</t>
  </si>
  <si>
    <t>【湖北华信】堵头\HXC-51\505021-010A\03.0044.006</t>
  </si>
  <si>
    <t>【湖北华信】垫片\HXC-51\E05656-0117D\02.0023.004</t>
  </si>
  <si>
    <t>【湖北华信】紫铜垫\HXD-5\HXC51.01-21\02.0023.013</t>
  </si>
  <si>
    <t>【湖北华信】枪头部件\HXD-5\HXD5.11-3\03.0086.005B</t>
  </si>
  <si>
    <t>【湖北华信】球轴承\HXC-51\180108\02.0022.005</t>
  </si>
  <si>
    <t>【湖北华信】手动摇把\HXC-5\03.0198.001</t>
  </si>
  <si>
    <t>【湖北华信】填料室法兰\HXC-51\B05654-0127\03.0066.001</t>
  </si>
  <si>
    <t>【湖北华信】定位螺栓\HXD-5\HXC51.01-28\03.0044.001</t>
  </si>
  <si>
    <t>【湖北华信】后棘爪\HXD-5\HXD5.07-13\03.0167.001</t>
  </si>
  <si>
    <t>【湖北华信】油封\HXD-5\HXC51.01-03\02.0021.001</t>
  </si>
  <si>
    <t>【湖北华信】齿轮箱\HXD-5\HXD5.04-01\03.0162.001</t>
  </si>
  <si>
    <t>【湖北华信】开阀臂\HXD-5\HXD5.01-021\03.0051.011</t>
  </si>
  <si>
    <t>【湖北华信】电动机\HXDJ-5\YIK90S-4\05.0003.029</t>
  </si>
  <si>
    <t>【湖北华信】阀门扳手\HXC-51\专用工具\03.0055.002</t>
  </si>
  <si>
    <t>【湖北华信】铜齿轮\HXC-51\HXC51.07-14\03.0063.001</t>
  </si>
  <si>
    <t>【湖北华信】传动杆\HXC-51\HXC51.07-50\03.0080.001</t>
  </si>
  <si>
    <t>【湖北华信】行走减速机\HXC-51\HXC51.08\03.0403.002</t>
  </si>
  <si>
    <t>【湖北华信】铜套\HXC-51\HXC51.07-55\03.0082.001</t>
  </si>
  <si>
    <t>【湖北华信】阀芯密封件\HXDJ-5\Φ22X12.7X25\02.0018.002</t>
  </si>
  <si>
    <t>【湖北华信】外管凸法兰\HXD-5\HXD5.06-03\03.0166.001</t>
  </si>
  <si>
    <t>【湖北华信】电动扳手\HXC-51</t>
  </si>
  <si>
    <t>【湖北华信】齿轮\HXD-5\HXD5.04-02-06\03.0060.033</t>
  </si>
  <si>
    <t>【湖北华信】开阀\HXC-51\HXC51.04B\03.0404.003</t>
  </si>
  <si>
    <t>【湖北华信】黄油嘴\HXC-51\G01153-0001\02.0024.002</t>
  </si>
  <si>
    <t>【湖北华信】跑车填料室\HXC-51\HXC51.07-22\03.0046.002</t>
  </si>
  <si>
    <t>【湖北华信】外枪管\HXDJ-5 T=1M\HX-36L 井字形\03.0184.004</t>
  </si>
  <si>
    <t>【湖北华信】导向滑道\HXD-5\HXD5.07\03.0186.001</t>
  </si>
  <si>
    <t>【湖北华信】螺母\HXC-51\HXC51.01-18\03.0017.001</t>
  </si>
  <si>
    <t>【湖北华信】枪管耙管\HXP-5 L=1M\15CrMo\03.0200.001</t>
  </si>
  <si>
    <t>【湖北华信】止动螺母\HXD-5\HXD5.01-04\03.0040.003</t>
  </si>
  <si>
    <t>【湖北华信】阀门卡件\HXC-51\HXC51.05-18\03.0050.001</t>
  </si>
  <si>
    <t>【湖北华信】阀芯\HXD-5\HXC51.05-02-3A\03.0038.003</t>
  </si>
  <si>
    <t>【湖北华信】阀杆\HXD-5\HXC51.05-02-1\03.0039.001</t>
  </si>
  <si>
    <t>【湖北华信】内管\HXC-5 T=1M\60*4\03.0185.002</t>
  </si>
  <si>
    <t>【湖北华信】轴用挡圈\HXC-51\Φ38\02.0016.019</t>
  </si>
  <si>
    <t>【湖北华信】撞板\HXC-51\HXC51.07-41-1\03.0075.001</t>
  </si>
  <si>
    <t>【湖北华信】主枪管\HXP-5 T=1M\15CrMo\03.0184.002</t>
  </si>
  <si>
    <t>【湖北华信】填料垫圈\HXC-51\E02027-0116\03.0048.001</t>
  </si>
  <si>
    <t>【湖北华信】导向滑条\HXD-5\HXD5.07-07\03.0109.003</t>
  </si>
  <si>
    <t>【湖北华信】联轴节\HXD-5\HXD5.04-02-04\03.0164.001</t>
  </si>
  <si>
    <t>【湖北华信】调压螺母\HXC-51\HXC51.05-08\03.0045.001</t>
  </si>
  <si>
    <t>【湖北华信】电机箱壳\HXC-51\505142-0141\03.0073.001</t>
  </si>
  <si>
    <t>【湖北华信】阀门固定板\HXC-51\HXC51.01-17\03.0016.001</t>
  </si>
  <si>
    <t>【湖北华信】滚轮组件\HXC-51\HXC51.01-12C\03.0171.001</t>
  </si>
  <si>
    <t>【湖北华信】填料压盖\HXD-5\HXC51.05-13\03.0048.010</t>
  </si>
  <si>
    <t>【湖北华信】小齿轮轴\HXD-5\HXC51.01-26\03.0163.001</t>
  </si>
  <si>
    <t>【湖北华信】前棘爪\HXD-5\HXD5.07-14\03.0167.002</t>
  </si>
  <si>
    <t>【湖北华信】铜齿轮\HXC-51\HXC51.07-14\03.0063.004</t>
  </si>
  <si>
    <t>【湖北华信】止动垫圈\HXD-5\HXC51.05-02-4\03.0012.022B</t>
  </si>
  <si>
    <t>【湖北华信】高压水管\HXDJ-5\井字形\03.0184.006</t>
  </si>
  <si>
    <t>【湖北华信】驱动销\HXD-5\HXD5.09-04\03.0161.003</t>
  </si>
  <si>
    <t>【湖北华信】铜轴承\HXD-5\HXC51.01-12-4\03.0032.006</t>
  </si>
  <si>
    <t>【湖北华信】内管密封组件\HXC-51\Φ79.5X60.5X84\02.0018.010</t>
  </si>
  <si>
    <t>【湖北华信】行走轴\HXC-51\HXC51.07-10\03.0061.001</t>
  </si>
  <si>
    <t>【湖北华信】勾头键\HXC-51\HXC51.07-21\03.0067.001</t>
  </si>
  <si>
    <t>【湖北华信】前端齿轮组件\HXD-5\HXD5.09\03.0187.002</t>
  </si>
  <si>
    <t>【湖北华信】油位透视镜\HXC-51\JOO283-0001\02.0025.003</t>
  </si>
  <si>
    <t>【湖北华信】内外接头\HXC-51\R04002-0002\03.0052.001</t>
  </si>
  <si>
    <t>【湖北华信】锁紧螺塞\HXC-51\B50328-010A\03.0044.019</t>
  </si>
  <si>
    <t>【湖北华信】台肩螺栓\HXC-51\HXC51.04-3\03.0033.001</t>
  </si>
  <si>
    <t>【湖北华信】定距圈\HXC-51\324210-2121F\03.0009.002</t>
  </si>
  <si>
    <t>【湖北华信】连杆\HXC-51\HXC51.04-4\03.0034.001</t>
  </si>
  <si>
    <t>【湖北华信】外管组件\HXD-5\HXD5.06-01\03.0178.001</t>
  </si>
  <si>
    <t>【湖北华信】行走齿轮\HXC-51\HXC51.07-06\03.0060.001</t>
  </si>
  <si>
    <t>【湖北华信】撞销\HXC-51\HXC51.07-41-2\03.0076.001</t>
  </si>
  <si>
    <t>【湖北华信】跑车电缆\HXC-51\E32825-1024\05.0005.001</t>
  </si>
  <si>
    <t>【湖北华信】传动轴\HXD-5\HXC51.01-12D\03.0163.002</t>
  </si>
  <si>
    <t>【湖北华信】进汽管\HXD-5\HXD5.02\03.0160.001B</t>
  </si>
  <si>
    <t>【湖北华信】控制齿轮\HXD-5\HXD5.04-02-08\03.0060.032B</t>
  </si>
  <si>
    <t>【湖北华信】蜗轮轴套\HXD-5\HXD5.04-01-08\03.0137.005</t>
  </si>
  <si>
    <t>【湖北华信】前台肩螺栓\HXD-5\HXD5.07-14-3\03.0033.003</t>
  </si>
  <si>
    <t>【湖北华信】罩板吊环\HXD-5\HXC51.01-06B\02.0026.001</t>
  </si>
  <si>
    <t>【湖北华信】内管密封件\HXD-5\HXC51.01-05A\02.0018.007</t>
  </si>
  <si>
    <t>【湖北华信】齿轮组\HXD-5\HXC51.01-22\03.0060.041</t>
  </si>
  <si>
    <t>【湖北华信】导向滑轮\HXD-5\HXC51.01-12-l\03.0010.019</t>
  </si>
  <si>
    <t>【湖北华信】密封板\HXC-51\专用密封板\03.0091.003</t>
  </si>
  <si>
    <t>【湖北华信】齿条\HXDJ-5\505012-0122\03.0027.005</t>
  </si>
  <si>
    <t>【湖北华信】专用扳手\HXD-5\HXC51.01-25\03.0055.001</t>
  </si>
  <si>
    <t>【湖北华信】垫圈\HXC-51\E26499-1040\03.0012.010</t>
  </si>
  <si>
    <t>【美国马丁】一道清扫器刀片\XHDQC#1(35899-661148T)\聚氨酯</t>
  </si>
  <si>
    <t>WZSCCG-2020-BJ-2041</t>
  </si>
  <si>
    <t>内蒙古神福工贸有限公司</t>
  </si>
  <si>
    <t>【美国马丁】清扫器\XHDQC1#5411\钢材、聚氨酯</t>
  </si>
  <si>
    <t>【美国马丁】清扫器\XHDQC1#4811\钢材、聚氨酯</t>
  </si>
  <si>
    <t>【美国马丁】清扫器\XHDQC1#6011\钢材、聚氨酯</t>
  </si>
  <si>
    <t>【美国马丁】清扫器刀头\XHD35897-4811\聚氨酯</t>
  </si>
  <si>
    <t>【美国马丁】清扫器刀头\XHD35897-5411\聚氨酯</t>
  </si>
  <si>
    <t>【美国马丁】清扫器\XHDQC1#7211\钢材、聚氨酯</t>
  </si>
  <si>
    <t>【美国马丁】清扫器刀头\XHD35897-7211\聚氨酯</t>
  </si>
  <si>
    <t>【美国马丁】清扫器刀头\XHD35897-6011\聚氨酯</t>
  </si>
  <si>
    <t>【美国马丁】清扫器刀头\XHD35897-8411\聚氨酯</t>
  </si>
  <si>
    <t>【美国马丁】一级清扫器\XHD35899-D8411T\钢材、聚氨酯</t>
  </si>
  <si>
    <t>【美国马丁】一级清扫器\XHD35899-5411T\钢材、聚氨酯</t>
  </si>
  <si>
    <t>【美国马丁】一级清扫机\XHD358996011T\钢材、聚氨酯</t>
  </si>
  <si>
    <t>【潘得路】钢轨推瘤机\EGH2</t>
  </si>
  <si>
    <t>PANDROL/瑞泰潘得路铁路技术（武汉）有限公司</t>
  </si>
  <si>
    <t>潘得路</t>
  </si>
  <si>
    <t>WZSCCG-2020-BJ-2069</t>
  </si>
  <si>
    <t>国家能源e购商城潘得路铝热焊机备件铺货采购合同</t>
  </si>
  <si>
    <t>武汉路源轨道焊接技术服务工程有限公司</t>
  </si>
  <si>
    <t>【潘得路】内燃锯轨机\HC355</t>
  </si>
  <si>
    <t>【潘得路】钢轨拉伸器\TR75</t>
  </si>
  <si>
    <t>【潘得路】皮带\HC355</t>
  </si>
  <si>
    <t>【潘得路】高压油管总成\QPCJ</t>
  </si>
  <si>
    <t>【潘得路】偏心轮夹块\QPCJ</t>
  </si>
  <si>
    <t>【潘得路】偏心轮支座\QPCJ</t>
  </si>
  <si>
    <t>【潘得路】母接头\QPCJ</t>
  </si>
  <si>
    <t>【潘得路】公接头\QPCJ</t>
  </si>
  <si>
    <t>【潘得路】偏心轮\QPCJ</t>
  </si>
  <si>
    <t>【潘得路】液压油管总成</t>
  </si>
  <si>
    <t>【潘得路】油缸密封圈\EGH2</t>
  </si>
  <si>
    <t>【潘得路】换向阀\EGH2</t>
  </si>
  <si>
    <t>【潘得路】快速接头\EGH2</t>
  </si>
  <si>
    <t>【潘得路】火花塞\EGH2</t>
  </si>
  <si>
    <t>【潘得路】空气滤清器\EGH2</t>
  </si>
  <si>
    <t>【潘得路】启动离合器\EGH2</t>
  </si>
  <si>
    <t>【潘得路】化油器\EGH2</t>
  </si>
  <si>
    <t>【潘得路】调节螺杆\CR57</t>
  </si>
  <si>
    <t>【潘得路】倾斜调整螺杆\CR57</t>
  </si>
  <si>
    <t>【潘得路】轴承\CR57</t>
  </si>
  <si>
    <t>【潘得路】减压阀\HC355</t>
  </si>
  <si>
    <t>【潘得路】张紧螺栓\HC355</t>
  </si>
  <si>
    <t>【潘得路】张紧凸头\HC355</t>
  </si>
  <si>
    <t>【潘得路】燃油滤清器\HC355</t>
  </si>
  <si>
    <t>【潘得路】启动拉盘总成\HC355</t>
  </si>
  <si>
    <t>【潘得路】皮带护罩\HC355</t>
  </si>
  <si>
    <t>【潘得路】空气滤清器\HC355</t>
  </si>
  <si>
    <t>【潘得路】启动拉绳\HC355</t>
  </si>
  <si>
    <t>【潘得路】点火开关\HC355</t>
  </si>
  <si>
    <t>【潘得路】气缸活塞总成\HC355</t>
  </si>
  <si>
    <t>【潘得路】消音器\HC355</t>
  </si>
  <si>
    <t>【西门子】仿真器模块\6ES7274-1XK30-0XA0</t>
  </si>
  <si>
    <t>【西门子】电缆夹\6ES7290-3AB30-0XA0</t>
  </si>
  <si>
    <t>【西门子】输入接线盒\6ES7292-1AP30-0XA0</t>
  </si>
  <si>
    <t>【西门子】输入接线盒\6ES7292-1AH30-0XA0</t>
  </si>
  <si>
    <t>【西门子】输入接线盒\6ES7292-1AG30-0XA0</t>
  </si>
  <si>
    <t>【西门子】通信模块\6ES7291-1BA30-0XA0</t>
  </si>
  <si>
    <t>【西门子】通信模块\6ES7291-1BB30-0XA0</t>
  </si>
  <si>
    <t>【西门子】数字量模块\6ES7238-5XA32-0XB0</t>
  </si>
  <si>
    <t>【西门子】中央处理器\6ES7211-1AE40-0XB0\,,MB,A</t>
  </si>
  <si>
    <t>【西门子】中央处理器\6ES7212-1AF40-0XB0\,,MB,A</t>
  </si>
  <si>
    <t>【西门子】中央处理器\6ES7215-1HF40-0XB0\,,MB,A</t>
  </si>
  <si>
    <t>【西门子】中央处理器\6ES7212-1HF40-0XB0\,,MB,A</t>
  </si>
  <si>
    <t>【西门子】中央处理器\6ES7515-2AM01-0AB0\,,MB,A</t>
  </si>
  <si>
    <t>【西门子】中央处理器\6ES7516-3AN01-0AB0\,,MB,A</t>
  </si>
  <si>
    <t>【西门子】中央处理器\6ES7517-3AP00-0AB0\,,MB,A</t>
  </si>
  <si>
    <t>【西门子】电源模块\V/V,6ES7505-0RB00-0AB0W</t>
  </si>
  <si>
    <t>【西门子】中央处理器\6ES7518-4AX00-1AC0\,,MB,A</t>
  </si>
  <si>
    <t>【西门子】中央处理器\6ES7511-1AK02-0AB0\,,MB,A</t>
  </si>
  <si>
    <t>【西门子】中央处理器\6ES7511-1CK01-0AB0\,,MB,A</t>
  </si>
  <si>
    <t>【西门子】中央处理器\6ES7512-1CK01-0AB0\,,MB,A</t>
  </si>
  <si>
    <t>【西门子】中央处理器\6ES7513-1AL02-0AB0\,,MB,A</t>
  </si>
  <si>
    <t>【西门子】中央处理器\6ES7518-4AX00-1AB0\,,MB,A</t>
  </si>
  <si>
    <t>【西门子】中央处理器\6ES7510-1DJ01-0AB0\,,MB,A</t>
  </si>
  <si>
    <t>【西门子】中央处理器\6ES7512-1DK01-0AB0\,,MB,A</t>
  </si>
  <si>
    <t>【西门子】接口模块\6ES7545-5DA00-0AB0</t>
  </si>
  <si>
    <t>【西门子】控制器软件\6ES7672-7AC01-0YA0</t>
  </si>
  <si>
    <t>【西门子】中央处理器\6ES7516-2PN00-0AB0\,,MB,A</t>
  </si>
  <si>
    <t>【西门子】中央处理器\6ES7517-3FP00-0AB0\,,MB,A</t>
  </si>
  <si>
    <t>【西门子】中央处理器\6ES7518-4FP00-0AB0\,,MB,A</t>
  </si>
  <si>
    <t>【西门子】中央处理器\6ES7515-2FM01-0AB0\,,MB,A</t>
  </si>
  <si>
    <t>【西门子】中央处理器\6ES7511-1FK02-0AB0\,,MB,A</t>
  </si>
  <si>
    <t>【西门子】中央处理器\6ES7513-1FL02-0AB0\,,MB,A</t>
  </si>
  <si>
    <t>【西门子】中央处理器\6ES7518-4FX00-1AC0\,,MB,A</t>
  </si>
  <si>
    <t>【西门子】数字量模块\6ES7526-1BH00-0AB0</t>
  </si>
  <si>
    <t>【西门子】数字量模块\6ES7526-2BF00-0AB0</t>
  </si>
  <si>
    <t>【西门子】中央处理器\6ES7510-1SJ01-0AB0\,,MB,A</t>
  </si>
  <si>
    <t>【西门子】中央处理器\6ES7512-1SK01-0AB0\,,MB,A</t>
  </si>
  <si>
    <t>【西门子】中央处理器\6ES7516-2GN00-0AB0\,,MB,A</t>
  </si>
  <si>
    <t>【西门子】中央处理器\6ES7517-3HP00-0AB0\,,MB,A</t>
  </si>
  <si>
    <t>【西门子】中央处理器\6ES7515-2RM00-0AB0\,,MB,A</t>
  </si>
  <si>
    <t>【西门子】中央处理器\6ES7513-1RL00-0AB0\,,MB,A</t>
  </si>
  <si>
    <t>【西门子】控制板\6ES7677-2FA41-0FB0</t>
  </si>
  <si>
    <t>【西门子】控制板\6ES7677-2FA41-0FL0</t>
  </si>
  <si>
    <t>【西门子】输入输出模块\6ES7521-1BH10-0AA0</t>
  </si>
  <si>
    <t>【西门子】输入输出模块\6ES7521-1BH50-0AA0</t>
  </si>
  <si>
    <t>【西门子】输入输出模块\6ES7521-7EH00-0AB0</t>
  </si>
  <si>
    <t>【西门子】输入输出模块\6ES7522-1BF00-0AB0</t>
  </si>
  <si>
    <t>【西门子】输入输出模块\6ES7522-1BH10-0AA0</t>
  </si>
  <si>
    <t>【西门子】输入输出模块\6ES7522-1BL01-0AB0</t>
  </si>
  <si>
    <t>【西门子】输入输出模块\6ES7522-1BL10-0AA0</t>
  </si>
  <si>
    <t>【西门子】输入输出模块\6ES7522-5EH00-0AB0</t>
  </si>
  <si>
    <t>【西门子】输入输出模块\6ES7522-5FF00-0AB0</t>
  </si>
  <si>
    <t>【西门子】输入输出模块\6ES7522-5FH00-0AB0</t>
  </si>
  <si>
    <t>【西门子】输入输出模块\6ES7522-5HF00-0AB0</t>
  </si>
  <si>
    <t>【西门子】输入输出模块\6ES7523-1BL00-0AA0</t>
  </si>
  <si>
    <t>【西门子】输入输出模块\6ES7531-7NF00-0AB0</t>
  </si>
  <si>
    <t>【西门子】输入输出模块\6ES7531-7PF00-0AB0</t>
  </si>
  <si>
    <t>【西门子】输入输出模块\6ES7531-7QD00-0AB0</t>
  </si>
  <si>
    <t>【西门子】输入输出模块\6ES7532-5HD00-0AB0</t>
  </si>
  <si>
    <t>【西门子】输入输出模块\6ES7532-5NB00-0AB0</t>
  </si>
  <si>
    <t>【西门子】输入输出模块\6ES7532-5ND00-0AB0</t>
  </si>
  <si>
    <t>【西门子】输入输出模块\6ES7534-7QE00-0AB0</t>
  </si>
  <si>
    <t>【西门子】输入输出模块\6ES7531-7QF00-0AB0</t>
  </si>
  <si>
    <t>【西门子】输入输出模块\6ES7550-1AA00-0AB0</t>
  </si>
  <si>
    <t>【西门子】输入输出模块\6ES7553-1AA00-0AB0</t>
  </si>
  <si>
    <t>【西门子】输入输出模块\6ES7552-1AA00-0AB0</t>
  </si>
  <si>
    <t>【西门子】输入输出模块\6ES7556-1AA00-0AB0</t>
  </si>
  <si>
    <t>【西门子】通信模块\6ES7540-1AB00-0AA0</t>
  </si>
  <si>
    <t>【西门子】通信模块\6ES7540-1AD00-0AA0</t>
  </si>
  <si>
    <t>【西门子】通信模块\6ES7541-1AD00-0AB0</t>
  </si>
  <si>
    <t>【西门子】通信模块\6ES7547-1JF00-0AB0</t>
  </si>
  <si>
    <t>【西门子】连接器\6ES7590-0AA00-0AA0</t>
  </si>
  <si>
    <t>【西门子】异型导轨\6ES7590-1AB60-0AA0</t>
  </si>
  <si>
    <t>【西门子】异型导轨\6ES7590-1AC40-0AA0</t>
  </si>
  <si>
    <t>【西门子】异型导轨\6ES7590-1AE80-0AA0</t>
  </si>
  <si>
    <t>【西门子】异型导轨\6ES7590-1AJ30-0AA0</t>
  </si>
  <si>
    <t>【西门子】异型导轨\6ES7590-1BC00-0AA0</t>
  </si>
  <si>
    <t>【西门子】接地螺栓\6ES7590-5AA00-0AA0</t>
  </si>
  <si>
    <t>【西门子】连接器\6ES7590-8AA00-0AA0</t>
  </si>
  <si>
    <t>【西门子】触摸屏\6ES7591-1AA01-0AA0</t>
  </si>
  <si>
    <t>【西门子】连接器\6ES7592-1BM00-0XA0</t>
  </si>
  <si>
    <t>【西门子】连接器\6ES7592-1BM00-0XB0</t>
  </si>
  <si>
    <t>【西门子】标签纸\6ES7592-2AX00-0AA0</t>
  </si>
  <si>
    <t>【西门子】输入输出模块\6ES7591-1AB00-0AA0</t>
  </si>
  <si>
    <t>【西门子】接口模块\6ES7155-5AA00-0AA0</t>
  </si>
  <si>
    <t>【西门子】总线接头\6ES7390-0AA00-0AA0</t>
  </si>
  <si>
    <t>【西门子】连接器\6ES7392-1BM01-0AA0</t>
  </si>
  <si>
    <t>【西门子】接地端子\6ES5728-8MA11</t>
  </si>
  <si>
    <t>【西门子】数字量模块\6ES7331-7PF11-4AB1</t>
  </si>
  <si>
    <t>【西门子】数字量模块\6ES7332-5HB01-4AB1</t>
  </si>
  <si>
    <t>【西门子】数字量模块\6ES7332-5HD01-4AB1</t>
  </si>
  <si>
    <t>【西门子】触摸屏\6AV2125-2DB23-0AX0</t>
  </si>
  <si>
    <t>【西门子】触摸屏\6AV6648-0CC11-3AX0</t>
  </si>
  <si>
    <t>【西门子】触摸屏\6AV6648-0CE11-3AX0</t>
  </si>
  <si>
    <t>【西门子】触摸屏\6AV2123-2MA03-0AX0</t>
  </si>
  <si>
    <t>【西门子】触摸屏\6AV2123-2MB03-0AX0</t>
  </si>
  <si>
    <t>【西门子】触摸屏\6AV6647-0AH11-3AX0</t>
  </si>
  <si>
    <t>【西门子】触摸屏\6AV6647-0AJ11-3AX0</t>
  </si>
  <si>
    <t>【西门子】触摸屏\6AV2143-8JB50-0AA0</t>
  </si>
  <si>
    <t>【西门子】触摸屏\6AV2144-8GC10-0AA0</t>
  </si>
  <si>
    <t>【西门子】触摸屏\6AV2144-8JC10-0AA0</t>
  </si>
  <si>
    <t>【西门子】触摸屏\6AV2144-8JC20-0AA0</t>
  </si>
  <si>
    <t>【西门子】触摸屏\6AV2144-8MC10-0AA0</t>
  </si>
  <si>
    <t>【西门子】触摸屏\6AV2144-8MC20-0AA0</t>
  </si>
  <si>
    <t>【西门子】触摸屏\6AV2144-8QC10-0AA0</t>
  </si>
  <si>
    <t>【西门子】触摸屏\6AV2144-8UC10-0AA0</t>
  </si>
  <si>
    <t>【西门子】触摸屏\6AV6574-1AA00-4AG0</t>
  </si>
  <si>
    <t>【西门子】触摸屏\6AV6645-7CJ00-2AA0</t>
  </si>
  <si>
    <t>【西门子】触摸屏\6AV6675-3AA00-0AX0</t>
  </si>
  <si>
    <t>【西门子】触摸屏\6AV2124-0QC13-0AX0</t>
  </si>
  <si>
    <t>【西门子】触摸屏\6AV2124-0QC24-0AX0</t>
  </si>
  <si>
    <t>【西门子】触摸屏\6AV2124-0QC24-0BX0</t>
  </si>
  <si>
    <t>【西门子】触摸屏\6AV2124-0QC24-1AX0</t>
  </si>
  <si>
    <t>【西门子】触摸屏\6AV2124-0UC24-0AX0</t>
  </si>
  <si>
    <t>【西门子】触摸屏\6AV2124-0UC24-0BX0</t>
  </si>
  <si>
    <t>【西门子】触摸屏\6AV2124-0UC24-1AX0</t>
  </si>
  <si>
    <t>【西门子】触摸屏\6AV2124-0XC24-0AX0</t>
  </si>
  <si>
    <t>【西门子】触摸屏\6AV2124-0XC24-0BX0</t>
  </si>
  <si>
    <t>【西门子】触摸屏\6AV2124-0XC24-1AX0</t>
  </si>
  <si>
    <t>【西门子】触摸屏\6AV2124-0GC13-0AX0</t>
  </si>
  <si>
    <t>【西门子】触摸屏\6AV2124-0MC24-0AX0</t>
  </si>
  <si>
    <t>【西门子】触摸屏\6AV2124-0MC24-0BX0</t>
  </si>
  <si>
    <t>【西门子】触摸屏\6AV2124-0MC24-1AX0</t>
  </si>
  <si>
    <t>【西门子】触摸屏\6AV3688-3AY36-0AX0</t>
  </si>
  <si>
    <t>【西门子】触摸屏\6AV3688-3EH47-0AX0</t>
  </si>
  <si>
    <t>【西门子】触摸屏\6AV2125-2AE03-0AX0</t>
  </si>
  <si>
    <t>【西门子】触摸屏\6AV2125-2AE13-0AX0</t>
  </si>
  <si>
    <t>【西门子】触摸屏\6AV2125-2AE23-0AX0</t>
  </si>
  <si>
    <t>【西门子】触摸屏\6AV2125-2GB03-0AX0</t>
  </si>
  <si>
    <t>【西门子】触摸屏\6AV2125-2GB23-0AX0</t>
  </si>
  <si>
    <t>【西门子】触摸屏\6AV2125-2JB03-0AX0</t>
  </si>
  <si>
    <t>【西门子】触摸屏\6AV2125-2JB23-0AX0</t>
  </si>
  <si>
    <t>【西门子】中央处理器\6ES7412-1XJ07-0AB0\,,MB,A</t>
  </si>
  <si>
    <t>【西门子】中央处理器\6ES7414-2XL07-0AB0\,,MB,A</t>
  </si>
  <si>
    <t>【西门子】中央处理器\6ES7414-3XM07-0AB0\,,MB,A</t>
  </si>
  <si>
    <t>【西门子】中央处理器\6ES7416-2XP07-0AB0\,,MB,A</t>
  </si>
  <si>
    <t>【西门子】数字量模块\6ES7421-7BH01-0AB0</t>
  </si>
  <si>
    <t>【西门子】连接模块\6ES7450-1AP01-0AE0</t>
  </si>
  <si>
    <t>【西门子】控制板\6ES7460-1BA01-0AB0</t>
  </si>
  <si>
    <t>【西门子】标签纸\6ES7492-2AX00-0AA0</t>
  </si>
  <si>
    <t>【西门子】标签纸\6ES7492-2BX00-0AA0</t>
  </si>
  <si>
    <t>【西门子】标签纸\6ES7492-2CX00-0AA0</t>
  </si>
  <si>
    <t>【西门子】标签纸\6ES7492-2DX00-0AA0</t>
  </si>
  <si>
    <t>【西门子】电源模块\V/V,6ES7138-4CF03-0AB0W</t>
  </si>
  <si>
    <t>【西门子】电源模块\V/V,6ES7138-4CF42-0AB0W</t>
  </si>
  <si>
    <t>【西门子】电源模块\6ES7138-4FC01-0AB0</t>
  </si>
  <si>
    <t>【西门子】电子模块\6ES7148-4FA00-0AB0</t>
  </si>
  <si>
    <t>【西门子】电子模块\6ES7148-4FC00-0AB0</t>
  </si>
  <si>
    <t>【西门子】电子模块\6ES7148-4FS00-0AB0</t>
  </si>
  <si>
    <t>【西门子】终端模块\6ES7193-4CK20-0AA0</t>
  </si>
  <si>
    <t>【西门子】终端模块\6ES7193-4CK30-0AA0</t>
  </si>
  <si>
    <t>【西门子】连接模块\6ES7194-4DA00-0AA0</t>
  </si>
  <si>
    <t>【西门子】连接模块\6ES7194-4DC00-0AA0</t>
  </si>
  <si>
    <t>【西门子】连接模块\6ES7194-4DD00-0AA0</t>
  </si>
  <si>
    <t>【西门子】总线模块\6ES7195-7HG00-0XA0</t>
  </si>
  <si>
    <t>【西门子】电缆导管\6ES7393-4AA10-0AA0</t>
  </si>
  <si>
    <t>【西门子】起动器\6ES7195-3BF03-0YA0</t>
  </si>
  <si>
    <t>【西门子】中央处理器\6ES7154-8FB01-0AB0</t>
  </si>
  <si>
    <t>【西门子】中央处理器\6ES7317-7UL10-0AB0\,,MB,A</t>
  </si>
  <si>
    <t>【西门子】中央处理器\6ES7315-6FF04-0AB0\,,MB,A</t>
  </si>
  <si>
    <t>【西门子】控制板\6ES7151-7FA21-0AB0</t>
  </si>
  <si>
    <t>【西门子】中央处理器\6ES7414-3FM07-0AB0\,,MB,A</t>
  </si>
  <si>
    <t>【西门子】中央处理器\6ES7416-2FP07-0AB0\,,MB,A</t>
  </si>
  <si>
    <t>【西门子】中央处理器\6ES7416-3FS07-0AB0\,,MB,A</t>
  </si>
  <si>
    <t>【西门子】通信模块\6DD1607-0EA2</t>
  </si>
  <si>
    <t>【西门子】通信模块\6DD1607-0GA0</t>
  </si>
  <si>
    <t>【西门子】通信模块\6DD1684-0GE0</t>
  </si>
  <si>
    <t>【西门子】通信模块\6DD1600-0BB0\,,MB,A</t>
  </si>
  <si>
    <t>【西门子】通信模块\6DD1682-0CH3</t>
  </si>
  <si>
    <t>【西门子】通信模块\6DD1682-0DA1</t>
  </si>
  <si>
    <t>【西门子】通信模块\V/V,6DD1683-0CH3W</t>
  </si>
  <si>
    <t>【西门子】存储器\6DD1610-0AH3</t>
  </si>
  <si>
    <t>【西门子】存储器\6DD1610-0AH4</t>
  </si>
  <si>
    <t>【西门子】存储器\6DD1610-0AH6</t>
  </si>
  <si>
    <t>【西门子】存储器\6DD1640-0AH0</t>
  </si>
  <si>
    <t>【西门子】通信模块\6DD1660-0BF0</t>
  </si>
  <si>
    <t>【西门子】通信模块\6DD1660-0BG0</t>
  </si>
  <si>
    <t>【西门子】通信模块\6DD1660-0BJ0</t>
  </si>
  <si>
    <t>【西门子】通信模块\6DD1661-0AD1</t>
  </si>
  <si>
    <t>【西门子】通信模块\6DD1661-0AE1</t>
  </si>
  <si>
    <t>【西门子】通信模块\6DD1681-0AF4</t>
  </si>
  <si>
    <t>【西门子】通信模块\6DD1681-0DH1</t>
  </si>
  <si>
    <t>【西门子】电缆\6DD1684-0GC0</t>
  </si>
  <si>
    <t>【西门子】电缆\6DD1684-0GD0</t>
  </si>
  <si>
    <t>【西门子】电缆\6DD1684-0GG0</t>
  </si>
  <si>
    <t>【西门子】电缆\6DD1684-0GH0</t>
  </si>
  <si>
    <t>【西门子】输入输出模块\6DD1600-0BA3\,,MB,A</t>
  </si>
  <si>
    <t>【西门子】通信模块\6DD1660-0BH1</t>
  </si>
  <si>
    <t>【西门子】控制软件\6ES7852-0CC04-0YA5</t>
  </si>
  <si>
    <t>【西门子】控制软件\6ES7852-0CC05-0YA5</t>
  </si>
  <si>
    <t>【西门子】控制软件\6ES7852-0CC05-0YE5</t>
  </si>
  <si>
    <t>【西门子】控制软件\6DD1805-5DA0</t>
  </si>
  <si>
    <t>【西门子】控制软件\6ES7852-0CC03-0YA5</t>
  </si>
  <si>
    <t>【西门子】控制软件\6ES7852-0CC03-0YE5</t>
  </si>
  <si>
    <t>【西门子】控制软件\6ES7852-0CC04-0YE5</t>
  </si>
  <si>
    <t>【西门子】控制软件\6ES7852-0CC06-0YE5</t>
  </si>
  <si>
    <t>【西门子】控制软件\6ES7852-0CC06-0YA5</t>
  </si>
  <si>
    <t>【西门子】接口模块\6ES7153-1AA03-0XB4</t>
  </si>
  <si>
    <t>【西门子】终端模块\6ES7132-4BF50-0AA0</t>
  </si>
  <si>
    <t>【西门子】数字量模块\6ES7132-4FB01-0AB0</t>
  </si>
  <si>
    <t>【西门子】数字量模块\6ES7132-4BD30-0AB0</t>
  </si>
  <si>
    <t>【西门子】数字量模块\6ES7132-4BD02-0AA0</t>
  </si>
  <si>
    <t>【西门子】数字量模块\6ES7132-4BB01-0AB0</t>
  </si>
  <si>
    <t>【西门子】数字量模块\6ES7131-4BF50-0AA0</t>
  </si>
  <si>
    <t>【西门子】数字量模块\6ES7131-4RD02-0AB0</t>
  </si>
  <si>
    <t>【西门子】数字量模块\6ES7131-4CD02-0AB0</t>
  </si>
  <si>
    <t>【西门子】数字量模块\6ES7131-4FB00-0AB0</t>
  </si>
  <si>
    <t>【西门子】数字量模块\6ES7131-4EB00-0AB0</t>
  </si>
  <si>
    <t>【西门子】数字量模块\6ES7131-4BD01-0AB0</t>
  </si>
  <si>
    <t>【西门子】终端模块\6ES7151-3AA23-0AB0</t>
  </si>
  <si>
    <t>【西门子】数字量模块\6ES7132-4BD00-0AB0</t>
  </si>
  <si>
    <t>【西门子】数字量模块\6ES7138-4AA01-0AA0</t>
  </si>
  <si>
    <t>【西门子】数字量模块\6ES7138-4AA11-0AA0</t>
  </si>
  <si>
    <t>【西门子】终端模块\6ES7193-4CD70-0AA0</t>
  </si>
  <si>
    <t>【西门子】终端模块\6ES7193-4CE60-0AA0</t>
  </si>
  <si>
    <t>【西门子】数字量模块\6ES7195-1KA00-0XA0</t>
  </si>
  <si>
    <t>【西门子】数字量模块\6ES7158-3AD10-0XA0</t>
  </si>
  <si>
    <t>【西门子】电源模块\V/V,6ES7148-4CA00-0AA0W</t>
  </si>
  <si>
    <t>【西门子】数字量模块\6ES7143-4BF50-0AA0</t>
  </si>
  <si>
    <t>【西门子】数字量模块\6ES7143-4BF00-0AA0</t>
  </si>
  <si>
    <t>【西门子】数字量模块\6ES7141-4BH00-0AA0</t>
  </si>
  <si>
    <t>【西门子】电源模块\V/V,6ES7148-4CA60-0AA0W</t>
  </si>
  <si>
    <t>【西门子】接口模块\6ES7194-4BH00-0AA0</t>
  </si>
  <si>
    <t>【西门子】接口模块\6ES7194-4HB00-0AA0</t>
  </si>
  <si>
    <t>【西门子】接口模块\6ES7194-4JA50-0AA0</t>
  </si>
  <si>
    <t>【西门子】接口模块\6ES7194-4JD50-0AA0</t>
  </si>
  <si>
    <t>【西门子】接口模块\6ES7194-6CA00-0AA0</t>
  </si>
  <si>
    <t>【西门子】接口模块\6ES7194-6KA00-0XA0</t>
  </si>
  <si>
    <t>【西门子】接口模块\6ES7194-6MA00-0AA0</t>
  </si>
  <si>
    <t>【西门子】接口模块\6ES7194-6GA00-0AA0</t>
  </si>
  <si>
    <t>【西门子】接口模块\6ES7148-6JD00-0AB0</t>
  </si>
  <si>
    <t>【西门子】接口模块\6ES7147-4JD00-0AB0</t>
  </si>
  <si>
    <t>【西门子】接口模块\6ES7194-4CA20-0AA0</t>
  </si>
  <si>
    <t>【西门子】接口模块\6ES7154-3AB00-0AB0</t>
  </si>
  <si>
    <t>【西门子】接口模块\6ES7194-4AK00-0AA0</t>
  </si>
  <si>
    <t>【西门子】接口模块\6ES7194-6KB00-0AA0</t>
  </si>
  <si>
    <t>【西门子】接口模块\6ES7194-6KB00-0XA0</t>
  </si>
  <si>
    <t>【西门子】标签纸\6ES7193-4BA00-0AA0</t>
  </si>
  <si>
    <t>【西门子】标签纸\6ES7193-4BB00-0AA0</t>
  </si>
  <si>
    <t>【西门子】标签纸\6ES7193-4BD00-0AA0</t>
  </si>
  <si>
    <t>【西门子】标签纸\6ES7193-4BH00-0AA0</t>
  </si>
  <si>
    <t>【西门子】屏蔽端子\6ES7193-4GB00-0AA0</t>
  </si>
  <si>
    <t>【西门子】连接器\6ES7972-0AA02-0XA0</t>
  </si>
  <si>
    <t>【西门子】连接器\6ES7972-0AB01-0XA0</t>
  </si>
  <si>
    <t>【西门子】连接器\6ES7972-0BA30-0XA0</t>
  </si>
  <si>
    <t>【西门子】连接器\6ES7972-0BA52-0XB0</t>
  </si>
  <si>
    <t>【西门子】连接器\6ES7972-0BB52-0XB0</t>
  </si>
  <si>
    <t>【西门子】电缆\6ES7194-2LH03-0AA0</t>
  </si>
  <si>
    <t>【西门子】电缆\6ES7194-2LH10-0AA0</t>
  </si>
  <si>
    <t>【西门子】电缆\6ES7194-2LH20-0AA0</t>
  </si>
  <si>
    <t>【西门子】电缆\6ES7194-2LH50-0AA0</t>
  </si>
  <si>
    <t>【西门子】电缆\6ES7194-2LN10-0AA0</t>
  </si>
  <si>
    <t>【西门子】电缆\6ES7194-2LH03-0AB0</t>
  </si>
  <si>
    <t>【西门子】电缆\6ES7194-2LH10-0AB0</t>
  </si>
  <si>
    <t>【西门子】电缆\6ES7194-2LH20-0AB0</t>
  </si>
  <si>
    <t>【西门子】电缆\6ES7194-2LH50-0AB0</t>
  </si>
  <si>
    <t>【西门子】电缆\6ES7194-2KA00-0AA0</t>
  </si>
  <si>
    <t>【西门子】标记牌\6ES7194-2BA00-0AA0</t>
  </si>
  <si>
    <t>【西门子】电缆\6ES7194-2LN10-0AB0</t>
  </si>
  <si>
    <t>【西门子】电缆\6ES7194-2LH20-0AC0</t>
  </si>
  <si>
    <t>【西门子】电缆\6ES7194-2LH50-0AC0</t>
  </si>
  <si>
    <t>【西门子】电缆\6ES7194-2LN10-0AC0</t>
  </si>
  <si>
    <t>【西门子】连接器\6ES7194-2AB00-0AA0</t>
  </si>
  <si>
    <t>【西门子】电缆\6ES7194-2LH03-1AA0</t>
  </si>
  <si>
    <t>【西门子】电缆\6ES7194-2LH10-1AA0</t>
  </si>
  <si>
    <t>【西门子】电缆\6ES7194-2LH20-1AA0</t>
  </si>
  <si>
    <t>【西门子】电缆\6ES7194-2LH50-1AA0</t>
  </si>
  <si>
    <t>【西门子】电缆\6ES7194-2LN10-1AA0</t>
  </si>
  <si>
    <t>【西门子】电缆\6ES7194-2LH03-1AB0</t>
  </si>
  <si>
    <t>【西门子】电缆\6ES7194-2LH10-1AB0</t>
  </si>
  <si>
    <t>【西门子】电缆\6ES7194-2LH20-1AB0</t>
  </si>
  <si>
    <t>【西门子】电缆\6ES7194-2LH50-1AB0</t>
  </si>
  <si>
    <t>【西门子】电缆\6ES7194-2LN10-1AB0</t>
  </si>
  <si>
    <t>【西门子】电缆\6ES7194-2LH20-1AC0</t>
  </si>
  <si>
    <t>【西门子】电缆\6ES7194-2LH50-1AC0</t>
  </si>
  <si>
    <t>【西门子】电缆\6ES7194-2LN10-1AC0</t>
  </si>
  <si>
    <t>【西门子】电源模块\6ES7194-2AA00-0AA0</t>
  </si>
  <si>
    <t>【西门子】电源模块\6ES7147-5JD00-0BA0</t>
  </si>
  <si>
    <t>【西门子】电源模块\6ES7141-5AF00-0BA0</t>
  </si>
  <si>
    <t>【西门子】电源模块\6ES7141-5AH00-0BA0</t>
  </si>
  <si>
    <t>【西门子】电源模块\6ES7142-5AF00-0BA0</t>
  </si>
  <si>
    <t>【西门子】电源模块\6ES7143-5AF00-0BA0</t>
  </si>
  <si>
    <t>【西门子】电缆\6ES7194-2LH02-0AA0</t>
  </si>
  <si>
    <t>【西门子】电缆\6ES7194-2LN15-0AA0</t>
  </si>
  <si>
    <t>【西门子】电缆\6ES7194-2LN15-0AB0</t>
  </si>
  <si>
    <t>【西门子】电缆\6ES7194-2LN15-0AC0</t>
  </si>
  <si>
    <t>【西门子】电缆\6ES7194-2LH02-1AA0</t>
  </si>
  <si>
    <t>【西门子】电缆\6ES7194-2LN15-1AA0</t>
  </si>
  <si>
    <t>【西门子】电缆\6ES7194-2LN15-1AB0</t>
  </si>
  <si>
    <t>【西门子】电缆\6ES7194-2LN15-1AC0</t>
  </si>
  <si>
    <t>【西门子】连接器\6ES7194-2AC00-0AA0</t>
  </si>
  <si>
    <t>【西门子】电源模块\6ES7145-5ND00-0BA0</t>
  </si>
  <si>
    <t>【西门子】电源模块\6ES7143-5AH00-0BA0</t>
  </si>
  <si>
    <t>【西门子】电缆\6ES7194-2MH02-0AA0</t>
  </si>
  <si>
    <t>【西门子】电缆\6ES7194-2MH03-0AA0</t>
  </si>
  <si>
    <t>【西门子】电缆\6ES7194-2MH10-0AA0</t>
  </si>
  <si>
    <t>【西门子】电缆\6ES7194-2MH20-0AA0</t>
  </si>
  <si>
    <t>【西门子】电缆\6ES7194-2MH50-0AA0</t>
  </si>
  <si>
    <t>【西门子】电缆\6ES7194-2MN10-0AA0</t>
  </si>
  <si>
    <t>【西门子】电缆\6ES7194-2MN15-0AA0</t>
  </si>
  <si>
    <t>【西门子】电缆\6ES7194-2MH03-0AB0</t>
  </si>
  <si>
    <t>【西门子】电缆\6ES7194-2MH10-0AB0</t>
  </si>
  <si>
    <t>【西门子】电缆\6ES7194-2MH20-0AB0</t>
  </si>
  <si>
    <t>【西门子】电缆\6ES7194-2MH50-0AB0</t>
  </si>
  <si>
    <t>【西门子】电缆\6ES7194-2MN10-0AB0</t>
  </si>
  <si>
    <t>【西门子】电缆\6ES7194-2MN15-0AB0</t>
  </si>
  <si>
    <t>【西门子】电缆\6ES7194-2MH20-0AC0</t>
  </si>
  <si>
    <t>【西门子】电缆\6ES7194-2MH50-0AC0</t>
  </si>
  <si>
    <t>【西门子】电缆\6ES7194-2MN10-0AC0</t>
  </si>
  <si>
    <t>【西门子】电缆\6ES7194-2MN15-0AC0</t>
  </si>
  <si>
    <t>【西门子】电缆\6ES7194-2MH02-1AA0</t>
  </si>
  <si>
    <t>【西门子】电缆\6ES7194-2MH03-1AA0</t>
  </si>
  <si>
    <t>【西门子】电缆\6ES7194-2MH10-1AA0</t>
  </si>
  <si>
    <t>【西门子】电缆\6ES7194-2MH20-1AA0</t>
  </si>
  <si>
    <t>【西门子】电缆\6ES7194-2MH50-1AA0</t>
  </si>
  <si>
    <t>【西门子】电缆\6ES7194-2MN10-1AA0</t>
  </si>
  <si>
    <t>【西门子】电缆\6ES7194-2MN15-1AA0</t>
  </si>
  <si>
    <t>【西门子】电缆\6ES7194-2MH03-1AB0</t>
  </si>
  <si>
    <t>【西门子】电缆\6ES7194-2MH10-1AB0</t>
  </si>
  <si>
    <t>【西门子】电缆\6ES7194-2MH20-1AB0</t>
  </si>
  <si>
    <t>【西门子】电缆\6ES7194-2MH50-1AB0</t>
  </si>
  <si>
    <t>【西门子】电缆\6ES7194-2MN10-1AB0</t>
  </si>
  <si>
    <t>【西门子】电缆\6ES7194-2MN15-1AB0</t>
  </si>
  <si>
    <t>【西门子】电缆\6ES7194-2MH20-1AC0</t>
  </si>
  <si>
    <t>【西门子】电缆\6ES7194-2MH50-1AC0</t>
  </si>
  <si>
    <t>【西门子】电缆\6ES7194-2MN10-1AC0</t>
  </si>
  <si>
    <t>【西门子】电缆\6ES7194-2MN15-1AC0</t>
  </si>
  <si>
    <t>【西门子】电缆\6ES7194-2LH02-0AD0</t>
  </si>
  <si>
    <t>【西门子】电缆\6ES7194-2MH02-0AD0</t>
  </si>
  <si>
    <t>【西门子】电子模块\6ES7132-6FD00-0BB1</t>
  </si>
  <si>
    <t>【西门子】数字量模块\6ES7132-6BF00-0CA0</t>
  </si>
  <si>
    <t>【西门子】数字量模块\6ES7132-6BF01-0BA0</t>
  </si>
  <si>
    <t>【西门子】数字量模块\6ES7132-6BD20-0CA0</t>
  </si>
  <si>
    <t>【西门子】数字量模块\6ES7132-6BD20-0BA0</t>
  </si>
  <si>
    <t>【西门子】数字量模块\6ES7131-6TF00-0CA0</t>
  </si>
  <si>
    <t>【西门子】数字量模块\6ES7131-6BF00-0CA0</t>
  </si>
  <si>
    <t>【西门子】数字量模块\6ES7131-6BF01-0BA0</t>
  </si>
  <si>
    <t>【西门子】总线适配器\6ES7133-6CV15-1AM0</t>
  </si>
  <si>
    <t>【西门子】总线适配器\6ES7133-6CV20-1AM0</t>
  </si>
  <si>
    <t>【西门子】总线适配器\6ES7193-6CP01-2MA0</t>
  </si>
  <si>
    <t>【西门子】总线适配器\6ES7193-6CP02-2MA0</t>
  </si>
  <si>
    <t>【西门子】总线适配器\6ES7193-6CP03-2MA0</t>
  </si>
  <si>
    <t>【西门子】总线适配器\6ES7193-6CP51-2MC0</t>
  </si>
  <si>
    <t>【西门子】总线适配器\6ES7193-6CP71-2AA0</t>
  </si>
  <si>
    <t>【西门子】总线适配器\6ES7193-6CP72-2AA0</t>
  </si>
  <si>
    <t>【西门子】总线适配器\6ES7193-6CP73-2AA0</t>
  </si>
  <si>
    <t>【西门子】总线适配器\6ES7193-6CP74-2AA0</t>
  </si>
  <si>
    <t>【西门子】总线适配器\6ES7193-6CP81-2AB0</t>
  </si>
  <si>
    <t>【西门子】总线适配器\6ES7193-6CP82-2AB0</t>
  </si>
  <si>
    <t>【西门子】总线适配器\6ES7193-6CP83-2AB0</t>
  </si>
  <si>
    <t>【西门子】总线适配器\6ES7193-6LA10-0AA0</t>
  </si>
  <si>
    <t>【西门子】总线适配器\6ES7193-6LA10-0AG0</t>
  </si>
  <si>
    <t>【西门子】总线适配器\6ES7193-6LF30-0AW0</t>
  </si>
  <si>
    <t>【西门子】总线适配器\6ES7193-6LR10-0AA0</t>
  </si>
  <si>
    <t>【西门子】总线适配器\6ES7193-6LR10-0AG0</t>
  </si>
  <si>
    <t>【西门子】总线适配器\6ES7193-6PA00-0AA0</t>
  </si>
  <si>
    <t>【西门子】总线适配器\6ES7193-6SC00-1AM0</t>
  </si>
  <si>
    <t>【西门子】总线适配器\6ES7193-6CP42-2MB0</t>
  </si>
  <si>
    <t>【西门子】总线适配器\6ES7193-6CP05-2MA0</t>
  </si>
  <si>
    <t>【西门子】总线适配器\6ES7193-6CP04-2MA0</t>
  </si>
  <si>
    <t>【西门子】总线适配器\6ES7193-6CP41-2MB0</t>
  </si>
  <si>
    <t>【西门子】总线适配器\6ES7193-6CP52-2MC0</t>
  </si>
  <si>
    <t>【西门子】总线适配器\6ES7193-6CP84-2AC0</t>
  </si>
  <si>
    <t>【西门子】总线适配器\6ES7193-6CP85-2AC0</t>
  </si>
  <si>
    <t>【西门子】总线适配器\6ES7193-6CP86-2AC0</t>
  </si>
  <si>
    <t>【西门子】总线适配器\6ES7155-6AR00-0AN0</t>
  </si>
  <si>
    <t>【西门子】数字量模块\6ES7131-6BF00-0DA0</t>
  </si>
  <si>
    <t>【西门子】数字量模块\6ES7132-6BD20-0DA0</t>
  </si>
  <si>
    <t>【西门子】总线适配器\6ES7193-6AP40-0AA0</t>
  </si>
  <si>
    <t>【西门子】总线适配器\6ES7193-6AP20-0AA0</t>
  </si>
  <si>
    <t>【西门子】总线适配器\6ES7193-6AG00-0AA0</t>
  </si>
  <si>
    <t>【西门子】总线适配器\6ES7193-6AG20-0AA0</t>
  </si>
  <si>
    <t>【西门子】总线适配器\6ES7193-6AG40-0AA0</t>
  </si>
  <si>
    <t>【西门子】输入输出模块\6ES7134-6GB00-0BA1</t>
  </si>
  <si>
    <t>【西门子】输入输出模块\6ES7134-6FB00-0BA1</t>
  </si>
  <si>
    <t>【西门子】输入输出模块\6ES7135-6GB00-0BA1</t>
  </si>
  <si>
    <t>【西门子】输入输出模块\6ES7135-6FB00-0BA1</t>
  </si>
  <si>
    <t>【西门子】输入输出模块\6ES7134-6PA20-0BD0</t>
  </si>
  <si>
    <t>【西门子】输入输出模块\6ES7132-6MD00-0BB1</t>
  </si>
  <si>
    <t>【西门子】输入输出模块\6ES7155-6AU00-0DN0</t>
  </si>
  <si>
    <t>【西门子】总线适配器\6ES7193-6CP00-2MA0</t>
  </si>
  <si>
    <t>【西门子】总线适配器\6ES7155-6AU01-0BN0</t>
  </si>
  <si>
    <t>【西门子】输入输出模块\6ES7131-6BF01-0AA0</t>
  </si>
  <si>
    <t>【西门子】输入输出模块\6ES7132-6BF01-0AA0</t>
  </si>
  <si>
    <t>【西门子】输入输出模块\6ES7131-6BF61-0AA0</t>
  </si>
  <si>
    <t>【西门子】输入输出模块\6ES7131-6FD01-0BB1</t>
  </si>
  <si>
    <t>【西门子】输入输出模块\6ES7132-6BF61-0AA0</t>
  </si>
  <si>
    <t>【西门子】输入输出模块\6ES7132-6HD01-0BB1</t>
  </si>
  <si>
    <t>【西门子】输入输出模块\6ES7132-6FD00-0CU0</t>
  </si>
  <si>
    <t>【西门子】总线适配器\6ES7193-6BP00-0DU0</t>
  </si>
  <si>
    <t>【西门子】总线适配器\6ES7193-6BP00-0BU0</t>
  </si>
  <si>
    <t>【西门子】总线适配器\6ES7193-6UP00-0DP1</t>
  </si>
  <si>
    <t>【西门子】总线适配器\6ES7193-6UP00-0BP1</t>
  </si>
  <si>
    <t>【西门子】总线适配器\6ES7193-6UP00-0DP2</t>
  </si>
  <si>
    <t>【西门子】总线适配器\6ES7193-6UP00-0BP2</t>
  </si>
  <si>
    <t>【西门子】总线适配器\6ES7193-6CP62-2MA0</t>
  </si>
  <si>
    <t>【西门子】总线适配器\6ES7193-6CP63-2MA0</t>
  </si>
  <si>
    <t>【西门子】总线适配器\6ES7193-6CP10-2MT0</t>
  </si>
  <si>
    <t>【西门子】总线适配器\6ES7193-6CP11-2MT0</t>
  </si>
  <si>
    <t>【西门子】总线适配器\6ES7193-6CP12-2MT0</t>
  </si>
  <si>
    <t>【西门子】总线适配器\6ES7193-6CP13-2MT0</t>
  </si>
  <si>
    <t>【西门子】总线适配器\6ES7193-6TP00-0TP1</t>
  </si>
  <si>
    <t>【西门子】总线适配器\6ES7193-6TP00-0TP2</t>
  </si>
  <si>
    <t>【西门子】总线适配器\6ES7193-6TP00-0TN0</t>
  </si>
  <si>
    <t>【西门子】总线适配器\6ES7193-6TP00-0TP0</t>
  </si>
  <si>
    <t>【西门子】总线适配器\6ES7132-6BH00-0AA0</t>
  </si>
  <si>
    <t>【西门子】总线适配器\6ES7193-6BP60-0BA0</t>
  </si>
  <si>
    <t>【西门子】总线适配器\6ES7193-6BP60-0DA0</t>
  </si>
  <si>
    <t>【西门子】总线适配器\6ES7134-6PA00-0CU0</t>
  </si>
  <si>
    <t>【西门子】总线适配器\6ES7134-6PA20-0CU0</t>
  </si>
  <si>
    <t>【西门子】总线适配器\6ES7131-6CF00-0AU0</t>
  </si>
  <si>
    <t>【西门子】总线适配器\6ES7134-6JD00-0DA1</t>
  </si>
  <si>
    <t>【西门子】总线适配器\6ES7155-6AU30-0CN0</t>
  </si>
  <si>
    <t>【西门子】总线适配器\6ES7155-6AU01-0CN0</t>
  </si>
  <si>
    <t>【西门子】总线适配器\6ES7193-6RA00-1AN0</t>
  </si>
  <si>
    <t>【西门子】总线适配器\6ES7155-6BA01-0CN0</t>
  </si>
  <si>
    <t>【西门子】总线适配器\6ES7138-6AA01-0BA0</t>
  </si>
  <si>
    <t>【西门子】数字量模块\6ES7136-6RA00-0BF0</t>
  </si>
  <si>
    <t>【西门子】数字量模块\6ES7136-6PA00-0BC0</t>
  </si>
  <si>
    <t>【西门子】数字量模块\6ES7193-6EF00-1AA0</t>
  </si>
  <si>
    <t>【西门子】数字量模块\6ES7136-6AA00-0CA1</t>
  </si>
  <si>
    <t>【西门子】数字量模块\6ES7136-6DC00-0CA0</t>
  </si>
  <si>
    <t>【西门子】数字量模块\6ES7146-6FF00-0AB0</t>
  </si>
  <si>
    <t>【西门子】触摸屏\6AV2181-3JJ20-0AX0</t>
  </si>
  <si>
    <t>【西门子】触摸屏\6AV2181-3MJ20-0AX0</t>
  </si>
  <si>
    <t>【西门子】触摸屏\6AV2181-4XM00-0AX0</t>
  </si>
  <si>
    <t>【西门子】触摸屏\6AV2181-5AF02-0AX0</t>
  </si>
  <si>
    <t>【西门子】触摸屏\6AV2181-5AF05-0AX0</t>
  </si>
  <si>
    <t>【西门子】触摸屏\6AV2181-5AF08-0AX0</t>
  </si>
  <si>
    <t>【西门子】触摸屏\6AV2181-5AF10-0AX0</t>
  </si>
  <si>
    <t>【西门子】触摸屏\6AV2181-5AF15-0AX0</t>
  </si>
  <si>
    <t>【西门子】触摸屏\6AV2181-5AF20-0AX0</t>
  </si>
  <si>
    <t>【西门子】触摸屏\6AV2181-5AF25-0AX0</t>
  </si>
  <si>
    <t>【西门子】触摸屏\6AV2181-5AG80-0AX0</t>
  </si>
  <si>
    <t>【西门子】触摸屏\6AV2181-5JJ00-0AX0</t>
  </si>
  <si>
    <t>【西门子】触摸屏\6AV2181-8AS20-0AX0</t>
  </si>
  <si>
    <t>【西门子】触摸屏\6AV3688-3XY38-3AX0</t>
  </si>
  <si>
    <t>【西门子】触摸屏\6AV6574-1AB00-2BA0</t>
  </si>
  <si>
    <t>【西门子】触摸屏\6AV6574-1AB04-4AA0</t>
  </si>
  <si>
    <t>【西门子】触摸屏\6AV6574-1AD00-4AX0</t>
  </si>
  <si>
    <t>【西门子】触摸屏\6AV6574-1AD00-4CX0</t>
  </si>
  <si>
    <t>【西门子】触摸屏\6AV6574-1AD00-4DX0</t>
  </si>
  <si>
    <t>【西门子】触摸屏\6AV6574-1AD00-4EX0</t>
  </si>
  <si>
    <t>【西门子】触摸屏\6AV6574-1AD04-4AA0</t>
  </si>
  <si>
    <t>【西门子】触摸屏\6AV6574-1AE00-4AX0</t>
  </si>
  <si>
    <t>【西门子】触摸屏\6AV6574-1AF04-4AA0</t>
  </si>
  <si>
    <t>【西门子】触摸屏\6AV6574-1AG04-4AA0</t>
  </si>
  <si>
    <t>【西门子】触摸屏\6AV6574-2AC00-2AA1</t>
  </si>
  <si>
    <t>【西门子】触摸屏\6AV6645-7AB14-0AS0</t>
  </si>
  <si>
    <t>【西门子】触摸屏\6AV6645-7AB15-0AS0</t>
  </si>
  <si>
    <t>【西门子】触摸屏\6AV6671-0AP00-0AX0</t>
  </si>
  <si>
    <t>【西门子】触摸屏\6AV6671-1AJ00-0AX0</t>
  </si>
  <si>
    <t>【西门子】触摸屏\6AV6671-2DJ00-0AX0</t>
  </si>
  <si>
    <t>【西门子】触摸屏\6AV6671-2XC00-0AX0</t>
  </si>
  <si>
    <t>【西门子】触摸屏\6AV6671-3AH00-0AX0</t>
  </si>
  <si>
    <t>【西门子】触摸屏\6AV6671-3CC00-0AX0</t>
  </si>
  <si>
    <t>【西门子】触摸屏\6AV6671-3CS00-0AX0</t>
  </si>
  <si>
    <t>【西门子】触摸屏\6AV6671-3DC00-0AX0</t>
  </si>
  <si>
    <t>【西门子】触摸屏\6AV6671-5AD00-0AX0</t>
  </si>
  <si>
    <t>【西门子】触摸屏\6AV6671-5BC00-0AX0</t>
  </si>
  <si>
    <t>【西门子】触摸屏\6AV6671-8XB10-0AX1</t>
  </si>
  <si>
    <t>【西门子】触摸屏\6AV6671-8XK00-0AX0</t>
  </si>
  <si>
    <t>【西门子】触摸屏\6AV6671-8XK00-0AX1</t>
  </si>
  <si>
    <t>【西门子】触摸屏\6AV6671-8XK00-0AX4</t>
  </si>
  <si>
    <t>【西门子】触摸屏\6AV6671-8XS00-0AX0</t>
  </si>
  <si>
    <t>【西门子】触摸屏\6AV6881-0AU14-0AA0</t>
  </si>
  <si>
    <t>【西门子】触摸屏\6AV6881-0AW11-2AA0</t>
  </si>
  <si>
    <t>【西门子】触摸屏\6AV6881-0AW11-3AA0</t>
  </si>
  <si>
    <t>【西门子】触摸屏\6AV6881-0AW12-3AA0</t>
  </si>
  <si>
    <t>【西门子】触摸屏\6AV6881-0AW13-3AA0</t>
  </si>
  <si>
    <t>【西门子】触摸屏\6AV7671-2BA00-0AA0</t>
  </si>
  <si>
    <t>【西门子】触摸屏\6AV7672-1CE00-0AA0</t>
  </si>
  <si>
    <t>【西门子】触摸屏\6AV7672-1JB00-0AA0</t>
  </si>
  <si>
    <t>【西门子】触摸屏\6AV7675-0FX00-0AA0</t>
  </si>
  <si>
    <t>【西门子】触摸屏\6AV6671-5CL00-0AX1</t>
  </si>
  <si>
    <t>【西门子】触摸屏\6AV6881-0AU14-1AA0</t>
  </si>
  <si>
    <t>【西门子】控制板\6SL3260-2TA00-0AA0</t>
  </si>
  <si>
    <t>【西门子】控制板\6SL3514-1KE13-5AE0</t>
  </si>
  <si>
    <t>【西门子】变频器\6SL3210-1PE18-0UL1</t>
  </si>
  <si>
    <t>【西门子】变频器\6SL3210-1PE21-4UL0</t>
  </si>
  <si>
    <t>【西门子】变频器\6SL3210-1PE21-8UL0</t>
  </si>
  <si>
    <t>【西门子】变频器\6SL3225-0BE27-5AA1</t>
  </si>
  <si>
    <t>【西门子】变频器\6SL3210-1PE11-8UL1</t>
  </si>
  <si>
    <t>【西门子】变频器\6SL3210-1PE12-3UL1</t>
  </si>
  <si>
    <t>【西门子】变频器\6SL3210-1PE13-2UL1</t>
  </si>
  <si>
    <t>【西门子】变频器\6SL3210-1PE14-3UL1</t>
  </si>
  <si>
    <t>【西门子】变频器\6SL3210-1PE16-1UL1</t>
  </si>
  <si>
    <t>【西门子】变频器\6SL3210-1PE21-1UL0</t>
  </si>
  <si>
    <t>【西门子】功率模块\6SL3210-1PE22-7UL0</t>
  </si>
  <si>
    <t>【西门子】变频器\6SL3210-1PE11-8AL1</t>
  </si>
  <si>
    <t>【西门子】变频器\6SL3210-1PE12-3AL1</t>
  </si>
  <si>
    <t>【西门子】变频器\6SL3210-1PE13-2AL1</t>
  </si>
  <si>
    <t>【西门子】变频器\6SL3210-1PE14-3AL1</t>
  </si>
  <si>
    <t>【西门子】功率模块\6SL3210-1PE16-1AL1</t>
  </si>
  <si>
    <t>【西门子】变频器\6SL3210-1PE18-0AL1</t>
  </si>
  <si>
    <t>【西门子】功率模块\6SL3210-1PE21-1AL0</t>
  </si>
  <si>
    <t>【西门子】变频器\6SL3210-1PE21-4AL0</t>
  </si>
  <si>
    <t>【西门子】功率模块\6SL3210-1PE21-8AL0</t>
  </si>
  <si>
    <t>【西门子】变频器\6SL3210-1PE22-7AL0</t>
  </si>
  <si>
    <t>【西门子】变频器\6SL3210-1PE23-3AL0</t>
  </si>
  <si>
    <t>【西门子】变频器\6SL3224-0XE41-6UA0</t>
  </si>
  <si>
    <t>【西门子】变频器\6SL3224-0XE41-3UA0</t>
  </si>
  <si>
    <t>【西门子】变频器\6SL3224-0XE42-0UA0</t>
  </si>
  <si>
    <t>【西门子】变频器\6SL3210-1PE24-5UL0</t>
  </si>
  <si>
    <t>【西门子】变频器\6SL3210-1PE26-0UL0</t>
  </si>
  <si>
    <t>【西门子】变频器\6SL3210-1PE27-5UL0</t>
  </si>
  <si>
    <t>【西门子】变频器\6SL3210-1PE31-1UL0</t>
  </si>
  <si>
    <t>【西门子】变频器\6SL3210-1PE31-5UL0</t>
  </si>
  <si>
    <t>【西门子】变频器\6SL3210-1PE32-5UL0</t>
  </si>
  <si>
    <t>【西门子】变频器\6SL3210-1PE23-8AL0</t>
  </si>
  <si>
    <t>【西门子】变频器\6SL3210-1PE24-5AL0</t>
  </si>
  <si>
    <t>【西门子】变频器\6SL3210-1PE26-0AL0</t>
  </si>
  <si>
    <t>【西门子】变频器\6SL3210-1PE27-5AL0</t>
  </si>
  <si>
    <t>【西门子】功率模块\6SL3210-1PE28-8AL0</t>
  </si>
  <si>
    <t>【西门子】变频器\6SL3210-1PE31-5AL0</t>
  </si>
  <si>
    <t>【西门子】变频器\6SL3210-1PE31-8AL0</t>
  </si>
  <si>
    <t>【西门子】变频器\6SL3210-1PE32-1AL0</t>
  </si>
  <si>
    <t>【西门子】变频器\6SL3210-1PE32-5AL0</t>
  </si>
  <si>
    <t>【西门子】变频器\6SL3210-1PE33-0AL0</t>
  </si>
  <si>
    <t>【西门子】变频器\6SL3210-1PE33-7AL0</t>
  </si>
  <si>
    <t>【西门子】变频器\6SL3210-1PH31-2UL0</t>
  </si>
  <si>
    <t>【西门子】变频器\6SL3225-0BE34-5UA0</t>
  </si>
  <si>
    <t>【西门子】变频器\6SL3225-0BE35-5AA0</t>
  </si>
  <si>
    <t>【西门子】功率模块\6SL3210-1PE31-1AL0</t>
  </si>
  <si>
    <t>【西门子】变频器\6SL3210-1KE17-5UB1kVA,0.38-0.48kV,kV,</t>
  </si>
  <si>
    <t>【西门子】变频器\6SL3210-1KE18-8UB1kVA,0.38-0.48kV,kV,</t>
  </si>
  <si>
    <t>【西门子】变频器\6SL3210-1KE21-3UB1kVA,0.38-0.48kV,kV,</t>
  </si>
  <si>
    <t>【西门子】变频器\6SL3210-1KE21-7UB1kVA,0.38-0.48kV,kV,</t>
  </si>
  <si>
    <t>【西门子】变频器\6SL3210-1KE22-6UB1kVA,0.38-0.48kV,kV,</t>
  </si>
  <si>
    <t>【西门子】变频器\6SL3210-1KE23-2UB1kVA,0.38-0.48kV,kV,</t>
  </si>
  <si>
    <t>【西门子】变频器\6SL3210-1KE23-8UB1kVA,0.38-0.48kV,kV,</t>
  </si>
  <si>
    <t>【西门子】变频器\6SL3210-1KE17-5AB1kVA,0.38-0.48kV,kV,</t>
  </si>
  <si>
    <t>【西门子】变频器\6SL3210-1KE18-8AB1kVA,0.38-0.48kV,kV,</t>
  </si>
  <si>
    <t>【西门子】变频器\6SL3210-1KE21-3AB1kVA,0.38-0.48kV,kV,</t>
  </si>
  <si>
    <t>【西门子】变频器\6SL3210-1KE21-7AB1kVA,0.38-0.48kV,kV,</t>
  </si>
  <si>
    <t>【西门子】变频器\6SL3210-1KE22-6AB1kVA,0.38-0.48kV,kV,</t>
  </si>
  <si>
    <t>【西门子】变频器\6SL3210-1KE23-2AB1kVA,0.38-0.48kV,kV,</t>
  </si>
  <si>
    <t>【西门子】变频器\6SL3210-1KE23-8AB1kVA,0.38-0.48kV,kV,</t>
  </si>
  <si>
    <t>【西门子】变频器\6SL3210-1KE21-7UP1kVA,0.38-0.48kV,kV,</t>
  </si>
  <si>
    <t>【西门子】变频器\6SL3210-1KE22-6UP1kVA,0.38-0.48kV,kV,</t>
  </si>
  <si>
    <t>【西门子】变频器\6SL3210-1KE23-2UP1kVA,0.38-0.48kV,kV,</t>
  </si>
  <si>
    <t>【西门子】变频器\6SL3210-1KE21-7AP1kVA,0.38-0.48kV,kV,</t>
  </si>
  <si>
    <t>【西门子】变频器\6SL3210-1KE22-6AP1kVA,0.38-0.48kV,kV,</t>
  </si>
  <si>
    <t>【西门子】变频器\6SL3210-1KE23-2AP1kVA,0.38-0.48kV,kV,</t>
  </si>
  <si>
    <t>【西门子】变频器\6SL3210-1KE23-8AP1kVA,0.38-0.48kV,kV,</t>
  </si>
  <si>
    <t>【西门子】变频器\6SL3210-1KE17-5AF1kVA,0.38-0.48kV,kV,</t>
  </si>
  <si>
    <t>【西门子】变频器\6SL3210-1KE21-7AF1kVA,0.38-0.48kV,kV,</t>
  </si>
  <si>
    <t>【西门子】变频器\6SL3210-1KE21-7UF1kVA,0.38-0.48kV,kV,</t>
  </si>
  <si>
    <t>【西门子】变频器\6SL3210-1KE22-6AF1kVA,0.38-0.48kV,kV,</t>
  </si>
  <si>
    <t>【西门子】变频器\6SL3210-1KE22-6UF1kVA,0.38-0.48kV,kV,</t>
  </si>
  <si>
    <t>【西门子】变频器\6SL3210-1KE23-2AF1kVA,0.38-0.48kV,kV,</t>
  </si>
  <si>
    <t>【西门子】变频器\6SL3210-1KE23-2UF1kVA,0.38-0.48kV,kV,</t>
  </si>
  <si>
    <t>【西门子】变频器\6SL3210-1KE23-8AF1kVA,0.38-0.48kV,kV,</t>
  </si>
  <si>
    <t>【西门子】变频器\6SL3210-1KE23-8UF1kVA,0.38-0.48kV,kV,</t>
  </si>
  <si>
    <t>【西门子】变频器\6SL3210-1KE26-0UB1kVA,0.38-0.48kV,kV,</t>
  </si>
  <si>
    <t>【西门子】变频器\6SL3210-1KE27-0UB1kVA,0.38-0.48kV,kV,</t>
  </si>
  <si>
    <t>【西门子】变频器\6SL3210-1KE28-4UB1kVA,0.38-0.48kV,kV,</t>
  </si>
  <si>
    <t>【西门子】变频器\6SL3210-1KE31-1UB1kVA,0.38-0.48kV,kV,</t>
  </si>
  <si>
    <t>【西门子】变频器\6SL3210-1KE31-4UB1kVA,0.38-0.48kV,kV,</t>
  </si>
  <si>
    <t>【西门子】变频器\6SL3210-1KE31-7UB1kVA,0.38-0.48kV,kV,</t>
  </si>
  <si>
    <t>【西门子】变频器\6SL3210-1KE32-1UB1kVA,0.38-0.48kV,kV,</t>
  </si>
  <si>
    <t>【西门子】变频器\6SL3210-1KE32-4UB1kVA,0.38-0.48kV,kV,</t>
  </si>
  <si>
    <t>【西门子】变频器\6SL3210-1KE24-4AB1kVA,0.38-0.48kV,kV,</t>
  </si>
  <si>
    <t>【西门子】变频器\6SL3210-1KE26-0AB1kVA,0.38-0.48kV,kV,</t>
  </si>
  <si>
    <t>【西门子】变频器\6SL3210-1KE27-0AB1kVA,0.38-0.48kV,kV,</t>
  </si>
  <si>
    <t>【西门子】变频器\6SL3210-1KE28-4AB1kVA,0.38-0.48kV,kV,</t>
  </si>
  <si>
    <t>【西门子】变频器\6SL3210-1KE31-1AB1kVA,0.38-0.48kV,kV,</t>
  </si>
  <si>
    <t>【西门子】变频器\6SL3210-1KE31-4AB1kVA,0.38-0.48kV,kV,</t>
  </si>
  <si>
    <t>【西门子】变频器\6SL3210-1KE31-7AB1kVA,0.38-0.48kV,kV,</t>
  </si>
  <si>
    <t>【西门子】变频器\6SL3210-1KE32-1AB1kVA,0.38-0.48kV,kV,</t>
  </si>
  <si>
    <t>【西门子】变频器\6SL3210-1KE32-4AB1kVA,0.38-0.48kV,kV,</t>
  </si>
  <si>
    <t>【西门子】变频器\6SL3210-1KE24-4AF1kVA,0.38-0.48kV,kV,</t>
  </si>
  <si>
    <t>【西门子】变频器\6SL3210-1KE24-4UF1kVA,0.38-0.48kV,kV,</t>
  </si>
  <si>
    <t>【西门子】变频器\6SL3210-1KE26-0AF1kVA,0.38-0.48kV,kV,</t>
  </si>
  <si>
    <t>【西门子】变频器\6SL3210-1KE26-0UF1kVA,0.38-0.48kV,kV,</t>
  </si>
  <si>
    <t>【西门子】变频器\6SL3210-1KE27-0AF1kVA,0.38-0.48kV,kV,</t>
  </si>
  <si>
    <t>【西门子】变频器\6SL3210-1KE27-0UF1kVA,0.38-0.48kV,kV,</t>
  </si>
  <si>
    <t>【西门子】变频器\6SL3210-1KE28-4AF1kVA,0.38-0.48kV,kV,</t>
  </si>
  <si>
    <t>【西门子】变频器\6SL3210-1KE28-4UF1kVA,0.38-0.48kV,kV,</t>
  </si>
  <si>
    <t>【西门子】变频器\6SL3210-1KE31-1AF1kVA,0.38-0.48kV,kV,</t>
  </si>
  <si>
    <t>【西门子】变频器\6SL3210-1KE31-1UF1kVA,0.38-0.48kV,kV,</t>
  </si>
  <si>
    <t>【西门子】变频器\6SL3210-1KE31-4AF1kVA,0.38-0.48kV,kV,</t>
  </si>
  <si>
    <t>【西门子】变频器\6SL3210-1KE31-4UF1kVA,0.38-0.48kV,kV,</t>
  </si>
  <si>
    <t>【西门子】变频器\6SL3210-1KE31-7AF1kVA,0.38-0.48kV,kV,</t>
  </si>
  <si>
    <t>【西门子】变频器\6SL3210-1KE31-7UF1kVA,0.38-0.48kV,kV,</t>
  </si>
  <si>
    <t>【西门子】变频器\6SL3210-1KE32-1AF1kVA,0.38-0.48kV,kV,</t>
  </si>
  <si>
    <t>【西门子】变频器\6SL3210-1KE32-1UF1kVA,0.38-0.48kV,kV,</t>
  </si>
  <si>
    <t>【西门子】变频器\6SL3210-1KE32-4AF1kVA,0.38-0.48kV,kV,</t>
  </si>
  <si>
    <t>【西门子】变频器\6SL3210-1KE32-4UF1kVA,0.38-0.48kV,kV,</t>
  </si>
  <si>
    <t>【西门子】变频器\6SL3210-1KE12-3UB1kVA,0.38-0.48kV,kV,</t>
  </si>
  <si>
    <t>【西门子】变频器\6SL3210-1KE11-8UP1kVA,0.38-0.48kV,kV,</t>
  </si>
  <si>
    <t>【西门子】变频器\6SL3210-1KE15-8UB1kVA,0.38-0.48kV,kV,</t>
  </si>
  <si>
    <t>【西门子】变频器\6SL3210-1KE11-8UB2kVA,0.38-0.48kV,kV,</t>
  </si>
  <si>
    <t>【西门子】变频器\6SL3210-1KE12-3UB2kVA,0.38-0.48kV,kV,</t>
  </si>
  <si>
    <t>【西门子】变频器\6SL3210-1KE13-2UB2kVA,0.38-0.48kV,kV,</t>
  </si>
  <si>
    <t>【西门子】变频器\6SL3210-1KE14-3UB2kVA,0.38-0.48kV,kV,</t>
  </si>
  <si>
    <t>【西门子】变频器\6SL3210-1KE15-8UB2kVA,0.38-0.48kV,kV,</t>
  </si>
  <si>
    <t>【西门子】变频器\6SL3210-1KE11-8AB2kVA,0.38-0.48kV,kV,</t>
  </si>
  <si>
    <t>【西门子】变频器\6SL3210-1KE12-3AB2kVA,0.38-0.48kV,kV,</t>
  </si>
  <si>
    <t>【西门子】变频器\6SL3210-1KE13-2AB2kVA,0.38-0.48kV,kV,</t>
  </si>
  <si>
    <t>【西门子】变频器\6SL3210-1KE14-3AB2kVA,0.38-0.48kV,kV,</t>
  </si>
  <si>
    <t>【西门子】变频器\6SL3210-1KE15-8AB2kVA,0.38-0.48kV,kV,</t>
  </si>
  <si>
    <t>【西门子】变频器\6SL3210-1KE11-8UP2kVA,0.38-0.48kV,kV,</t>
  </si>
  <si>
    <t>【西门子】变频器\6SL3210-1KE12-3UP2kVA,0.38-0.48kV,kV,</t>
  </si>
  <si>
    <t>【西门子】变频器\6SL3210-1KE13-2UP2kVA,0.38-0.48kV,kV,</t>
  </si>
  <si>
    <t>【西门子】变频器\6SL3210-1KE14-3UP2kVA,0.38-0.48kV,kV,</t>
  </si>
  <si>
    <t>【西门子】变频器\6SL3210-1KE15-8UP2kVA,0.38-0.48kV,kV,</t>
  </si>
  <si>
    <t>【西门子】变频器\6SL3210-1KE17-5UP1kVA,0.38-0.48kV,kV,</t>
  </si>
  <si>
    <t>【西门子】变频器\6SL3210-1KE18-8UP1kVA,0.38-0.48kV,kV,</t>
  </si>
  <si>
    <t>【西门子】变频器\6SL3210-1KE21-3UP1kVA,0.38-0.48kV,kV,</t>
  </si>
  <si>
    <t>【西门子】变频器\6SL3210-1KE23-8UP1kVA,0.38-0.48kV,kV,</t>
  </si>
  <si>
    <t>【西门子】变频器\6SL3210-1KE11-8AP2kVA,0.38-0.48kV,kV,</t>
  </si>
  <si>
    <t>【西门子】变频器\6SL3210-1KE12-3AP2kVA,0.38-0.48kV,kV,</t>
  </si>
  <si>
    <t>【西门子】变频器\6SL3210-1KE13-2AP2kVA,0.38-0.48kV,kV,</t>
  </si>
  <si>
    <t>【西门子】变频器\6SL3210-1KE14-3AP2kVA,0.38-0.48kV,kV,</t>
  </si>
  <si>
    <t>【西门子】变频器\6SL3210-1KE15-8AP2kVA,0.38-0.48kV,kV,</t>
  </si>
  <si>
    <t>【西门子】变频器\6SL3210-1KE17-5AP1kVA,0.38-0.48kV,kV,</t>
  </si>
  <si>
    <t>【西门子】变频器\6SL3210-1KE18-8AP1kVA,0.38-0.48kV,kV,</t>
  </si>
  <si>
    <t>【西门子】变频器\6SL3210-1KE21-3AP1kVA,0.38-0.48kV,kV,</t>
  </si>
  <si>
    <t>【西门子】变频器\6SL3210-1KE11-8AF2kVA,0.38-0.48kV,kV,</t>
  </si>
  <si>
    <t>【西门子】变频器\6SL3210-1KE11-8UF2kVA,0.38-0.48kV,kV,</t>
  </si>
  <si>
    <t>【西门子】变频器\6SL3210-1KE12-3AF2kVA,0.38-0.48kV,kV,</t>
  </si>
  <si>
    <t>【西门子】变频器\6SL3210-1KE12-3UF2kVA,0.38-0.48kV,kV,</t>
  </si>
  <si>
    <t>【西门子】变频器\6SL3210-1KE13-2AF2kVA,0.38-0.48kV,kV,</t>
  </si>
  <si>
    <t>【西门子】变频器\6SL3210-1KE13-2UF2kVA,0.38-0.48kV,kV,</t>
  </si>
  <si>
    <t>【西门子】变频器\6SL3210-1KE14-3AF2kVA,0.38-0.48kV,kV,</t>
  </si>
  <si>
    <t>【西门子】变频器\6SL3210-1KE14-3UF2kVA,0.38-0.48kV,kV,</t>
  </si>
  <si>
    <t>【西门子】变频器\6SL3210-1KE15-8UF2kVA,0.38-0.48kV,kV,</t>
  </si>
  <si>
    <t>【西门子】变频器\6SL3210-1KE18-8AF1kVA,0.38-0.48kV,kV,</t>
  </si>
  <si>
    <t>【西门子】变频器\6SL3210-1KE18-8UF1kVA,0.38-0.48kV,kV,</t>
  </si>
  <si>
    <t>【西门子】变频器\6SL3210-1KE15-8AF2kVA,0.38-0.48kV,kV,</t>
  </si>
  <si>
    <t>【西门子】变频器\6SL3210-1KE17-5UF1kVA,0.38-0.48kV,kV,</t>
  </si>
  <si>
    <t>【西门子】变频器\6SL3210-1KE21-3AF1kVA,0.38-0.48kV,kV,</t>
  </si>
  <si>
    <t>【西门子】变频器\6SL3210-1KE21-3UF1kVA,0.38-0.48kV,kV,</t>
  </si>
  <si>
    <t>【西门子】控制单元\6SL3243-0BB30-1PA3</t>
  </si>
  <si>
    <t>【西门子】控制单元\6SL3244-0BB12-1PA1</t>
  </si>
  <si>
    <t>【西门子】控制单元\6SL3244-0BB00-1PA1</t>
  </si>
  <si>
    <t>【西门子】控制单元\6SL3244-0BB13-1PA1</t>
  </si>
  <si>
    <t>【西门子】控制单元\6SL3244-0BB12-1FA0</t>
  </si>
  <si>
    <t>【西门子】控制单元\6SL3246-0BA22-1PA0</t>
  </si>
  <si>
    <t>【西门子】控制单元\6SL3244-0BB13-1FA0</t>
  </si>
  <si>
    <t>【西门子】控制单元\6SL3246-0BA22-1FA0</t>
  </si>
  <si>
    <t>【西门子】控制单元\6SL3246-0BA22-1BA0</t>
  </si>
  <si>
    <t>【西门子】控制单元\6SL3244-0BB13-1BA1</t>
  </si>
  <si>
    <t>【西门子】变频器\6SL3202-0AE23-8CA0</t>
  </si>
  <si>
    <t>【西门子】操作面板\6SL3255-0AA00-4HA1</t>
  </si>
  <si>
    <t>【西门子】控制板\6SL3252-0BB01-0AA0</t>
  </si>
  <si>
    <t>【西门子】控制板\6SL3256-1BA00-0AA0</t>
  </si>
  <si>
    <t>【西门子】制动电阻\6SL3201-0BE21-8AA0</t>
  </si>
  <si>
    <t>【西门子】变频器\6SL3525-0PE17-5AA1</t>
  </si>
  <si>
    <t>【西门子】变频器\6SL3525-0PE21-5AA1</t>
  </si>
  <si>
    <t>【西门子】变频器\6SL3525-0PE23-0AA1</t>
  </si>
  <si>
    <t>【西门子】变频器\6SL3525-0PE24-0AA1</t>
  </si>
  <si>
    <t>【西门子】变频器\6SL3525-0PE25-5AA1</t>
  </si>
  <si>
    <t>【西门子】变频器\6SL3525-0PE27-5AA1</t>
  </si>
  <si>
    <t>【西门子】控制单元\6SL3544-0FB20-1FA0</t>
  </si>
  <si>
    <t>【西门子】控制单元\6SL3544-0FB20-1PA0</t>
  </si>
  <si>
    <t>【西门子】控制单元\6SL3544-0FB21-1FA0</t>
  </si>
  <si>
    <t>【西门子】控制单元\6SL3544-0FB21-1PA0</t>
  </si>
  <si>
    <t>【西门子】控制单元\6SL3546-0FB21-1FA0</t>
  </si>
  <si>
    <t>【西门子】控制单元\6SL3546-0FB21-1FB0</t>
  </si>
  <si>
    <t>【西门子】控制单元\6SL3546-0FB21-1PA0</t>
  </si>
  <si>
    <t>【西门子】变频器\6SL3517-1BE12-3AM0</t>
  </si>
  <si>
    <t>【西门子】变频器\6sl3517-1be14-3am0</t>
  </si>
  <si>
    <t>【西门子】变频器\6SL3517-1BE11-3AM0</t>
  </si>
  <si>
    <t>【西门子】变频器\6SL3511-0PE17-5AM0kVA,0.38-0.48kV,kV,</t>
  </si>
  <si>
    <t>【西门子】变频器\6SL3511-1PE21-5AM0kVA,0.38-0.48kV,kV,</t>
  </si>
  <si>
    <t>【西门子】变频器\6SL3511-1PE23-0AM0kVA,0.38-0.48kV,kV,</t>
  </si>
  <si>
    <t>【西门子】变频器\6SL3511-1PE25-5AM0kVA,0.38-0.48kV,kV,</t>
  </si>
  <si>
    <t>【西门子】变频器\6SL3511-1PE17-5AM0kVA,0.38-0.48kV,kV,</t>
  </si>
  <si>
    <t>【西门子】控制单元\6SL3544-0MB02-1BA0</t>
  </si>
  <si>
    <t>【西门子】控制单元\6SL3544-0MB02-1FA0</t>
  </si>
  <si>
    <t>【西门子】控制单元\6SL3544-0LB02-1FA0</t>
  </si>
  <si>
    <t>【西门子】电缆\6SL3555-0PA00-2AA0</t>
  </si>
  <si>
    <t>【西门子】控制单元\6SL3555-0PL00-2AA0</t>
  </si>
  <si>
    <t>【西门子】控制单元\6SL3555-0PM00-0AA0</t>
  </si>
  <si>
    <t>【西门子】变频器\6SL3223-0DE25-5BA1</t>
  </si>
  <si>
    <t>【西门子】变频器\6SL3223-0DE25-5BG1</t>
  </si>
  <si>
    <t>【西门子】变频器\6SL3223-0DE31-1AG1</t>
  </si>
  <si>
    <t>【西门子】变频器\6SL3223-0DE31-5AG1</t>
  </si>
  <si>
    <t>【西门子】变频器\6SL3223-0DE22-2AG1</t>
  </si>
  <si>
    <t>【西门子】变频器\6SL3223-0DE23-0AG1</t>
  </si>
  <si>
    <t>【西门子】变频器\6SL3223-0DE15-5AG1</t>
  </si>
  <si>
    <t>【西门子】变频器\6SL3223-0DE17-5AG1</t>
  </si>
  <si>
    <t>【西门子】变频器\6SL3223-0DE24-0AG1</t>
  </si>
  <si>
    <t>【西门子】变频器\6SL3223-0DE31-8AG1</t>
  </si>
  <si>
    <t>【西门子】变频器\6SL3223-0DE33-0AA0</t>
  </si>
  <si>
    <t>【西门子】变频器\6SL3223-0DE33-0BA0</t>
  </si>
  <si>
    <t>【西门子】变频器\6SL3223-0DE33-7AA0</t>
  </si>
  <si>
    <t>【西门子】变频器\6SL3223-0DE34-5AA0</t>
  </si>
  <si>
    <t>【西门子】变频器\6SL3223-0DE35-5AA0</t>
  </si>
  <si>
    <t>【西门子】变频器\6SL3223-0DE37-5AA0</t>
  </si>
  <si>
    <t>【西门子】变频器\6SL3223-0DE32-2AA0</t>
  </si>
  <si>
    <t>【西门子】变频器\6SL3210-1NE24-5AL0</t>
  </si>
  <si>
    <t>【西门子】变频器\6SL3210-1NE26-0AL0</t>
  </si>
  <si>
    <t>【西门子】变频器\6SL3210-1NE27-5AL0</t>
  </si>
  <si>
    <t>【西门子】变频器\6SL3210-1NE27-5UL0</t>
  </si>
  <si>
    <t>【西门子】变频器\6SL3210-1NE28-8AL0</t>
  </si>
  <si>
    <t>【西门子】变频器\6SL3210-1NE28-8UL0</t>
  </si>
  <si>
    <t>【西门子】变频器\6SL3210-1NE31-1AL0</t>
  </si>
  <si>
    <t>【西门子】变频器\6SL3210-1NE31-1UL0</t>
  </si>
  <si>
    <t>【西门子】变频器\6SL3210-1NE31-5AL0</t>
  </si>
  <si>
    <t>【西门子】变频器\6SL3210-1NE24-5UL0</t>
  </si>
  <si>
    <t>【西门子】变频器\6SL3210-1RE31-5UL0</t>
  </si>
  <si>
    <t>【西门子】变频器\6SL3210-1RE27-5AL0</t>
  </si>
  <si>
    <t>【西门子】变频器\6SL3210-1RE32-5UL0</t>
  </si>
  <si>
    <t>【西门子】变频器\6SL3210-1RE28-8AL0</t>
  </si>
  <si>
    <t>【西门子】变频器\6SL3210-1RE31-5AL0</t>
  </si>
  <si>
    <t>【西门子】变频器\6SL3210-1NE11-3AL1</t>
  </si>
  <si>
    <t>【西门子】变频器\6SL3210-1NE12-2UG1</t>
  </si>
  <si>
    <t>【西门子】变频器\6SL3210-1NE13-1AL1</t>
  </si>
  <si>
    <t>【西门子】变频器\6SL3210-1NE13-1UG1</t>
  </si>
  <si>
    <t>【西门子】变频器\6SL3210-1NE15-8UG1</t>
  </si>
  <si>
    <t>【西门子】变频器\6SL3210-1NE17-7UG1</t>
  </si>
  <si>
    <t>【西门子】变频器\6SL3210-1NE21-3AG1</t>
  </si>
  <si>
    <t>【西门子】变频器\6SL3210-1NE22-6AG1</t>
  </si>
  <si>
    <t>【西门子】变频器\6SL3211-1NE23-8AL1</t>
  </si>
  <si>
    <t>【西门子】变频器\6SL3210-1NE21-8UG1</t>
  </si>
  <si>
    <t>【西门子】变频器\6SL3210-1NE22-6UG1</t>
  </si>
  <si>
    <t>【西门子】变频器\6SL3210-1NE23-2UG1</t>
  </si>
  <si>
    <t>【西门子】变频器\6SL3210-1NE23-8UG1</t>
  </si>
  <si>
    <t>【西门子】变频器\6SL3211-1NE23-8AG1</t>
  </si>
  <si>
    <t>【西门子】变频器\6SL3210-1NE23-8AG1</t>
  </si>
  <si>
    <t>【西门子】变频器\6SL3210-5BE27-5CV0kVA,0.38-0.48kV,kV,</t>
  </si>
  <si>
    <t>【西门子】变频器\6SL3210-5BE31-8CV0kVA,0.38-0.48kV,kV,</t>
  </si>
  <si>
    <t>【西门子】功率模块\6SL3220-1YD28-0UB0kVA,kV,kV,</t>
  </si>
  <si>
    <t>【西门子】功率模块\6SL3220-2YD22-0CB0kVA,kV,kV,</t>
  </si>
  <si>
    <t>【西门子】功率模块\6SL3220-1YD30-0UB0kVA,kV,kV,</t>
  </si>
  <si>
    <t>【西门子】功率模块\6SL3220-1YD34-0UB0kVA,kV,kV,</t>
  </si>
  <si>
    <t>【西门子】功率模块\6SL3220-1YD46-0UB0kVA,kV,kV,</t>
  </si>
  <si>
    <t>【西门子】功率模块\6SL3220-2YD40-0CB0kVA,kV,kV,</t>
  </si>
  <si>
    <t>【西门子】功率模块\6SL3220-2YD42-0CB0kVA,kV,kV,</t>
  </si>
  <si>
    <t>【西门子】功率模块\6SL3220-2YD44-0CB0kVA,kV,kV,</t>
  </si>
  <si>
    <t>【西门子】功率模块\6SL3220-3YD32-0UB0kVA,kV,kV,</t>
  </si>
  <si>
    <t>【西门子】功率模块\6SL3220-3YD34-0UB0kVA,kV,kV,</t>
  </si>
  <si>
    <t>【西门子】功率模块\6SL3220-3YD36-0CB0kVA,kV,kV,</t>
  </si>
  <si>
    <t>【西门子】功率模块\6SL3220-3YD40-0CB0kVA,kV,kV,</t>
  </si>
  <si>
    <t>【西门子】功率模块\6SL3220-3YD42-0UB0kVA,kV,kV,</t>
  </si>
  <si>
    <t>【西门子】功率模块\6SL3220-3YD52-0CB0kVA,kV,kV,</t>
  </si>
  <si>
    <t>【西门子】功率模块\6SL3220-3YD54-0CB0kVA,kV,kV,</t>
  </si>
  <si>
    <t>【西门子】功率模块\6SL3220-2YD24-0CB0kVA,kV,kV,</t>
  </si>
  <si>
    <t>【西门子】功率模块\6SL3220-2YD24-0UB0kVA,kV,kV,</t>
  </si>
  <si>
    <t>【西门子】功率模块\6SL3220-2YD26-0CB0kVA,kV,kV,</t>
  </si>
  <si>
    <t>【西门子】功率模块\6SL3220-2YD26-0UB0kVA,kV,kV,</t>
  </si>
  <si>
    <t>【西门子】功率模块\6SL3220-2YD38-0UB0kVA,kV,kV,</t>
  </si>
  <si>
    <t>【西门子】电源模块\400-500V/DC24V,6EP1436-3BA00-8AA0W</t>
  </si>
  <si>
    <t>【西门子】电源模块\400-500V/DC36V,6EP3446-8SB10-0AY0W</t>
  </si>
  <si>
    <t>【西门子】电源模块\400-500V/DC24V,6EP3437-8SB00-0AY0W</t>
  </si>
  <si>
    <t>【西门子】电源模块\400-500V/DC24V,6EP3437-8UB00-0AY0W</t>
  </si>
  <si>
    <t>【西门子】电源模块\400-500V/DC48V,6EP3447-8SB00-0AY0W</t>
  </si>
  <si>
    <t>【西门子】电源模块\400-500V/DC24V,6EP1433-2BA20W</t>
  </si>
  <si>
    <t>【西门子】电源模块\AC120-230V/DC15V,6EP3323-0SA00-0BY0W</t>
  </si>
  <si>
    <t>【西门子】电源模块\AC120-230V/DC12V,6EP3320-6SB00-0AY0W</t>
  </si>
  <si>
    <t>【西门子】电源模块\AC120-230V/DC24V,6EP3330-6SB00-0AY0W</t>
  </si>
  <si>
    <t>【西门子】电源模块\AC120-230V/DC24V,6EP3332-6SB00-0AY0W</t>
  </si>
  <si>
    <t>【西门子】电源模块\AC230V/DC41.5V,6EP1252-0AA01W</t>
  </si>
  <si>
    <t>【西门子】电源模块\AC230V/DC24V,6EP4333-0SB00-0AY0W</t>
  </si>
  <si>
    <t>【西门子】电源模块\400-500V/DC24V,6EP4436-0SB00-0AY0W</t>
  </si>
  <si>
    <t>【西门子】电源模块\400-500V/DC52V,6EP3447-8SB00-0AA0W</t>
  </si>
  <si>
    <t>【西门子】电源模块\AC120-230V/DC48V,6EP3344-0SB00-0AY0W</t>
  </si>
  <si>
    <t>【西门子】电源模块\AC100-240V/AC100-240V,6EP4683-6LB00-0AY0W</t>
  </si>
  <si>
    <t>【西门子】电源模块\DC24V/DC48V,6EP4346-7RB00-0AX0W</t>
  </si>
  <si>
    <t>【西门子】电源模块\DC24V/DC48V,6EP4347-7RB00-0AX0W</t>
  </si>
  <si>
    <t>【西门子】电源模块\DC24V/DC24V,6EP3134-0TA00-0AY0W</t>
  </si>
  <si>
    <t>【西门子】电源模块\DC24V/DC12V,6EP3124-0TA00-0AY0W</t>
  </si>
  <si>
    <t>【西门子】电源模块\DC48V/DC24V,6EP3234-0TA00-0AY0W</t>
  </si>
  <si>
    <t>【西门子】电源模块\DC24V/DC12V,6EP3123-0TA00-0AY0W</t>
  </si>
  <si>
    <t>【西门子】电源模块\DC24V/DC24V,6EP3133-0TA00-0AY0W</t>
  </si>
  <si>
    <t>【西门子】电源模块\DC12V/DC24V,6EP3133-0TA10-0AY0W</t>
  </si>
  <si>
    <t>【西门子】电源模块\DC48V/DC24V,6EP3233-0TA00-0AY0W</t>
  </si>
  <si>
    <t>【西门子】电源模块\DC48V/DC24V,6EP3233-0TA10-0AY0W</t>
  </si>
  <si>
    <t>【西门子】电源模块\AC120-230V/DC24V,6EP7133-6AB00-0BN0W</t>
  </si>
  <si>
    <t>【西门子】电源模块\AC120-230V/DC24V,6EP7133-6AE00-0BN0W</t>
  </si>
  <si>
    <t>【西门子】控制板\6SL3040-1NB00-0AA0</t>
  </si>
  <si>
    <t>【西门子】控制板\6SL3040-1NC00-0AA0</t>
  </si>
  <si>
    <t>【西门子】功率模块\6SL3532-6DF71-0RH1</t>
  </si>
  <si>
    <t>【西门子】控制板\6SL3555-2BC10-0AA0</t>
  </si>
  <si>
    <t>【西门子】控制板\6SL3100-0EE21-6AA0</t>
  </si>
  <si>
    <t>【西门子】控制板\6SL3100-0EE22-0AA0</t>
  </si>
  <si>
    <t>【西门子】控制板\6SL3161-0EP00-0AA0</t>
  </si>
  <si>
    <t>【西门子】控制板\6SL3040-1MA01-0AA0</t>
  </si>
  <si>
    <t>【西门子】控制板\6SL3055-0AA00-3KA0</t>
  </si>
  <si>
    <t>【西门子】控制板\6SL3055-0AA00-5EA3</t>
  </si>
  <si>
    <t>【西门子】控制板\6SL3055-0AA00-5HA3</t>
  </si>
  <si>
    <t>【西门子】控制板\6SL3055-0AA00-5JA3</t>
  </si>
  <si>
    <t>【西门子】控制板\6SL3055-0AA00-5KA3</t>
  </si>
  <si>
    <t>【西门子】变频器\6SL3100-0BE21-6AB0</t>
  </si>
  <si>
    <t>【西门子】变频器\6SL3100-0BE23-6AB0</t>
  </si>
  <si>
    <t>【西门子】变频器\6SL3100-0BE25-5AB0</t>
  </si>
  <si>
    <t>【西门子】变频器\6SL3100-0BE28-0AB0</t>
  </si>
  <si>
    <t>【西门子】变频器\6SL3100-0BE31-2AB0</t>
  </si>
  <si>
    <t>【西门子】控制板\6SL3100-1AE31-0AB1</t>
  </si>
  <si>
    <t>【西门子】控制板\6SL3100-1CE14-0AA0</t>
  </si>
  <si>
    <t>【西门子】功率模块\6SL3100-1DE22-0AA1</t>
  </si>
  <si>
    <t>【西门子】功率模块\6SL3120-1TE13-0AD0</t>
  </si>
  <si>
    <t>【西门子】功率模块\6SL3120-1TE21-8AC0</t>
  </si>
  <si>
    <t>【西门子】功率模块\6SL3120-1TE23-0AC0</t>
  </si>
  <si>
    <t>【西门子】功率模块\6SL3120-1TE26-0AA3</t>
  </si>
  <si>
    <t>【西门子】功率模块\6SL3120-1TE28-5AA3</t>
  </si>
  <si>
    <t>【西门子】功率模块\6SL3120-1TE31-3AA3</t>
  </si>
  <si>
    <t>【西门子】功率模块\6SL3120-2TE13-0AD0</t>
  </si>
  <si>
    <t>【西门子】功率模块\6SL3120-2TE21-8AC0</t>
  </si>
  <si>
    <t>【西门子】功率模块\6SL3120-2TE21-8AD0</t>
  </si>
  <si>
    <t>【西门子】功率模块\6SL3121-1TE13-0AA4</t>
  </si>
  <si>
    <t>【西门子】功率模块\6SL3121-1TE15-0AA4</t>
  </si>
  <si>
    <t>【西门子】功率模块\6SL3121-1TE21-0AA4</t>
  </si>
  <si>
    <t>【西门子】功率模块\6SL3121-1TE21-8AA4</t>
  </si>
  <si>
    <t>【西门子】功率模块\6SL3121-1TE23-0AA3</t>
  </si>
  <si>
    <t>【西门子】功率模块\6SL3121-1TE24-5AA3</t>
  </si>
  <si>
    <t>【西门子】功率模块\6SL3121-1TE26-0AA3</t>
  </si>
  <si>
    <t>【西门子】功率模块\6SL3121-1TE28-5AA3</t>
  </si>
  <si>
    <t>【西门子】功率模块\6SL3121-1TE31-3AA3</t>
  </si>
  <si>
    <t>【西门子】功率模块\6SL3121-1TE32-0AA4</t>
  </si>
  <si>
    <t>【西门子】功率模块\6SL3121-2TE13-0AA4</t>
  </si>
  <si>
    <t>【西门子】功率模块\6SL3121-2TE15-0AA4</t>
  </si>
  <si>
    <t>【西门子】功率模块\6SL3121-2TE21-0AA4</t>
  </si>
  <si>
    <t>【西门子】功率模块\6SL3121-2TE21-8AA3</t>
  </si>
  <si>
    <t>【西门子】功率模块\6SL3126-1TE13-0AA4</t>
  </si>
  <si>
    <t>【西门子】功率模块\6SL3126-1TE15-0AA4</t>
  </si>
  <si>
    <t>【西门子】功率模块\6SL3126-1TE21-0AA4</t>
  </si>
  <si>
    <t>【西门子】功率模块\6SL3126-1TE21-8AA4</t>
  </si>
  <si>
    <t>【西门子】功率模块\6SL3126-1TE23-0AA3</t>
  </si>
  <si>
    <t>【西门子】功率模块\6SL3126-1TE24-5AA3</t>
  </si>
  <si>
    <t>【西门子】功率模块\6SL3126-1TE26-0AA3</t>
  </si>
  <si>
    <t>【西门子】功率模块\6SL3126-1TE28-5AA3</t>
  </si>
  <si>
    <t>【西门子】功率模块\6SL3126-1TE31-3AA3</t>
  </si>
  <si>
    <t>【西门子】功率模块\6SL3126-1TE32-0AA4</t>
  </si>
  <si>
    <t>【西门子】功率模块\6SL3126-2TE13-0AA4</t>
  </si>
  <si>
    <t>【西门子】功率模块\6SL3126-2TE15-0AA4</t>
  </si>
  <si>
    <t>【西门子】功率模块\6SL3126-2TE21-0AA4</t>
  </si>
  <si>
    <t>【西门子】功率模块\6SL3130-1TE22-0AA0</t>
  </si>
  <si>
    <t>【西门子】功率模块\6SL3130-1TE24-0AA0</t>
  </si>
  <si>
    <t>【西门子】功率模块\6SL3130-1TE31-0AA0</t>
  </si>
  <si>
    <t>【西门子】功率模块\6SL3130-6AE15-0AB1</t>
  </si>
  <si>
    <t>【西门子】功率模块\6SL3130-6AE21-0AB1</t>
  </si>
  <si>
    <t>【西门子】功率模块\6SL3130-6TE21-6AA4</t>
  </si>
  <si>
    <t>【西门子】功率模块\6SL3130-6TE25-5AA3</t>
  </si>
  <si>
    <t>【西门子】功率模块\6SL3130-7TE21-6AA4</t>
  </si>
  <si>
    <t>【西门子】功率模块\6SL3130-7TE23-6AA3</t>
  </si>
  <si>
    <t>【西门子】功率模块\6SL3130-7TE28-0AA3</t>
  </si>
  <si>
    <t>【西门子】功率模块\6SL3131-6AE15-0AA1</t>
  </si>
  <si>
    <t>【西门子】功率模块\6SL3131-6AE21-0AA1</t>
  </si>
  <si>
    <t>【西门子】功率模块\6SL3131-6TE21-6AA3</t>
  </si>
  <si>
    <t>【西门子】功率模块\6SL3131-6TE25-5AA3</t>
  </si>
  <si>
    <t>【西门子】功率模块\6SL3131-7TE21-6AA3</t>
  </si>
  <si>
    <t>【西门子】功率模块\6SL3131-7TE23-6AA3</t>
  </si>
  <si>
    <t>【西门子】功率模块\6SL3131-7TE25-5AA3</t>
  </si>
  <si>
    <t>【西门子】功率模块\6SL3131-7TE28-0AA3</t>
  </si>
  <si>
    <t>【西门子】功率模块\6SL3131-7TE31-2AA3</t>
  </si>
  <si>
    <t>【西门子】功率模块\6SL3136-7TE21-6AA3</t>
  </si>
  <si>
    <t>【西门子】功率模块\6SL3136-7TE23-6AA3</t>
  </si>
  <si>
    <t>【西门子】功率模块\6SL3136-7TE25-5AA3</t>
  </si>
  <si>
    <t>【西门子】功率模块\6SL3136-7TE28-0AA3</t>
  </si>
  <si>
    <t>【西门子】功率模块\6SL3136-7TE31-2AA3</t>
  </si>
  <si>
    <t>【西门子】端子套件\6SL3162-1AF00-0AA1</t>
  </si>
  <si>
    <t>【西门子】端子套件\6SL3162-1AH00-0AA0</t>
  </si>
  <si>
    <t>【西门子】端子套件\6SL3162-1AH01-0AA0</t>
  </si>
  <si>
    <t>【西门子】端子套件\6SL3162-2BM01-0AA0</t>
  </si>
  <si>
    <t>【西门子】端子套件\6SL3162-8AB00-0AA0</t>
  </si>
  <si>
    <t>【西门子】端子套件\6SL3162-8AD00-0AA0</t>
  </si>
  <si>
    <t>【西门子】端子套件\6SL3162-8CF00-0AA0</t>
  </si>
  <si>
    <t>【西门子】端子套件\6SL3162-8DH00-0AA0</t>
  </si>
  <si>
    <t>【西门子】端子套件\6SL3163-8FD00-0AA0</t>
  </si>
  <si>
    <t>【西门子】端子套件\6SL3163-8GF00-0AA0</t>
  </si>
  <si>
    <t>【西门子】控制板\6SL3400-1AE31-0AA1</t>
  </si>
  <si>
    <t>【西门子】电机模块\6SL3420-1TE13-0AA1</t>
  </si>
  <si>
    <t>【西门子】电机模块\6SL3420-1TE15-0AA1</t>
  </si>
  <si>
    <t>【西门子】电机模块\6SL3420-1TE21-0AA1</t>
  </si>
  <si>
    <t>【西门子】电机模块\6SL3420-1TE21-8AA1</t>
  </si>
  <si>
    <t>【西门子】电机模块\6SL3420-2TE11-7AA1</t>
  </si>
  <si>
    <t>【西门子】电机模块\6SL3420-2TE13-0AA1</t>
  </si>
  <si>
    <t>【西门子】电机模块\6SL3420-2TE15-0AA1</t>
  </si>
  <si>
    <t>【西门子】功率模块\6SL3430-6TE21-6AA1</t>
  </si>
  <si>
    <t>【西门子】功率模块\6SL3120-2TE15-0AD0</t>
  </si>
  <si>
    <t>【西门子】功率模块\6SL3136-6AE21-0AA1</t>
  </si>
  <si>
    <t>【西门子】控制板\6SL3162-8AC00-0AA0</t>
  </si>
  <si>
    <t>【西门子】控制板\6SL3162-8BE00-0AA0</t>
  </si>
  <si>
    <t>【西门子】控制板\6SL3420-2HX00-0AA0</t>
  </si>
  <si>
    <t>【西门子】功率模块\6SL3120-1TE24-5AC0</t>
  </si>
  <si>
    <t>【西门子】功率模块\6SL3120-1TE26-0AC0</t>
  </si>
  <si>
    <t>【西门子】控制板\6SL3162-1AD00-0AA0</t>
  </si>
  <si>
    <t>【西门子】功率模块\6SL3120-1TE21-0AD0</t>
  </si>
  <si>
    <t>【西门子】功率模块\6SL3120-1TE21-8AD0</t>
  </si>
  <si>
    <t>【西门子】功率模块\6SL3120-1TE22-4AC0</t>
  </si>
  <si>
    <t>【西门子】功率模块\6SL3120-1TE22-4AD0</t>
  </si>
  <si>
    <t>【西门子】功率模块\6SL3120-1TE23-0AD0</t>
  </si>
  <si>
    <t>【西门子】功率模块\6SL3120-2TE21-0AD0</t>
  </si>
  <si>
    <t>【西门子】制动电阻\6SL3000-1BH31-3AA0</t>
  </si>
  <si>
    <t>【西门子】制动电阻\6SL3000-2AH31-0AA0</t>
  </si>
  <si>
    <t>【西门子】制动电阻\6SL3000-2AH31-5AA0</t>
  </si>
  <si>
    <t>【西门子】制动电阻\6SL3000-2AH32-6AA0</t>
  </si>
  <si>
    <t>【西门子】制动电阻\6SL3060-4AB20-0AA0</t>
  </si>
  <si>
    <t>【西门子】制动电阻\6SL3060-4AE20-0AA0</t>
  </si>
  <si>
    <t>【西门子】制动电阻\6SL3300-1AE31-3AA0</t>
  </si>
  <si>
    <t>【西门子】制动电阻\6SL3300-1AF32-5AA0</t>
  </si>
  <si>
    <t>【西门子】制动电阻\6SL3300-1AF32-5BA0</t>
  </si>
  <si>
    <t>【西门子】制动电阻\6SL3300-1AH31-3AA0</t>
  </si>
  <si>
    <t>【西门子】制动电阻\6SL3300-1AH32-5AA0</t>
  </si>
  <si>
    <t>【西门子】制动电阻\6SL3300-1AH32-5BA0</t>
  </si>
  <si>
    <t>【西门子】变频器\6SL3315-1TE35-0AA3</t>
  </si>
  <si>
    <t>【西门子】变频器\6SL3330-1TE34-2AA3</t>
  </si>
  <si>
    <t>【西门子】变频器\6SL3330-1TE35-3AA3</t>
  </si>
  <si>
    <t>【西门子】变频器\6SL3330-1TG33-0AA3</t>
  </si>
  <si>
    <t>【西门子】电机模块\6SL3310-1TE32-1AA3</t>
  </si>
  <si>
    <t>【西门子】电机模块\6SL3310-1TE33-1AA3</t>
  </si>
  <si>
    <t>【西门子】电机模块\6SL3310-1TE33-8AA3</t>
  </si>
  <si>
    <t>【西门子】电机模块\6SL3310-1TE35-0AA3</t>
  </si>
  <si>
    <t>【西门子】电机模块\6SL3111-3VE21-6EA1</t>
  </si>
  <si>
    <t>【西门子】电机模块\6SL3111-3VE21-6FA1</t>
  </si>
  <si>
    <t>【西门子】电机模块\6SL3111-3VE22-0HA1</t>
  </si>
  <si>
    <t>【西门子】电机模块\6SL3111-4VE21-0EA1</t>
  </si>
  <si>
    <t>【西门子】电机模块\6SL3111-4VE21-6EA1</t>
  </si>
  <si>
    <t>【西门子】电机模块\6SL3111-4VE21-6FA1</t>
  </si>
  <si>
    <t>【西门子】电机模块\6SL3111-4VE22-0HA1</t>
  </si>
  <si>
    <t>【西门子】控制板\6SL3000-0BE21-6DA0</t>
  </si>
  <si>
    <t>【西门子】控制板\6SL3000-0BE23-6DA1</t>
  </si>
  <si>
    <t>【西门子】控制板\6SL3000-0BE25-5DA0</t>
  </si>
  <si>
    <t>【西门子】控制板\6SL3000-0BE28-0DA0</t>
  </si>
  <si>
    <t>【西门子】控制板\6SL3000-0CE21-0AA0</t>
  </si>
  <si>
    <t>【西门子】控制板\6SL3000-0CE22-0AA0</t>
  </si>
  <si>
    <t>【西门子】控制板\6SL3000-0CE23-6AA0</t>
  </si>
  <si>
    <t>【西门子】控制板\6SL3000-0CE24-0AA0</t>
  </si>
  <si>
    <t>【西门子】控制板\6SL3000-0CE25-5AA0</t>
  </si>
  <si>
    <t>【西门子】控制板\6SL3000-0CE31-0AA0</t>
  </si>
  <si>
    <t>【西门子】控制板\6SL3000-0DE21-6AA0</t>
  </si>
  <si>
    <t>【西门子】控制板\6SL3000-0DE23-6AA0</t>
  </si>
  <si>
    <t>【西门子】控制板\6SL3000-0DE25-5AA1</t>
  </si>
  <si>
    <t>【西门子】控制板\6SL3000-0HE15-0AA0</t>
  </si>
  <si>
    <t>【西门子】控制板\6SL3000-0HE21-0AA0</t>
  </si>
  <si>
    <t>【西门子】控制板\6SL3000-2BE21-0AA0</t>
  </si>
  <si>
    <t>【西门子】控制板\6SL3000-2BE26-0AA0</t>
  </si>
  <si>
    <t>【西门子】控制板\6SL3053-0AA00-3AA1</t>
  </si>
  <si>
    <t>【西门子】控制板\6SL3055-0AA00-2CA0</t>
  </si>
  <si>
    <t>【西门子】控制板\6SL3055-0AA00-3BA0</t>
  </si>
  <si>
    <t>【西门子】控制板\6SL3055-0AA00-3FA0</t>
  </si>
  <si>
    <t>【西门子】控制板\6SL3055-0AA00-3PA1</t>
  </si>
  <si>
    <t>【西门子】控制板\6SL3055-0AA00-5BA3</t>
  </si>
  <si>
    <t>【西门子】控制板\6SL3055-0AA00-5DA0</t>
  </si>
  <si>
    <t>【西门子】控制板\6SL3055-0AA00-6AA1</t>
  </si>
  <si>
    <t>【西门子】控制板\6SL3055-0AA00-6AB0</t>
  </si>
  <si>
    <t>【西门子】电缆\6SL3060-4AA10-0AA0</t>
  </si>
  <si>
    <t>【西门子】电缆\6SL3060-4AD00-0AA0</t>
  </si>
  <si>
    <t>【西门子】电缆\6SL3060-4AF00-0AA0</t>
  </si>
  <si>
    <t>【西门子】电缆\6SL3060-4AH00-0AA0</t>
  </si>
  <si>
    <t>【西门子】电缆\6SL3060-4AK00-0AA0</t>
  </si>
  <si>
    <t>【西门子】电缆\6SL3060-4AM00-0AA0</t>
  </si>
  <si>
    <t>【西门子】电缆\6SL3060-4AW00-0AA0</t>
  </si>
  <si>
    <t>【西门子】电缆\6SL3066-2DA00-0AA0</t>
  </si>
  <si>
    <t>【西门子】电缆\6SL3066-2DA00-0AB0</t>
  </si>
  <si>
    <t>【西门子】电缆\6SL3066-4CA00-0AA0</t>
  </si>
  <si>
    <t>【西门子】制动电阻\6SL3100-1BE31-0AA0</t>
  </si>
  <si>
    <t>【西门子】连接器\6SL3162-2AA00-0AA0</t>
  </si>
  <si>
    <t>【西门子】连接器\6SL3162-2BD00-0AA0</t>
  </si>
  <si>
    <t>【西门子】连接器\6SL3162-2BM00-0AA0</t>
  </si>
  <si>
    <t>【西门子】连接器\6SL3162-2MB00-0AC0</t>
  </si>
  <si>
    <t>【西门子】电缆\6SL3060-4AF10-0AA0</t>
  </si>
  <si>
    <t>【西门子】电缆\6SL3060-4AU00-0AA0</t>
  </si>
  <si>
    <t>【西门子】连接器\6SL3162-2MA00-0AC0</t>
  </si>
  <si>
    <t>【西门子】存储器\6SL3054-0EH01-1BA0</t>
  </si>
  <si>
    <t>【西门子】多媒体卡\6SL3054-4AG00-0AA0</t>
  </si>
  <si>
    <t>【西门子】多媒体卡\6SL3054-4EE00-0AA0</t>
  </si>
  <si>
    <t>【西门子】多媒体卡\6SL3054-4TC00-2AA0</t>
  </si>
  <si>
    <t>【西门子】多媒体卡\6SL3070-0AA00-0AG0</t>
  </si>
  <si>
    <t>【西门子】多媒体卡\6SL3072-0AA00-0AG0</t>
  </si>
  <si>
    <t>【西门子】多媒体卡\6SL3072-4CA02-1XG0</t>
  </si>
  <si>
    <t>【西门子】多媒体卡\6SL3072-4EA02-0XA0</t>
  </si>
  <si>
    <t>【西门子】多媒体卡\6SL3074-0AA01-0AA0</t>
  </si>
  <si>
    <t>【西门子】多媒体卡\6SL3074-0AA02-0AA0</t>
  </si>
  <si>
    <t>【西门子】多媒体卡\6SL3077-0AA00-0AB0</t>
  </si>
  <si>
    <t>【西门子】多媒体卡\6SL3054-0FB00-1BA0</t>
  </si>
  <si>
    <t>【西门子】多媒体卡\6SL3072-4FA02-0XA5</t>
  </si>
  <si>
    <t>【西门子】多媒体卡\6SL3054-0EJ01-1BA0</t>
  </si>
  <si>
    <t>【西门子】控制单元\6SL3040-1LA01-0AA0</t>
  </si>
  <si>
    <t>【西门子】控制单元\6SL3040-0JA00-0AA0</t>
  </si>
  <si>
    <t>【西门子】控制单元\6SL3040-0JA01-0AA0</t>
  </si>
  <si>
    <t>【西门子】变频器\6SL3210-5DE21-8UA0kVA,0.38-0.48kV,kV,</t>
  </si>
  <si>
    <t>【西门子】功率模块\6SL3210-5DE22-0UA0kVA,kV,kV,</t>
  </si>
  <si>
    <t>【西门子】终端模块\6ES7193-7DA10-0AA0</t>
  </si>
  <si>
    <t>【西门子】终端模块\6ES7193-7DB10-0AA0</t>
  </si>
  <si>
    <t>【西门子】触摸屏\6AV6574-2AC00-2AF1</t>
  </si>
  <si>
    <t>【西门子】触摸屏\6AV6574-2AF00-8AX0</t>
  </si>
  <si>
    <t>【西门子】触摸屏\6AV6671-3CK01-0AX0</t>
  </si>
  <si>
    <t>【西门子】触摸屏\V/V,6ES7623-1AE01-5AA0W</t>
  </si>
  <si>
    <t>【西门子】触摸屏\6AV6647-0AE11-3AX0</t>
  </si>
  <si>
    <t>【西门子】触摸屏\6AV6647-0AF11-3AX0</t>
  </si>
  <si>
    <t>【西门子】触摸屏\6AV6647-0AG11-3AX0</t>
  </si>
  <si>
    <t>【西门子】输入输出模块\6ES7221-1EF22-0XA0</t>
  </si>
  <si>
    <t>【西门子】输入输出模块\6ES7222-1BD22-0XA0</t>
  </si>
  <si>
    <t>【西门子】输入输出模块\6ES7222-1EF22-0XA0</t>
  </si>
  <si>
    <t>【西门子】输入输出模块\6ES7222-1HD22-0XA0</t>
  </si>
  <si>
    <t>【西门子】输入输出模块\6ES7223-1BM22-0XA8</t>
  </si>
  <si>
    <t>【西门子】输入输出模块\6ES7223-1PM22-0XA8</t>
  </si>
  <si>
    <t>【西门子】输入输出模块\6ES7231-7PF22-0XA0</t>
  </si>
  <si>
    <t>【西门子】输入输出模块\6ES7253-1AA22-0XA0</t>
  </si>
  <si>
    <t>【西门子】仿真器模块\6ES7274-1XF00-0XA0</t>
  </si>
  <si>
    <t>【西门子】仿真器模块\6ES7274-1XH00-0XA0</t>
  </si>
  <si>
    <t>【西门子】仿真器模块\6ES7274-1XK00-0XA0</t>
  </si>
  <si>
    <t>【西门子】仿真器模块\6ES7840-2CC01-0YX0</t>
  </si>
  <si>
    <t>【西门子】仿真器模块\6ES7840-2CC01-0YX1</t>
  </si>
  <si>
    <t>【西门子】翻盖\6ES7291-3AX20-0XA0</t>
  </si>
  <si>
    <t>【西门子】控制板\6ES7148-3FA00-0XB0</t>
  </si>
  <si>
    <t>【西门子】控制板\6ES7151-3BB23-0AB0</t>
  </si>
  <si>
    <t>【西门子】控制板\6ES7151-1CA00-1BL0</t>
  </si>
  <si>
    <t>【西门子】控制板\6ES7151-1CA00-3BL0</t>
  </si>
  <si>
    <t>【西门子】控制板\6ES7193-4DL00-0AA0</t>
  </si>
  <si>
    <t>【西门子】控制板\6ES7193-4DL10-0AA0</t>
  </si>
  <si>
    <t>【西门子】控制板\6ES7193-4FL00-0AA0</t>
  </si>
  <si>
    <t>【西门子】控制板\6ES7193-4FL10-0AA0</t>
  </si>
  <si>
    <t>【西门子】控制板\6ES7151-3BA60-0AB0</t>
  </si>
  <si>
    <t>【西门子】DP连接块\6ES7194-3AA00-0BA0</t>
  </si>
  <si>
    <t>【西门子】DP连接块\6ES7194-3AA00-0AA0</t>
  </si>
  <si>
    <t>【西门子】DPIO模块\6ES7143-3BH10-0XA0</t>
  </si>
  <si>
    <t>【西门子】DPIO模块\6ES7143-3BH00-0XA0</t>
  </si>
  <si>
    <t>【西门子】DPIO模块\6ES7142-3BH00-0XA0</t>
  </si>
  <si>
    <t>【西门子】DPIO模块\6ES7142-3BF00-0XA0</t>
  </si>
  <si>
    <t>【西门子】DPIO模块\6ES7141-3BH00-0XA0</t>
  </si>
  <si>
    <t>【西门子】DPIO模块\6ES7141-3BF00-0XA0</t>
  </si>
  <si>
    <t>【西门子】连接模块\6ES7194-1KB00-0XA0</t>
  </si>
  <si>
    <t>【西门子】连接模块\6ES7972-4AA02-0XA0</t>
  </si>
  <si>
    <t>【西门子】连接模块\6ES7972-4AA50-0XA0</t>
  </si>
  <si>
    <t>【西门子】操作系统\6ES7820-0CC04-0YA5</t>
  </si>
  <si>
    <t>【西门子】操作系统\6ES7820-0CC04-0YE5</t>
  </si>
  <si>
    <t>【西门子】信号板模块\6ES7211-0AA23-0XB0\,,MB,A</t>
  </si>
  <si>
    <t>【西门子】中央处理器\6ES7211-0BA23-0XB0\,,MB,A</t>
  </si>
  <si>
    <t>【西门子】中央处理器\6ES7214-2AS23-0XB8\,,MB,A</t>
  </si>
  <si>
    <t>【西门子】电源模块\6ES7798-0GA04-0XA0</t>
  </si>
  <si>
    <t>【西门子】通信模块\6DD1843-0AA0</t>
  </si>
  <si>
    <t>【西门子】通信模块\6DD1843-0AB0</t>
  </si>
  <si>
    <t>【西门子】中央处理器\6ES7211-1AE31-0XB0\,,MB,A</t>
  </si>
  <si>
    <t>【西门子】中央处理器\6ES7211-1BE31-0XB0\,,MB,A</t>
  </si>
  <si>
    <t>【西门子】中央处理器\6ES7211-1HE31-0XB0\,,MB,A</t>
  </si>
  <si>
    <t>【西门子】中央处理器\6ES7212-1AE31-0XB0\,,MB,A</t>
  </si>
  <si>
    <t>【西门子】中央处理器\6ES7212-1BE31-0XB0\,,MB,A</t>
  </si>
  <si>
    <t>【西门子】中央处理器\6ES7212-1HE31-0XB0\,,MB,A</t>
  </si>
  <si>
    <t>【西门子】中央处理器\6ES7214-1AG31-0XB0\,,MB,A</t>
  </si>
  <si>
    <t>【西门子】中央处理器\6ES7214-1BG31-0XB0\,,MB,A</t>
  </si>
  <si>
    <t>【西门子】中央处理器\6ES7214-1HG31-0XB0\,,MB,A</t>
  </si>
  <si>
    <t>【西门子】中央处理器\6ES7215-1AG31-0XB0\,,MB,A</t>
  </si>
  <si>
    <t>【西门子】中央处理器\6ES7215-1BG31-0XB0\,,MB,A</t>
  </si>
  <si>
    <t>【西门子】中央处理器\6ES7215-1HG31-0XB0\,,MB,A</t>
  </si>
  <si>
    <t>【西门子】中央处理器\6ES7518-4FP00-3AB0\,,MB,A</t>
  </si>
  <si>
    <t>【西门子】中央处理器\6ES7518-4AP00-3AB0\,,MB,A</t>
  </si>
  <si>
    <t>【西门子】触摸屏\6AV6640-0CA11-0AX1</t>
  </si>
  <si>
    <t>【西门子】通信模块\6ES7182-0AA01-0XA0</t>
  </si>
  <si>
    <t>【西门子】通信模块\6DD1606-0AD1</t>
  </si>
  <si>
    <t>【西门子】通信模块\6DD1842-0AA1</t>
  </si>
  <si>
    <t>【西门子】通信模块\6DD1842-0AB1</t>
  </si>
  <si>
    <t>【西门子】通信模块\6DD1842-0AD1</t>
  </si>
  <si>
    <t>【西门子】面板\6AV3688-3CD13-0AX0</t>
  </si>
  <si>
    <t>【西门子】面板\6AV6645-0DD01-0AX1</t>
  </si>
  <si>
    <t>【西门子】面板\6AV6645-0DE01-0AX1</t>
  </si>
  <si>
    <t>【西门子】面板\6AV6645-0EB01-0AX1</t>
  </si>
  <si>
    <t>【西门子】面板\6AV6645-0EC01-0AX1</t>
  </si>
  <si>
    <t>【西门子】面板\6AV6645-0EF01-0AX1</t>
  </si>
  <si>
    <t>【西门子】面板\6AV6671-5CE00-0AX1</t>
  </si>
  <si>
    <t>【西门子】面板\6AV6671-5CM00-0AX0</t>
  </si>
  <si>
    <t>【西门子】面板\6AV6671-5CM00-0AX1</t>
  </si>
  <si>
    <t>【西门子】面板\6AV6640-0AA00-0AX1</t>
  </si>
  <si>
    <t>【西门子】中央处理器\6ES7212-1AB23-0XB0\,,MB,A</t>
  </si>
  <si>
    <t>【西门子】中央处理器\6ES7214-2AS23-0XB0\,,MB,A</t>
  </si>
  <si>
    <t>【西门子】中央处理器\6ES7312-5BE03-0AB0\,,MB,A</t>
  </si>
  <si>
    <t>【西门子】中央处理器\6ES7313-6BF03-0AB0\,,MB,A</t>
  </si>
  <si>
    <t>【西门子】中央处理器\6ES7318-3EL00-0AB0\,,MB,A</t>
  </si>
  <si>
    <t>【西门子】面板\6AV7881-4AE00-6DA0</t>
  </si>
  <si>
    <t>【西门子】触摸屏\6ES7326-1RF00-0AB0</t>
  </si>
  <si>
    <t>【西门子】通信模块\6ES7131-1BH01-0XB0</t>
  </si>
  <si>
    <t>【西门子】通信模块\6ES7132-1BH00-0XB0</t>
  </si>
  <si>
    <t>【西门子】通信模块\6ES7138-4GA00-0AB0</t>
  </si>
  <si>
    <t>【西门子】通信模块\6ES7193-1CH00-0XA0</t>
  </si>
  <si>
    <t>【西门子】端子\6ES7193-1CH10-0XA0</t>
  </si>
  <si>
    <t>【西门子】端子\6ES7193-1CL10-0XA0</t>
  </si>
  <si>
    <t>【西门子】端子\6ES7193-1FH20-0XA0</t>
  </si>
  <si>
    <t>【西门子】端子\6ES7193-1FH30-0XA0</t>
  </si>
  <si>
    <t>【西门子】端子\6ES7193-1FH50-0XA0</t>
  </si>
  <si>
    <t>【西门子】端子\6ES7193-1FH60-0XA0</t>
  </si>
  <si>
    <t>【西门子】端子\6ES7193-1FL20-0XA0</t>
  </si>
  <si>
    <t>【西门子】端子\6ES7193-1FL30-0XA0</t>
  </si>
  <si>
    <t>【西门子】端子\6ES7193-1FL50-0XA0</t>
  </si>
  <si>
    <t>【西门子】接口模块\6ES7193-1FL60-0XA0</t>
  </si>
  <si>
    <t>【西门子】接口模块\6ES7195-1BE00-0XA0</t>
  </si>
  <si>
    <t>【西门子】接口模块\6ES7151-1AB05-0AB0</t>
  </si>
  <si>
    <t>【西门子】终端模块\6ES7154-6AB00-0AB0</t>
  </si>
  <si>
    <t>【西门子】终端模块\6ES7154-6AB50-0AB0</t>
  </si>
  <si>
    <t>【西门子】接口模块\6ES7194-4MA00-0AA0</t>
  </si>
  <si>
    <t>【西门子】输入输出模块\6ES7143-2BH00-0AB0</t>
  </si>
  <si>
    <t>【西门子】焊接模块\6ES7143-2BH50-0AB0</t>
  </si>
  <si>
    <t>【西门子】输入输出模块\6ES7131-4BD51-0AA0</t>
  </si>
  <si>
    <t>【西门子】输入输出模块\6ES7132-4BD50-0AA0</t>
  </si>
  <si>
    <t>【西门子】输入输出模块\6ES7134-4JB01-0AB0</t>
  </si>
  <si>
    <t>【西门子】通信模块\6ES7132-4HB50-0AB0</t>
  </si>
  <si>
    <t>【西门子】通信模块\V/V,6ES7138-4CA80-0AB0W</t>
  </si>
  <si>
    <t>【西门子】通信模块\6ES7158-3AD01-0XA0</t>
  </si>
  <si>
    <t>【西门子】通信模块\6DD1600-0BA2</t>
  </si>
  <si>
    <t>【西门子】输入输出模块\6ES7221-1BH22-0XA0</t>
  </si>
  <si>
    <t>【西门子】输入输出模块\6ES7223-1BF22-0XA0</t>
  </si>
  <si>
    <t>【西门子】输入输出模块\6ES7223-1BM22-0XA0</t>
  </si>
  <si>
    <t>【西门子】输入输出模块\6ES7223-1HF22-0XA0</t>
  </si>
  <si>
    <t>【西门子】输入输出模块\6ES7223-1PM22-0XA0</t>
  </si>
  <si>
    <t>【西门子】输入输出模块\6ES7231-7PB22-0XA0</t>
  </si>
  <si>
    <t>【西门子】输入输出模块\6ES7231-7PD22-0XA0</t>
  </si>
  <si>
    <t>【西门子】存储卡\6ES7953-8LJ30-0AA0\,,MB,A</t>
  </si>
  <si>
    <t>【西门子】通信模块\6ES7392-1CJ00-0AA0</t>
  </si>
  <si>
    <t>【西门子】通信模块\6ES7392-1CM00-0AA0</t>
  </si>
  <si>
    <t>【西门子】中央处理器\6ES7510-1DJ00-0AB0\,,MB,A</t>
  </si>
  <si>
    <t>【西门子】中央处理器\6ES7512-1DK00-0AB0\,,MB,A</t>
  </si>
  <si>
    <t>【西门子】通信模块\6ES7154-8AB00-0AB0</t>
  </si>
  <si>
    <t>【西门子】通信模块\6ES7151-7AB00-0AB0</t>
  </si>
  <si>
    <t>【西门子】中央处理器\6ES7510-1SJ00-0AB0\,,MB,A</t>
  </si>
  <si>
    <t>【西门子】中央处理器\6ES7512-1SK00-0AB0\,,MB,A</t>
  </si>
  <si>
    <t>【西门子】中央处理器\6ES7511-1FK01-0AB0\,,MB,A</t>
  </si>
  <si>
    <t>【西门子】中央处理器\6ES7513-1FL01-0AB0\,,MB,A</t>
  </si>
  <si>
    <t>【西门子】中央处理器\6ES7515-2FM00-0AB0\,,MB,A</t>
  </si>
  <si>
    <t>【西门子】中央处理器\6ES7516-3FN00-0AB0\,,MB,A</t>
  </si>
  <si>
    <t>【西门子】中央处理器\6ES7511-1FK00-0AB0\,,MB,A</t>
  </si>
  <si>
    <t>【西门子】中央处理器\6ES7513-1FL00-0AB0\,,MB,A</t>
  </si>
  <si>
    <t>【西门子】中央处理器\6ES7317-6FF03-0AB0\,,MB,A</t>
  </si>
  <si>
    <t>【西门子】中央处理器\6ES7318-3FL00-0AB0\,,MB,A</t>
  </si>
  <si>
    <t>【西门子】存储器\6ES7954-8LC02-0AA0\,,MB,A</t>
  </si>
  <si>
    <t>【西门子】存储器\6ES7954-8LE02-0AA0\,,MB,A</t>
  </si>
  <si>
    <t>【西门子】存储器\6ES7954-8LF02-0AA0\,,MB,A</t>
  </si>
  <si>
    <t>【西门子】存储器\6ES7954-8LT02-0AA0\,,MB,A</t>
  </si>
  <si>
    <t>【西门子】存储器\6ES7151-7FA20-0AB0</t>
  </si>
  <si>
    <t>【西门子】存储器\6ES7151-8FB00-0AB0</t>
  </si>
  <si>
    <t>【西门子】中央处理器\6ES7511-1AK01-0AB0\,,MB,A</t>
  </si>
  <si>
    <t>【西门子】中央处理器\6ES7511-1CK00-0AB0\,,MB,A</t>
  </si>
  <si>
    <t>【西门子】中央处理器\6ES7512-1CK00-0AB0\,,MB,A</t>
  </si>
  <si>
    <t>【西门子】中央处理器\6ES7513-1AL01-0AB0\,,MB,A</t>
  </si>
  <si>
    <t>【西门子】通信模块\6ES7591-1AA00-0AA0</t>
  </si>
  <si>
    <t>【西门子】中央处理器\6ES7515-2AM00-0AB0\,,MB,A</t>
  </si>
  <si>
    <t>【西门子】中央处理器\6ES7516-3AN00-0AB0\,,MB,A</t>
  </si>
  <si>
    <t>【西门子】变频器模块\6SL3210-1SE16-0UA0</t>
  </si>
  <si>
    <t>【西门子】变频器\6SL3224-0BE24-0UA0</t>
  </si>
  <si>
    <t>【西门子】变频器\6SL3224-0BE27-5UA0</t>
  </si>
  <si>
    <t>【西门子】变频器\6SL3224-0BE23-0UA0</t>
  </si>
  <si>
    <t>【西门子】变频器\6SL3224-0BE33-0UA0</t>
  </si>
  <si>
    <t>【西门子】变频器\6SL3224-0BE31-8UA0</t>
  </si>
  <si>
    <t>【西门子】变频器\6SL3224-0BE32-2UA0</t>
  </si>
  <si>
    <t>【西门子】变频器\6SL3224-0BE27-5AA0</t>
  </si>
  <si>
    <t>【西门子】变频器\6SL3224-0BE24-0AA0</t>
  </si>
  <si>
    <t>【西门子】变频器\6SL3224-0BE34-5UA0</t>
  </si>
  <si>
    <t>【西门子】变频器\6SL3224-0BE37-5UA0</t>
  </si>
  <si>
    <t>【西门子】变频器\6SL3224-0BE41-1UA0</t>
  </si>
  <si>
    <t>【西门子】变频器\6SL3224-0BE25-5AA0</t>
  </si>
  <si>
    <t>【西门子】变频器\6SL3224-0BE31-8AA0</t>
  </si>
  <si>
    <t>【西门子】变频器\6SL3224-0BE35-5UA0</t>
  </si>
  <si>
    <t>【西门子】变频器\6SL3224-0BE31-5AA0</t>
  </si>
  <si>
    <t>【西门子】变频器\6SL3224-0BE33-0AA0</t>
  </si>
  <si>
    <t>【西门子】变频器\6SL3224-0BE33-7AA0</t>
  </si>
  <si>
    <t>【西门子】变频器\6SL3224-0BE38-8UA0</t>
  </si>
  <si>
    <t>【西门子】变频器\6SL3224-0BE23-0AA0</t>
  </si>
  <si>
    <t>【西门子】变频器\6SL3224-0BE32-2AA0</t>
  </si>
  <si>
    <t>【西门子】变频器\6SL3224-0BE31-1AA0</t>
  </si>
  <si>
    <t>【西门子】变频器\6SL3224-0BE35-5AA0</t>
  </si>
  <si>
    <t>【西门子】变频器\6SL3224-0BE37-5AA0</t>
  </si>
  <si>
    <t>【西门子】变频器\6SL3210-1SE22-5UA0</t>
  </si>
  <si>
    <t>【西门子】变频器\6SL3210-1SE23-2UA0</t>
  </si>
  <si>
    <t>【西门子】变频器\6SL3210-1SE21-8UA0</t>
  </si>
  <si>
    <t>【西门子】变频器\6SL3210-1SE12-2UA0</t>
  </si>
  <si>
    <t>【西门子】变频器\6SL3210-1SE21-0UA0</t>
  </si>
  <si>
    <t>【西门子】变频器\6SL3210-1SE31-0UA0</t>
  </si>
  <si>
    <t>【西门子】变频器\6SL3210-1SE31-8UA0</t>
  </si>
  <si>
    <t>【西门子】变频器\6SL3210-1SE26-0UA0</t>
  </si>
  <si>
    <t>【西门子】变频器\6SL3210-1SE14-1UA0</t>
  </si>
  <si>
    <t>【西门子】变频器\6SL3210-1SE17-7UA0</t>
  </si>
  <si>
    <t>【西门子】变频器\6SL3210-1SE31-5UA0</t>
  </si>
  <si>
    <t>【西门子】变频器\6SL3210-1SE11-7UA0</t>
  </si>
  <si>
    <t>【西门子】变频器\6SL3210-1SE21-0AA0</t>
  </si>
  <si>
    <t>【西门子】变频器\6SL3210-1SE24-5UA0</t>
  </si>
  <si>
    <t>【西门子】变频器\6SL3210-1SE27-5AA0</t>
  </si>
  <si>
    <t>【西门子】变频器\6SL3210-1SE27-5UA0</t>
  </si>
  <si>
    <t>【西门子】变频器\6SL3210-1SE16-0AA0</t>
  </si>
  <si>
    <t>【西门子】变频器\6SL3210-1SB12-3UA0</t>
  </si>
  <si>
    <t>【西门子】变频器\6SL3210-1SE11-3UA0</t>
  </si>
  <si>
    <t>【西门子】变频器\6SL3210-1SE21-8AA0</t>
  </si>
  <si>
    <t>【西门子】变频器\6SL3210-1SE31-0AA0</t>
  </si>
  <si>
    <t>【西门子】变频器\6SL3210-1SE22-5AA0</t>
  </si>
  <si>
    <t>【西门子】变频器\6SL3210-1SE24-5AA0</t>
  </si>
  <si>
    <t>【西门子】变频器\6SL3210-1SE26-0AA0</t>
  </si>
  <si>
    <t>【西门子】变频器\6SL3210-1SE31-8AA0</t>
  </si>
  <si>
    <t>【西门子】变频器风扇\6SL3054-7EF00-2BA0</t>
  </si>
  <si>
    <t>【西门子】变频器风扇\6SL3200-0SF11-0AA0</t>
  </si>
  <si>
    <t>【西门子】变频器\6SL3210-1KE22-6UC1kVA,0.38-0.48kV,kV,</t>
  </si>
  <si>
    <t>【西门子】变频器\6SL3210-1SB11-0AA0</t>
  </si>
  <si>
    <t>【西门子】变频器\6SL3210-1SB12-3AA0</t>
  </si>
  <si>
    <t>【西门子】变频器\6SL3210-1SB14-0AA0</t>
  </si>
  <si>
    <t>【西门子】变频器\6SL3210-1SB14-0UA0</t>
  </si>
  <si>
    <t>【西门子】变频器\6SL3210-1SE17-7AA0</t>
  </si>
  <si>
    <t>【西门子】变频器\6SL3210-1SE23-2AA0</t>
  </si>
  <si>
    <t>【西门子】变频器\6SL3210-1SE23-8AA0</t>
  </si>
  <si>
    <t>【西门子】变频器\6SL3210-1SE31-1AA0</t>
  </si>
  <si>
    <t>【西门子】变频器\6SL3210-1SE31-5AA0</t>
  </si>
  <si>
    <t>【西门子】控制单元\6SL3243-0BB30-1CA3</t>
  </si>
  <si>
    <t>【西门子】变频器\6SL3224-0BE34-5AA0</t>
  </si>
  <si>
    <t>【西门子】变频器\6SL3224-0BE21-5UA0</t>
  </si>
  <si>
    <t>【西门子】变频器风扇\6SL3200-0SF01-0AA0</t>
  </si>
  <si>
    <t>【西门子】变频器风扇\6SL3200-0SF06-0AA0</t>
  </si>
  <si>
    <t>【西门子】变频器风扇\6SL3200-0SF07-0AA0</t>
  </si>
  <si>
    <t>【西门子】变频器风扇\6SL3200-0SF08-0AA0</t>
  </si>
  <si>
    <t>【西门子】变频器风扇\6SL3200-0SF12-0AA0</t>
  </si>
  <si>
    <t>【西门子】变频器风扇\6SL3200-0SF13-0AA0</t>
  </si>
  <si>
    <t>【西门子】变频器风扇\6SL3200-0SF14-0AA0</t>
  </si>
  <si>
    <t>【西门子】变频器风扇\6SL3200-0SF23-0AA0</t>
  </si>
  <si>
    <t>【西门子】变频器风扇\6SL3200-0SF24-0AA0</t>
  </si>
  <si>
    <t>【西门子】变频器风扇\6SL3200-0SF26-0AA0</t>
  </si>
  <si>
    <t>【西门子】变频器风扇\6SL3200-0SF31-0AA0</t>
  </si>
  <si>
    <t>【西门子】变频器风扇\6SL3200-0SF32-0AA0</t>
  </si>
  <si>
    <t>【西门子】接口模块\6SL3350-6TK00-0BA0</t>
  </si>
  <si>
    <t>【西门子】控制板\6SL3760-0DA00-0AA0</t>
  </si>
  <si>
    <t>【西门子】控制板\6SL3760-0DB00-0AA0</t>
  </si>
  <si>
    <t>【西门子】控制板\6SL3352-7AH31-5AA0</t>
  </si>
  <si>
    <t>【西门子】控制板\6SL3350-6TK00-0CA0</t>
  </si>
  <si>
    <t>【西门子】控制板\6SL3760-0GB00-0AA0</t>
  </si>
  <si>
    <t>【西门子】控制板\6SL3760-0GE00-0AA0</t>
  </si>
  <si>
    <t>【西门子】控制板\6SL3760-0GF00-0AA0</t>
  </si>
  <si>
    <t>【西门子】交流接触器\AC3RH2122-1AB00V,V,A</t>
  </si>
  <si>
    <t>【西门子】交流接触器\AC3RH2122-1AD00V,V,A</t>
  </si>
  <si>
    <t>【西门子】交流接触器\AC3RH2122-1AF00V,V,A</t>
  </si>
  <si>
    <t>【西门子】交流接触器\AC3RH2122-1AG60V,V,A</t>
  </si>
  <si>
    <t>【西门子】交流接触器\AC3RH2122-1AH00V,V,A</t>
  </si>
  <si>
    <t>【西门子】交流接触器\AC3RH2122-1AK20V,V,A</t>
  </si>
  <si>
    <t>【西门子】交流接触器\AC3RH2122-1AK60V,V,A</t>
  </si>
  <si>
    <t>【西门子】交流接触器\AC3RH2122-1AL00V,V,A</t>
  </si>
  <si>
    <t>【西门子】交流接触器\AC3RH2122-1AM20V,V,A</t>
  </si>
  <si>
    <t>【西门子】交流接触器\AC3RH2122-1AN60V,V,A</t>
  </si>
  <si>
    <t>【西门子】交流接触器\AC3RH2122-1AP00V,V,A</t>
  </si>
  <si>
    <t>【西门子】交流接触器\AC3RH2122-1AP60V,V,A</t>
  </si>
  <si>
    <t>【西门子】交流接触器\AC3RH2122-1AQ00V,V,A</t>
  </si>
  <si>
    <t>【西门子】交流接触器\AC3RH2122-1AU00V,V,A</t>
  </si>
  <si>
    <t>【西门子】交流接触器\AC3RH2122-1AV00V,V,A</t>
  </si>
  <si>
    <t>【西门子】交流接触器\AC3RH2122-1AV60V,V,A</t>
  </si>
  <si>
    <t>【西门子】接触器\DC3RH2122-1BA40V,DCV,</t>
  </si>
  <si>
    <t>【西门子】接触器\DC3RH2122-1BB40V,DCV,</t>
  </si>
  <si>
    <t>【西门子】接触器\DC3RH2122-1BD40V,DCV,</t>
  </si>
  <si>
    <t>【西门子】接触器\DC3RH2122-1BE40V,DCV,</t>
  </si>
  <si>
    <t>【西门子】接触器\DC3RH2122-1BE80V,DCV,</t>
  </si>
  <si>
    <t>【西门子】接触器\DC3RH2122-1BF40V,DCV,</t>
  </si>
  <si>
    <t>【西门子】接触器\DC3RH2122-1BF40-1AA0V,DCV,</t>
  </si>
  <si>
    <t>【西门子】接触器\DC3RH2122-1BG40V,DCV,</t>
  </si>
  <si>
    <t>【西门子】接触器\DC3RH2122-1BJ80V,DCV,</t>
  </si>
  <si>
    <t>【西门子】接触器\DC3RH2122-1BM40V,DCV,</t>
  </si>
  <si>
    <t>【西门子】接触器\DC3RH2122-1BP40V,DCV,</t>
  </si>
  <si>
    <t>【西门子】接触器\DC3RH2122-1BW40V,DCV,</t>
  </si>
  <si>
    <t>【西门子】接触器\DC3RH2122-1FB40V,DCV,</t>
  </si>
  <si>
    <t>【西门子】接触器\DC3RH2122-1HB40V,DCV,</t>
  </si>
  <si>
    <t>【西门子】接触器\DC3RH2122-1JB40V,DCV,</t>
  </si>
  <si>
    <t>【西门子】接触器\DC3RH2122-1KB40V,DCV,</t>
  </si>
  <si>
    <t>【西门子】接触器\DC3RH2122-1KF40V,DCV,</t>
  </si>
  <si>
    <t>【西门子】接触器\DC3RH2122-1KF40-0LA4V,DCV,</t>
  </si>
  <si>
    <t>【西门子】接触器\DC3RH2122-1KG40-0LA4V,DCV,</t>
  </si>
  <si>
    <t>【西门子】接触器\DC3RH2122-1KJ80V,DCV,</t>
  </si>
  <si>
    <t>【西门子】接触器\DC3RH2122-1KM40-0LA4V,DCV,</t>
  </si>
  <si>
    <t>【西门子】接触器\DC3RH2122-1MB40-0KT0V,DCV,</t>
  </si>
  <si>
    <t>【西门子】接触器\DC3RH2122-1QB40V,DCV,</t>
  </si>
  <si>
    <t>【西门子】接触器\DC3RH2122-1SB40V,DCV,</t>
  </si>
  <si>
    <t>【西门子】交流接触器\AC3RH2122-1TP00-0RA0V,V,A</t>
  </si>
  <si>
    <t>【西门子】接触器\DC3RH2122-1VB40V,DCV,</t>
  </si>
  <si>
    <t>【西门子】接触器\DC3RH2122-1WB40V,DCV,</t>
  </si>
  <si>
    <t>【西门子】交流接触器\AC3RH2122-2AB00V,V,A</t>
  </si>
  <si>
    <t>【西门子】交流接触器\AC3RH2122-2AD00V,V,A</t>
  </si>
  <si>
    <t>【西门子】交流接触器\AC3RH2122-2AF00V,V,A</t>
  </si>
  <si>
    <t>【西门子】交流接触器\AC3RH2122-2AH00V,V,A</t>
  </si>
  <si>
    <t>【西门子】交流接触器\AC3RH2122-2AK60V,V,A</t>
  </si>
  <si>
    <t>【西门子】交流接触器\AC3RH2122-2AN20V,V,A</t>
  </si>
  <si>
    <t>【西门子】交流接触器\AC3RH2122-2AP00V,V,A</t>
  </si>
  <si>
    <t>【西门子】交流接触器\AC3RH2122-2AP60V,V,A</t>
  </si>
  <si>
    <t>【西门子】交流接触器\AC3RH2122-2AV00V,V,A</t>
  </si>
  <si>
    <t>【西门子】接触器\DC3RH2122-2BA40V,DCV,</t>
  </si>
  <si>
    <t>【西门子】接触器\DC3RH2122-2BB40V,DCV,</t>
  </si>
  <si>
    <t>【西门子】接触器\DC3RH2122-2BE40V,DCV,</t>
  </si>
  <si>
    <t>【西门子】接触器\DC3RH2122-2BF40V,DCV,</t>
  </si>
  <si>
    <t>【西门子】接触器\DC3RH2122-2BG40V,DCV,</t>
  </si>
  <si>
    <t>【西门子】接触器\DC3RH2122-2BM40V,DCV,</t>
  </si>
  <si>
    <t>【西门子】接触器\DC3RH2122-2BW40V,DCV,</t>
  </si>
  <si>
    <t>【西门子】接触器\DC3RH2122-2FB40V,DCV,</t>
  </si>
  <si>
    <t>【西门子】接触器\DC3RH2122-2FW40V,DCV,</t>
  </si>
  <si>
    <t>【西门子】交流接触器\AC3RH2122-2GG20V,V,A</t>
  </si>
  <si>
    <t>【西门子】接触器\DC3RH2122-2HB40V,DCV,</t>
  </si>
  <si>
    <t>【西门子】接触器\DC3RH2122-2JB40V,DCV,</t>
  </si>
  <si>
    <t>【西门子】接触器\DC3RH2122-2KB40V,DCV,</t>
  </si>
  <si>
    <t>【西门子】接触器\DC3RH2122-2KB40-0LA0V,DCV,</t>
  </si>
  <si>
    <t>【西门子】接触器\DC3RH2122-2KF40-0LA0V,DCV,</t>
  </si>
  <si>
    <t>【西门子】接触器\DC3RH2122-2KG40-0LA4V,DCV,</t>
  </si>
  <si>
    <t>【西门子】接触器\DC3RH2122-2KJ80V,DCV,</t>
  </si>
  <si>
    <t>【西门子】接触器\DC3RH2122-2KJ80-0LA0V,DCV,</t>
  </si>
  <si>
    <t>【西门子】接触器\DC3RH2122-2LB40V,DCV,</t>
  </si>
  <si>
    <t>【西门子】接触器\DC3RH2122-2LB40-0LA0V,DCV,</t>
  </si>
  <si>
    <t>【西门子】接触器\DC3RH2122-2LB40-1AA0V,DCV,</t>
  </si>
  <si>
    <t>【西门子】接触器\DC3RH2122-2LB40-1LA0V,DCV,</t>
  </si>
  <si>
    <t>【西门子】接触器\DC3RH2122-2LB40-2LA0V,DCV,</t>
  </si>
  <si>
    <t>【西门子】接触器\DC3RH2122-2LF40V,DCV,</t>
  </si>
  <si>
    <t>【西门子】接触器\DC3RH2122-2LF40-0LA0V,DCV,</t>
  </si>
  <si>
    <t>【西门子】接触器\DC3RH2122-2LF40-1AA0V,DCV,</t>
  </si>
  <si>
    <t>【西门子】接触器\DC3RH2122-2LF40-1LA0V,DCV,</t>
  </si>
  <si>
    <t>【西门子】接触器\DC3RH2122-2LJ80V,DCV,</t>
  </si>
  <si>
    <t>【西门子】接触器\DC3RH2122-2LJ80-0LA0V,DCV,</t>
  </si>
  <si>
    <t>【西门子】接触器\DC3RH2122-2MB40-0KT0V,DCV,</t>
  </si>
  <si>
    <t>【西门子】接触器\DC3RH2122-2QB40V,DCV,</t>
  </si>
  <si>
    <t>【西门子】接触器\DC3RH2122-2SB40V,DCV,</t>
  </si>
  <si>
    <t>【西门子】接触器\DC3RH2122-2UB40V,DCV,</t>
  </si>
  <si>
    <t>【西门子】接触器\DC3RH2122-2VB40V,DCV,</t>
  </si>
  <si>
    <t>【西门子】接触器\DC3RH2122-2WB40V,DCV,</t>
  </si>
  <si>
    <t>【西门子】交流接触器\AC3RH2122-4AB00V,V,A</t>
  </si>
  <si>
    <t>【西门子】交流接触器\AC3RH2122-4AG60V,V,A</t>
  </si>
  <si>
    <t>【西门子】交流接触器\AC3RH2122-4AN60V,V,A</t>
  </si>
  <si>
    <t>【西门子】交流接触器\AC3RH2122-4AR60V,V,A</t>
  </si>
  <si>
    <t>【西门子】接触器\DC3RH2122-4BB40V,DCV,</t>
  </si>
  <si>
    <t>【西门子】接触器\DC3RH2122-4BG40V,DCV,</t>
  </si>
  <si>
    <t>【西门子】接触器\DC3RH2122-4KB40V,DCV,</t>
  </si>
  <si>
    <t>【西门子】接触器\DC3RH2122-4KB40-0LA0V,DCV,</t>
  </si>
  <si>
    <t>【西门子】接触器\DC3RH2122-4LB40V,DCV,</t>
  </si>
  <si>
    <t>【西门子】接触器\DC3RH2122-4LB40-0LA0V,DCV,</t>
  </si>
  <si>
    <t>【西门子】接触器\DC3RH2122-4LV80-0LA0V,DCV,</t>
  </si>
  <si>
    <t>【西门子】交流接触器\AC3RH2131-1AB00V,V,A</t>
  </si>
  <si>
    <t>【西门子】交流接触器\AC3RH2131-1AD00V,V,A</t>
  </si>
  <si>
    <t>【西门子】交流接触器\AC3RH2131-1AF00V,V,A</t>
  </si>
  <si>
    <t>【西门子】交流接触器\AC3RH2131-1AH00V,V,A</t>
  </si>
  <si>
    <t>【西门子】交流接触器\AC3RH2131-1AK60V,V,A</t>
  </si>
  <si>
    <t>【西门子】交流接触器\AC3RH2131-1AN20V,V,A</t>
  </si>
  <si>
    <t>【西门子】交流接触器\AC3RH2131-1AN60V,V,A</t>
  </si>
  <si>
    <t>【西门子】交流接触器\AC3RH2131-1AP60V,V,A</t>
  </si>
  <si>
    <t>【西门子】交流接触器\AC3RH2131-1AQ00V,V,A</t>
  </si>
  <si>
    <t>【西门子】交流接触器\AC3RH2131-1AU00V,V,A</t>
  </si>
  <si>
    <t>【西门子】交流接触器\AC3RH2131-1AV00V,V,A</t>
  </si>
  <si>
    <t>【西门子】接触器\DC3RH2131-1BA40V,DCV,</t>
  </si>
  <si>
    <t>【西门子】接触器\DC3RH2131-1BE40V,DCV,</t>
  </si>
  <si>
    <t>【西门子】接触器\DC3RH2131-1BE80V,DCV,</t>
  </si>
  <si>
    <t>【西门子】接触器\DC3RH2131-1BF40V,DCV,</t>
  </si>
  <si>
    <t>【西门子】接触器\DC3RH2131-1BF40-1AA0V,DCV,</t>
  </si>
  <si>
    <t>【西门子】接触器\DC3RH2131-1BG40V,DCV,</t>
  </si>
  <si>
    <t>【西门子】接触器\DC3RH2131-1BM40V,DCV,</t>
  </si>
  <si>
    <t>【西门子】接触器\DC3RH2131-1BP40V,DCV,</t>
  </si>
  <si>
    <t>【西门子】接触器\DC3RH2131-1BW40V,DCV,</t>
  </si>
  <si>
    <t>【西门子】接触器\DC3RH2131-1FB40V,DCV,</t>
  </si>
  <si>
    <t>【西门子】接触器\DC3RH2131-1HB40V,DCV,</t>
  </si>
  <si>
    <t>【西门子】接触器\DC3RH2131-1JB40V,DCV,</t>
  </si>
  <si>
    <t>【西门子】接触器\DC3RH2131-1KB40V,DCV,</t>
  </si>
  <si>
    <t>【西门子】接触器\DC3RH2131-1KF40V,DCV,</t>
  </si>
  <si>
    <t>【西门子】接触器\DC3RH2131-1KG40-0LA4V,DCV,</t>
  </si>
  <si>
    <t>【西门子】接触器\DC3RH2131-1MB40-0KT0V,DCV,</t>
  </si>
  <si>
    <t>【西门子】接触器\DC3RH2131-1SB40V,DCV,</t>
  </si>
  <si>
    <t>【西门子】接触器\DC3RH2131-1VB40V,DCV,</t>
  </si>
  <si>
    <t>【西门子】接触器\DC3RH2131-1WB40V,DCV,</t>
  </si>
  <si>
    <t>【西门子】交流接触器\AC3RH2131-2AB00V,V,A</t>
  </si>
  <si>
    <t>【西门子】交流接触器\AC3RH2131-2AD00V,V,A</t>
  </si>
  <si>
    <t>【西门子】交流接触器\AC3RH2131-2AF00V,V,A</t>
  </si>
  <si>
    <t>【西门子】交流接触器\AC3RH2131-2AH00V,V,A</t>
  </si>
  <si>
    <t>【西门子】交流接触器\AC3RH2131-2AK60V,V,A</t>
  </si>
  <si>
    <t>【西门子】交流接触器\AC3RH2131-2AN20V,V,A</t>
  </si>
  <si>
    <t>【西门子】交流接触器\AC3RH2131-2AP00V,V,A</t>
  </si>
  <si>
    <t>【西门子】交流接触器\AC3RH2131-2AP60V,V,A</t>
  </si>
  <si>
    <t>【西门子】接触器\DC3RH2131-2BA40V,DCV,</t>
  </si>
  <si>
    <t>【西门子】接触器\DC3RH2131-2BB40V,DCV,</t>
  </si>
  <si>
    <t>【西门子】接触器\DC3RH2131-2BE40V,DCV,</t>
  </si>
  <si>
    <t>【西门子】接触器\DC3RH2131-2BF40V,DCV,</t>
  </si>
  <si>
    <t>【西门子】接触器\DC3RH2131-2BG40V,DCV,</t>
  </si>
  <si>
    <t>【西门子】接触器\DC3RH2131-2BM40V,DCV,</t>
  </si>
  <si>
    <t>【西门子】接触器\DC3RH2131-2BW40V,DCV,</t>
  </si>
  <si>
    <t>【西门子】接触器\DC3RH2131-2FB40V,DCV,</t>
  </si>
  <si>
    <t>【西门子】交流接触器\AC3RH2131-2GG20V,V,A</t>
  </si>
  <si>
    <t>【西门子】接触器\DC3RH2131-2HB40V,DCV,</t>
  </si>
  <si>
    <t>【西门子】接触器\DC3RH2131-2JB40V,DCV,</t>
  </si>
  <si>
    <t>【西门子】接触器\DC3RH2131-2KB40V,DCV,</t>
  </si>
  <si>
    <t>【西门子】接触器\DC3RH2131-2KF40V,DCV,</t>
  </si>
  <si>
    <t>【西门子】接触器\DC3RH2131-2KF40-0LA0V,DCV,</t>
  </si>
  <si>
    <t>【西门子】接触器\DC3RH2131-2LB40V,DCV,</t>
  </si>
  <si>
    <t>【西门子】接触器\DC3RH2131-2LB40-1AA0V,DCV,</t>
  </si>
  <si>
    <t>【西门子】接触器\DC3RH2131-2MB40-0KT0V,DCV,</t>
  </si>
  <si>
    <t>【西门子】接触器\DC3RH2131-2SB40V,DCV,</t>
  </si>
  <si>
    <t>【西门子】接触器\DC3RH2131-2UB40V,DCV,</t>
  </si>
  <si>
    <t>【西门子】接触器\DC3RH2131-2VB40V,DCV,</t>
  </si>
  <si>
    <t>【西门子】接触器\DC3RH2131-2WB40V,DCV,</t>
  </si>
  <si>
    <t>【西门子】交流接触器\AC3RH2131-4AG60V,V,A</t>
  </si>
  <si>
    <t>【西门子】交流接触器\AC3RH2131-4AN60V,V,A</t>
  </si>
  <si>
    <t>【西门子】交流接触器\AC3RH2131-4AR60V,V,A</t>
  </si>
  <si>
    <t>【西门子】接触器\DC3RH2131-4BB40V,DCV,</t>
  </si>
  <si>
    <t>【西门子】交流接触器\AC3RH2140-1AB00V,V,A</t>
  </si>
  <si>
    <t>【西门子】交流接触器\AC3RH2140-1AD00V,V,A</t>
  </si>
  <si>
    <t>【西门子】交流接触器\AC3RH2140-1AF00V,V,A</t>
  </si>
  <si>
    <t>【西门子】交流接触器\AC3RH2140-1AH00V,V,A</t>
  </si>
  <si>
    <t>【西门子】交流接触器\AC3RH2140-1AK60V,V,A</t>
  </si>
  <si>
    <t>【西门子】交流接触器\AC3RH2140-1AL00V,V,A</t>
  </si>
  <si>
    <t>【西门子】交流接触器\AC3RH2140-1AM20V,V,A</t>
  </si>
  <si>
    <t>【西门子】交流接触器\AC3RH2140-1AN20V,V,A</t>
  </si>
  <si>
    <t>【西门子】交流接触器\AC3RH2140-1AN60V,V,A</t>
  </si>
  <si>
    <t>【西门子】交流接触器\AC3RH2140-1AP00V,V,A</t>
  </si>
  <si>
    <t>【西门子】交流接触器\AC3RH2140-1AP60V,V,A</t>
  </si>
  <si>
    <t>【西门子】交流接触器\AC3RH2140-1AQ00V,V,A</t>
  </si>
  <si>
    <t>【西门子】交流接触器\AC3RH2140-1AU00V,V,A</t>
  </si>
  <si>
    <t>【西门子】交流接触器\AC3RH2140-1AV00V,V,A</t>
  </si>
  <si>
    <t>【西门子】接触器\DC3RH2140-1BA40V,DCV,</t>
  </si>
  <si>
    <t>【西门子】接触器\DC3RH2140-1BB40-1AA0V,DCV,</t>
  </si>
  <si>
    <t>【西门子】接触器\DC3RH2140-1BC40V,DCV,</t>
  </si>
  <si>
    <t>【西门子】接触器\DC3RH2140-1BE40V,DCV,</t>
  </si>
  <si>
    <t>【西门子】接触器\DC3RH2140-1BF40V,DCV,</t>
  </si>
  <si>
    <t>【西门子】接触器\DC3RH2140-1BG40V,DCV,</t>
  </si>
  <si>
    <t>【西门子】接触器\DC3RH2140-1BM40V,DCV,</t>
  </si>
  <si>
    <t>【西门子】接触器\DC3RH2140-1BP40V,DCV,</t>
  </si>
  <si>
    <t>【西门子】接触器\DC3RH2140-1BW40V,DCV,</t>
  </si>
  <si>
    <t>【西门子】接触器\DC3RH2140-1FB40V,DCV,</t>
  </si>
  <si>
    <t>【西门子】接触器\DC3RH2140-1HB40V,DCV,</t>
  </si>
  <si>
    <t>【西门子】接触器\DC3RH2140-1KB40V,DCV,</t>
  </si>
  <si>
    <t>【西门子】接触器\DC3RH2140-1KF40V,DCV,</t>
  </si>
  <si>
    <t>【西门子】接触器\DC3RH2140-1MB40-0KT0V,DCV,</t>
  </si>
  <si>
    <t>【西门子】接触器\DC3RH2140-1SB40V,DCV,</t>
  </si>
  <si>
    <t>【西门子】接触器\DC3RH2140-1VB40V,DCV,</t>
  </si>
  <si>
    <t>【西门子】接触器\DC3RH2140-1WB40V,DCV,</t>
  </si>
  <si>
    <t>【西门子】交流接触器\AC3RH2140-2AB00V,V,A</t>
  </si>
  <si>
    <t>【西门子】交流接触器\AC3RH2140-2AD00V,V,A</t>
  </si>
  <si>
    <t>【西门子】交流接触器\AC3RH2140-2AF00V,V,A</t>
  </si>
  <si>
    <t>【西门子】交流接触器\AC3RH2140-2AH00V,V,A</t>
  </si>
  <si>
    <t>【西门子】交流接触器\AC3RH2140-2AK60V,V,A</t>
  </si>
  <si>
    <t>【西门子】交流接触器\AC3RH2140-2AN20V,V,A</t>
  </si>
  <si>
    <t>【西门子】交流接触器\AC3RH2140-2AP00V,V,A</t>
  </si>
  <si>
    <t>【西门子】交流接触器\AC3RH2140-2AP00-1AA0V,V,A</t>
  </si>
  <si>
    <t>【西门子】交流接触器\AC3RH2140-2AP60V,V,A</t>
  </si>
  <si>
    <t>【西门子】交流接触器\AC3RH2140-2AV00V,V,A</t>
  </si>
  <si>
    <t>【西门子】接触器\DC3RH2140-2BA40V,DCV,</t>
  </si>
  <si>
    <t>【西门子】接触器\DC3RH2140-2BB40V,DCV,</t>
  </si>
  <si>
    <t>【西门子】接触器\DC3RH2140-2BE40V,DCV,</t>
  </si>
  <si>
    <t>【西门子】接触器\DC3RH2140-2BF40V,DCV,</t>
  </si>
  <si>
    <t>【西门子】接触器\DC3RH2140-2BG40V,DCV,</t>
  </si>
  <si>
    <t>【西门子】接触器\DC3RH2140-2BM40V,DCV,</t>
  </si>
  <si>
    <t>【西门子】接触器\DC3RH2140-2BP40V,DCV,</t>
  </si>
  <si>
    <t>【西门子】接触器\DC3RH2140-2BW40V,DCV,</t>
  </si>
  <si>
    <t>【西门子】接触器\DC3RH2140-2FB40V,DCV,</t>
  </si>
  <si>
    <t>【西门子】交流接触器\AC3RH2140-2GG20V,V,A</t>
  </si>
  <si>
    <t>【西门子】接触器\DC3RH2140-2HB40V,DCV,</t>
  </si>
  <si>
    <t>【西门子】接触器\DC3RH2140-2JB40V,DCV,</t>
  </si>
  <si>
    <t>【西门子】接触器\DC3RH2140-2KB40V,DCV,</t>
  </si>
  <si>
    <t>【西门子】接触器\DC3RH2140-2KF40V,DCV,</t>
  </si>
  <si>
    <t>【西门子】接触器\DC3RH2140-2LB40V,DCV,</t>
  </si>
  <si>
    <t>【西门子】接触器\DC3RH2140-2LF40V,DCV,</t>
  </si>
  <si>
    <t>【西门子】接触器\DC3RH2140-2MB40-0KT0V,DCV,</t>
  </si>
  <si>
    <t>【西门子】接触器\DC3RH2140-2SB40V,DCV,</t>
  </si>
  <si>
    <t>【西门子】接触器\DC3RH2140-2VB40V,DCV,</t>
  </si>
  <si>
    <t>【西门子】接触器\DC3RH2140-2WB40V,DCV,</t>
  </si>
  <si>
    <t>【西门子】交流接触器\AC3RH2140-4AG60V,V,A</t>
  </si>
  <si>
    <t>【西门子】交流接触器\AC3RH2140-4AN60V,V,A</t>
  </si>
  <si>
    <t>【西门子】交流接触器\AC3RH2140-4AR60V,V,A</t>
  </si>
  <si>
    <t>【西门子】接触器\DC3RH2140-4BB40V,DCV,</t>
  </si>
  <si>
    <t>【西门子】接触器\DC3RH2140-4BG40V,DCV,</t>
  </si>
  <si>
    <t>【西门子】接触器\DC3RH2140-4KB40V,DCV,</t>
  </si>
  <si>
    <t>【西门子】交流接触器\AC3RH2244-1AP00V,V,A</t>
  </si>
  <si>
    <t>【西门子】接触器\DC3RH2244-1BB40V,DCV,</t>
  </si>
  <si>
    <t>【西门子】接触器\DC3RH2244-1BF40V,DCV,</t>
  </si>
  <si>
    <t>【西门子】交流接触器\AC3RH2244-2AP00V,V,A</t>
  </si>
  <si>
    <t>【西门子】接触器\DC3RH2244-2BB40V,DCV,</t>
  </si>
  <si>
    <t>【西门子】接触器\DC3RH2244-2BD80V,DCV,</t>
  </si>
  <si>
    <t>【西门子】交流接触器\AC3RH2244-4AK60V,V,A</t>
  </si>
  <si>
    <t>【西门子】交流接触器\AC3RH2244-4AM20V,V,A</t>
  </si>
  <si>
    <t>【西门子】交流接触器\AC3RH2244-4AP60V,V,A</t>
  </si>
  <si>
    <t>【西门子】交流接触器\AC3RH2244-4AW20V,V,A</t>
  </si>
  <si>
    <t>【西门子】接触器\DC3RH2244-4BG40V,DCV,</t>
  </si>
  <si>
    <t>【西门子】接触器\DC3RH2244-4BN40V,DCV,</t>
  </si>
  <si>
    <t>【西门子】接触器\DC3RH2244-4BW40V,DCV,</t>
  </si>
  <si>
    <t>【西门子】交流接触器\AC3RH2262-1AK60V,V,A</t>
  </si>
  <si>
    <t>【西门子】交流接触器\AC3RH2262-1AP00V,V,A</t>
  </si>
  <si>
    <t>【西门子】接触器\DC3RH2262-1BB40V,DCV,</t>
  </si>
  <si>
    <t>【西门子】交流接触器\AC3RH2262-2AP00V,V,A</t>
  </si>
  <si>
    <t>【西门子】接触器\DC3RH2262-2BB40V,DCV,</t>
  </si>
  <si>
    <t>【西门子】接触器\DC3RH2262-2BD80V,DCV,</t>
  </si>
  <si>
    <t>【西门子】交流接触器\AC3RH2262-4AK60V,V,A</t>
  </si>
  <si>
    <t>【西门子】交流接触器\AC3RH2262-4AM20V,V,A</t>
  </si>
  <si>
    <t>【西门子】接触器\DC3RH2262-4BG40V,DCV,</t>
  </si>
  <si>
    <t>【西门子】接触器\DC3RH2262-4BN40V,DCV,</t>
  </si>
  <si>
    <t>【西门子】接触器\DC3RH2262-4BW40V,DCV,</t>
  </si>
  <si>
    <t>【西门子】接触器\DC3RH2271-1BB40V,DCV,</t>
  </si>
  <si>
    <t>【西门子】交流接触器\AC3RH2344-1AF00V,V,A</t>
  </si>
  <si>
    <t>【西门子】交流接触器\AC3RH2344-1AP00-0KA0V,V,A</t>
  </si>
  <si>
    <t>【西门子】交流接触器\AC3RH2344-2AF00V,V,A</t>
  </si>
  <si>
    <t>【西门子】交流接触器\AC3RH2344-2AP00-0KA0V,V,A</t>
  </si>
  <si>
    <t>【西门子】接触器\DC3RH2344-2BB40V,DCV,</t>
  </si>
  <si>
    <t>【西门子】接触器\DC3RH2362-2AF00V,DCV,</t>
  </si>
  <si>
    <t>【西门子】接触器\DC3RH2362-2BB40V,DCV,</t>
  </si>
  <si>
    <t>【西门子】接触器\DC3RH2362-2BC40V,DCV,</t>
  </si>
  <si>
    <t>【西门子】交流接触器\AC3RH2362-2GG20V,V,A</t>
  </si>
  <si>
    <t>【西门子】接触器\DC3RH2371-2FB40V,DCV,</t>
  </si>
  <si>
    <t>【西门子】交流接触器\AC3RH2422-1AB00V,V,A</t>
  </si>
  <si>
    <t>【西门子】交流接触器\AC3RH2422-1AF00V,V,A</t>
  </si>
  <si>
    <t>【西门子】交流接触器\AC3RH2422-1AK60V,V,A</t>
  </si>
  <si>
    <t>【西门子】交流接触器\AC3RH2422-1AN20V,V,A</t>
  </si>
  <si>
    <t>【西门子】交流接触器\AC3RH2422-1AP60V,V,A</t>
  </si>
  <si>
    <t>【西门子】交流接触器\AC3RH2422-1AU00V,V,A</t>
  </si>
  <si>
    <t>【西门子】接触器\DC3RH2422-1BB40V,DCV,</t>
  </si>
  <si>
    <t>【西门子】接触器\DC3RH2422-1BC40V,DCV,</t>
  </si>
  <si>
    <t>【西门子】接触器\DC3RH2422-1BF40V,DCV,</t>
  </si>
  <si>
    <t>【西门子】接触器\DC3RH2422-1BG40V,DCV,</t>
  </si>
  <si>
    <t>【西门子】接触器\DC3RH2422-1BJ80V,DCV,</t>
  </si>
  <si>
    <t>【西门子】接触器\DC3RH2422-1BM40V,DCV,</t>
  </si>
  <si>
    <t>【西门子】接触器\DC3RH2422-1LF40-0LA0V,DCV,</t>
  </si>
  <si>
    <t>【西门子】交流接触器\AC3RH2431-1AB00V,V,A</t>
  </si>
  <si>
    <t>【西门子】交流接触器\AC3RH2431-1AK60V,V,A</t>
  </si>
  <si>
    <t>【西门子】交流接触器\AC3RH2431-1AP60V,V,A</t>
  </si>
  <si>
    <t>【西门子】交流接触器\AC3RH2431-1AU00V,V,A</t>
  </si>
  <si>
    <t>【西门子】接触器\DC3RH2431-1BB40V,DCV,</t>
  </si>
  <si>
    <t>【西门子】接触器\DC3RH2431-1BF40V,DCV,</t>
  </si>
  <si>
    <t>【西门子】接触器\DC3RH2431-1BG40V,DCV,</t>
  </si>
  <si>
    <t>【西门子】接触器\DC3RH2431-1BM40V,DCV,</t>
  </si>
  <si>
    <t>【西门子】接触器\DC3RH2431-1LW80-0LA0V,DCV,</t>
  </si>
  <si>
    <t>【西门子】接触器\DC3RH2431-1UW80V,DCV,</t>
  </si>
  <si>
    <t>【西门子】交流接触器\AC3RH2440-1AB00V,V,A</t>
  </si>
  <si>
    <t>【西门子】交流接触器\AC3RH2440-1AF00V,V,A</t>
  </si>
  <si>
    <t>【西门子】交流接触器\AC3RH2440-1AK60V,V,A</t>
  </si>
  <si>
    <t>【西门子】交流接触器\AC3RH2440-1AP00V,V,A</t>
  </si>
  <si>
    <t>【西门子】交流接触器\AC3RH2440-1AP60V,V,A</t>
  </si>
  <si>
    <t>【西门子】交流接触器\AC3RH2440-1AU00V,V,A</t>
  </si>
  <si>
    <t>【西门子】接触器\DC3RH2440-1BB40V,DCV,</t>
  </si>
  <si>
    <t>【西门子】接触器\DC3RH2440-1BF40V,DCV,</t>
  </si>
  <si>
    <t>【西门子】接触器\DC3RH2440-1BG40V,DCV,</t>
  </si>
  <si>
    <t>【西门子】接触器\DC3RH2440-1BM40V,DCV,</t>
  </si>
  <si>
    <t>【西门子】继电器\AC/DC24VV,3RH1921-1FE11A,</t>
  </si>
  <si>
    <t>【西门子】继电器\AC/DC24VV,3RH1921-1FE13A,</t>
  </si>
  <si>
    <t>【西门子】继电器\AC/DC24VV,3RH1921-2HK22A,</t>
  </si>
  <si>
    <t>【西门子】继电器\DC24VV,3RF2020-1AA02A,</t>
  </si>
  <si>
    <t>【西门子】继电器\DC24VV,3RF2020-1AA04A,</t>
  </si>
  <si>
    <t>【西门子】继电器\AC110-230VV,3RF2020-1AA22A,</t>
  </si>
  <si>
    <t>【西门子】继电器\AC110-230VV,3RF2020-1AA24A,</t>
  </si>
  <si>
    <t>【西门子】继电器\DC4-30VV,3RF2020-1AA42A,</t>
  </si>
  <si>
    <t>【西门子】继电器\DC4-30VV,3RF2020-1AA45A,</t>
  </si>
  <si>
    <t>【西门子】继电器\DC24VV,3RF2030-1AA02A,</t>
  </si>
  <si>
    <t>【西门子】继电器\DC24VV,3RF2030-1AA04A,</t>
  </si>
  <si>
    <t>【西门子】继电器\DC24VV,3RF2030-1AA06A,</t>
  </si>
  <si>
    <t>【西门子】继电器\AC110-230VV,3RF2030-1AA22A,</t>
  </si>
  <si>
    <t>【西门子】继电器\AC110-230VV,3RF2030-1AA24A,</t>
  </si>
  <si>
    <t>【西门子】继电器\AC110-230VV,3RF2030-1AA26A,</t>
  </si>
  <si>
    <t>【西门子】继电器\DC4-30VV,3RF2030-1AA42A,</t>
  </si>
  <si>
    <t>【西门子】继电器\DC24VV,3RF2030-1BA04-0WF0A,</t>
  </si>
  <si>
    <t>【西门子】继电器\DC24VV,3RF2050-1AA02A,</t>
  </si>
  <si>
    <t>【西门子】继电器\DC24VV,3RF2050-1AA04A,</t>
  </si>
  <si>
    <t>【西门子】继电器\DC24VV,3RF2050-1AA04-0WF0A,</t>
  </si>
  <si>
    <t>【西门子】继电器\DC24VV,3RF2050-1AA06A,</t>
  </si>
  <si>
    <t>【西门子】继电器\AC110-230VV,3RF2050-1AA22A,</t>
  </si>
  <si>
    <t>【西门子】继电器\AC110-230VV,3RF2050-1AA24A,</t>
  </si>
  <si>
    <t>【西门子】继电器\AC110-230VV,3RF2050-1AA26A,</t>
  </si>
  <si>
    <t>【西门子】继电器\DC4-30VV,3RF2050-1AA44A,</t>
  </si>
  <si>
    <t>【西门子】继电器\DC4-30VV,3RF2050-1AA45A,</t>
  </si>
  <si>
    <t>【西门子】继电器\DC24VV,3RF2050-4AA02A,</t>
  </si>
  <si>
    <t>【西门子】继电器\DC24VV,3RF2070-1AA02A,</t>
  </si>
  <si>
    <t>【西门子】继电器\DC24VV,3RF2070-1AA04A,</t>
  </si>
  <si>
    <t>【西门子】继电器\DC24VV,3RF2070-1AA04-0WF0A,</t>
  </si>
  <si>
    <t>【西门子】继电器\DC24VV,3RF2070-1AA06A,</t>
  </si>
  <si>
    <t>【西门子】继电器\AC110-230VV,3RF2070-1AA22A,</t>
  </si>
  <si>
    <t>【西门子】继电器\AC110-230VV,3RF2070-1AA24A,</t>
  </si>
  <si>
    <t>【西门子】继电器\AC110-230VV,3RF2070-1AA26A,</t>
  </si>
  <si>
    <t>【西门子】继电器\DC4-30VV,3RF2070-1AA45A,</t>
  </si>
  <si>
    <t>【西门子】继电器\DC4-30VV,3RF2071-1AA45-1KP0A,</t>
  </si>
  <si>
    <t>【西门子】继电器\DC24VV,3RF2090-1AA02A,</t>
  </si>
  <si>
    <t>【西门子】继电器\DC24VV,3RF2090-1AA04A,</t>
  </si>
  <si>
    <t>【西门子】继电器\DC24VV,3RF2090-1AA06A,</t>
  </si>
  <si>
    <t>【西门子】继电器\AC110-230VV,3RF2090-1AA22A,</t>
  </si>
  <si>
    <t>【西门子】继电器\AC110-230VV,3RF2090-1AA24A,</t>
  </si>
  <si>
    <t>【西门子】继电器\AC110-230VV,3RF2090-1AA26A,</t>
  </si>
  <si>
    <t>【西门子】继电器\DC4-30VV,3RF2090-1AA45A,</t>
  </si>
  <si>
    <t>【西门子】继电器\DC24VV,3RF2120-1AA02A,</t>
  </si>
  <si>
    <t>【西门子】继电器\DC24VV,3RF2120-1AA04A,</t>
  </si>
  <si>
    <t>【西门子】继电器\AC110-230VV,3RF2120-1AA22A,</t>
  </si>
  <si>
    <t>【西门子】继电器\AC110-230VV,3RF2120-1AA24A,</t>
  </si>
  <si>
    <t>【西门子】继电器\DC4-30VV,3RF2120-1AA42A,</t>
  </si>
  <si>
    <t>【西门子】继电器\DC4-30VV,3RF2120-1AA45A,</t>
  </si>
  <si>
    <t>【西门子】继电器\DC24VV,3RF2120-1BA04A,</t>
  </si>
  <si>
    <t>【西门子】继电器\DC24VV,3RF2120-2AA02A,</t>
  </si>
  <si>
    <t>【西门子】继电器\DC24VV,3RF2120-2AA04A,</t>
  </si>
  <si>
    <t>【西门子】继电器\AC110-230VV,3RF2120-2AA22A,</t>
  </si>
  <si>
    <t>【西门子】继电器\AC110-230VV,3RF2120-2AA24A,</t>
  </si>
  <si>
    <t>【西门子】继电器\DC4-30VV,3RF2120-2AA42A,</t>
  </si>
  <si>
    <t>【西门子】继电器\DC4-30VV,3RF2120-2AA45A,</t>
  </si>
  <si>
    <t>【西门子】继电器\DC24VV,3RF2120-3AA02A,</t>
  </si>
  <si>
    <t>【西门子】继电器\DC24VV,3RF2120-3AA04A,</t>
  </si>
  <si>
    <t>【西门子】继电器\AC110-230VV,3RF2120-3AA22A,</t>
  </si>
  <si>
    <t>【西门子】继电器\AC110-230VV,3RF2120-3AA24A,</t>
  </si>
  <si>
    <t>【西门子】继电器\DC24VV,3RF2130-1AA02A,</t>
  </si>
  <si>
    <t>【西门子】继电器\DC24VV,3RF2130-1AA04A,</t>
  </si>
  <si>
    <t>【西门子】继电器\DC24VV,3RF2130-1AA06A,</t>
  </si>
  <si>
    <t>【西门子】继电器\AC110-230VV,3RF2130-1AA22A,</t>
  </si>
  <si>
    <t>【西门子】继电器\AC110-230VV,3RF2130-1AA24A,</t>
  </si>
  <si>
    <t>【西门子】继电器\AC110-230VV,3RF2130-1AA26A,</t>
  </si>
  <si>
    <t>【西门子】继电器\DC4-30VV,3RF2130-1AA42A,</t>
  </si>
  <si>
    <t>【西门子】继电器\DC4-30VV,3RF2130-1AA45A,</t>
  </si>
  <si>
    <t>【西门子】继电器\DC24VV,3RF2130-1BA04A,</t>
  </si>
  <si>
    <t>【西门子】继电器\DC24VV,3RF2150-1AA02A,</t>
  </si>
  <si>
    <t>【西门子】继电器\DC24VV,3RF2150-1AA04A,</t>
  </si>
  <si>
    <t>【西门子】继电器\DC24VV,3RF2150-1AA06A,</t>
  </si>
  <si>
    <t>【西门子】继电器\DC24VV,3RF2150-1AA14A,</t>
  </si>
  <si>
    <t>【西门子】继电器\AC110-230VV,3RF2150-1AA22A,</t>
  </si>
  <si>
    <t>【西门子】继电器\AC110-230VV,3RF2150-1AA24A,</t>
  </si>
  <si>
    <t>【西门子】继电器\AC110-230VV,3RF2150-1AA26A,</t>
  </si>
  <si>
    <t>【西门子】继电器\DC4-30VV,3RF2150-1AA44-1KK0A,</t>
  </si>
  <si>
    <t>【西门子】继电器\DC4-30VV,3RF2150-1AA45A,</t>
  </si>
  <si>
    <t>【西门子】继电器\DC24VV,3RF2150-1AG04A,</t>
  </si>
  <si>
    <t>【西门子】继电器\DC24VV,3RF2150-1BA04A,</t>
  </si>
  <si>
    <t>【西门子】继电器\DC24VV,3RF2150-1BA06A,</t>
  </si>
  <si>
    <t>【西门子】继电器\AC110-230VV,3RF2150-1BA22A,</t>
  </si>
  <si>
    <t>【西门子】继电器\DC24VV,3RF2150-2AA02A,</t>
  </si>
  <si>
    <t>【西门子】继电器\DC24VV,3RF2150-2AA04A,</t>
  </si>
  <si>
    <t>【西门子】继电器\DC24VV,3RF2150-2AA06A,</t>
  </si>
  <si>
    <t>【西门子】继电器\DC24VV,3RF2150-2AA14A,</t>
  </si>
  <si>
    <t>【西门子】继电器\AC110-230VV,3RF2150-2AA22A,</t>
  </si>
  <si>
    <t>【西门子】继电器\AC110-230VV,3RF2150-2AA24A,</t>
  </si>
  <si>
    <t>【西门子】继电器\AC110-230VV,3RF2150-2AA26A,</t>
  </si>
  <si>
    <t>【西门子】继电器\DC24VV,3RF2150-3AA02A,</t>
  </si>
  <si>
    <t>【西门子】继电器\DC24VV,3RF2150-3AA04A,</t>
  </si>
  <si>
    <t>【西门子】继电器\DC24VV,3RF2150-3AA06A,</t>
  </si>
  <si>
    <t>【西门子】继电器\AC110-230VV,3RF2150-3AA22A,</t>
  </si>
  <si>
    <t>【西门子】继电器\AC110-230VV,3RF2150-3AA24A,</t>
  </si>
  <si>
    <t>【西门子】继电器\AC110-230VV,3RF2150-3AA26A,</t>
  </si>
  <si>
    <t>【西门子】继电器\DC24VV,3RF2170-1AA02A,</t>
  </si>
  <si>
    <t>【西门子】继电器\DC24VV,3RF2170-1AA04A,</t>
  </si>
  <si>
    <t>【西门子】继电器\DC24VV,3RF2170-1AA05-0KN0A,</t>
  </si>
  <si>
    <t>【西门子】继电器\DC24VV,3RF2170-1AA06A,</t>
  </si>
  <si>
    <t>【西门子】继电器\AC110-230VV,3RF2170-1AA22A,</t>
  </si>
  <si>
    <t>【西门子】继电器\AC110-230VV,3RF2170-1AA24A,</t>
  </si>
  <si>
    <t>【西门子】继电器\AC110-230VV,3RF2170-1AA26A,</t>
  </si>
  <si>
    <t>【西门子】继电器\DC4-30VV,3RF2170-1AA45A,</t>
  </si>
  <si>
    <t>【西门子】继电器\DC24VV,3RF2170-1BA04A,</t>
  </si>
  <si>
    <t>【西门子】继电器\DC24VV,3RF2170-1CA04A,</t>
  </si>
  <si>
    <t>【西门子】继电器\DC4-30VV,3RF2171-1AA45-1KP0A,</t>
  </si>
  <si>
    <t>【西门子】继电器\DC24VV,3RF2190-1AA02A,</t>
  </si>
  <si>
    <t>【西门子】继电器\DC24VV,3RF2190-1AA04A,</t>
  </si>
  <si>
    <t>【西门子】继电器\DC24VV,3RF2190-1AA06A,</t>
  </si>
  <si>
    <t>【西门子】继电器\AC110-230VV,3RF2190-1AA22A,</t>
  </si>
  <si>
    <t>【西门子】继电器\AC110-230VV,3RF2190-1AA24A,</t>
  </si>
  <si>
    <t>【西门子】继电器\AC110-230VV,3RF2190-1AA26A,</t>
  </si>
  <si>
    <t>【西门子】继电器\DC4-30VV,3RF2190-1AA45A,</t>
  </si>
  <si>
    <t>【西门子】继电器\DC24VV,3RF2190-1BA04A,</t>
  </si>
  <si>
    <t>【西门子】继电器\DC24VV,3RF2190-2AA02A,</t>
  </si>
  <si>
    <t>【西门子】继电器\DC24VV,3RF2190-2AA04A,</t>
  </si>
  <si>
    <t>【西门子】继电器\DC24VV,3RF2190-2AA06A,</t>
  </si>
  <si>
    <t>【西门子】继电器\AC110-230VV,3RF2190-2AA22A,</t>
  </si>
  <si>
    <t>【西门子】继电器\AC110-230VV,3RF2190-2AA24A,</t>
  </si>
  <si>
    <t>【西门子】继电器\AC110-230VV,3RF2190-2AA26A,</t>
  </si>
  <si>
    <t>【西门子】继电器\DC24VV,3RF2190-3AA02A,</t>
  </si>
  <si>
    <t>【西门子】继电器\DC24VV,3RF2190-3AA04A,</t>
  </si>
  <si>
    <t>【西门子】继电器\DC24VV,3RF2190-3AA06A,</t>
  </si>
  <si>
    <t>【西门子】继电器\AC110-230VV,3RF2190-3AA22A,</t>
  </si>
  <si>
    <t>【西门子】继电器\AC110-230VV,3RF2190-3AA24A,</t>
  </si>
  <si>
    <t>【西门子】继电器\AC110-230VV,3RF2190-3AA26A,</t>
  </si>
  <si>
    <t>【西门子】继电器\DC4-30VV,3RF2190-3AA44A,</t>
  </si>
  <si>
    <t>【西门子】继电器\AC110VV,3RF2230-1AB35A,</t>
  </si>
  <si>
    <t>【西门子】继电器\DC4-30VV,3RF2230-1AB45A,</t>
  </si>
  <si>
    <t>【西门子】继电器\AC110VV,3RF2230-1AC35A,</t>
  </si>
  <si>
    <t>【西门子】继电器\DC4-30VV,3RF2230-1AC45A,</t>
  </si>
  <si>
    <t>【西门子】继电器\DC4-30VV,3RF2230-2AB45A,</t>
  </si>
  <si>
    <t>【西门子】继电器\DC4-30VV,3RF2230-2AC45A,</t>
  </si>
  <si>
    <t>【西门子】继电器\DC4-30VV,3RF2230-3AB45A,</t>
  </si>
  <si>
    <t>【西门子】继电器\DC4-30VV,3RF2230-3AC45A,</t>
  </si>
  <si>
    <t>【西门子】继电器\AC110VV,3RF2255-1AB35A,</t>
  </si>
  <si>
    <t>【西门子】继电器\DC4-30VV,3RF2255-1AB45A,</t>
  </si>
  <si>
    <t>【西门子】继电器\AC110VV,3RF2255-1AC35A,</t>
  </si>
  <si>
    <t>【西门子】继电器\DC4-30VV,3RF2255-1AC45A,</t>
  </si>
  <si>
    <t>【西门子】继电器\DC4-30VV,3RF2255-2AB45A,</t>
  </si>
  <si>
    <t>【西门子】继电器\DC4-30VV,3RF2255-2AC45A,</t>
  </si>
  <si>
    <t>【西门子】继电器\DC4-30VV,3RF2255-3AB45A,</t>
  </si>
  <si>
    <t>【西门子】继电器\DC4-30VV,3RF2255-3AC45A,</t>
  </si>
  <si>
    <t>【西门子】继电器\DC4-30VV,3RF2330-3AA44A,</t>
  </si>
  <si>
    <t>【西门子】继电器\DC4-30VV,3RF2340-3AA45A,</t>
  </si>
  <si>
    <t>【西门子】继电器\DC4-30VV,3RF2350-3AA44A,</t>
  </si>
  <si>
    <t>【西门子】启动器\3RM1910-1AA\V,A</t>
  </si>
  <si>
    <t>【西门子】启动器\3RM1910-1BA\V,A</t>
  </si>
  <si>
    <t>【西门子】启动器\3RM1910-1DA\V,A</t>
  </si>
  <si>
    <t>【西门子】启动器\3RM1910-6AA\V,A</t>
  </si>
  <si>
    <t>【西门子】启动器\3RM1920-1AA\V,A</t>
  </si>
  <si>
    <t>【西门子】启动器\3RM1930-1AA\V,A</t>
  </si>
  <si>
    <t>【西门子】启动器\3RM1932-1AB\V,A</t>
  </si>
  <si>
    <t>【西门子】启动器\3RM1001-1AA04\V,A</t>
  </si>
  <si>
    <t>【西门子】启动器\3RM1001-1AA14\V,A</t>
  </si>
  <si>
    <t>【西门子】启动器\3RM1001-2AA04\V,A</t>
  </si>
  <si>
    <t>【西门子】启动器\3RM1001-2AA14\V,A</t>
  </si>
  <si>
    <t>【西门子】启动器\3RM1001-3AA04\V,A</t>
  </si>
  <si>
    <t>【西门子】启动器\3RM1001-3AA14\V,A</t>
  </si>
  <si>
    <t>【西门子】启动器\3RM1002-1AA04\V,A</t>
  </si>
  <si>
    <t>【西门子】启动器\3RM1002-1AA14\V,A</t>
  </si>
  <si>
    <t>【西门子】启动器\3RM1002-2AA04\V,A</t>
  </si>
  <si>
    <t>【西门子】启动器\3RM1002-2AA14\V,A</t>
  </si>
  <si>
    <t>【西门子】启动器\3RM1002-3AA04\V,A</t>
  </si>
  <si>
    <t>【西门子】启动器\3RM1002-3AA14\V,A</t>
  </si>
  <si>
    <t>【西门子】启动器\3RM1007-1AA04\V,A</t>
  </si>
  <si>
    <t>【西门子】启动器\3RM1007-1AA14\V,A</t>
  </si>
  <si>
    <t>【西门子】启动器\3RM1007-2AA04\V,A</t>
  </si>
  <si>
    <t>【西门子】启动器\3RM1007-2AA14\V,A</t>
  </si>
  <si>
    <t>【西门子】启动器\3RM1007-3AA04\V,A</t>
  </si>
  <si>
    <t>【西门子】启动器\3RM1007-3AA14\V,A</t>
  </si>
  <si>
    <t>【西门子】启动器\3RM1101-1AA04\V,A</t>
  </si>
  <si>
    <t>【西门子】启动器\3RM1101-1AA14\V,A</t>
  </si>
  <si>
    <t>【西门子】启动器\3RM1101-2AA04\V,A</t>
  </si>
  <si>
    <t>【西门子】启动器\3RM1101-2AA14\V,A</t>
  </si>
  <si>
    <t>【西门子】启动器\3RM1101-3AA04\V,A</t>
  </si>
  <si>
    <t>【西门子】启动器\3RM1101-3AA14\V,A</t>
  </si>
  <si>
    <t>【西门子】启动器\3RM1102-1AA04\V,A</t>
  </si>
  <si>
    <t>【西门子】启动器\3RM1102-1AA14\V,A</t>
  </si>
  <si>
    <t>【西门子】启动器\3RM1102-2AA04\V,A</t>
  </si>
  <si>
    <t>【西门子】启动器\3RM1102-2AA14\V,A</t>
  </si>
  <si>
    <t>【西门子】启动器\3RM1102-3AA04\V,A</t>
  </si>
  <si>
    <t>【西门子】启动器\3RM1102-3AA14\V,A</t>
  </si>
  <si>
    <t>【西门子】启动器\3RM1107-1AA04\V,A</t>
  </si>
  <si>
    <t>【西门子】启动器\3RM1107-1AA14\V,A</t>
  </si>
  <si>
    <t>【西门子】启动器\3RM1107-2AA04\V,A</t>
  </si>
  <si>
    <t>【西门子】启动器\3RM1107-2AA14\V,A</t>
  </si>
  <si>
    <t>【西门子】启动器\3RM1107-3AA04\V,A</t>
  </si>
  <si>
    <t>【西门子】启动器\3RM1107-3AA14\V,A</t>
  </si>
  <si>
    <t>【西门子】启动器\3RM1201-1AA04\V,A</t>
  </si>
  <si>
    <t>【西门子】启动器\3RM1201-1AA14\V,A</t>
  </si>
  <si>
    <t>【西门子】启动器\3RM1201-2AA04\V,A</t>
  </si>
  <si>
    <t>【西门子】启动器\3RM1201-2AA14\V,A</t>
  </si>
  <si>
    <t>【西门子】启动器\3RM1201-3AA04\V,A</t>
  </si>
  <si>
    <t>【西门子】启动器\3RM1201-3AA14\V,A</t>
  </si>
  <si>
    <t>【西门子】启动器\3RM1202-1AA04\V,A</t>
  </si>
  <si>
    <t>【西门子】启动器\3RM1202-1AA14\V,A</t>
  </si>
  <si>
    <t>【西门子】启动器\3RM1202-2AA04\V,A</t>
  </si>
  <si>
    <t>【西门子】启动器\3RM1202-2AA14\V,A</t>
  </si>
  <si>
    <t>【西门子】启动器\3RM1202-3AA04\V,A</t>
  </si>
  <si>
    <t>【西门子】启动器\3RM1202-3AA14\V,A</t>
  </si>
  <si>
    <t>【西门子】启动器\3RM1207-1AA04\V,A</t>
  </si>
  <si>
    <t>【西门子】启动器\3RM1207-1AA14\V,A</t>
  </si>
  <si>
    <t>【西门子】启动器\3RM1207-2AA14\V,A</t>
  </si>
  <si>
    <t>【西门子】启动器\3RM1207-3AA04\V,A</t>
  </si>
  <si>
    <t>【西门子】启动器\3RM1207-3AA14\V,A</t>
  </si>
  <si>
    <t>【西门子】启动器\3RM1301-1AA04\V,A</t>
  </si>
  <si>
    <t>【西门子】启动器\3RM1301-1AA14\V,A</t>
  </si>
  <si>
    <t>【西门子】启动器\3RM1301-2AA04\V,A</t>
  </si>
  <si>
    <t>【西门子】启动器\3RM1301-2AA14\V,A</t>
  </si>
  <si>
    <t>【西门子】启动器\3RM1301-3AA04\V,A</t>
  </si>
  <si>
    <t>【西门子】启动器\3RM1301-3AA14\V,A</t>
  </si>
  <si>
    <t>【西门子】启动器\3RM1302-1AA04\V,A</t>
  </si>
  <si>
    <t>【西门子】启动器\3RM1302-1AA14\V,A</t>
  </si>
  <si>
    <t>【西门子】启动器\3RM1302-2AA04\V,A</t>
  </si>
  <si>
    <t>【西门子】启动器\3RM1302-2AA14\V,A</t>
  </si>
  <si>
    <t>【西门子】启动器\3RM1302-3AA04\V,A</t>
  </si>
  <si>
    <t>【西门子】启动器\3RM1302-3AA14\V,A</t>
  </si>
  <si>
    <t>【西门子】启动器\3RM1307-1AA04\V,A</t>
  </si>
  <si>
    <t>【西门子】启动器\3RM1307-1AA14\V,A</t>
  </si>
  <si>
    <t>【西门子】启动器\3RM1307-2AA04\V,A</t>
  </si>
  <si>
    <t>【西门子】启动器\3RM1307-2AA14\V,A</t>
  </si>
  <si>
    <t>【西门子】启动器\3RM1307-3AA04\V,A</t>
  </si>
  <si>
    <t>【西门子】启动器\3RM1207-2AA04\V,A</t>
  </si>
  <si>
    <t>【西门子】启动器\3RM1307-3AA14\V,A</t>
  </si>
  <si>
    <t>【西门子】继电器\AC/DC24VV,3RS1800-1AP00A,</t>
  </si>
  <si>
    <t>【西门子】继电器\AC/DC24VV,3RS1800-1AQ00A,</t>
  </si>
  <si>
    <t>【西门子】继电器\AC/DC24VV,3RS1800-1BQ00A,</t>
  </si>
  <si>
    <t>【西门子】继电器\AC/DC24VV,3RS1800-1HP00A,</t>
  </si>
  <si>
    <t>【西门子】继电器\AC/DC24VV,3RS1800-1HP01A,</t>
  </si>
  <si>
    <t>【西门子】继电器\AC/DC24VV,3RS1800-1HQ00A,</t>
  </si>
  <si>
    <t>【西门子】继电器\AC/DC24VV,3RS1800-1HQ01A,</t>
  </si>
  <si>
    <t>【西门子】继电器\AC/DC24-240VV,3RS1800-1HW00A,</t>
  </si>
  <si>
    <t>【西门子】继电器\AC/DC24VV,3RS1800-2AP00A,</t>
  </si>
  <si>
    <t>【西门子】继电器\AC/DC24VV,3RS1800-2AQ00A,</t>
  </si>
  <si>
    <t>【西门子】继电器\AC/DC24VV,3RS1800-2BP00A,</t>
  </si>
  <si>
    <t>【西门子】继电器\AC/DC24VV,3RS1800-2BQ00A,</t>
  </si>
  <si>
    <t>【西门子】继电器\AC/DC24-240VV,3RS1800-2BW00A,</t>
  </si>
  <si>
    <t>【西门子】继电器\AC/DC24VV,3RS1800-2HP00A,</t>
  </si>
  <si>
    <t>【西门子】继电器\AC/DC24VV,3RS1800-2HP01A,</t>
  </si>
  <si>
    <t>【西门子】继电器\AC/DC24VV,3RS1800-2HQ00A,</t>
  </si>
  <si>
    <t>【西门子】继电器\AC/DC24VV,3RS1800-2HQ01A,</t>
  </si>
  <si>
    <t>【西门子】继电器\AC/DC24-240VV,3RS1800-2HW00A,</t>
  </si>
  <si>
    <t>【西门子】继电器\AC/DC24-240VV,3RS1800-2HW01A,</t>
  </si>
  <si>
    <t>【西门子】继电器\AC/DC24-240VV,3RQ2000-1AW00A,</t>
  </si>
  <si>
    <t>【西门子】继电器\AC/DC24-240VV,3RQ2000-1BW00A,</t>
  </si>
  <si>
    <t>【西门子】继电器\AC/DC24-240VV,3RQ2000-1CW00A,</t>
  </si>
  <si>
    <t>【西门子】继电器\AC/DC24-240VV,3RQ2000-1CW01A,</t>
  </si>
  <si>
    <t>【西门子】继电器\AC/DC24-240VV,3RQ2000-2AW00A,</t>
  </si>
  <si>
    <t>【西门子】继电器\AC/DC24-240VV,3RQ2000-2BW00A,</t>
  </si>
  <si>
    <t>【西门子】继电器\AC/DC24-240VV,3RQ2000-2CW00A,</t>
  </si>
  <si>
    <t>【西门子】继电器\AC/DC24-240VV,3RQ2000-2CW01A,</t>
  </si>
  <si>
    <t>【西门子】继电器\AC/DC115VV,3RQ3118-1AE00A,</t>
  </si>
  <si>
    <t>【西门子】继电器\AC/DC230VV,3RQ3118-2AF01A,</t>
  </si>
  <si>
    <t>【西门子】继电器\DC24VV,3RQ3118-2AM01A,</t>
  </si>
  <si>
    <t>【西门子】继电器\AC/DC230VV,3RQ3118-1AF00A,</t>
  </si>
  <si>
    <t>【西门子】继电器\DC24VV,3RQ3118-1AM00A,</t>
  </si>
  <si>
    <t>【西门子】继电器\AC/DC24VV,3RQ3118-2AB00A,</t>
  </si>
  <si>
    <t>【西门子】继电器\DC24VV,3RQ3118-2AM00A,</t>
  </si>
  <si>
    <t>【西门子】继电器\AC/DC24VV,3RQ3118-1AB00A,</t>
  </si>
  <si>
    <t>【西门子】继电器\AC/DC115VV,3RQ3118-1AE01A,</t>
  </si>
  <si>
    <t>【西门子】继电器\AC/DC230VV,3RQ3118-1AF01A,</t>
  </si>
  <si>
    <t>【西门子】继电器\AC/DC24VV,3RQ3118-2AB01A,</t>
  </si>
  <si>
    <t>【西门子】继电器\AC/DC115VV,3RQ3118-2AE00A,</t>
  </si>
  <si>
    <t>【西门子】继电器\AC/DC115VV,3RQ3118-2AE01A,</t>
  </si>
  <si>
    <t>【西门子】继电器\AC/DC230VV,3RQ3118-2AF00A,</t>
  </si>
  <si>
    <t>【西门子】继电器\AC/DC24VV,3RQ3118-1AB01A,</t>
  </si>
  <si>
    <t>【西门子】继电器\AC/DC24VV,3RQ3118-1AM01A,</t>
  </si>
  <si>
    <t>【西门子】继电器\AC/DC24VV,3RP2005-1AQ30A,</t>
  </si>
  <si>
    <t>【西门子】继电器\AC/DC24-240VV,3RP2005-1BW30A,</t>
  </si>
  <si>
    <t>【西门子】继电器\AC/DC24VV,3RP2005-2AP30A,</t>
  </si>
  <si>
    <t>【西门子】继电器\AC/DC24VV,3RP2005-2AQ30A,</t>
  </si>
  <si>
    <t>【西门子】继电器\AC/DC24-240VV,3RP2005-2BW30A,</t>
  </si>
  <si>
    <t>【西门子】继电器\AC/DC24VV,3RP2025-1AP30A,</t>
  </si>
  <si>
    <t>【西门子】继电器\AC/DC24VV,3RP2025-1AQ30A,</t>
  </si>
  <si>
    <t>【西门子】继电器\AC/DC24VV,3RP2025-2AP30A,</t>
  </si>
  <si>
    <t>【西门子】继电器\AC/DC24VV,3RP2025-2AQ30A,</t>
  </si>
  <si>
    <t>【西门子】继电器\AC/DC24-66VV,3RT1926-2CG11A,</t>
  </si>
  <si>
    <t>【西门子】继电器\AC/DC24-66VV,3RT1926-2CG21A,</t>
  </si>
  <si>
    <t>【西门子】继电器\AC/DC24-66VV,3RT1926-2CG31A,</t>
  </si>
  <si>
    <t>【西门子】继电器\AC/DC90-240VV,3RT1926-2CH11A,</t>
  </si>
  <si>
    <t>【西门子】继电器\AC/DC90-240VV,3RT1926-2CH21A,</t>
  </si>
  <si>
    <t>【西门子】继电器\AC/DC90-240VV,3RT1926-2CH31A,</t>
  </si>
  <si>
    <t>【西门子】继电器\AC/DC24-66VV,3RT1926-2DG11A,</t>
  </si>
  <si>
    <t>【西门子】继电器\AC/DC24-66VV,3RT1926-2DG21A,</t>
  </si>
  <si>
    <t>【西门子】继电器\AC/DC24-66VV,3RT1926-2DG31A,</t>
  </si>
  <si>
    <t>【西门子】继电器\AC/DC90-240VV,3RT1926-2DH11A,</t>
  </si>
  <si>
    <t>【西门子】继电器\AC/DC90-240VV,3RT1926-2DH21A,</t>
  </si>
  <si>
    <t>【西门子】继电器\AC/DC90-240VV,3RT1926-2DH31A,</t>
  </si>
  <si>
    <t>【西门子】可密封盖\3RR2940\3RR2</t>
  </si>
  <si>
    <t>【西门子】继电器\7PV1508-1AW30</t>
  </si>
  <si>
    <t>【西门子】继电器\7PV1508-1BW30</t>
  </si>
  <si>
    <t>【西门子】继电器\7PV1511-1AP30</t>
  </si>
  <si>
    <t>【西门子】继电器\7PV1512-1AP30</t>
  </si>
  <si>
    <t>【西门子】继电器\7PV1512-1AQ30</t>
  </si>
  <si>
    <t>【西门子】继电器\7PV1513-1AP30</t>
  </si>
  <si>
    <t>【西门子】继电器\7PV1513-1AQ30</t>
  </si>
  <si>
    <t>【西门子】继电器\7PV1518-1AJ30</t>
  </si>
  <si>
    <t>【西门子】继电器\7PV1518-1AN30</t>
  </si>
  <si>
    <t>【西门子】继电器\7PV1518-1AW30</t>
  </si>
  <si>
    <t>【西门子】继电器\7PV1538-1AW30</t>
  </si>
  <si>
    <t>【西门子】继电器\7PV1540-1AW30</t>
  </si>
  <si>
    <t>【西门子】继电器\7PV1558-1AW30</t>
  </si>
  <si>
    <t>【西门子】继电器\7PV1578-1BW30</t>
  </si>
  <si>
    <t>【西门子】继电器\3TG1001-0AC2V</t>
  </si>
  <si>
    <t>【西门子】继电器\3TG1001-0AG2V</t>
  </si>
  <si>
    <t>【西门子】继电器\3TG1001-0AL2V</t>
  </si>
  <si>
    <t>【西门子】继电器\3TG1001-0AL20-0AA0V</t>
  </si>
  <si>
    <t>【西门子】继电器\3TG1001-0AL25V</t>
  </si>
  <si>
    <t>【西门子】继电器\3TG1001-0BB4V</t>
  </si>
  <si>
    <t>【西门子】继电器\3TG1001-0BB45V</t>
  </si>
  <si>
    <t>【西门子】继电器\3TG1001-1AC2V</t>
  </si>
  <si>
    <t>【西门子】继电器\3TG1001-1AG2V</t>
  </si>
  <si>
    <t>【西门子】继电器\3TG1001-1AL2V</t>
  </si>
  <si>
    <t>【西门子】继电器\3TG1001-1BB4V</t>
  </si>
  <si>
    <t>【西门子】继电器\3TG1010-0AC2V</t>
  </si>
  <si>
    <t>【西门子】继电器\3TG1010-0AG2V</t>
  </si>
  <si>
    <t>【西门子】继电器\3TG1010-0AL2V</t>
  </si>
  <si>
    <t>【西门子】继电器\3TG1010-0AM2V</t>
  </si>
  <si>
    <t>【西门子】继电器\3TG1010-0BB4V</t>
  </si>
  <si>
    <t>【西门子】继电器\3TG1010-1AC2V</t>
  </si>
  <si>
    <t>【西门子】继电器\3TG1010-1AG2V</t>
  </si>
  <si>
    <t>【西门子】继电器\3TG1010-1AL2V</t>
  </si>
  <si>
    <t>【西门子】继电器\3TG1010-1BA4V</t>
  </si>
  <si>
    <t>【西门子】继电器\3TG1010-1BB4V</t>
  </si>
  <si>
    <t>【西门子】继电器\AC/DC24VV,3RP1505-1AA40A,</t>
  </si>
  <si>
    <t>【西门子】继电器\AC/DC24VV,3RP1505-1AQ30A,</t>
  </si>
  <si>
    <t>【西门子】继电器\AC/DC240VV,3RP1505-1AW30A,</t>
  </si>
  <si>
    <t>【西门子】继电器\AC/DC24VV,3RP1505-1BP30A,</t>
  </si>
  <si>
    <t>【西门子】继电器\AC/DC24VV,3RP1505-1BQ30A,</t>
  </si>
  <si>
    <t>【西门子】继电器\AC/DC24VV,3RP1505-1BT20A,</t>
  </si>
  <si>
    <t>【西门子】继电器\AC/DC240VV,3RP1505-1RW30A,</t>
  </si>
  <si>
    <t>【西门子】继电器\AC/DC24VV,3RP1505-2AP30A,</t>
  </si>
  <si>
    <t>【西门子】继电器\AC/DC240VV,3RP1505-2AW30A,</t>
  </si>
  <si>
    <t>【西门子】继电器\AC/DC24VV,3RP1505-2BP30A,</t>
  </si>
  <si>
    <t>【西门子】继电器\AC/DC240VV,3RP1505-2RW30A,</t>
  </si>
  <si>
    <t>【西门子】继电器\AC/DC24VV,3RP1511-1AP30A,</t>
  </si>
  <si>
    <t>【西门子】继电器\AC/DC24VV,3RP1511-1AQ30A,</t>
  </si>
  <si>
    <t>【西门子】继电器\AC/DC24VV,3RP1511-2AP30A,</t>
  </si>
  <si>
    <t>【西门子】继电器\AC/DC24VV,3RP1511-2AQ30A,</t>
  </si>
  <si>
    <t>【西门子】继电器\AC/DC24VV,3RP1512-1AQ30A,</t>
  </si>
  <si>
    <t>【西门子】继电器\AC/DC24VV,3RP1512-2AP30A,</t>
  </si>
  <si>
    <t>【西门子】继电器\AC/DC24VV,3RP1513-1AP30A,</t>
  </si>
  <si>
    <t>【西门子】继电器\AC/DC24VV,3RP1513-1AQ30A,</t>
  </si>
  <si>
    <t>【西门子】继电器\AC/DC24VV,3RP1513-2AP30A,</t>
  </si>
  <si>
    <t>【西门子】继电器\AC/DC240VV,3RP1518-1BW38-0AB8A,</t>
  </si>
  <si>
    <t>【西门子】继电器\AC/DC24VV,3RP1525-1AQ30A,</t>
  </si>
  <si>
    <t>【西门子】继电器\AC/DC24VV,3RP1525-1BP30A,</t>
  </si>
  <si>
    <t>【西门子】继电器\AC/DC24VV,3RP1525-1BQ30A,</t>
  </si>
  <si>
    <t>【西门子】继电器\AC/DC60VV,3RP1525-1BR30A,</t>
  </si>
  <si>
    <t>【西门子】继电器\AC/DC24VV,3RP1525-2AP30A,</t>
  </si>
  <si>
    <t>【西门子】继电器\AC/DC24VV,3RP1525-2AQ30A,</t>
  </si>
  <si>
    <t>【西门子】继电器\AC/DC24VV,3RP1525-2BP30A,</t>
  </si>
  <si>
    <t>【西门子】继电器\AC/DC24VV,3RP1525-2BQ30A,</t>
  </si>
  <si>
    <t>【西门子】继电器\AC/DC240VV,3RP1525-2BW30A,</t>
  </si>
  <si>
    <t>【西门子】继电器\AC/DC24-66VV,3RP1527-1EC30A,</t>
  </si>
  <si>
    <t>【西门子】继电器\AC/DC90-240VV,3RP1527-1EM30A,</t>
  </si>
  <si>
    <t>【西门子】继电器\AC/DC24-66VV,3RP1527-2EC30A,</t>
  </si>
  <si>
    <t>【西门子】继电器\AC/DC24VV,3RP1531-1AP30A,</t>
  </si>
  <si>
    <t>【西门子】继电器\AC/DC24VV,3RP1531-1AQ30A,</t>
  </si>
  <si>
    <t>【西门子】继电器\AC/DC24VV,3RP1531-2AP30A,</t>
  </si>
  <si>
    <t>【西门子】继电器\AC/DC24VV,3RP1532-1AP30A,</t>
  </si>
  <si>
    <t>【西门子】继电器\AC/DC24VV,3RP1532-1AQ30A,</t>
  </si>
  <si>
    <t>【西门子】继电器\AC/DC24VV,3RP1532-2AP30A,</t>
  </si>
  <si>
    <t>【西门子】继电器\AC/DC24VV,3RP1533-1AP30A,</t>
  </si>
  <si>
    <t>【西门子】继电器\AC/DC24VV,3RP1540-1AB31A,</t>
  </si>
  <si>
    <t>【西门子】继电器\AC/DC100-127VV,3RP1540-1AJ31A,</t>
  </si>
  <si>
    <t>【西门子】继电器\AC/DC240VV,3RP1540-1AW31A,</t>
  </si>
  <si>
    <t>【西门子】继电器\AC/DC24VV,3RP1540-1BB31A,</t>
  </si>
  <si>
    <t>【西门子】继电器\AC/DC100-127VV,3RP1540-1BJ31A,</t>
  </si>
  <si>
    <t>【西门子】继电器\AC/DC240VV,3RP1540-1BW31A,</t>
  </si>
  <si>
    <t>【西门子】继电器\AC/DC100-127VV,3RP1540-2AJ31A,</t>
  </si>
  <si>
    <t>【西门子】继电器\AC/DC24VV,3RP1540-2BB31A,</t>
  </si>
  <si>
    <t>【西门子】继电器\AC/DC100-127VV,3RP1540-2BJ31A,</t>
  </si>
  <si>
    <t>【西门子】继电器\AC/DC240VV,3RP1540-2BN31A,</t>
  </si>
  <si>
    <t>【西门子】继电器\AC/DC240VV,3RP1540-2BW31A,</t>
  </si>
  <si>
    <t>【西门子】继电器\AC/DC24VV,3RP1555-1AP30A,</t>
  </si>
  <si>
    <t>【西门子】继电器\AC/DC24VV,3RP1555-1AQ30A,</t>
  </si>
  <si>
    <t>【西门子】继电器\AC/DC24VV,3RP1555-2AP30A,</t>
  </si>
  <si>
    <t>【西门子】继电器\AC/DC24VV,3RP1560-1SP30A,</t>
  </si>
  <si>
    <t>【西门子】继电器\AC/DC24VV,3RP1574-1NP30A,</t>
  </si>
  <si>
    <t>【西门子】继电器\AC/DC24VV,3RP1574-1NQ30A,</t>
  </si>
  <si>
    <t>【西门子】继电器\AC/DC24VV,3RP1574-2NP30A,</t>
  </si>
  <si>
    <t>【西门子】继电器\AC/DC24VV,3RP1576-1NP30A,</t>
  </si>
  <si>
    <t>【西门子】继电器\AC/DC24VV,3RP1576-1NQ30A,</t>
  </si>
  <si>
    <t>【西门子】继电器\AC/DC24VV,3RP1576-2NP30A,</t>
  </si>
  <si>
    <t>【西门子】继电器\AC/DC24VV,3RP1576-2NQ30A,</t>
  </si>
  <si>
    <t>【西门子】继电器\AC/DC24VV,3RP1578-1NP38-0AB1A,</t>
  </si>
  <si>
    <t>【西门子】继电器\AC/DC24VV,3RP2005-1AP30A,</t>
  </si>
  <si>
    <t>【西门子】继电器\AC/DC24-66VV,3RT1916-2CG31A,</t>
  </si>
  <si>
    <t>【西门子】继电器\AC/DC90-240VV,3RT1916-2CH11A,</t>
  </si>
  <si>
    <t>【西门子】继电器\AC/DC24-66VV,3RT1916-2DG31A,</t>
  </si>
  <si>
    <t>【西门子】继电器\AC/DC90-240VV,3RT1916-2DH11A,</t>
  </si>
  <si>
    <t>【西门子】继电器\AC/DC90-240VV,3RT1916-2DH31A,</t>
  </si>
  <si>
    <t>【西门子】继电器\ACAC/DC24V,3RS1440-1HB50A</t>
  </si>
  <si>
    <t>【西门子】继电器\ACAC/DC24V,3RS1440-2HB50A</t>
  </si>
  <si>
    <t>【西门子】继电器\ACAC/DC24V,3RS1441-1HB50A</t>
  </si>
  <si>
    <t>【西门子】继电器\ACAC/DC24V,3RS1441-2HB50A</t>
  </si>
  <si>
    <t>【西门子】继电器\ACAC/DC24V,3RS1540-1HB80A</t>
  </si>
  <si>
    <t>【西门子】继电器\ACAC/DC24V,3RS1540-2HB80A</t>
  </si>
  <si>
    <t>【西门子】继电器\ACAC/DC24V,3RS2040-1GD50A</t>
  </si>
  <si>
    <t>【西门子】继电器\ACAC/DC240V,3RS2040-1GW50A</t>
  </si>
  <si>
    <t>【西门子】继电器\ACAC/DC24V,3RS2040-2GD50A</t>
  </si>
  <si>
    <t>【西门子】继电器\ACAC/DC240V,3RS2040-2GW50A</t>
  </si>
  <si>
    <t>【西门子】继电器\ACAC/DC240V,3RS2041-1GW50A</t>
  </si>
  <si>
    <t>【西门子】继电器\ACAC/DC240V,3RS2041-2GW50A</t>
  </si>
  <si>
    <t>【西门子】继电器\ACAC/DC24V,3RS2140-1GD60A</t>
  </si>
  <si>
    <t>【西门子】继电器\ACAC/DC240V,3RS2140-1GW60A</t>
  </si>
  <si>
    <t>【西门子】继电器\ACAC/DC24V,3RS2140-2GD60A</t>
  </si>
  <si>
    <t>【西门子】继电器\ACAC/DC240V,3RS2140-2GW60A</t>
  </si>
  <si>
    <t>【西门子】马达保护器\3RN1000-1AG00\ACV,A,P,kA,A,</t>
  </si>
  <si>
    <t>【西门子】马达保护器\3RN1010-1BM00\ACV,A,P,kA,A,</t>
  </si>
  <si>
    <t>【西门子】马达保护器\3RN1010-1CG00\ACV,A,P,kA,A,</t>
  </si>
  <si>
    <t>【西门子】马达保护器\3RN1010-2BB00\ACV,A,P,kA,A,</t>
  </si>
  <si>
    <t>【西门子】马达保护器\3RN1010-2CB00\ACV,A,P,kA,A,</t>
  </si>
  <si>
    <t>【西门子】马达保护器\3RN1010-2CM00\ACV,A,P,kA,A,</t>
  </si>
  <si>
    <t>【西门子】马达保护器\3RN1010-2CW00\ACV,A,P,kA,A,</t>
  </si>
  <si>
    <t>【西门子】马达保护器\3RN1011-1BB00\ACV,A,P,kA,A,</t>
  </si>
  <si>
    <t>【西门子】马达保护器\3RN1011-1BG00\ACV,A,P,kA,A,</t>
  </si>
  <si>
    <t>【西门子】马达保护器\3RN1011-1BM00\ACV,A,P,kA,A,</t>
  </si>
  <si>
    <t>【西门子】继电器\3RN1011-1CB00\ACV,A,P,kA,A,</t>
  </si>
  <si>
    <t>【西门子】马达保护器\3RN1011-2BB00\ACV,A,P,kA,A,</t>
  </si>
  <si>
    <t>【西门子】马达保护器\3RN1011-2GB00\ACV,A,P,kA,A,</t>
  </si>
  <si>
    <t>【西门子】马达保护器\3RN1012-1BB00\ACV,A,P,kA,A,</t>
  </si>
  <si>
    <t>【西门子】马达保护器\3RN1012-1BG00\ACV,A,P,kA,A,</t>
  </si>
  <si>
    <t>【西门子】马达保护器\3RN1012-1BM00\ACV,A,P,kA,A,</t>
  </si>
  <si>
    <t>【西门子】马达保护器\3RN1012-1CB00\ACV,A,P,kA,A,</t>
  </si>
  <si>
    <t>【西门子】马达保护器\3RN1012-1CK00\ACV,A,P,kA,A,</t>
  </si>
  <si>
    <t>【西门子】马达保护器\3RN1012-2BB00\ACV,A,P,kA,A,</t>
  </si>
  <si>
    <t>【西门子】马达保护器\3RN1012-2CB00\ACV,A,P,kA,A,</t>
  </si>
  <si>
    <t>【西门子】马达保护器\3RN1012-2CK00\ACV,A,P,kA,A,</t>
  </si>
  <si>
    <t>【西门子】马达保护器\3RN1012-2GB00\ACV,A,P,kA,A,</t>
  </si>
  <si>
    <t>【西门子】马达保护器\3RN1013-1BB00\ACV,A,P,kA,A,</t>
  </si>
  <si>
    <t>【西门子】马达保护器\3RN1013-1BW01\ACV,A,P,kA,A,</t>
  </si>
  <si>
    <t>【西门子】马达保护器\3RN1013-1GW10\ACV,A,P,kA,A,</t>
  </si>
  <si>
    <t>【西门子】马达保护器\3RN1013-2BB00\ACV,A,P,kA,A,</t>
  </si>
  <si>
    <t>【西门子】马达保护器\3RN1013-2BW00\ACV,A,P,kA,A,</t>
  </si>
  <si>
    <t>【西门子】马达保护器\3RN1022-2DW00\ACV,A,P,kA,A,</t>
  </si>
  <si>
    <t>【西门子】马达保护器\3RN1062-1CW00\ACV,A,P,kA,A,</t>
  </si>
  <si>
    <t>【西门子】马达保护器\3RN1062-2CW00\ACV,A,P,kA,A,</t>
  </si>
  <si>
    <t>【西门子】继电器\AC/DC24VV,3UG4501-1AA30A,</t>
  </si>
  <si>
    <t>【西门子】继电器\AC/DC240VV,3UG4501-1AW30A,</t>
  </si>
  <si>
    <t>【西门子】继电器\AC/DC24VV,3UG4501-2AA30A,</t>
  </si>
  <si>
    <t>【西门子】继电器\AC/DC240VV,3UG4501-2AW30A,</t>
  </si>
  <si>
    <t>【西门子】继电器\AC3UG4621-1AA30V,A</t>
  </si>
  <si>
    <t>【西门子】继电器\AC3UG4621-1AW30V,A</t>
  </si>
  <si>
    <t>【西门子】继电器\AC3UG4621-2AA30V,A</t>
  </si>
  <si>
    <t>【西门子】继电器\AC3UG4621-2AW30V,A</t>
  </si>
  <si>
    <t>【西门子】继电器\AC3UG4622-2AA30V,A</t>
  </si>
  <si>
    <t>【西门子】继电器\AC3UG4622-2AW30V,A</t>
  </si>
  <si>
    <t>【西门子】继电器\AC/DC24VV,3UG4631-1AA30A,</t>
  </si>
  <si>
    <t>【西门子】继电器\AC/DC240VV,3UG4631-1AW30A,</t>
  </si>
  <si>
    <t>【西门子】继电器\AC/DC24VV,3UG4632-1AA30A,</t>
  </si>
  <si>
    <t>【西门子】继电器\AC/DC17-275VV,3UG4633-1AL30A,</t>
  </si>
  <si>
    <t>【西门子】继电器\AC3UG4641-1CS20V,A</t>
  </si>
  <si>
    <t>【西门子】继电器\AC3UG4641-2CS20V,A</t>
  </si>
  <si>
    <t>【西门子】继电器\3UG4651-1AA30\AC/DC24V,</t>
  </si>
  <si>
    <t>【西门子】软启动器\3RK1305-0AS01-0AA0\V,A</t>
  </si>
  <si>
    <t>【西门子】软启动器\3RK1315-6KS41-0AA0\V,A</t>
  </si>
  <si>
    <t>【西门子】软启动器\3RK1315-6KS41-0AA3\V,A</t>
  </si>
  <si>
    <t>【西门子】软启动器\3RK1315-6KS41-0AA5\V,A</t>
  </si>
  <si>
    <t>【西门子】软启动器\3RK1315-6KS41-1AA0\V,A</t>
  </si>
  <si>
    <t>【西门子】软启动器\3RK1315-6KS41-1AA3\V,A</t>
  </si>
  <si>
    <t>【西门子】软启动器\3RK1315-6KS41-1AA5\V,A</t>
  </si>
  <si>
    <t>【西门子】软启动器\3RK1315-6KS41-2AA0\V,A</t>
  </si>
  <si>
    <t>【西门子】软启动器\3RK1315-6KS41-2AA3\V,A</t>
  </si>
  <si>
    <t>【西门子】软启动器\3RK1315-6KS41-2AA5\V,A</t>
  </si>
  <si>
    <t>【西门子】软启动器\3RK1315-6KS41-3AA0\V,A</t>
  </si>
  <si>
    <t>【西门子】软启动器\3RK1315-6KS41-3AA3\V,A</t>
  </si>
  <si>
    <t>【西门子】软启动器\3RK1315-6KS41-3AA5\V,A</t>
  </si>
  <si>
    <t>【西门子】软启动器\3RK1315-6KS71-0AA0\V,A</t>
  </si>
  <si>
    <t>【西门子】软启动器\3RK1315-6KS71-0AA3\V,A</t>
  </si>
  <si>
    <t>【西门子】软启动器\3RK1315-6KS71-0AA5\V,A</t>
  </si>
  <si>
    <t>【西门子】软启动器\3RK1315-6KS71-1AA0\V,A</t>
  </si>
  <si>
    <t>【西门子】软启动器\3RK1315-6KS71-1AA3\V,A</t>
  </si>
  <si>
    <t>【西门子】软启动器\3RK1315-6KS71-1AA5\V,A</t>
  </si>
  <si>
    <t>【西门子】软启动器\3RK1315-6KS71-2AA0\V,A</t>
  </si>
  <si>
    <t>【西门子】软启动器\3RK1315-6KS71-2AA3\V,A</t>
  </si>
  <si>
    <t>【西门子】软启动器\3RK1315-6KS71-2AA5\V,A</t>
  </si>
  <si>
    <t>【西门子】软启动器\3RK1315-6KS71-3AA0\V,A</t>
  </si>
  <si>
    <t>【西门子】软启动器\3RK1315-6KS71-3AA3\V,A</t>
  </si>
  <si>
    <t>【西门子】软启动器\3RK1315-6KS71-3AA5\V,A</t>
  </si>
  <si>
    <t>【西门子】软启动器\3RK1315-6LS41-0AA0\V,A</t>
  </si>
  <si>
    <t>【西门子】软启动器\3RK1315-6LS41-0AA3\V,A</t>
  </si>
  <si>
    <t>【西门子】软启动器\3RK1315-6LS41-0AA5\V,A</t>
  </si>
  <si>
    <t>【西门子】软启动器\3RK1315-6LS41-1AA0\V,A</t>
  </si>
  <si>
    <t>【西门子】软启动器\3RK1315-6LS41-1AA3\V,A</t>
  </si>
  <si>
    <t>【西门子】软启动器\3RK1315-6LS41-1AA5\V,A</t>
  </si>
  <si>
    <t>【西门子】软启动器\3RK1315-6LS41-2AA0\V,A</t>
  </si>
  <si>
    <t>【西门子】软启动器\3RK1315-6LS41-2AA3\V,A</t>
  </si>
  <si>
    <t>【西门子】软启动器\3RK1315-6LS41-2AA5\V,A</t>
  </si>
  <si>
    <t>【西门子】软启动器\3RK1315-6LS41-3AA0\V,A</t>
  </si>
  <si>
    <t>【西门子】软启动器\3RK1315-6LS41-3AA3\V,A</t>
  </si>
  <si>
    <t>【西门子】软启动器\3RK1315-6LS41-3AA5\V,A</t>
  </si>
  <si>
    <t>【西门子】软启动器\3RK1315-6NS71-0AA0\V,A</t>
  </si>
  <si>
    <t>【西门子】软启动器\3RK1315-6NS71-0AA3\V,A</t>
  </si>
  <si>
    <t>【西门子】软启动器\3RK1315-6NS71-0AA5\V,A</t>
  </si>
  <si>
    <t>【西门子】软启动器\3RK1315-6NS71-1AA0\V,A</t>
  </si>
  <si>
    <t>【西门子】软启动器\3RK1315-6NS71-1AA3\V,A</t>
  </si>
  <si>
    <t>【西门子】软启动器\3RK1315-6NS71-1AA5\V,A</t>
  </si>
  <si>
    <t>【西门子】软启动器\3RK1315-6NS71-2AA0\V,A</t>
  </si>
  <si>
    <t>【西门子】软启动器\3RK1315-6NS71-2AA3\V,A</t>
  </si>
  <si>
    <t>【西门子】软启动器\3RK1315-6NS71-2AA5\V,A</t>
  </si>
  <si>
    <t>【西门子】软启动器\3RK1315-6NS71-3AA0\V,A</t>
  </si>
  <si>
    <t>【西门子】软启动器\3RK1315-6NS71-3AA3\V,A</t>
  </si>
  <si>
    <t>【西门子】软启动器\3RK1315-6NS71-3AA5\V,A</t>
  </si>
  <si>
    <t>【西门子】软启动器\3RK1325-6KS41-0AA0\V,A</t>
  </si>
  <si>
    <t>【西门子】软启动器\3RK1325-6KS41-0AA3\V,A</t>
  </si>
  <si>
    <t>【西门子】软启动器\3RK1325-6KS41-0AA5\V,A</t>
  </si>
  <si>
    <t>【西门子】软启动器\3RK1325-6KS41-1AA0\V,A</t>
  </si>
  <si>
    <t>【西门子】软启动器\3RK1325-6KS41-1AA3\V,A</t>
  </si>
  <si>
    <t>【西门子】软启动器\3RK1325-6KS41-1AA5\V,A</t>
  </si>
  <si>
    <t>【西门子】软启动器\3RK1325-6KS41-2AA0\V,A</t>
  </si>
  <si>
    <t>【西门子】软启动器\3RK1325-6KS41-2AA3\V,A</t>
  </si>
  <si>
    <t>【西门子】软启动器\3RK1325-6KS41-2AA5\V,A</t>
  </si>
  <si>
    <t>【西门子】软启动器\3RK1325-6KS41-3AA0\V,A</t>
  </si>
  <si>
    <t>【西门子】软启动器\3RK1325-6KS41-3AA3\V,A</t>
  </si>
  <si>
    <t>【西门子】软启动器\3RK1325-6KS41-3AA5\V,A</t>
  </si>
  <si>
    <t>【西门子】软启动器\3RK1325-6KS71-0AA0\V,A</t>
  </si>
  <si>
    <t>【西门子】软启动器\3RK1325-6KS71-0AA3\V,A</t>
  </si>
  <si>
    <t>【西门子】软启动器\3RK1325-6KS71-0AA5\V,A</t>
  </si>
  <si>
    <t>【西门子】软启动器\3RK1325-6KS71-1AA0\V,A</t>
  </si>
  <si>
    <t>【西门子】软启动器\3RK1325-6KS71-1AA3\V,A</t>
  </si>
  <si>
    <t>【西门子】软启动器\3RK1325-6KS71-1AA5\V,A</t>
  </si>
  <si>
    <t>【西门子】软启动器\3RK1325-6KS71-2AA0\V,A</t>
  </si>
  <si>
    <t>【西门子】软启动器\3RK1325-6KS71-2AA3\V,A</t>
  </si>
  <si>
    <t>【西门子】软启动器\3RK1325-6KS71-2AA5\V,A</t>
  </si>
  <si>
    <t>【西门子】软启动器\3RK1325-6KS71-3AA0\V,A</t>
  </si>
  <si>
    <t>【西门子】软启动器\3RK1325-6KS71-3AA3\V,A</t>
  </si>
  <si>
    <t>【西门子】软启动器\3RK1325-6KS71-3AA5\V,A</t>
  </si>
  <si>
    <t>【西门子】软启动器\3RK1325-6LS41-0AA0\V,A</t>
  </si>
  <si>
    <t>【西门子】软启动器\3RK1325-6LS41-0AA3\V,A</t>
  </si>
  <si>
    <t>【西门子】软启动器\3RK1325-6LS41-0AA5\V,A</t>
  </si>
  <si>
    <t>【西门子】软启动器\3RK1325-6LS41-1AA0\V,A</t>
  </si>
  <si>
    <t>【西门子】软启动器\3RK1325-6LS41-1AA3\V,A</t>
  </si>
  <si>
    <t>【西门子】软启动器\3RK1325-6LS41-1AA5\V,A</t>
  </si>
  <si>
    <t>【西门子】软启动器\3RK1325-6LS41-2AA0\V,A</t>
  </si>
  <si>
    <t>【西门子】软启动器\3RK1325-6LS41-2AA3\V,A</t>
  </si>
  <si>
    <t>【西门子】软启动器\3RK1325-6LS41-2AA5\V,A</t>
  </si>
  <si>
    <t>【西门子】软启动器\3RK1325-6LS41-3AA0\V,A</t>
  </si>
  <si>
    <t>【西门子】软启动器\3RK1325-6LS41-3AA3\V,A</t>
  </si>
  <si>
    <t>【西门子】软启动器\3RK1325-6LS41-3AA5\V,A</t>
  </si>
  <si>
    <t>【西门子】软启动器\3RK1325-6LS71-0AA0\V,A</t>
  </si>
  <si>
    <t>【西门子】软启动器\3RK1325-6LS71-0AA3\V,A</t>
  </si>
  <si>
    <t>【西门子】软启动器\3RK1325-6LS71-0AA5\V,A</t>
  </si>
  <si>
    <t>【西门子】软启动器\3RK1325-6LS71-1AA0\V,A</t>
  </si>
  <si>
    <t>【西门子】软启动器\3RK1325-6LS71-1AA3\V,A</t>
  </si>
  <si>
    <t>【西门子】软启动器\3RK1325-6LS71-1AA5\V,A</t>
  </si>
  <si>
    <t>【西门子】软启动器\3RK1325-6LS71-2AA0\V,A</t>
  </si>
  <si>
    <t>【西门子】软启动器\3RK1325-6LS71-2AA3\V,A</t>
  </si>
  <si>
    <t>【西门子】软启动器\3RK1325-6LS71-2AA5\V,A</t>
  </si>
  <si>
    <t>【西门子】软启动器\3RK1325-6LS71-3AA0\V,A</t>
  </si>
  <si>
    <t>【西门子】软启动器\3RK1325-6LS71-3AA3\V,A</t>
  </si>
  <si>
    <t>【西门子】软启动器\3RK1325-6LS71-3AA5\V,A</t>
  </si>
  <si>
    <t>【西门子】软启动器\3RK1335-0AS01-0AA0\V,A</t>
  </si>
  <si>
    <t>【西门子】软启动器\3RK1395-6KS41-0AD0\V,A</t>
  </si>
  <si>
    <t>【西门子】软启动器\3RK1395-6KS41-0AD3\V,A</t>
  </si>
  <si>
    <t>【西门子】软启动器\3RK1395-6KS41-0AD5\V,A</t>
  </si>
  <si>
    <t>【西门子】软启动器\3RK1395-6KS41-1AD0\V,A</t>
  </si>
  <si>
    <t>【西门子】软启动器\3RK1395-6KS41-1AD3\V,A</t>
  </si>
  <si>
    <t>【西门子】软启动器\3RK1395-6KS41-1AD5\V,A</t>
  </si>
  <si>
    <t>【西门子】软启动器\3RK1395-6KS41-2AD0\V,A</t>
  </si>
  <si>
    <t>【西门子】软启动器\3RK1395-6KS41-2AD3\V,A</t>
  </si>
  <si>
    <t>【西门子】软启动器\3RK1395-6KS41-2AD5\V,A</t>
  </si>
  <si>
    <t>【西门子】软启动器\3RK1395-6KS41-3AD0\V,A</t>
  </si>
  <si>
    <t>【西门子】软启动器\3RK1395-6KS41-3AD3\V,A</t>
  </si>
  <si>
    <t>【西门子】软启动器\3RK1395-6KS41-3AD5\V,A</t>
  </si>
  <si>
    <t>【西门子】软启动器\3RK1395-6KS71-0AD0\V,A</t>
  </si>
  <si>
    <t>【西门子】软启动器\3RK1395-6KS71-0AD3\V,A</t>
  </si>
  <si>
    <t>【西门子】软启动器\3RK1395-6KS71-0AD5\V,A</t>
  </si>
  <si>
    <t>【西门子】软启动器\3RK1395-6KS71-1AD0\V,A</t>
  </si>
  <si>
    <t>【西门子】软启动器\3RK1395-6KS71-1AD3\V,A</t>
  </si>
  <si>
    <t>【西门子】软启动器\3RK1395-6KS71-1AD5\V,A</t>
  </si>
  <si>
    <t>【西门子】软启动器\3RK1395-6KS71-2AD0\V,A</t>
  </si>
  <si>
    <t>【西门子】软启动器\3RK1395-6KS71-2AD3\V,A</t>
  </si>
  <si>
    <t>【西门子】软启动器\3RK1395-6KS71-2AD5\V,A</t>
  </si>
  <si>
    <t>【西门子】软启动器\3RK1395-6KS71-3AD0\V,A</t>
  </si>
  <si>
    <t>【西门子】软启动器\3RK1395-6KS71-3AD3\V,A</t>
  </si>
  <si>
    <t>【西门子】软启动器\3RK1395-6KS71-3AD5\V,A</t>
  </si>
  <si>
    <t>【西门子】软启动器\3RK1395-6LS41-0AD0\V,A</t>
  </si>
  <si>
    <t>【西门子】软启动器\3RK1395-6LS41-0AD3\V,A</t>
  </si>
  <si>
    <t>【西门子】软启动器\3RK1395-6LS41-0AD5\V,A</t>
  </si>
  <si>
    <t>【西门子】软启动器\3RK1395-6LS41-1AD0\V,A</t>
  </si>
  <si>
    <t>【西门子】软启动器\3RK1395-6LS41-1AD3\V,A</t>
  </si>
  <si>
    <t>【西门子】软启动器\3RK1395-6LS41-1AD5\V,A</t>
  </si>
  <si>
    <t>【西门子】软启动器\3RK1395-6LS41-2AD0\V,A</t>
  </si>
  <si>
    <t>【西门子】软启动器\3RK1395-6LS41-2AD3\V,A</t>
  </si>
  <si>
    <t>【西门子】软启动器\3RK1395-6LS41-2AD5\V,A</t>
  </si>
  <si>
    <t>【西门子】软启动器\3RK1395-6LS41-3AD0\V,A</t>
  </si>
  <si>
    <t>【西门子】软启动器\3RK1395-6LS41-3AD3\V,A</t>
  </si>
  <si>
    <t>【西门子】软启动器\3RK1395-6LS41-3AD5\V,A</t>
  </si>
  <si>
    <t>【西门子】软启动器\3RK1395-6LS71-0AD0\V,A</t>
  </si>
  <si>
    <t>【西门子】软启动器\3RK1395-6LS71-0AD3\V,A</t>
  </si>
  <si>
    <t>【西门子】软启动器\3RK1395-6LS71-0AD5\V,A</t>
  </si>
  <si>
    <t>【西门子】软启动器\3RK1395-6LS71-1AD0\V,A</t>
  </si>
  <si>
    <t>【西门子】软启动器\3RK1395-6LS71-1AD3\V,A</t>
  </si>
  <si>
    <t>【西门子】软启动器\3RK1395-6LS71-1AD5\V,A</t>
  </si>
  <si>
    <t>【西门子】软启动器\3RK1395-6LS71-2AD0\V,A</t>
  </si>
  <si>
    <t>【西门子】软启动器\3RK1395-6LS71-2AD3\V,A</t>
  </si>
  <si>
    <t>【西门子】软启动器\3RK1395-6LS71-2AD5\V,A</t>
  </si>
  <si>
    <t>【西门子】软启动器\3RK1395-6LS71-3AD0\V,A</t>
  </si>
  <si>
    <t>【西门子】软启动器\3RK1395-6LS71-3AD3\V,A</t>
  </si>
  <si>
    <t>【西门子】软启动器\3RK1395-6LS71-3AD5\V,A</t>
  </si>
  <si>
    <t>【西门子】软启动器\3RK1902-0AP00\V,A</t>
  </si>
  <si>
    <t>【西门子】软启动器\3RK1902-0CG00\V,A</t>
  </si>
  <si>
    <t>【西门子】软启动器\3RK1902-0CH00\V,A</t>
  </si>
  <si>
    <t>【西门子】软启动器\3RK1902-0CJ00\V,A</t>
  </si>
  <si>
    <t>【西门子】软启动器\3RK1902-0CK00\V,A</t>
  </si>
  <si>
    <t>【西门子】软启动器\3RK1902-0CW00\V,A</t>
  </si>
  <si>
    <t>【西门子】软启动器\3RK1902-1BA00\V,A</t>
  </si>
  <si>
    <t>【西门子】软启动器\3RK1902-1DA00\V,A</t>
  </si>
  <si>
    <t>【西门子】软启动器\3RK1902-2DA00\V,A</t>
  </si>
  <si>
    <t>【西门子】软启动器\3RK1902-2HB30\V,A</t>
  </si>
  <si>
    <t>【西门子】软启动器\3RK1902-2HB50\V,A</t>
  </si>
  <si>
    <t>【西门子】软启动器\3RK1902-2HC10\V,A</t>
  </si>
  <si>
    <t>【西门子】软启动器\3RK1902-3BA00\V,A</t>
  </si>
  <si>
    <t>【西门子】软启动器\3RK1902-3DA00\V,A</t>
  </si>
  <si>
    <t>【西门子】软启动器\3RK1902-3GC10\V,A</t>
  </si>
  <si>
    <t>【西门子】软启动器\3RK1902-4BA00-5AA0\V,A</t>
  </si>
  <si>
    <t>【西门子】软启动器\3RK1902-4CA00-4AA0\V,A</t>
  </si>
  <si>
    <t>【西门子】软启动器\3RK1902-4DA00-5AA0\V,A</t>
  </si>
  <si>
    <t>【西门子】软启动器\3RK1902-4GB50-4AA0\V,A</t>
  </si>
  <si>
    <t>【西门子】软启动器\3RK1902-4HB15-5AA0\V,A</t>
  </si>
  <si>
    <t>【西门子】软启动器\3RK1902-4HB50-5AA0\V,A</t>
  </si>
  <si>
    <t>【西门子】软启动器\3RK1902-4HC01-5AA0\V,A</t>
  </si>
  <si>
    <t>【西门子】软启动器\3RK1902-4PB15-3AA0\V,A</t>
  </si>
  <si>
    <t>【西门子】软启动器\3RK1922-3BA00\V,A</t>
  </si>
  <si>
    <t>【西门子】软启动器\3ZS1310-4CC10-0YA5</t>
  </si>
  <si>
    <t>【西门子】软启动器\3ZS1310-5CC10-0YA5</t>
  </si>
  <si>
    <t>【西门子】软启动器\3ZS1310-6CC10-0YA5</t>
  </si>
  <si>
    <t>【西门子】软启动器\3ZS1310-6CC10-4YA5</t>
  </si>
  <si>
    <t>【西门子】软启动器\3RK1304-0HS00-6AA0\V,A</t>
  </si>
  <si>
    <t>【西门子】软启动器\3RK1304-0HS00-7AA0\V,A</t>
  </si>
  <si>
    <t>【西门子】软启动器\3RK1304-0HS00-8AA0\V,A</t>
  </si>
  <si>
    <t>【西门子】软启动器\3RK1304-5KS40-2AA0\V,A</t>
  </si>
  <si>
    <t>【西门子】软启动器\3RK1304-5KS40-2AA3\V,A</t>
  </si>
  <si>
    <t>【西门子】软启动器\3RK1304-5KS40-3AA0\V,A</t>
  </si>
  <si>
    <t>【西门子】软启动器\3RK1304-5KS40-3AA3\V,A</t>
  </si>
  <si>
    <t>【西门子】软启动器\3RK1304-5KS40-4AA0\V,A</t>
  </si>
  <si>
    <t>【西门子】软启动器\3RK1304-5KS40-4AA3\V,A</t>
  </si>
  <si>
    <t>【西门子】软启动器\3RK1304-5KS40-5AA0\V,A</t>
  </si>
  <si>
    <t>【西门子】软启动器\3RK1304-5KS40-5AA3\V,A</t>
  </si>
  <si>
    <t>【西门子】软启动器\3RK1304-5KS70-2AA0\V,A</t>
  </si>
  <si>
    <t>【西门子】软启动器\3RK1304-5KS70-2AA3\V,A</t>
  </si>
  <si>
    <t>【西门子】软启动器\3RK1304-5KS70-3AA0\V,A</t>
  </si>
  <si>
    <t>【西门子】软启动器\3RK1304-5KS70-3AA3\V,A</t>
  </si>
  <si>
    <t>【西门子】软启动器\3RK1304-5LS40-2AA0\V,A</t>
  </si>
  <si>
    <t>【西门子】软启动器\3RK1304-5LS40-2AA3\V,A</t>
  </si>
  <si>
    <t>【西门子】软启动器\3RK1304-5LS40-3AA0\V,A</t>
  </si>
  <si>
    <t>【西门子】软启动器\3RK1304-5LS40-3AA3\V,A</t>
  </si>
  <si>
    <t>【西门子】软启动器\3RK1304-5LS40-4AA0\V,A</t>
  </si>
  <si>
    <t>【西门子】软启动器\3RK1304-5LS40-4AA3\V,A</t>
  </si>
  <si>
    <t>【西门子】软启动器\3RK1304-5LS40-5AA0\V,A</t>
  </si>
  <si>
    <t>【西门子】软启动器\3RK1304-5LS40-5AA3\V,A</t>
  </si>
  <si>
    <t>【西门子】软启动器\3RK1304-5LS70-2AA0\V,A</t>
  </si>
  <si>
    <t>【西门子】软启动器\3RK1304-5LS70-2AA3\V,A</t>
  </si>
  <si>
    <t>【西门子】软启动器\3RK1304-5LS70-3AA0\V,A</t>
  </si>
  <si>
    <t>【西门子】软启动器\3RK1304-5LS70-3AA3\V,A</t>
  </si>
  <si>
    <t>【西门子】软启动器\3RK1911-1AA22\V,A</t>
  </si>
  <si>
    <t>【西门子】软启动器\3RK1911-1AA32\V,A</t>
  </si>
  <si>
    <t>【西门子】软启动器\3RK1911-1AF22\V,A</t>
  </si>
  <si>
    <t>【西门子】软启动器\3RK1911-1AF32\V,A</t>
  </si>
  <si>
    <t>【西门子】软启动器\3RK1911-1AJ22\V,A</t>
  </si>
  <si>
    <t>【西门子】软启动器\3RK1911-1AJ32\V,A</t>
  </si>
  <si>
    <t>【西门子】软启动器\3RK1911-1AK22\V,A</t>
  </si>
  <si>
    <t>【西门子】软启动器\3RK1911-2BE10\V,A</t>
  </si>
  <si>
    <t>【西门子】软启动器\3RK1911-2BE30\V,A</t>
  </si>
  <si>
    <t>【西门子】软启动器\3RK1911-2BE50\V,A</t>
  </si>
  <si>
    <t>【西门子】软启动器\3RK1911-2BK00\V,A</t>
  </si>
  <si>
    <t>【西门子】软启动器\3RK1911-2BM00\V,A</t>
  </si>
  <si>
    <t>【西门子】软启动器\3RK1911-3AA00\V,A</t>
  </si>
  <si>
    <t>【西门子】软启动器\3RK1911-4AB08\V,A</t>
  </si>
  <si>
    <t>【西门子】软启动器\3RK1911-4AB16\V,A</t>
  </si>
  <si>
    <t>【西门子】软启动器\3RK1911-4AB25\V,A</t>
  </si>
  <si>
    <t>【西门子】软启动器\3RK1911-5BA00\V,A</t>
  </si>
  <si>
    <t>【西门子】软启动器\3RK1911-5BA10\V,A</t>
  </si>
  <si>
    <t>【西门子】软启动器\3RK1911-5BA20\V,A</t>
  </si>
  <si>
    <t>【西门子】软启动器\3RK1911-5BA30\V,A</t>
  </si>
  <si>
    <t>【西门子】软启动器\3RK1922-2BA00\V,A</t>
  </si>
  <si>
    <t>【西门子】软启动器\3RK1922-2BQ00\V,A</t>
  </si>
  <si>
    <t>【西门子】软启动器\3RK1911-6EA00\V,A</t>
  </si>
  <si>
    <t>【西门子】软启动器\3RK1911-6EB00\V,A</t>
  </si>
  <si>
    <t>【西门子】软启动器\3RK1308-0AB00-0CP0\V,A</t>
  </si>
  <si>
    <t>【西门子】软启动器\3RK1308-0AC00-0CP0\V,A</t>
  </si>
  <si>
    <t>【西门子】软启动器\3RK1308-0AD00-0CP0\V,A</t>
  </si>
  <si>
    <t>【西门子】软启动器\3RK1308-0BB00-0CP0\V,A</t>
  </si>
  <si>
    <t>【西门子】软启动器\3RK1308-0BC00-0CP0\V,A</t>
  </si>
  <si>
    <t>【西门子】软启动器\3RK1308-0BD00-0CP0\V,A</t>
  </si>
  <si>
    <t>【西门子】软启动器\3RK1308-0CB00-0CP0\V,A</t>
  </si>
  <si>
    <t>【西门子】软启动器\3RK1308-0CC00-0CP0\V,A</t>
  </si>
  <si>
    <t>【西门子】软启动器\3RK1308-0CD00-0CP0\V,A</t>
  </si>
  <si>
    <t>【西门子】软启动器\3RK1308-0DB00-0CP0\V,A</t>
  </si>
  <si>
    <t>【西门子】软启动器\3RK1308-0DC00-0CP0\V,A</t>
  </si>
  <si>
    <t>【西门子】软启动器\3RK1308-0DD00-0CP0\V,A</t>
  </si>
  <si>
    <t>【西门子】软启动器\3RK1908-0AP00-0AP0\V,A</t>
  </si>
  <si>
    <t>【西门子】软启动器\3RK1908-0AP00-0BP0\V,A</t>
  </si>
  <si>
    <t>【西门子】软启动器\3RK1908-0AP00-0CP0\V,A</t>
  </si>
  <si>
    <t>【西门子】软启动器\3RK1908-0AP00-0DP0\V,A</t>
  </si>
  <si>
    <t>【西门子】软启动器\3RK1908-1AA00-0BP0\V,A</t>
  </si>
  <si>
    <t>【西门子】软启动器\3RK1908-1CA00-0BP0\V,A</t>
  </si>
  <si>
    <t>【西门子】软启动器\3RK1908-1DA00-2BP0\V,A</t>
  </si>
  <si>
    <t>【西门子】软启动器\3RK1908-1EA00-1BP0\V,A</t>
  </si>
  <si>
    <t>【西门子】软启动器\3RK1308-0AE00-0CP0\V,A</t>
  </si>
  <si>
    <t>【西门子】软启动器\3RK1308-0BE00-0CP0\V,A</t>
  </si>
  <si>
    <t>【西门子】软启动器\3RK1308-0CE00-0CP0\V,A</t>
  </si>
  <si>
    <t>【西门子】软启动器\3RK1308-0DE00-0CP0\V,A</t>
  </si>
  <si>
    <t>【西门子】软启动器\3RK1908-0AP00-0EP0\V,A</t>
  </si>
  <si>
    <t>【西门子】软启动器\3RK1908-0AP00-0FP0\V,A</t>
  </si>
  <si>
    <t>【西门子】软启动器\3RK1301-0AB10-0AB4\V,A</t>
  </si>
  <si>
    <t>【西门子】软启动器\3RK1301-0AB10-1AB4\V,A</t>
  </si>
  <si>
    <t>【西门子】软启动器\3RK1301-0AB13-0AA2\V,A</t>
  </si>
  <si>
    <t>【西门子】软启动器\3RK1301-0AB13-0AA4\V,A</t>
  </si>
  <si>
    <t>【西门子】软启动器\3RK1301-0AB13-1AA2\V,A</t>
  </si>
  <si>
    <t>【西门子】软启动器\3RK1301-0AB13-1AA4\V,A</t>
  </si>
  <si>
    <t>【西门子】软启动器\3RK1301-0AB20-0AB4\V,A</t>
  </si>
  <si>
    <t>【西门子】软启动器\3RK1301-0BB00-0AA2\V,A</t>
  </si>
  <si>
    <t>【西门子】软启动器\3RK1301-0BB00-1AA2\V,A</t>
  </si>
  <si>
    <t>【西门子】软启动器\3RK1301-0BB10-0AB4\V,A</t>
  </si>
  <si>
    <t>【西门子】软启动器\3RK1301-0BB10-1AB4\V,A</t>
  </si>
  <si>
    <t>【西门子】软启动器\3RK1301-0BB13-0AA2\V,A</t>
  </si>
  <si>
    <t>【西门子】软启动器\3RK1301-0BB13-0AA4\V,A</t>
  </si>
  <si>
    <t>【西门子】软启动器\3RK1301-0BB13-1AA2\V,A</t>
  </si>
  <si>
    <t>【西门子】软启动器\3RK1301-0BB13-1AA4\V,A</t>
  </si>
  <si>
    <t>【西门子】软启动器\3RK1301-0BB20-0AB4\V,A</t>
  </si>
  <si>
    <t>【西门子】软启动器\3RK1301-0CB00-0AA2\V,A</t>
  </si>
  <si>
    <t>【西门子】软启动器\3RK1301-0CB00-1AA2\V,A</t>
  </si>
  <si>
    <t>【西门子】软启动器\3RK1301-0CB10-0AB4\V,A</t>
  </si>
  <si>
    <t>【西门子】软启动器\3RK1301-0CB10-1AB4\V,A</t>
  </si>
  <si>
    <t>【西门子】软启动器\3RK1301-0CB13-0AA2\V,A</t>
  </si>
  <si>
    <t>【西门子】软启动器\3RK1301-0CB13-0AA4\V,A</t>
  </si>
  <si>
    <t>【西门子】软启动器\3RK1301-0CB13-1AA2\V,A</t>
  </si>
  <si>
    <t>【西门子】软启动器\3RK1301-0CB13-1AA4\V,A</t>
  </si>
  <si>
    <t>【西门子】软启动器\3RK1301-0CB20-0AB4\V,A</t>
  </si>
  <si>
    <t>【西门子】软启动器\3RK1301-0DB00-0AA2\V,A</t>
  </si>
  <si>
    <t>【西门子】软启动器\3RK1301-0DB00-1AA2\V,A</t>
  </si>
  <si>
    <t>【西门子】软启动器\3RK1301-0EB00-0AA2\V,A</t>
  </si>
  <si>
    <t>【西门子】软启动器\3RK1301-0EB00-1AA2\V,A</t>
  </si>
  <si>
    <t>【西门子】软启动器\3RK1301-0FB00-0AA2\V,A</t>
  </si>
  <si>
    <t>【西门子】软启动器\3RK1301-0FB00-1AA2\V,A</t>
  </si>
  <si>
    <t>【西门子】软启动器\3RK1301-0GB00-0AA2\V,A</t>
  </si>
  <si>
    <t>【西门子】软启动器\3RK1301-0GB00-1AA2\V,A</t>
  </si>
  <si>
    <t>【西门子】软启动器\3RK1301-0HB00-0AA2\V,A</t>
  </si>
  <si>
    <t>【西门子】软启动器\3RK1301-0HB00-1AA2\V,A</t>
  </si>
  <si>
    <t>【西门子】软启动器\3RK1301-0JB00-0AA2\V,A</t>
  </si>
  <si>
    <t>【西门子】软启动器\3RK1301-0JB00-1AA2\V,A</t>
  </si>
  <si>
    <t>【西门子】软启动器\3RK1301-0KB00-0AA2\V,A</t>
  </si>
  <si>
    <t>【西门子】软启动器\3RK1301-0KB00-1AA2\V,A</t>
  </si>
  <si>
    <t>【西门子】软启动器\3RK1301-1AB00-0AA2\V,A</t>
  </si>
  <si>
    <t>【西门子】软启动器\3RK1301-1AB00-1AA2\V,A</t>
  </si>
  <si>
    <t>【西门子】软启动器\3RK1301-1BB00-0AA2\V,A</t>
  </si>
  <si>
    <t>【西门子】软启动器\3RK1301-1BB00-1AA2\V,A</t>
  </si>
  <si>
    <t>【西门子】软启动器\3RK1301-1CB00-0AA2\V,A</t>
  </si>
  <si>
    <t>【西门子】软启动器\3RK1301-1CB00-1AA2\V,A</t>
  </si>
  <si>
    <t>【西门子】软启动器\3RK1301-1DB00-0AA2\V,A</t>
  </si>
  <si>
    <t>【西门子】软启动器\3RK1301-1DB00-1AA2\V,A</t>
  </si>
  <si>
    <t>【西门子】软启动器\3RK1301-1EB00-0AA2\V,A</t>
  </si>
  <si>
    <t>【西门子】软启动器\3RK1301-1EB00-1AA2\V,A</t>
  </si>
  <si>
    <t>【西门子】软启动器\3RK1301-1FB00-0AA2\V,A</t>
  </si>
  <si>
    <t>【西门子】软启动器\3RK1301-1FB00-1AA2\V,A</t>
  </si>
  <si>
    <t>【西门子】软启动器\3RK1301-1GB00-0AA2\V,A</t>
  </si>
  <si>
    <t>【西门子】软启动器\3RK1301-1GB00-1AA2\V,A</t>
  </si>
  <si>
    <t>【西门子】软启动器\3RK1301-1HB00-0AA2\V,A</t>
  </si>
  <si>
    <t>【西门子】软启动器\3RK1301-1HB00-1AA2\V,A</t>
  </si>
  <si>
    <t>【西门子】软启动器\3RK1301-1JB00-0AA2\V,A</t>
  </si>
  <si>
    <t>【西门子】软启动器\3RK1301-1JB00-1AA2\V,A</t>
  </si>
  <si>
    <t>【西门子】软启动器\3RK1301-1KB00-0AA2\V,A</t>
  </si>
  <si>
    <t>【西门子】软启动器\3RK1301-1KB00-1AA2\V,A</t>
  </si>
  <si>
    <t>【西门子】软启动器\3RK1903-0AB00\V,A</t>
  </si>
  <si>
    <t>【西门子】软启动器\3RK1903-0AB10\V,A</t>
  </si>
  <si>
    <t>【西门子】软启动器\3RK1903-0AC00\V,A</t>
  </si>
  <si>
    <t>【西门子】软启动器\3RK1903-0AC10\V,A</t>
  </si>
  <si>
    <t>【西门子】软启动器\3RK1903-0AE00\V,A</t>
  </si>
  <si>
    <t>【西门子】软启动器\3RK1903-0AF00\V,A</t>
  </si>
  <si>
    <t>【西门子】软启动器\3RK1903-0AF20\V,A</t>
  </si>
  <si>
    <t>【西门子】软启动器\3RK1903-0AG00\V,A</t>
  </si>
  <si>
    <t>【西门子】软启动器\3RK1903-0AH00\V,A</t>
  </si>
  <si>
    <t>【西门子】软启动器\3RK1903-0AJ00\V,A</t>
  </si>
  <si>
    <t>【西门子】软启动器\3RK1903-0AK00\V,A</t>
  </si>
  <si>
    <t>【西门子】软启动器\3RK1903-0AK10\V,A</t>
  </si>
  <si>
    <t>【西门子】软启动器\3RK1903-0BA00\V,A</t>
  </si>
  <si>
    <t>【西门子】软启动器\3RK1903-0CA00\V,A</t>
  </si>
  <si>
    <t>【西门子】软启动器\3RK1903-0CB00\V,A</t>
  </si>
  <si>
    <t>【西门子】软启动器\3RK1903-0CC00\V,A</t>
  </si>
  <si>
    <t>【西门子】软启动器\3RK1903-0CD00\V,A</t>
  </si>
  <si>
    <t>【西门子】软启动器\3RK1903-0CG00\V,A</t>
  </si>
  <si>
    <t>【西门子】软启动器\3RK1903-0CH10\V,A</t>
  </si>
  <si>
    <t>【西门子】软启动器\3RK1903-0CH20\V,A</t>
  </si>
  <si>
    <t>【西门子】软启动器\3RK1903-1AA00\V,A</t>
  </si>
  <si>
    <t>【西门子】软启动器\3RK1903-1AA10\V,A</t>
  </si>
  <si>
    <t>【西门子】软启动器\3RK1903-1AC00\V,A</t>
  </si>
  <si>
    <t>【西门子】软启动器\3RK1903-1AC10\V,A</t>
  </si>
  <si>
    <t>【西门子】软启动器\3RK1903-1BA00\V,A</t>
  </si>
  <si>
    <t>【西门子】软启动器\3RK1903-1BB00\V,A</t>
  </si>
  <si>
    <t>【西门子】软启动器\3RK1903-1BC00\V,A</t>
  </si>
  <si>
    <t>【西门子】软启动器\3RK1903-1BD00\V,A</t>
  </si>
  <si>
    <t>【西门子】软启动器\3RK1903-2AA00\V,A</t>
  </si>
  <si>
    <t>【西门子】软启动器\3RK1903-2AA10\V,A</t>
  </si>
  <si>
    <t>【西门子】软启动器\3RK1903-2AC10\V,A</t>
  </si>
  <si>
    <t>【西门子】软启动器\3RK1903-3AA00\V,A</t>
  </si>
  <si>
    <t>【西门子】软启动器\3RK1903-3AB10\V,A</t>
  </si>
  <si>
    <t>【西门子】软启动器\3RK1903-3AC00\V,A</t>
  </si>
  <si>
    <t>【西门子】软启动器\3RK1903-3AC10\V,A</t>
  </si>
  <si>
    <t>【西门子】软启动器\3RK1903-3BA02\V,A</t>
  </si>
  <si>
    <t>【西门子】软启动器\3RK1903-3CA00\V,A</t>
  </si>
  <si>
    <t>【西门子】软启动器\3RK1903-3DA00\V,A</t>
  </si>
  <si>
    <t>【西门子】启动器\3RA6812-8AB\V,A</t>
  </si>
  <si>
    <t>【西门子】启动器\3RA6812-8AC\V,A</t>
  </si>
  <si>
    <t>【西门子】启动器\3RA6813-8AB\V,A</t>
  </si>
  <si>
    <t>【西门子】启动器\3RA6813-8AC\V,A</t>
  </si>
  <si>
    <t>【西门子】启动器\3RA6822-0AB\V,A</t>
  </si>
  <si>
    <t>【西门子】启动器\3RA6822-0AC\V,A</t>
  </si>
  <si>
    <t>【西门子】启动器\3RA6823-0AB\V,A</t>
  </si>
  <si>
    <t>【西门子】启动器\3RA6823-0AC\V,A</t>
  </si>
  <si>
    <t>【西门子】启动器\3RA6830-5AC\V,A</t>
  </si>
  <si>
    <t>【西门子】启动器\3RA6860-5AC\V,A</t>
  </si>
  <si>
    <t>【西门子】启动器\3RA6860-6AB\V,A</t>
  </si>
  <si>
    <t>【西门子】启动器\3RA6870-3AC\V,A</t>
  </si>
  <si>
    <t>【西门子】启动器\3RA6870-4AB\V,A</t>
  </si>
  <si>
    <t>【西门子】启动器\3RA6890-0BA\V,A</t>
  </si>
  <si>
    <t>【西门子】启动器\3RA6890-0EA\V,A</t>
  </si>
  <si>
    <t>【西门子】启动器\3RA6890-1AA\V,A</t>
  </si>
  <si>
    <t>【西门子】启动器\3RA6890-1AB\V,A</t>
  </si>
  <si>
    <t>【西门子】启动器\3RA6911-1A\V,A</t>
  </si>
  <si>
    <t>【西门子】启动器\3RA6911-2A\V,A</t>
  </si>
  <si>
    <t>【西门子】启动器\3RA6912-1A\V,A</t>
  </si>
  <si>
    <t>【西门子】启动器\3RA6912-2A\V,A</t>
  </si>
  <si>
    <t>【西门子】启动器\3RA6913-1A\V,A</t>
  </si>
  <si>
    <t>【西门子】启动器\3RA6913-2A\V,A</t>
  </si>
  <si>
    <t>【西门子】启动器\3RA6920-1A\V,A</t>
  </si>
  <si>
    <t>【西门子】启动器\3RA6920-1B\V,A</t>
  </si>
  <si>
    <t>【西门子】启动器\3RA6920-1C\V,A</t>
  </si>
  <si>
    <t>【西门子】启动器\3RA6920-2A\V,A</t>
  </si>
  <si>
    <t>【西门子】启动器\3RA6920-2B\V,A</t>
  </si>
  <si>
    <t>【西门子】启动器\3RA6920-2C\V,A</t>
  </si>
  <si>
    <t>【西门子】启动器\3RA6936-0B\V,A</t>
  </si>
  <si>
    <t>【西门子】启动器\3RA6950-0A\V,A</t>
  </si>
  <si>
    <t>【西门子】启动器\3RA6880-2AB\V,A</t>
  </si>
  <si>
    <t>【西门子】启动器\3RA6880-3AB\V,A</t>
  </si>
  <si>
    <t>【西门子】启动器\3RA6931-0A\V,A</t>
  </si>
  <si>
    <t>【西门子】启动器\3RA6933-0A\V,A</t>
  </si>
  <si>
    <t>【西门子】启动器\3RA6933-0B\V,A</t>
  </si>
  <si>
    <t>【西门子】启动器\3RA6935-0A\V,A</t>
  </si>
  <si>
    <t>【西门子】启动器\3RA6120-0AB30\V,A</t>
  </si>
  <si>
    <t>【西门子】启动器\3RA6120-0AP30\V,A</t>
  </si>
  <si>
    <t>【西门子】启动器\3RA6120-0BB30\V,A</t>
  </si>
  <si>
    <t>【西门子】启动器\3RA6120-0BP30\V,A</t>
  </si>
  <si>
    <t>【西门子】启动器\3RA6120-0CB30\V,A</t>
  </si>
  <si>
    <t>【西门子】启动器\3RA6120-0CP30\V,A</t>
  </si>
  <si>
    <t>【西门子】启动器\3RA6120-0DB30\V,A</t>
  </si>
  <si>
    <t>【西门子】启动器\3RA6120-0DP30\V,A</t>
  </si>
  <si>
    <t>【西门子】启动器\3RA6120-0EB30\V,A</t>
  </si>
  <si>
    <t>【西门子】启动器\3RA6120-0EP30\V,A</t>
  </si>
  <si>
    <t>【西门子】启动器\3RA6120-1AB32\V,A</t>
  </si>
  <si>
    <t>【西门子】启动器\3RA6120-1AB33\V,A</t>
  </si>
  <si>
    <t>【西门子】启动器\3RA6120-1AB34\V,A</t>
  </si>
  <si>
    <t>【西门子】启动器\3RA6120-1AP32\V,A</t>
  </si>
  <si>
    <t>【西门子】启动器\3RA6120-1AP33\V,A</t>
  </si>
  <si>
    <t>【西门子】启动器\3RA6120-1BB33\V,A</t>
  </si>
  <si>
    <t>【西门子】启动器\3RA6120-1BB34\V,A</t>
  </si>
  <si>
    <t>【西门子】启动器\3RA6120-1BP32\V,A</t>
  </si>
  <si>
    <t>【西门子】启动器\3RA6120-1BP33\V,A</t>
  </si>
  <si>
    <t>【西门子】启动器\3RA6120-1CB33\V,A</t>
  </si>
  <si>
    <t>【西门子】启动器\3RA6120-1CB34\V,A</t>
  </si>
  <si>
    <t>【西门子】启动器\3RA6120-1CP32\V,A</t>
  </si>
  <si>
    <t>【西门子】启动器\3RA6120-1CP33\V,A</t>
  </si>
  <si>
    <t>【西门子】启动器\3RA6120-1DB33\V,A</t>
  </si>
  <si>
    <t>【西门子】启动器\3RA6120-1DB34\V,A</t>
  </si>
  <si>
    <t>【西门子】启动器\3RA6120-1DP32\V,A</t>
  </si>
  <si>
    <t>【西门子】启动器\3RA6120-1DP33\V,A</t>
  </si>
  <si>
    <t>【西门子】启动器\3RA6120-1EB33\V,A</t>
  </si>
  <si>
    <t>【西门子】启动器\3RA6120-1EB34\V,A</t>
  </si>
  <si>
    <t>【西门子】启动器\3RA6120-1EP32\V,A</t>
  </si>
  <si>
    <t>【西门子】启动器\3RA6120-1EP33\V,A</t>
  </si>
  <si>
    <t>【西门子】启动器\3RA6120-2AB32\V,A</t>
  </si>
  <si>
    <t>【西门子】启动器\3RA6120-2AB33\V,A</t>
  </si>
  <si>
    <t>【西门子】启动器\3RA6120-2AB34\V,A</t>
  </si>
  <si>
    <t>【西门子】启动器\3RA6120-2AP32\V,A</t>
  </si>
  <si>
    <t>【西门子】启动器\3RA6120-2AP33\V,A</t>
  </si>
  <si>
    <t>【西门子】启动器\3RA6120-2BB32\V,A</t>
  </si>
  <si>
    <t>【西门子】启动器\3RA6120-2BB33\V,A</t>
  </si>
  <si>
    <t>【西门子】启动器\3RA6120-2BB34\V,A</t>
  </si>
  <si>
    <t>【西门子】启动器\3RA6120-2BP32\V,A</t>
  </si>
  <si>
    <t>【西门子】启动器\3RA6120-2BP33\V,A</t>
  </si>
  <si>
    <t>【西门子】启动器\3RA6120-2CB32\V,A</t>
  </si>
  <si>
    <t>【西门子】启动器\3RA6120-2CB33\V,A</t>
  </si>
  <si>
    <t>【西门子】启动器\3RA6120-2CB34\V,A</t>
  </si>
  <si>
    <t>【西门子】启动器\3RA6120-2CP32\V,A</t>
  </si>
  <si>
    <t>【西门子】启动器\3RA6120-2CP33\V,A</t>
  </si>
  <si>
    <t>【西门子】启动器\3RA6120-2DB32\V,A</t>
  </si>
  <si>
    <t>【西门子】启动器\3RA6120-2DB33\V,A</t>
  </si>
  <si>
    <t>【西门子】启动器\3RA6120-2DB34\V,A</t>
  </si>
  <si>
    <t>【西门子】启动器\3RA6120-2DP32\V,A</t>
  </si>
  <si>
    <t>【西门子】启动器\3RA6120-2DP33\V,A</t>
  </si>
  <si>
    <t>【西门子】启动器\3RA6120-2EB32\V,A</t>
  </si>
  <si>
    <t>【西门子】启动器\3RA6120-2EB33\V,A</t>
  </si>
  <si>
    <t>【西门子】启动器\3RA6120-2EB34\V,A</t>
  </si>
  <si>
    <t>【西门子】启动器\3RA6120-2EP32\V,A</t>
  </si>
  <si>
    <t>【西门子】启动器\3RA6120-2EP33\V,A</t>
  </si>
  <si>
    <t>【西门子】启动器\3RA6250-0AB30\V,A</t>
  </si>
  <si>
    <t>【西门子】启动器\3RA6250-0AP30\V,A</t>
  </si>
  <si>
    <t>【西门子】启动器\3RA6250-0BB30\V,A</t>
  </si>
  <si>
    <t>【西门子】启动器\3RA6250-0BP30\V,A</t>
  </si>
  <si>
    <t>【西门子】启动器\3RA6250-0CB30\V,A</t>
  </si>
  <si>
    <t>【西门子】启动器\3RA6250-0CP30\V,A</t>
  </si>
  <si>
    <t>【西门子】启动器\3RA6250-0DB30\V,A</t>
  </si>
  <si>
    <t>【西门子】启动器\3RA6250-0DP30\V,A</t>
  </si>
  <si>
    <t>【西门子】启动器\3RA6250-0EB30\V,A</t>
  </si>
  <si>
    <t>【西门子】启动器\3RA6250-0EP30\V,A</t>
  </si>
  <si>
    <t>【西门子】启动器\3RA6250-1AB32\V,A</t>
  </si>
  <si>
    <t>【西门子】启动器\3RA6250-1AB33\V,A</t>
  </si>
  <si>
    <t>【西门子】启动器\3RA6250-1AB34\V,A</t>
  </si>
  <si>
    <t>【西门子】启动器\3RA6250-1AP32\V,A</t>
  </si>
  <si>
    <t>【西门子】启动器\3RA6250-1AP33\V,A</t>
  </si>
  <si>
    <t>【西门子】启动器\3RA6250-1BB32\V,A</t>
  </si>
  <si>
    <t>【西门子】启动器\3RA6250-1BB33\V,A</t>
  </si>
  <si>
    <t>【西门子】启动器\3RA6250-1BB34\V,A</t>
  </si>
  <si>
    <t>【西门子】启动器\3RA6250-1BP32\V,A</t>
  </si>
  <si>
    <t>【西门子】启动器\3RA6250-1BP33\V,A</t>
  </si>
  <si>
    <t>【西门子】启动器\3RA6250-1CB32\V,A</t>
  </si>
  <si>
    <t>【西门子】启动器\3RA6250-1CB33\V,A</t>
  </si>
  <si>
    <t>【西门子】启动器\3RA6250-1CB34\V,A</t>
  </si>
  <si>
    <t>【西门子】启动器\3RA6250-1CP32\V,A</t>
  </si>
  <si>
    <t>【西门子】启动器\3RA6250-1CP33\V,A</t>
  </si>
  <si>
    <t>【西门子】启动器\3RA6250-1DB32\V,A</t>
  </si>
  <si>
    <t>【西门子】启动器\3RA6250-1DB33\V,A</t>
  </si>
  <si>
    <t>【西门子】启动器\3RA6250-1DB34\V,A</t>
  </si>
  <si>
    <t>【西门子】启动器\3RA6250-1DP32\V,A</t>
  </si>
  <si>
    <t>【西门子】启动器\3RA6250-1DP33\V,A</t>
  </si>
  <si>
    <t>【西门子】启动器\3RA6250-1EB32\V,A</t>
  </si>
  <si>
    <t>【西门子】启动器\3RA6250-1EB33\V,A</t>
  </si>
  <si>
    <t>【西门子】启动器\3RA6250-1EB34\V,A</t>
  </si>
  <si>
    <t>【西门子】启动器\3RA6250-1EP32\V,A</t>
  </si>
  <si>
    <t>【西门子】启动器\3RA6250-1EP33\V,A</t>
  </si>
  <si>
    <t>【西门子】启动器\3RA6250-2AB32\V,A</t>
  </si>
  <si>
    <t>【西门子】启动器\3RA6250-2AB33\V,A</t>
  </si>
  <si>
    <t>【西门子】启动器\3RA6250-2AB34\V,A</t>
  </si>
  <si>
    <t>【西门子】启动器\3RA6250-2AP32\V,A</t>
  </si>
  <si>
    <t>【西门子】启动器\3RA6250-2AP33\V,A</t>
  </si>
  <si>
    <t>【西门子】启动器\3RA6250-2BB32\V,A</t>
  </si>
  <si>
    <t>【西门子】启动器\3RA6250-2BB33\V,A</t>
  </si>
  <si>
    <t>【西门子】启动器\3RA6250-2BB34\V,A</t>
  </si>
  <si>
    <t>【西门子】启动器\3RA6250-2BP32\V,A</t>
  </si>
  <si>
    <t>【西门子】启动器\3RA6250-2BP33\V,A</t>
  </si>
  <si>
    <t>【西门子】启动器\3RA6250-2CB32\V,A</t>
  </si>
  <si>
    <t>【西门子】启动器\3RA6250-2CB33\V,A</t>
  </si>
  <si>
    <t>【西门子】启动器\3RA6250-2CB34\V,A</t>
  </si>
  <si>
    <t>【西门子】启动器\3RA6250-2CP32\V,A</t>
  </si>
  <si>
    <t>【西门子】启动器\3RA6250-2CP33\V,A</t>
  </si>
  <si>
    <t>【西门子】启动器\3RA6250-2DB32\V,A</t>
  </si>
  <si>
    <t>【西门子】启动器\3RA6250-2DB33\V,A</t>
  </si>
  <si>
    <t>【西门子】启动器\3RA6250-2DB34\V,A</t>
  </si>
  <si>
    <t>【西门子】启动器\3RA6250-2DP32\V,A</t>
  </si>
  <si>
    <t>【西门子】启动器\3RA6250-2DP33\V,A</t>
  </si>
  <si>
    <t>【西门子】启动器\3RA6250-2EB32\V,A</t>
  </si>
  <si>
    <t>【西门子】启动器\3RA6250-2EB33\V,A</t>
  </si>
  <si>
    <t>【西门子】启动器\3RA6250-2EB34\V,A</t>
  </si>
  <si>
    <t>【西门子】启动器\3RA6250-2EP32\V,A</t>
  </si>
  <si>
    <t>【西门子】启动器\3RA6250-2EP33\V,A</t>
  </si>
  <si>
    <t>【西门子】启动器\3RA6400-1AB42\V,A</t>
  </si>
  <si>
    <t>【西门子】启动器\3RA6400-1BB42\V,A</t>
  </si>
  <si>
    <t>【西门子】启动器\3RA6400-1CB43\V,A</t>
  </si>
  <si>
    <t>【西门子】启动器\3RA6400-1EB43\V,A</t>
  </si>
  <si>
    <t>【西门子】启动器\3RA6400-2BB42\V,A</t>
  </si>
  <si>
    <t>【西门子】启动器\3RA6400-2CB42\V,A</t>
  </si>
  <si>
    <t>【西门子】启动器\3RA6400-2DB42\V,A</t>
  </si>
  <si>
    <t>【西门子】启动器\3RA6500-1BB42\V,A</t>
  </si>
  <si>
    <t>【西门子】启动器\3RA6500-1CB42\V,A</t>
  </si>
  <si>
    <t>【西门子】启动器\3RA6400-1AB43\V,A</t>
  </si>
  <si>
    <t>【西门子】启动器\3RA6400-1BB43\V,A</t>
  </si>
  <si>
    <t>【西门子】启动器\3RA6400-1CB42\V,A</t>
  </si>
  <si>
    <t>【西门子】启动器\3RA6400-1DB42\V,A</t>
  </si>
  <si>
    <t>【西门子】启动器\3RA6400-1DB43\V,A</t>
  </si>
  <si>
    <t>【西门子】启动器\3RA6400-1EB42\V,A</t>
  </si>
  <si>
    <t>【西门子】启动器\3RA6400-2AB42\V,A</t>
  </si>
  <si>
    <t>【西门子】启动器\3RA6400-2AB43\V,A</t>
  </si>
  <si>
    <t>【西门子】启动器\3RA6400-2BB43\V,A</t>
  </si>
  <si>
    <t>【西门子】启动器\3RA6400-2CB43\V,A</t>
  </si>
  <si>
    <t>【西门子】启动器\3RA6400-2DB43\V,A</t>
  </si>
  <si>
    <t>【西门子】启动器\3RA6400-2EB42\V,A</t>
  </si>
  <si>
    <t>【西门子】启动器\3RA6400-2EB43\V,A</t>
  </si>
  <si>
    <t>【西门子】启动器\3RA6500-1AB42\V,A</t>
  </si>
  <si>
    <t>【西门子】启动器\3RA6500-1AB43\V,A</t>
  </si>
  <si>
    <t>【西门子】启动器\3RA6500-1BB43\V,A</t>
  </si>
  <si>
    <t>【西门子】启动器\3RA6500-1CB43\V,A</t>
  </si>
  <si>
    <t>【西门子】启动器\3RA6500-1DB42\V,A</t>
  </si>
  <si>
    <t>【西门子】启动器\3RA6500-1DB43\V,A</t>
  </si>
  <si>
    <t>【西门子】启动器\3RA6500-1EB42\V,A</t>
  </si>
  <si>
    <t>【西门子】启动器\3RA6500-1EB43\V,A</t>
  </si>
  <si>
    <t>【西门子】启动器\3RA6500-2AB42\V,A</t>
  </si>
  <si>
    <t>【西门子】启动器\3RA6500-2AB43\V,A</t>
  </si>
  <si>
    <t>【西门子】启动器\3RA6500-2BB42\V,A</t>
  </si>
  <si>
    <t>【西门子】启动器\3RA6500-2BB43\V,A</t>
  </si>
  <si>
    <t>【西门子】启动器\3RA6500-2CB42\V,A</t>
  </si>
  <si>
    <t>【西门子】启动器\3RA6500-2CB43\V,A</t>
  </si>
  <si>
    <t>【西门子】启动器\3RA6500-2DB42\V,A</t>
  </si>
  <si>
    <t>【西门子】启动器\3RA6500-2DB43\V,A</t>
  </si>
  <si>
    <t>【西门子】启动器\3RA6500-2EB42\V,A</t>
  </si>
  <si>
    <t>【西门子】启动器\3RA6500-2EB43\V,A</t>
  </si>
  <si>
    <t>【西门子】启动器\3RA6970-3A\V,A</t>
  </si>
  <si>
    <t>【西门子】启动器\3RA6970-3B\V,A</t>
  </si>
  <si>
    <t>【西门子】启动器\3RA6970-3C\V,A</t>
  </si>
  <si>
    <t>【西门子】启动器\3RA6970-3D\V,A</t>
  </si>
  <si>
    <t>【西门子】启动器\3RA6970-3E\V,A</t>
  </si>
  <si>
    <t>【西门子】启动器\3RA6970-3F\V,A</t>
  </si>
  <si>
    <t>【西门子】启动器\3RW3936-8A\V,A</t>
  </si>
  <si>
    <t>【西门子】软启动器\3RW4900-0PB00\V,A</t>
  </si>
  <si>
    <t>【西门子】软启动器\3RW4900-0PB10\V,A</t>
  </si>
  <si>
    <t>【西门子】软启动器\3RW4928-8VB00\V,A</t>
  </si>
  <si>
    <t>【西门子】软启动器\3RW4936-8VX30\V,A</t>
  </si>
  <si>
    <t>【西门子】软启动器\3RW4936-8VX40\V,A</t>
  </si>
  <si>
    <t>【西门子】软启动器\3RW4947-8VB00\V,A</t>
  </si>
  <si>
    <t>【西门子】软启动器\3RW4947-8VX30\V,A</t>
  </si>
  <si>
    <t>【西门子】软启动器\3RW4947-8VX40\V,A</t>
  </si>
  <si>
    <t>【西门子】软启动器\3RW4755-6SB30\V,A</t>
  </si>
  <si>
    <t>【西门子】软启动器\3RW4755-6SB40\V,A</t>
  </si>
  <si>
    <t>【西门子】软启动器\3RW4756-6SB30\V,A</t>
  </si>
  <si>
    <t>【西门子】软启动器\3RW4756-6SB40\V,A</t>
  </si>
  <si>
    <t>【西门子】软启动器\3RW4773-0LB00\V,A</t>
  </si>
  <si>
    <t>【西门子】软启动器\3RW4773-0NB00\V,A</t>
  </si>
  <si>
    <t>【西门子】软启动器\3RW4773-6SB30\V,A</t>
  </si>
  <si>
    <t>【西门子】软启动器\3RW4773-6SB40\V,A</t>
  </si>
  <si>
    <t>【西门子】软启动器\3RW4774-0LB00\V,A</t>
  </si>
  <si>
    <t>【西门子】软启动器\3RW4774-0NB00\V,A</t>
  </si>
  <si>
    <t>【西门子】软启动器\3RW4774-6SB30\V,A</t>
  </si>
  <si>
    <t>【西门子】软启动器\3RW4774-6SB40\V,A</t>
  </si>
  <si>
    <t>【西门子】软启动器\3RW4775-0LB00\V,A</t>
  </si>
  <si>
    <t>【西门子】软启动器\3RW4775-0NB00\V,A</t>
  </si>
  <si>
    <t>【西门子】软启动器\3RW4775-6SB30\V,A</t>
  </si>
  <si>
    <t>【西门子】软启动器\3RW4775-6SB40\V,A</t>
  </si>
  <si>
    <t>【西门子】软启动器\3RW4776-0LB00\V,A</t>
  </si>
  <si>
    <t>【西门子】软启动器\3RW4776-0NB00\V,A</t>
  </si>
  <si>
    <t>【西门子】软启动器\3RW4776-0UB00\V,A</t>
  </si>
  <si>
    <t>【西门子】软启动器\3RW4776-2HB00\V,A</t>
  </si>
  <si>
    <t>【西门子】软启动器\3RW4776-6HB00\V,A</t>
  </si>
  <si>
    <t>【西门子】软启动器\3RW4776-6SB30\V,A</t>
  </si>
  <si>
    <t>【西门子】软启动器\3RW4776-6SB40\V,A</t>
  </si>
  <si>
    <t>【西门子】软启动器\3RW5055-2AB04\V,A</t>
  </si>
  <si>
    <t>【西门子】软启动器\3RW5055-2AB05\V,A</t>
  </si>
  <si>
    <t>【西门子】软启动器\3RW5055-2AB14\V,A</t>
  </si>
  <si>
    <t>【西门子】软启动器\3RW5055-2AB15\V,A</t>
  </si>
  <si>
    <t>【西门子】软启动器\3RW5055-2TB04\V,A</t>
  </si>
  <si>
    <t>【西门子】软启动器\3RW5055-2TB05\V,A</t>
  </si>
  <si>
    <t>【西门子】软启动器\3RW5055-2TB14\V,A</t>
  </si>
  <si>
    <t>【西门子】软启动器\3RW5055-2TB15\V,A</t>
  </si>
  <si>
    <t>【西门子】软启动器\3RW5055-6AB04\V,A</t>
  </si>
  <si>
    <t>【西门子】软启动器\3RW5055-6AB05\V,A</t>
  </si>
  <si>
    <t>【西门子】软启动器\3RW5055-6AB14\V,A</t>
  </si>
  <si>
    <t>【西门子】软启动器\3RW5055-6AB15\V,A</t>
  </si>
  <si>
    <t>【西门子】软启动器\3RW5055-6TB04\V,A</t>
  </si>
  <si>
    <t>【西门子】软启动器\3RW5055-6TB05\V,A</t>
  </si>
  <si>
    <t>【西门子】软启动器\3RW5055-6TB14\V,A</t>
  </si>
  <si>
    <t>【西门子】软启动器\3RW5055-6TB15\V,A</t>
  </si>
  <si>
    <t>【西门子】软启动器\3RW5056-2AB04\V,A</t>
  </si>
  <si>
    <t>【西门子】软启动器\3RW5056-2AB05\V,A</t>
  </si>
  <si>
    <t>【西门子】软启动器\3RW5056-2AB14\V,A</t>
  </si>
  <si>
    <t>【西门子】软启动器\3RW5056-2AB15\V,A</t>
  </si>
  <si>
    <t>【西门子】软启动器\3RW5056-2TB04\V,A</t>
  </si>
  <si>
    <t>【西门子】软启动器\3RW5056-2TB05\V,A</t>
  </si>
  <si>
    <t>【西门子】软启动器\3RW5056-2TB14\V,A</t>
  </si>
  <si>
    <t>【西门子】软启动器\3RW5056-2TB15\V,A</t>
  </si>
  <si>
    <t>【西门子】软启动器\3RW5056-6AB04\V,A</t>
  </si>
  <si>
    <t>【西门子】软启动器\3RW5056-6AB05\V,A</t>
  </si>
  <si>
    <t>【西门子】软启动器\3RW5056-6AB14\V,A</t>
  </si>
  <si>
    <t>【西门子】软启动器\3RW5056-6AB15\V,A</t>
  </si>
  <si>
    <t>【西门子】软启动器\3RW5056-6TB04\V,A</t>
  </si>
  <si>
    <t>【西门子】软启动器\3RW5056-6TB05\V,A</t>
  </si>
  <si>
    <t>【西门子】软启动器\3RW5056-6TB14\V,A</t>
  </si>
  <si>
    <t>【西门子】软启动器\3RW5056-6TB15\V,A</t>
  </si>
  <si>
    <t>【西门子】软启动器\3RW5072-2AB04\V,A</t>
  </si>
  <si>
    <t>【西门子】软启动器\3RW5072-2AB05\V,A</t>
  </si>
  <si>
    <t>【西门子】软启动器\3RW5072-2AB14\V,A</t>
  </si>
  <si>
    <t>【西门子】软启动器\3RW5072-2AB15\V,A</t>
  </si>
  <si>
    <t>【西门子】软启动器\3RW5072-2TB04\V,A</t>
  </si>
  <si>
    <t>【西门子】软启动器\3RW5072-2TB05\V,A</t>
  </si>
  <si>
    <t>【西门子】软启动器\3RW5072-2TB14\V,A</t>
  </si>
  <si>
    <t>【西门子】软启动器\3RW5072-2TB15\V,A</t>
  </si>
  <si>
    <t>【西门子】软启动器\3RW5072-6AB04\V,A</t>
  </si>
  <si>
    <t>【西门子】软启动器\3RW5072-6AB05\V,A</t>
  </si>
  <si>
    <t>【西门子】软启动器\3RW5072-6AB14\V,A</t>
  </si>
  <si>
    <t>【西门子】软启动器\3RW5072-6AB15\V,A</t>
  </si>
  <si>
    <t>【西门子】软启动器\3RW5072-6TB04\V,A</t>
  </si>
  <si>
    <t>【西门子】软启动器\3RW5072-6TB05\V,A</t>
  </si>
  <si>
    <t>【西门子】软启动器\3RW5072-6TB14\V,A</t>
  </si>
  <si>
    <t>【西门子】软启动器\3RW5072-6TB15\V,A</t>
  </si>
  <si>
    <t>【西门子】软启动器\3RW5073-2AB04\V,A</t>
  </si>
  <si>
    <t>【西门子】软启动器\3RW5073-2AB05\V,A</t>
  </si>
  <si>
    <t>【西门子】软启动器\3RW5073-2AB14\V,A</t>
  </si>
  <si>
    <t>【西门子】软启动器\3RW5073-2AB15\V,A</t>
  </si>
  <si>
    <t>【西门子】软启动器\3RW5073-2TB04\V,A</t>
  </si>
  <si>
    <t>【西门子】软启动器\3RW5073-2TB05\V,A</t>
  </si>
  <si>
    <t>【西门子】软启动器\3RW5073-2TB14\V,A</t>
  </si>
  <si>
    <t>【西门子】软启动器\3RW5073-2TB15\V,A</t>
  </si>
  <si>
    <t>【西门子】软启动器\3RW5073-6AB04\V,A</t>
  </si>
  <si>
    <t>【西门子】软启动器\3RW5073-6AB05\V,A</t>
  </si>
  <si>
    <t>【西门子】软启动器\3RW5073-6AB14\V,A</t>
  </si>
  <si>
    <t>【西门子】软启动器\3RW5073-6AB15\V,A</t>
  </si>
  <si>
    <t>【西门子】软启动器\3RW5073-6TB04\V,A</t>
  </si>
  <si>
    <t>【西门子】软启动器\3RW5073-6TB05\V,A</t>
  </si>
  <si>
    <t>【西门子】软启动器\3RW5073-6TB14\V,A</t>
  </si>
  <si>
    <t>【西门子】软启动器\3RW5073-6TB15\V,A</t>
  </si>
  <si>
    <t>【西门子】软启动器\3RW5074-2AB04\V,A</t>
  </si>
  <si>
    <t>【西门子】软启动器\3RW5074-2AB05\V,A</t>
  </si>
  <si>
    <t>【西门子】软启动器\3RW5074-2AB14\V,A</t>
  </si>
  <si>
    <t>【西门子】软启动器\3RW5074-2AB15\V,A</t>
  </si>
  <si>
    <t>【西门子】软启动器\3RW5074-2TB04\V,A</t>
  </si>
  <si>
    <t>【西门子】软启动器\3RW5074-2TB05\V,A</t>
  </si>
  <si>
    <t>【西门子】软启动器\3RW5074-2TB14\V,A</t>
  </si>
  <si>
    <t>【西门子】软启动器\3RW5074-2TB15\V,A</t>
  </si>
  <si>
    <t>【西门子】软启动器\3RW5074-6AB04\V,A</t>
  </si>
  <si>
    <t>【西门子】软启动器\3RW5074-6AB05\V,A</t>
  </si>
  <si>
    <t>【西门子】软启动器\3RW5074-6AB14\V,A</t>
  </si>
  <si>
    <t>【西门子】软启动器\3RW5074-6AB15\V,A</t>
  </si>
  <si>
    <t>【西门子】软启动器\3RW5074-6TB04\V,A</t>
  </si>
  <si>
    <t>【西门子】软启动器\3RW5074-6TB05\V,A</t>
  </si>
  <si>
    <t>【西门子】软启动器\3RW5074-6TB14\V,A</t>
  </si>
  <si>
    <t>【西门子】软启动器\3RW5074-6TB15\V,A</t>
  </si>
  <si>
    <t>【西门子】软启动器\3RW5075-2AB04\V,A</t>
  </si>
  <si>
    <t>【西门子】软启动器\3RW5075-2AB05\V,A</t>
  </si>
  <si>
    <t>【西门子】软启动器\3RW5075-2AB14\V,A</t>
  </si>
  <si>
    <t>【西门子】软启动器\3RW5075-2AB15\V,A</t>
  </si>
  <si>
    <t>【西门子】软启动器\3RW5075-2TB04\V,A</t>
  </si>
  <si>
    <t>【西门子】软启动器\3RW5075-2TB05\V,A</t>
  </si>
  <si>
    <t>【西门子】软启动器\3RW5075-2TB14\V,A</t>
  </si>
  <si>
    <t>【西门子】软启动器\3RW5075-2TB15\V,A</t>
  </si>
  <si>
    <t>【西门子】软启动器\3RW5075-6AB04\V,A</t>
  </si>
  <si>
    <t>【西门子】软启动器\3RW5075-6AB05\V,A</t>
  </si>
  <si>
    <t>【西门子】软启动器\3RW5075-6AB14\V,A</t>
  </si>
  <si>
    <t>【西门子】软启动器\3RW5075-6AB15\V,A</t>
  </si>
  <si>
    <t>【西门子】软启动器\3RW5075-6TB04\V,A</t>
  </si>
  <si>
    <t>【西门子】软启动器\3RW5075-6TB05\V,A</t>
  </si>
  <si>
    <t>【西门子】软启动器\3RW5075-6TB14\V,A</t>
  </si>
  <si>
    <t>【西门子】软启动器\3RW5075-6TB15\V,A</t>
  </si>
  <si>
    <t>【西门子】软启动器\3RW5076-2AB04\V,A</t>
  </si>
  <si>
    <t>【西门子】软启动器\3RW5076-2AB05\V,A</t>
  </si>
  <si>
    <t>【西门子】软启动器\3RW5076-2AB14\V,A</t>
  </si>
  <si>
    <t>【西门子】软启动器\3RW5076-2AB15\V,A</t>
  </si>
  <si>
    <t>【西门子】软启动器\3RW5076-2TB04\V,A</t>
  </si>
  <si>
    <t>【西门子】软启动器\3RW5076-2TB05\V,A</t>
  </si>
  <si>
    <t>【西门子】软启动器\3RW5076-2TB14\V,A</t>
  </si>
  <si>
    <t>【西门子】软启动器\3RW5076-2TB15\V,A</t>
  </si>
  <si>
    <t>【西门子】软启动器\3RW5076-6AB04\V,A</t>
  </si>
  <si>
    <t>【西门子】软启动器\3RW5076-6AB05\V,A</t>
  </si>
  <si>
    <t>【西门子】软启动器\3RW5076-6AB14\V,A</t>
  </si>
  <si>
    <t>【西门子】软启动器\3RW5076-6AB15\V,A</t>
  </si>
  <si>
    <t>【西门子】软启动器\3RW5076-6TB04\V,A</t>
  </si>
  <si>
    <t>【西门子】软启动器\3RW5076-6TB05\V,A</t>
  </si>
  <si>
    <t>【西门子】软启动器\3RW5076-6TB14\V,A</t>
  </si>
  <si>
    <t>【西门子】软启动器\3RW5076-6TB15\V,A</t>
  </si>
  <si>
    <t>【西门子】软启动器\3RW5077-2AB04\V,A</t>
  </si>
  <si>
    <t>【西门子】软启动器\3RW5077-2AB05\V,A</t>
  </si>
  <si>
    <t>【西门子】软启动器\3RW5077-2AB14\V,A</t>
  </si>
  <si>
    <t>【西门子】软启动器\3RW5077-2AB15\V,A</t>
  </si>
  <si>
    <t>【西门子】软启动器\3RW5077-2TB04\V,A</t>
  </si>
  <si>
    <t>【西门子】软启动器\3RW5077-2TB05\V,A</t>
  </si>
  <si>
    <t>【西门子】软启动器\3RW5077-2TB14\V,A</t>
  </si>
  <si>
    <t>【西门子】软启动器\3RW5077-2TB15\V,A</t>
  </si>
  <si>
    <t>【西门子】软启动器\3RW5077-6AB04\V,A</t>
  </si>
  <si>
    <t>【西门子】软启动器\3RW5077-6AB05\V,A</t>
  </si>
  <si>
    <t>【西门子】软启动器\3RW5077-6AB14\V,A</t>
  </si>
  <si>
    <t>【西门子】软启动器\3RW5077-6AB15\V,A</t>
  </si>
  <si>
    <t>【西门子】软启动器\3RW5077-6TB04\V,A</t>
  </si>
  <si>
    <t>【西门子】软启动器\3RW5077-6TB05\V,A</t>
  </si>
  <si>
    <t>【西门子】软启动器\3RW5077-6TB14\V,A</t>
  </si>
  <si>
    <t>【西门子】软启动器\3RW5077-6TB15\V,A</t>
  </si>
  <si>
    <t>【西门子】软启动器\3RW5213-1AC04\V,A</t>
  </si>
  <si>
    <t>【西门子】软启动器\3RW5213-1AC05\V,A</t>
  </si>
  <si>
    <t>【西门子】软启动器\3RW5213-1AC14\V,A</t>
  </si>
  <si>
    <t>【西门子】软启动器\3RW5213-1AC15\V,A</t>
  </si>
  <si>
    <t>【西门子】软启动器\3RW5213-1TC04\V,A</t>
  </si>
  <si>
    <t>【西门子】软启动器\3RW5213-1TC05\V,A</t>
  </si>
  <si>
    <t>【西门子】软启动器\3RW5213-1TC14\V,A</t>
  </si>
  <si>
    <t>【西门子】软启动器\3RW5213-1TC15\V,A</t>
  </si>
  <si>
    <t>【西门子】软启动器\3RW5213-3AC04\V,A</t>
  </si>
  <si>
    <t>【西门子】软启动器\3RW5213-3AC05\V,A</t>
  </si>
  <si>
    <t>【西门子】软启动器\3RW5213-3AC14\V,A</t>
  </si>
  <si>
    <t>【西门子】软启动器\3RW5213-3AC15\V,A</t>
  </si>
  <si>
    <t>【西门子】软启动器\3RW5213-3TC04\V,A</t>
  </si>
  <si>
    <t>【西门子】软启动器\3RW5213-3TC05\V,A</t>
  </si>
  <si>
    <t>【西门子】软启动器\3RW5213-3TC14\V,A</t>
  </si>
  <si>
    <t>【西门子】软启动器\3RW5213-3TC15\V,A</t>
  </si>
  <si>
    <t>【西门子】软启动器\3RW5214-1AC04\V,A</t>
  </si>
  <si>
    <t>【西门子】软启动器\3RW5214-1AC05\V,A</t>
  </si>
  <si>
    <t>【西门子】软启动器\3RW5214-1AC14\V,A</t>
  </si>
  <si>
    <t>【西门子】软启动器\3RW5214-1AC15\V,A</t>
  </si>
  <si>
    <t>【西门子】软启动器\3RW5214-1TC04\V,A</t>
  </si>
  <si>
    <t>【西门子】软启动器\3RW5214-1TC05\V,A</t>
  </si>
  <si>
    <t>【西门子】软启动器\3RW5214-1TC14\V,A</t>
  </si>
  <si>
    <t>【西门子】软启动器\3RW5214-1TC15\V,A</t>
  </si>
  <si>
    <t>【西门子】软启动器\3RW5214-3AC04\V,A</t>
  </si>
  <si>
    <t>【西门子】软启动器\3RW5214-3AC05\V,A</t>
  </si>
  <si>
    <t>【西门子】软启动器\3RW5214-3AC14\V,A</t>
  </si>
  <si>
    <t>【西门子】软启动器\3RW5214-3AC15\V,A</t>
  </si>
  <si>
    <t>【西门子】软启动器\3RW5214-3TC04\V,A</t>
  </si>
  <si>
    <t>【西门子】软启动器\3RW5214-3TC05\V,A</t>
  </si>
  <si>
    <t>【西门子】软启动器\3RW5214-3TC14\V,A</t>
  </si>
  <si>
    <t>【西门子】软启动器\3RW5214-3TC15\V,A</t>
  </si>
  <si>
    <t>【西门子】软启动器\3RW5215-1AC04\V,A</t>
  </si>
  <si>
    <t>【西门子】软启动器\3RW5215-1AC05\V,A</t>
  </si>
  <si>
    <t>【西门子】软启动器\3RW5215-1AC14\V,A</t>
  </si>
  <si>
    <t>【西门子】软启动器\3RW5215-1AC15\V,A</t>
  </si>
  <si>
    <t>【西门子】软启动器\3RW5215-1TC04\V,A</t>
  </si>
  <si>
    <t>【西门子】软启动器\3RW5215-1TC05\V,A</t>
  </si>
  <si>
    <t>【西门子】软启动器\3RW5215-1TC14\V,A</t>
  </si>
  <si>
    <t>【西门子】软启动器\3RW5215-1TC15\V,A</t>
  </si>
  <si>
    <t>【西门子】软启动器\3RW5215-3AC04\V,A</t>
  </si>
  <si>
    <t>【西门子】软启动器\3RW5215-3AC05\V,A</t>
  </si>
  <si>
    <t>【西门子】软启动器\3RW5215-3AC14\V,A</t>
  </si>
  <si>
    <t>【西门子】软启动器\3RW5215-3AC15\V,A</t>
  </si>
  <si>
    <t>【西门子】软启动器\3RW5215-3TC04\V,A</t>
  </si>
  <si>
    <t>【西门子】软启动器\3RW5215-3TC05\V,A</t>
  </si>
  <si>
    <t>【西门子】软启动器\3RW5215-3TC14\V,A</t>
  </si>
  <si>
    <t>【西门子】软启动器\3RW5215-3TC15\V,A</t>
  </si>
  <si>
    <t>【西门子】软启动器\3RW5216-1AC04\V,A</t>
  </si>
  <si>
    <t>【西门子】软启动器\3RW5216-1AC05\V,A</t>
  </si>
  <si>
    <t>【西门子】软启动器\3RW5216-1AC14\V,A</t>
  </si>
  <si>
    <t>【西门子】软启动器\3RW5216-1AC15\V,A</t>
  </si>
  <si>
    <t>【西门子】软启动器\3RW5216-1TC04\V,A</t>
  </si>
  <si>
    <t>【西门子】软启动器\3RW5216-1TC05\V,A</t>
  </si>
  <si>
    <t>【西门子】软启动器\3RW5216-1TC14\V,A</t>
  </si>
  <si>
    <t>【西门子】软启动器\3RW5216-1TC15\V,A</t>
  </si>
  <si>
    <t>【西门子】软启动器\3RW5216-3AC04\V,A</t>
  </si>
  <si>
    <t>【西门子】软启动器\3RW5216-3AC05\V,A</t>
  </si>
  <si>
    <t>【西门子】软启动器\3RW5216-3AC14\V,A</t>
  </si>
  <si>
    <t>【西门子】软启动器\3RW5216-3AC15\V,A</t>
  </si>
  <si>
    <t>【西门子】软启动器\3RW5216-3TC04\V,A</t>
  </si>
  <si>
    <t>【西门子】软启动器\3RW5216-3TC05\V,A</t>
  </si>
  <si>
    <t>【西门子】软启动器\3RW5216-3TC14\V,A</t>
  </si>
  <si>
    <t>【西门子】软启动器\3RW5216-3TC15\V,A</t>
  </si>
  <si>
    <t>【西门子】软启动器\3RW5217-1AC04\V,A</t>
  </si>
  <si>
    <t>【西门子】软启动器\3RW5217-1AC05\V,A</t>
  </si>
  <si>
    <t>【西门子】软启动器\3RW5217-1AC14\V,A</t>
  </si>
  <si>
    <t>【西门子】软启动器\3RW5217-1AC15\V,A</t>
  </si>
  <si>
    <t>【西门子】软启动器\3RW5217-1TC04\V,A</t>
  </si>
  <si>
    <t>【西门子】软启动器\3RW5217-1TC05\V,A</t>
  </si>
  <si>
    <t>【西门子】软启动器\3RW5217-1TC14\V,A</t>
  </si>
  <si>
    <t>【西门子】软启动器\3RW5217-1TC15\V,A</t>
  </si>
  <si>
    <t>【西门子】软启动器\3RW5217-3AC04\V,A</t>
  </si>
  <si>
    <t>【西门子】软启动器\3RW5217-3AC05\V,A</t>
  </si>
  <si>
    <t>【西门子】软启动器\3RW5217-3AC14\V,A</t>
  </si>
  <si>
    <t>【西门子】软启动器\3RW5217-3AC15\V,A</t>
  </si>
  <si>
    <t>【西门子】软启动器\3RW5217-3TC04\V,A</t>
  </si>
  <si>
    <t>【西门子】软启动器\3RW5217-3TC05\V,A</t>
  </si>
  <si>
    <t>【西门子】软启动器\3RW5217-3TC14\V,A</t>
  </si>
  <si>
    <t>【西门子】软启动器\3RW5217-3TC15\V,A</t>
  </si>
  <si>
    <t>【西门子】软启动器\3RW5224-1AC04\V,A</t>
  </si>
  <si>
    <t>【西门子】软启动器\3RW5224-1AC05\V,A</t>
  </si>
  <si>
    <t>【西门子】软启动器\3RW5224-1AC14\V,A</t>
  </si>
  <si>
    <t>【西门子】软启动器\3RW5224-1AC15\V,A</t>
  </si>
  <si>
    <t>【西门子】软启动器\3RW5224-1TC04\V,A</t>
  </si>
  <si>
    <t>【西门子】软启动器\3RW5224-1TC05\V,A</t>
  </si>
  <si>
    <t>【西门子】软启动器\3RW5224-1TC14\V,A</t>
  </si>
  <si>
    <t>【西门子】软启动器\3RW5224-1TC15\V,A</t>
  </si>
  <si>
    <t>【西门子】软启动器\3RW5224-3AC04\V,A</t>
  </si>
  <si>
    <t>【西门子】软启动器\3RW5224-3AC05\V,A</t>
  </si>
  <si>
    <t>【西门子】软启动器\3RW5224-3AC14\V,A</t>
  </si>
  <si>
    <t>【西门子】软启动器\3RW5224-3AC15\V,A</t>
  </si>
  <si>
    <t>【西门子】软启动器\3RW5224-3TC04\V,A</t>
  </si>
  <si>
    <t>【西门子】软启动器\3RW5224-3TC05\V,A</t>
  </si>
  <si>
    <t>【西门子】软启动器\3RW5224-3TC14\V,A</t>
  </si>
  <si>
    <t>【西门子】软启动器\3RW5224-3TC15\V,A</t>
  </si>
  <si>
    <t>【西门子】软启动器\3RW5225-1AC04\V,A</t>
  </si>
  <si>
    <t>【西门子】软启动器\3RW5225-1AC05\V,A</t>
  </si>
  <si>
    <t>【西门子】软启动器\3RW5225-1AC14\V,A</t>
  </si>
  <si>
    <t>【西门子】软启动器\3RW5225-1AC15\V,A</t>
  </si>
  <si>
    <t>【西门子】软启动器\3RW5225-1TC04\V,A</t>
  </si>
  <si>
    <t>【西门子】软启动器\3RW5225-1TC05\V,A</t>
  </si>
  <si>
    <t>【西门子】软启动器\3RW5225-1TC14\V,A</t>
  </si>
  <si>
    <t>【西门子】软启动器\3RW5225-1TC15\V,A</t>
  </si>
  <si>
    <t>【西门子】软启动器\3RW5225-3AC04\V,A</t>
  </si>
  <si>
    <t>【西门子】软启动器\3RW5225-3AC05\V,A</t>
  </si>
  <si>
    <t>【西门子】软启动器\3RW5225-3AC14\V,A</t>
  </si>
  <si>
    <t>【西门子】软启动器\3RW5225-3AC15\V,A</t>
  </si>
  <si>
    <t>【西门子】软启动器\3RW5225-3TC04\V,A</t>
  </si>
  <si>
    <t>【西门子】软启动器\3RW5225-3TC05\V,A</t>
  </si>
  <si>
    <t>【西门子】软启动器\3RW5225-3TC14\V,A</t>
  </si>
  <si>
    <t>【西门子】软启动器\3RW5225-3TC15\V,A</t>
  </si>
  <si>
    <t>【西门子】软启动器\3RW5226-1AC04\V,A</t>
  </si>
  <si>
    <t>【西门子】软启动器\3RW5226-1AC05\V,A</t>
  </si>
  <si>
    <t>【西门子】软启动器\3RW5226-1AC14\V,A</t>
  </si>
  <si>
    <t>【西门子】软启动器\3RW5226-1AC15\V,A</t>
  </si>
  <si>
    <t>【西门子】软启动器\3RW5226-1TC04\V,A</t>
  </si>
  <si>
    <t>【西门子】软启动器\3RW5226-1TC05\V,A</t>
  </si>
  <si>
    <t>【西门子】软启动器\3RW5226-1TC14\V,A</t>
  </si>
  <si>
    <t>【西门子】软启动器\3RW5226-1TC15\V,A</t>
  </si>
  <si>
    <t>【西门子】软启动器\3RW5226-3AC04\V,A</t>
  </si>
  <si>
    <t>【西门子】软启动器\3RW5226-3AC05\V,A</t>
  </si>
  <si>
    <t>【西门子】软启动器\3RW5226-3AC14\V,A</t>
  </si>
  <si>
    <t>【西门子】软启动器\3RW5226-3AC15\V,A</t>
  </si>
  <si>
    <t>【西门子】软启动器\3RW5226-3TC04\V,A</t>
  </si>
  <si>
    <t>【西门子】软启动器\3RW5226-3TC05\V,A</t>
  </si>
  <si>
    <t>【西门子】软启动器\3RW5226-3TC14\V,A</t>
  </si>
  <si>
    <t>【西门子】软启动器\3RW5226-3TC15\V,A</t>
  </si>
  <si>
    <t>【西门子】软启动器\3RW5227-1AC04\V,A</t>
  </si>
  <si>
    <t>【西门子】软启动器\3RW5227-1AC05\V,A</t>
  </si>
  <si>
    <t>【西门子】软启动器\3RW5227-1AC14\V,A</t>
  </si>
  <si>
    <t>【西门子】软启动器\3RW5227-1AC15\V,A</t>
  </si>
  <si>
    <t>【西门子】软启动器\3RW5227-1TC04\V,A</t>
  </si>
  <si>
    <t>【西门子】软启动器\3RW5227-1TC05\V,A</t>
  </si>
  <si>
    <t>【西门子】软启动器\3RW5227-1TC14\V,A</t>
  </si>
  <si>
    <t>【西门子】软启动器\3RW5227-1TC15\V,A</t>
  </si>
  <si>
    <t>【西门子】软启动器\3RW5227-3AC04\V,A</t>
  </si>
  <si>
    <t>【西门子】软启动器\3RW5227-3AC05\V,A</t>
  </si>
  <si>
    <t>【西门子】软启动器\3RW5227-3AC14\V,A</t>
  </si>
  <si>
    <t>【西门子】软启动器\3RW5227-3AC15\V,A</t>
  </si>
  <si>
    <t>【西门子】软启动器\3RW5227-3TC04\V,A</t>
  </si>
  <si>
    <t>【西门子】软启动器\3RW5227-3TC05\V,A</t>
  </si>
  <si>
    <t>【西门子】软启动器\3RW5227-3TC14\V,A</t>
  </si>
  <si>
    <t>【西门子】软启动器\3RW5227-3TC15\V,A</t>
  </si>
  <si>
    <t>【西门子】软启动器\3RW5234-2AC04\V,A</t>
  </si>
  <si>
    <t>【西门子】软启动器\3RW5234-2AC05\V,A</t>
  </si>
  <si>
    <t>【西门子】软启动器\3RW5234-2AC14\V,A</t>
  </si>
  <si>
    <t>【西门子】软启动器\3RW5234-2AC15\V,A</t>
  </si>
  <si>
    <t>【西门子】软启动器\3RW5234-2TC04\V,A</t>
  </si>
  <si>
    <t>【西门子】软启动器\3RW5234-2TC05\V,A</t>
  </si>
  <si>
    <t>【西门子】软启动器\3RW5234-2TC14\V,A</t>
  </si>
  <si>
    <t>【西门子】软启动器\3RW5234-2TC15\V,A</t>
  </si>
  <si>
    <t>【西门子】软启动器\3RW5234-6AC04\V,A</t>
  </si>
  <si>
    <t>【西门子】软启动器\3RW5234-6AC05\V,A</t>
  </si>
  <si>
    <t>【西门子】软启动器\3RW5234-6AC14\V,A</t>
  </si>
  <si>
    <t>【西门子】软启动器\3RW5234-6AC15\V,A</t>
  </si>
  <si>
    <t>【西门子】软启动器\3RW5234-6TC04\V,A</t>
  </si>
  <si>
    <t>【西门子】软启动器\3RW5234-6TC05\V,A</t>
  </si>
  <si>
    <t>【西门子】软启动器\3RW5234-6TC14\V,A</t>
  </si>
  <si>
    <t>【西门子】软启动器\3RW5234-6TC15\V,A</t>
  </si>
  <si>
    <t>【西门子】软启动器\3RW5235-2AC04\V,A</t>
  </si>
  <si>
    <t>【西门子】软启动器\3RW5235-2AC05\V,A</t>
  </si>
  <si>
    <t>【西门子】软启动器\3RW5235-2AC14\V,A</t>
  </si>
  <si>
    <t>【西门子】软启动器\3RW5235-2AC15\V,A</t>
  </si>
  <si>
    <t>【西门子】软启动器\3RW5235-2TC04\V,A</t>
  </si>
  <si>
    <t>【西门子】软启动器\3RW5235-2TC05\V,A</t>
  </si>
  <si>
    <t>【西门子】软启动器\3RW5235-2TC14\V,A</t>
  </si>
  <si>
    <t>【西门子】软启动器\3RW5235-2TC15\V,A</t>
  </si>
  <si>
    <t>【西门子】软启动器\3RW5235-6AC04\V,A</t>
  </si>
  <si>
    <t>【西门子】软启动器\3RW5235-6AC05\V,A</t>
  </si>
  <si>
    <t>【西门子】软启动器\3RW5235-6AC14\V,A</t>
  </si>
  <si>
    <t>【西门子】软启动器\3RW5235-6AC15\V,A</t>
  </si>
  <si>
    <t>【西门子】软启动器\3RW5235-6TC04\V,A</t>
  </si>
  <si>
    <t>【西门子】软启动器\3RW5235-6TC05\V,A</t>
  </si>
  <si>
    <t>【西门子】软启动器\3RW5235-6TC14\V,A</t>
  </si>
  <si>
    <t>【西门子】软启动器\3RW5235-6TC15\V,A</t>
  </si>
  <si>
    <t>【西门子】软启动器\3RW5236-2AC04\V,A</t>
  </si>
  <si>
    <t>【西门子】软启动器\3RW5236-2AC05\V,A</t>
  </si>
  <si>
    <t>【西门子】软启动器\3RW5236-2AC14\V,A</t>
  </si>
  <si>
    <t>【西门子】软启动器\3RW5236-2AC15\V,A</t>
  </si>
  <si>
    <t>【西门子】软启动器\3RW5236-2TC04\V,A</t>
  </si>
  <si>
    <t>【西门子】软启动器\3RW5236-2TC05\V,A</t>
  </si>
  <si>
    <t>【西门子】软启动器\3RW5236-2TC14\V,A</t>
  </si>
  <si>
    <t>【西门子】软启动器\3RW5236-2TC15\V,A</t>
  </si>
  <si>
    <t>【西门子】软启动器\3RW5236-6AC04\V,A</t>
  </si>
  <si>
    <t>【西门子】软启动器\3RW5236-6AC05\V,A</t>
  </si>
  <si>
    <t>【西门子】软启动器\3RW5236-6AC14\V,A</t>
  </si>
  <si>
    <t>【西门子】软启动器\3RW5236-6AC15\V,A</t>
  </si>
  <si>
    <t>【西门子】软启动器\3RW5236-6TC04\V,A</t>
  </si>
  <si>
    <t>【西门子】软启动器\3RW5236-6TC05\V,A</t>
  </si>
  <si>
    <t>【西门子】软启动器\3RW5236-6TC14\V,A</t>
  </si>
  <si>
    <t>【西门子】软启动器\3RW5236-6TC15\V,A</t>
  </si>
  <si>
    <t>【西门子】软启动器\3RW5243-2AC04\V,A</t>
  </si>
  <si>
    <t>【西门子】软启动器\3RW5243-2AC05\V,A</t>
  </si>
  <si>
    <t>【西门子】软启动器\3RW5243-2AC14\V,A</t>
  </si>
  <si>
    <t>【西门子】软启动器\3RW5243-2AC15\V,A</t>
  </si>
  <si>
    <t>【西门子】软启动器\3RW5243-2TC04\V,A</t>
  </si>
  <si>
    <t>【西门子】软启动器\3RW5243-2TC05\V,A</t>
  </si>
  <si>
    <t>【西门子】软启动器\3RW5243-2TC14\V,A</t>
  </si>
  <si>
    <t>【西门子】软启动器\3RW5243-2TC15\V,A</t>
  </si>
  <si>
    <t>【西门子】软启动器\3RW5243-6AC04\V,A</t>
  </si>
  <si>
    <t>【西门子】软启动器\3RW5243-6AC05\V,A</t>
  </si>
  <si>
    <t>【西门子】软启动器\3RW5243-6AC14\V,A</t>
  </si>
  <si>
    <t>【西门子】软启动器\3RW5243-6AC15\V,A</t>
  </si>
  <si>
    <t>【西门子】软启动器\3RW5243-6TC04\V,A</t>
  </si>
  <si>
    <t>【西门子】软启动器\3RW5243-6TC05\V,A</t>
  </si>
  <si>
    <t>【西门子】软启动器\3RW5243-6TC14\V,A</t>
  </si>
  <si>
    <t>【西门子】软启动器\3RW5243-6TC15\V,A</t>
  </si>
  <si>
    <t>【西门子】软启动器\3RW5244-2AC04\V,A</t>
  </si>
  <si>
    <t>【西门子】软启动器\3RW5244-2AC05\V,A</t>
  </si>
  <si>
    <t>【西门子】软启动器\3RW5244-2AC14\V,A</t>
  </si>
  <si>
    <t>【西门子】软启动器\3RW5244-2AC15\V,A</t>
  </si>
  <si>
    <t>【西门子】软启动器\3RW5244-2TC04\V,A</t>
  </si>
  <si>
    <t>【西门子】软启动器\3RW5244-2TC05\V,A</t>
  </si>
  <si>
    <t>【西门子】软启动器\3RW5244-2TC14\V,A</t>
  </si>
  <si>
    <t>【西门子】软启动器\3RW5244-2TC15\V,A</t>
  </si>
  <si>
    <t>【西门子】软启动器\3RW5244-6AC04\V,A</t>
  </si>
  <si>
    <t>【西门子】软启动器\3RW5244-6AC05\V,A</t>
  </si>
  <si>
    <t>【西门子】软启动器\3RW5244-6AC14\V,A</t>
  </si>
  <si>
    <t>【西门子】软启动器\3RW5244-6AC15\V,A</t>
  </si>
  <si>
    <t>【西门子】软启动器\3RW5244-6TC04\V,A</t>
  </si>
  <si>
    <t>【西门子】软启动器\3RW5244-6TC05\V,A</t>
  </si>
  <si>
    <t>【西门子】软启动器\3RW5244-6TC14\V,A</t>
  </si>
  <si>
    <t>【西门子】软启动器\3RW5244-6TC15\V,A</t>
  </si>
  <si>
    <t>【西门子】软启动器\3RW5245-2AC04\V,A</t>
  </si>
  <si>
    <t>【西门子】软启动器\3RW5245-2AC05\V,A</t>
  </si>
  <si>
    <t>【西门子】软启动器\3RW5245-2AC14\V,A</t>
  </si>
  <si>
    <t>【西门子】软启动器\3RW5245-2AC15\V,A</t>
  </si>
  <si>
    <t>【西门子】软启动器\3RW5245-2TC04\V,A</t>
  </si>
  <si>
    <t>【西门子】软启动器\3RW5245-2TC05\V,A</t>
  </si>
  <si>
    <t>【西门子】软启动器\3RW5245-2TC14\V,A</t>
  </si>
  <si>
    <t>【西门子】软启动器\3RW5245-2TC15\V,A</t>
  </si>
  <si>
    <t>【西门子】软启动器\3RW5245-6AC04\V,A</t>
  </si>
  <si>
    <t>【西门子】软启动器\3RW5245-6AC05\V,A</t>
  </si>
  <si>
    <t>【西门子】软启动器\3RW5245-6AC14\V,A</t>
  </si>
  <si>
    <t>【西门子】软启动器\3RW5245-6AC15\V,A</t>
  </si>
  <si>
    <t>【西门子】软启动器\3RW5245-6TC04\V,A</t>
  </si>
  <si>
    <t>【西门子】软启动器\3RW5245-6TC05\V,A</t>
  </si>
  <si>
    <t>【西门子】软启动器\3RW5245-6TC14\V,A</t>
  </si>
  <si>
    <t>【西门子】软启动器\3RW5245-6TC15\V,A</t>
  </si>
  <si>
    <t>【西门子】软启动器\3RW5246-2AC04\V,A</t>
  </si>
  <si>
    <t>【西门子】软启动器\3RW5246-2AC05\V,A</t>
  </si>
  <si>
    <t>【西门子】软启动器\3RW5246-2AC14\V,A</t>
  </si>
  <si>
    <t>【西门子】软启动器\3RW5246-2AC15\V,A</t>
  </si>
  <si>
    <t>【西门子】软启动器\3RW5246-2TC04\V,A</t>
  </si>
  <si>
    <t>【西门子】软启动器\3RW5246-2TC05\V,A</t>
  </si>
  <si>
    <t>【西门子】软启动器\3RW5246-2TC14\V,A</t>
  </si>
  <si>
    <t>【西门子】软启动器\3RW5246-2TC15\V,A</t>
  </si>
  <si>
    <t>【西门子】软启动器\3RW5246-6AC04\V,A</t>
  </si>
  <si>
    <t>【西门子】软启动器\3RW5246-6AC05\V,A</t>
  </si>
  <si>
    <t>【西门子】软启动器\3RW5246-6AC14\V,A</t>
  </si>
  <si>
    <t>【西门子】软启动器\3RW5246-6AC15\V,A</t>
  </si>
  <si>
    <t>【西门子】软启动器\3RW5246-6TC04\V,A</t>
  </si>
  <si>
    <t>【西门子】软启动器\3RW5246-6TC05\V,A</t>
  </si>
  <si>
    <t>【西门子】软启动器\3RW5246-6TC14\V,A</t>
  </si>
  <si>
    <t>【西门子】软启动器\3RW5246-6TC15\V,A</t>
  </si>
  <si>
    <t>【西门子】软启动器\3RW5247-2AC04\V,A</t>
  </si>
  <si>
    <t>【西门子】软启动器\3RW5247-2AC05\V,A</t>
  </si>
  <si>
    <t>【西门子】软启动器\3RW5247-2AC14\V,A</t>
  </si>
  <si>
    <t>【西门子】软启动器\3RW5247-2AC15\V,A</t>
  </si>
  <si>
    <t>【西门子】软启动器\3RW5247-2TC04\V,A</t>
  </si>
  <si>
    <t>【西门子】软启动器\3RW5247-2TC05\V,A</t>
  </si>
  <si>
    <t>【西门子】软启动器\3RW5247-2TC14\V,A</t>
  </si>
  <si>
    <t>【西门子】软启动器\3RW5247-2TC15\V,A</t>
  </si>
  <si>
    <t>【西门子】软启动器\3RW5247-6AC04\V,A</t>
  </si>
  <si>
    <t>【西门子】软启动器\3RW5247-6AC05\V,A</t>
  </si>
  <si>
    <t>【西门子】软启动器\3RW5247-6AC14\V,A</t>
  </si>
  <si>
    <t>【西门子】软启动器\3RW5247-6AC15\V,A</t>
  </si>
  <si>
    <t>【西门子】软启动器\3RW5247-6TC04\V,A</t>
  </si>
  <si>
    <t>【西门子】软启动器\3RW5247-6TC05\V,A</t>
  </si>
  <si>
    <t>【西门子】软启动器\3RW5247-6TC14\V,A</t>
  </si>
  <si>
    <t>【西门子】软启动器\3RW5247-6TC15\V,A</t>
  </si>
  <si>
    <t>【西门子】软启动器\3RW5248-2AC04\V,A</t>
  </si>
  <si>
    <t>【西门子】软启动器\3RW5248-2AC05\V,A</t>
  </si>
  <si>
    <t>【西门子】软启动器\3RW5248-2AC14\V,A</t>
  </si>
  <si>
    <t>【西门子】软启动器\3RW5248-2AC15\V,A</t>
  </si>
  <si>
    <t>【西门子】软启动器\3RW5248-2TC04\V,A</t>
  </si>
  <si>
    <t>【西门子】软启动器\3RW5248-2TC05\V,A</t>
  </si>
  <si>
    <t>【西门子】软启动器\3RW5248-2TC14\V,A</t>
  </si>
  <si>
    <t>【西门子】软启动器\3RW5248-2TC15\V,A</t>
  </si>
  <si>
    <t>【西门子】软启动器\3RW5248-6AC04\V,A</t>
  </si>
  <si>
    <t>【西门子】软启动器\3RW5248-6AC05\V,A</t>
  </si>
  <si>
    <t>【西门子】软启动器\3RW5248-6AC14\V,A</t>
  </si>
  <si>
    <t>【西门子】软启动器\3RW5248-6AC15\V,A</t>
  </si>
  <si>
    <t>【西门子】软启动器\3RW5248-6TC04\V,A</t>
  </si>
  <si>
    <t>【西门子】软启动器\3RW5248-6TC05\V,A</t>
  </si>
  <si>
    <t>【西门子】软启动器\3RW5248-6TC14\V,A</t>
  </si>
  <si>
    <t>【西门子】软启动器\3RW5248-6TC15\V,A</t>
  </si>
  <si>
    <t>【西门子】软启动器\3RW5513-1HA04\V,A</t>
  </si>
  <si>
    <t>【西门子】软启动器\3RW5513-1HA05\V,A</t>
  </si>
  <si>
    <t>【西门子】软启动器\3RW5513-1HA14\V,A</t>
  </si>
  <si>
    <t>【西门子】软启动器\3RW5513-1HA15\V,A</t>
  </si>
  <si>
    <t>【西门子】软启动器\3RW5513-3HA04\V,A</t>
  </si>
  <si>
    <t>【西门子】软启动器\3RW5513-3HA05\V,A</t>
  </si>
  <si>
    <t>【西门子】软启动器\3RW5513-3HA14\V,A</t>
  </si>
  <si>
    <t>【西门子】软启动器\3RW5513-3HA15\V,A</t>
  </si>
  <si>
    <t>【西门子】软启动器\3RW5514-1HA04\V,A</t>
  </si>
  <si>
    <t>【西门子】软启动器\3RW5514-1HA05\V,A</t>
  </si>
  <si>
    <t>【西门子】软启动器\3RW5514-1HA14\V,A</t>
  </si>
  <si>
    <t>【西门子】软启动器\3RW5514-1HA15\V,A</t>
  </si>
  <si>
    <t>【西门子】软启动器\3RW5514-3HA04\V,A</t>
  </si>
  <si>
    <t>【西门子】软启动器\3RW5514-3HA05\V,A</t>
  </si>
  <si>
    <t>【西门子】软启动器\3RW5514-3HA14\V,A</t>
  </si>
  <si>
    <t>【西门子】软启动器\3RW5514-3HA15\V,A</t>
  </si>
  <si>
    <t>【西门子】软启动器\3RW5515-1HA04\V,A</t>
  </si>
  <si>
    <t>【西门子】软启动器\3RW5515-1HA05\V,A</t>
  </si>
  <si>
    <t>【西门子】软启动器\3RW5515-1HA14\V,A</t>
  </si>
  <si>
    <t>【西门子】软启动器\3RW5515-1HA15\V,A</t>
  </si>
  <si>
    <t>【西门子】软启动器\3RW5515-3HA04\V,A</t>
  </si>
  <si>
    <t>【西门子】软启动器\3RW5515-3HA05\V,A</t>
  </si>
  <si>
    <t>【西门子】软启动器\3RW5515-3HA14\V,A</t>
  </si>
  <si>
    <t>【西门子】软启动器\3RW5515-3HA15\V,A</t>
  </si>
  <si>
    <t>【西门子】软启动器\3RW5516-1HA04\V,A</t>
  </si>
  <si>
    <t>【西门子】软启动器\3RW5516-1HA05\V,A</t>
  </si>
  <si>
    <t>【西门子】软启动器\3RW5516-1HA14\V,A</t>
  </si>
  <si>
    <t>【西门子】软启动器\3RW5516-1HA15\V,A</t>
  </si>
  <si>
    <t>【西门子】软启动器\3RW5516-3HA04\V,A</t>
  </si>
  <si>
    <t>【西门子】软启动器\3RW5516-3HA05\V,A</t>
  </si>
  <si>
    <t>【西门子】软启动器\3RW5516-3HA14\V,A</t>
  </si>
  <si>
    <t>【西门子】软启动器\3RW5516-3HA15\V,A</t>
  </si>
  <si>
    <t>【西门子】软启动器\3RW5517-1HA04\V,A</t>
  </si>
  <si>
    <t>【西门子】软启动器\3RW5517-1HA05\V,A</t>
  </si>
  <si>
    <t>【西门子】软启动器\3RW5517-1HA14\V,A</t>
  </si>
  <si>
    <t>【西门子】软启动器\3RW5517-1HA15\V,A</t>
  </si>
  <si>
    <t>【西门子】软启动器\3RW5517-3HA04\V,A</t>
  </si>
  <si>
    <t>【西门子】软启动器\3RW5517-3HA05\V,A</t>
  </si>
  <si>
    <t>【西门子】软启动器\3RW5517-3HA14\V,A</t>
  </si>
  <si>
    <t>【西门子】软启动器\3RW5517-3HA15\V,A</t>
  </si>
  <si>
    <t>【西门子】软启动器\3RW5521-1HA06\V,A</t>
  </si>
  <si>
    <t>【西门子】软启动器\3RW5521-1HA16\V,A</t>
  </si>
  <si>
    <t>【西门子】软启动器\3RW5521-3HA06\V,A</t>
  </si>
  <si>
    <t>【西门子】软启动器\3RW5521-3HA16\V,A</t>
  </si>
  <si>
    <t>【西门子】软启动器\3RW5524-1HA04\V,A</t>
  </si>
  <si>
    <t>【西门子】软启动器\3RW5524-1HA06\V,A</t>
  </si>
  <si>
    <t>【西门子】软启动器\3RW5524-1HA14\V,A</t>
  </si>
  <si>
    <t>【西门子】软启动器\3RW5524-1HA16\V,A</t>
  </si>
  <si>
    <t>【西门子】软启动器\3RW5524-3HA04\V,A</t>
  </si>
  <si>
    <t>【西门子】软启动器\3RW5524-3HA06\V,A</t>
  </si>
  <si>
    <t>【西门子】软启动器\3RW5524-3HA14\V,A</t>
  </si>
  <si>
    <t>【西门子】软启动器\3RW5524-3HA16\V,A</t>
  </si>
  <si>
    <t>【西门子】软启动器\3RW5525-1HA04\V,A</t>
  </si>
  <si>
    <t>【西门子】软启动器\3RW5525-1HA06\V,A</t>
  </si>
  <si>
    <t>【西门子】软启动器\3RW5525-1HA14\V,A</t>
  </si>
  <si>
    <t>【西门子】软启动器\3RW5525-1HA16\V,A</t>
  </si>
  <si>
    <t>【西门子】软启动器\3RW5525-3HA04\V,A</t>
  </si>
  <si>
    <t>【西门子】软启动器\3RW5525-3HA06\V,A</t>
  </si>
  <si>
    <t>【西门子】软启动器\3RW5525-3HA14\V,A</t>
  </si>
  <si>
    <t>【西门子】软启动器\3RW5525-3HA16\V,A</t>
  </si>
  <si>
    <t>【西门子】软启动器\3RW5526-1HA04\V,A</t>
  </si>
  <si>
    <t>【西门子】软启动器\3RW5526-1HA06\V,A</t>
  </si>
  <si>
    <t>【西门子】软启动器\3RW5526-1HA14\V,A</t>
  </si>
  <si>
    <t>【西门子】软启动器\3RW5526-1HA16\V,A</t>
  </si>
  <si>
    <t>【西门子】软启动器\3RW5526-3HA04\V,A</t>
  </si>
  <si>
    <t>【西门子】软启动器\3RW5526-3HA06\V,A</t>
  </si>
  <si>
    <t>【西门子】软启动器\3RW5526-3HA14\V,A</t>
  </si>
  <si>
    <t>【西门子】软启动器\3RW5526-3HA16\V,A</t>
  </si>
  <si>
    <t>【西门子】软启动器\3RW5527-1HA04\V,A</t>
  </si>
  <si>
    <t>【西门子】软启动器\3RW5527-1HA06\V,A</t>
  </si>
  <si>
    <t>【西门子】软启动器\3RW5527-1HA14\V,A</t>
  </si>
  <si>
    <t>【西门子】软启动器\3RW5527-1HA16\V,A</t>
  </si>
  <si>
    <t>【西门子】软启动器\3RW5527-3HA04\V,A</t>
  </si>
  <si>
    <t>【西门子】软启动器\3RW5527-3HA06\V,A</t>
  </si>
  <si>
    <t>【西门子】软启动器\3RW5527-3HA14\V,A</t>
  </si>
  <si>
    <t>【西门子】软启动器\3RW5527-3HA16\V,A</t>
  </si>
  <si>
    <t>【西门子】软启动器\3RW5534-2HA04\V,A</t>
  </si>
  <si>
    <t>【西门子】软启动器\3RW5534-2HA06\V,A</t>
  </si>
  <si>
    <t>【西门子】软启动器\3RW5534-2HA14\V,A</t>
  </si>
  <si>
    <t>【西门子】软启动器\3RW5534-2HA16\V,A</t>
  </si>
  <si>
    <t>【西门子】软启动器\3RW5534-6HA04\V,A</t>
  </si>
  <si>
    <t>【西门子】软启动器\3RW5534-6HA06\V,A</t>
  </si>
  <si>
    <t>【西门子】软启动器\3RW5534-6HA14\V,A</t>
  </si>
  <si>
    <t>【西门子】软启动器\3RW5534-6HA16\V,A</t>
  </si>
  <si>
    <t>【西门子】软启动器\3RW5535-2HA04\V,A</t>
  </si>
  <si>
    <t>【西门子】软启动器\3RW5535-2HA06\V,A</t>
  </si>
  <si>
    <t>【西门子】软启动器\3RW5535-2HA14\V,A</t>
  </si>
  <si>
    <t>【西门子】软启动器\3RW5535-2HA16\V,A</t>
  </si>
  <si>
    <t>【西门子】软启动器\3RW5535-6HA04\V,A</t>
  </si>
  <si>
    <t>【西门子】软启动器\3RW5535-6HA06\V,A</t>
  </si>
  <si>
    <t>【西门子】软启动器\3RW5535-6HA14\V,A</t>
  </si>
  <si>
    <t>【西门子】软启动器\3RW5535-6HA16\V,A</t>
  </si>
  <si>
    <t>【西门子】软启动器\3RW5536-2HA04\V,A</t>
  </si>
  <si>
    <t>【西门子】软启动器\3RW5536-2HA06\V,A</t>
  </si>
  <si>
    <t>【西门子】软启动器\3RW5536-2HA14\V,A</t>
  </si>
  <si>
    <t>【西门子】软启动器\3RW5536-2HA16\V,A</t>
  </si>
  <si>
    <t>【西门子】软启动器\3RW5536-6HA04\V,A</t>
  </si>
  <si>
    <t>【西门子】软启动器\3RW5536-6HA06\V,A</t>
  </si>
  <si>
    <t>【西门子】软启动器\3RW5536-6HA14\V,A</t>
  </si>
  <si>
    <t>【西门子】软启动器\3RW5536-6HA16\V,A</t>
  </si>
  <si>
    <t>【西门子】软启动器\3RW5543-2HA04\V,A</t>
  </si>
  <si>
    <t>【西门子】软启动器\3RW5543-2HA06\V,A</t>
  </si>
  <si>
    <t>【西门子】软启动器\3RW5543-2HA14\V,A</t>
  </si>
  <si>
    <t>【西门子】软启动器\3RW5543-2HA16\V,A</t>
  </si>
  <si>
    <t>【西门子】软启动器\3RW5543-6HA04\V,A</t>
  </si>
  <si>
    <t>【西门子】软启动器\3RW5543-6HA06\V,A</t>
  </si>
  <si>
    <t>【西门子】软启动器\3RW5543-6HA14\V,A</t>
  </si>
  <si>
    <t>【西门子】软启动器\3RW5543-6HA16\V,A</t>
  </si>
  <si>
    <t>【西门子】软启动器\3RW5544-2HA04\V,A</t>
  </si>
  <si>
    <t>【西门子】软启动器\3RW5544-2HA06\V,A</t>
  </si>
  <si>
    <t>【西门子】软启动器\3RW5544-2HA14\V,A</t>
  </si>
  <si>
    <t>【西门子】软启动器\3RW5544-2HA16\V,A</t>
  </si>
  <si>
    <t>【西门子】软启动器\3RW5544-6HA04\V,A</t>
  </si>
  <si>
    <t>【西门子】软启动器\3RW5544-6HA06\V,A</t>
  </si>
  <si>
    <t>【西门子】软启动器\3RW5544-6HA14\V,A</t>
  </si>
  <si>
    <t>【西门子】软启动器\3RW5544-6HA16\V,A</t>
  </si>
  <si>
    <t>【西门子】软启动器\3RW5545-2HA04\V,A</t>
  </si>
  <si>
    <t>【西门子】软启动器\3RW5545-2HA06\V,A</t>
  </si>
  <si>
    <t>【西门子】软启动器\3RW5545-2HA14\V,A</t>
  </si>
  <si>
    <t>【西门子】软启动器\3RW5545-2HA16\V,A</t>
  </si>
  <si>
    <t>【西门子】软启动器\3RW5545-6HA04\V,A</t>
  </si>
  <si>
    <t>【西门子】软启动器\3RW5545-6HA06\V,A</t>
  </si>
  <si>
    <t>【西门子】软启动器\3RW5545-6HA14\V,A</t>
  </si>
  <si>
    <t>【西门子】软启动器\3RW5545-6HA16\V,A</t>
  </si>
  <si>
    <t>【西门子】软启动器\3RW5546-2HA04\V,A</t>
  </si>
  <si>
    <t>【西门子】软启动器\3RW5546-2HA06\V,A</t>
  </si>
  <si>
    <t>【西门子】软启动器\3RW5546-2HA14\V,A</t>
  </si>
  <si>
    <t>【西门子】软启动器\3RW5546-2HA16\V,A</t>
  </si>
  <si>
    <t>【西门子】软启动器\3RW5546-6HA04\V,A</t>
  </si>
  <si>
    <t>【西门子】软启动器\3RW5546-6HA06\V,A</t>
  </si>
  <si>
    <t>【西门子】软启动器\3RW5546-6HA14\V,A</t>
  </si>
  <si>
    <t>【西门子】软启动器\3RW5546-6HA16\V,A</t>
  </si>
  <si>
    <t>【西门子】软启动器\3RW5547-2HA04\V,A</t>
  </si>
  <si>
    <t>【西门子】软启动器\3RW5547-2HA06\V,A</t>
  </si>
  <si>
    <t>【西门子】软启动器\3RW5547-2HA14\V,A</t>
  </si>
  <si>
    <t>【西门子】软启动器\3RW5547-2HA16\V,A</t>
  </si>
  <si>
    <t>【西门子】软启动器\3RW5547-6HA04\V,A</t>
  </si>
  <si>
    <t>【西门子】软启动器\3RW5547-6HA06\V,A</t>
  </si>
  <si>
    <t>【西门子】软启动器\3RW5547-6HA14\V,A</t>
  </si>
  <si>
    <t>【西门子】软启动器\3RW5547-6HA16\V,A</t>
  </si>
  <si>
    <t>【西门子】软启动器\3RW5548-2HA04\V,A</t>
  </si>
  <si>
    <t>【西门子】软启动器\3RW5548-2HA06\V,A</t>
  </si>
  <si>
    <t>【西门子】软启动器\3RW5548-2HA14\V,A</t>
  </si>
  <si>
    <t>【西门子】软启动器\3RW5548-2HA16\V,A</t>
  </si>
  <si>
    <t>【西门子】软启动器\3RW5548-6HA04\V,A</t>
  </si>
  <si>
    <t>【西门子】软启动器\3RW5548-6HA06\V,A</t>
  </si>
  <si>
    <t>【西门子】软启动器\3RW5548-6HA14\V,A</t>
  </si>
  <si>
    <t>【西门子】软启动器\3RW5548-6HA16\V,A</t>
  </si>
  <si>
    <t>【西门子】软启动器\3RW5980-0HC60\V,A</t>
  </si>
  <si>
    <t>【西门子】软启动器\3RW5980-0CP00\V,A</t>
  </si>
  <si>
    <t>【西门子】软启动器\3RW5980-0CS00\V,A</t>
  </si>
  <si>
    <t>【西门子】软启动器\3RW5980-0HS00\V,A</t>
  </si>
  <si>
    <t>【西门子】软启动器\3RW5950-0GD20\V,A</t>
  </si>
  <si>
    <t>【西门子】软启动器\3RW5950-0GL30\V,A</t>
  </si>
  <si>
    <t>【西门子】软启动器\3RW5950-0GL40\V,A</t>
  </si>
  <si>
    <t>【西门子】软启动器\3RW5984-0TC20\V,A</t>
  </si>
  <si>
    <t>【西门子】软启动器\3RW5983-0TC20\V,A</t>
  </si>
  <si>
    <t>【西门子】软启动器\3RW5920-1UA00\V,A</t>
  </si>
  <si>
    <t>【西门子】软启动器\3RW5920-1UA10\V,A</t>
  </si>
  <si>
    <t>【西门子】软启动器\3RW5920-1UT00\V,A</t>
  </si>
  <si>
    <t>【西门子】软启动器\3RW5920-1UT10\V,A</t>
  </si>
  <si>
    <t>【西门子】软启动器\3RW5921-0PA04\V,A</t>
  </si>
  <si>
    <t>【西门子】软启动器\3RW5921-0PA05\V,A</t>
  </si>
  <si>
    <t>【西门子】软启动器\3RW5921-0PB04\V,A</t>
  </si>
  <si>
    <t>【西门子】软启动器\3RW5921-0PB05\V,A</t>
  </si>
  <si>
    <t>【西门子】软启动器\3RW5921-0PC04\V,A</t>
  </si>
  <si>
    <t>【西门子】软启动器\3RW5921-0PC05\V,A</t>
  </si>
  <si>
    <t>【西门子】软启动器\3RW5921-0PD04\V,A</t>
  </si>
  <si>
    <t>【西门子】软启动器\3RW5921-0PD05\V,A</t>
  </si>
  <si>
    <t>【西门子】软启动器\3RW5921-0PE04\V,A</t>
  </si>
  <si>
    <t>【西门子】软启动器\3RW5921-0PE05\V,A</t>
  </si>
  <si>
    <t>【西门子】软启动器\3RW5923-0PY04\V,A</t>
  </si>
  <si>
    <t>【西门子】软启动器\3RW5923-0PY05\V,A</t>
  </si>
  <si>
    <t>【西门子】软启动器\3RW5924-0PY04\V,A</t>
  </si>
  <si>
    <t>【西门子】软启动器\3RW5924-0PY05\V,A</t>
  </si>
  <si>
    <t>【西门子】软启动器\3RW5924-0SN05\V,A</t>
  </si>
  <si>
    <t>【西门子】软启动器\3RW5924-0SQ05\V,A</t>
  </si>
  <si>
    <t>【西门子】软启动器\3RW5924-0ST05\V,A</t>
  </si>
  <si>
    <t>【西门子】软启动器\3RW5950-0GL20\V,A</t>
  </si>
  <si>
    <t>【西门子】软启动器\3RW5950-1UY00\V,A</t>
  </si>
  <si>
    <t>【西门子】软启动器\3RW5950-1UY10\V,A</t>
  </si>
  <si>
    <t>【西门子】软启动器\3RW5951-0PA04\V,A</t>
  </si>
  <si>
    <t>【西门子】软启动器\3RW5951-0PA05\V,A</t>
  </si>
  <si>
    <t>【西门子】软启动器\3RW5951-0PB04\V,A</t>
  </si>
  <si>
    <t>【西门子】软启动器\3RW5951-0PB05\V,A</t>
  </si>
  <si>
    <t>【西门子】软启动器\3RW5951-0PC04\V,A</t>
  </si>
  <si>
    <t>【西门子】软启动器\3RW5951-0PC05\V,A</t>
  </si>
  <si>
    <t>【西门子】软启动器\3RW5951-0PD04\V,A</t>
  </si>
  <si>
    <t>【西门子】软启动器\3RW5951-0PD05\V,A</t>
  </si>
  <si>
    <t>【西门子】软启动器\3RW5951-0PE04\V,A</t>
  </si>
  <si>
    <t>【西门子】软启动器\3RW5951-0PE05\V,A</t>
  </si>
  <si>
    <t>【西门子】软启动器\3RW5951-0VY00\V,A</t>
  </si>
  <si>
    <t>【西门子】软启动器\3RW5952-0SF04\V,A</t>
  </si>
  <si>
    <t>【西门子】软启动器\3RW5952-0SF05\V,A</t>
  </si>
  <si>
    <t>【西门子】软启动器\3RW5952-0SF06\V,A</t>
  </si>
  <si>
    <t>【西门子】软启动器\3RW5952-0SH04\V,A</t>
  </si>
  <si>
    <t>【西门子】软启动器\3RW5952-0SH05\V,A</t>
  </si>
  <si>
    <t>【西门子】软启动器\3RW5952-0SH06\V,A</t>
  </si>
  <si>
    <t>【西门子】软启动器\3RW5952-0SJ04\V,A</t>
  </si>
  <si>
    <t>【西门子】软启动器\3RW5952-0SJ05\V,A</t>
  </si>
  <si>
    <t>【西门子】软启动器\3RW5952-0SJ06\V,A</t>
  </si>
  <si>
    <t>【西门子】软启动器\3RW5953-0GB00\V,A</t>
  </si>
  <si>
    <t>【西门子】软启动器\3RW5953-0PY04\V,A</t>
  </si>
  <si>
    <t>【西门子】软启动器\3RW5953-0PY06\V,A</t>
  </si>
  <si>
    <t>【西门子】软启动器\3RW5953-0SL04\V,A</t>
  </si>
  <si>
    <t>【西门子】软启动器\3RW5953-0SL05\V,A</t>
  </si>
  <si>
    <t>【西门子】软启动器\3RW5953-0SL06\V,A</t>
  </si>
  <si>
    <t>【西门子】软启动器\3RW5953-0SM04\V,A</t>
  </si>
  <si>
    <t>【西门子】软启动器\3RW5953-0SM05\V,A</t>
  </si>
  <si>
    <t>【西门子】软启动器\3RW5953-0SM06\V,A</t>
  </si>
  <si>
    <t>【西门子】软启动器\3RW5953-0VY00\V,A</t>
  </si>
  <si>
    <t>【西门子】软启动器\3RW5954-0GB00\V,A</t>
  </si>
  <si>
    <t>【西门子】软启动器\3RW5954-0GF00\V,A</t>
  </si>
  <si>
    <t>【西门子】软启动器\3RW5954-0PY04\V,A</t>
  </si>
  <si>
    <t>【西门子】软启动器\3RW5954-0PY06\V,A</t>
  </si>
  <si>
    <t>【西门子】软启动器\3RW5954-0SN04\V,A</t>
  </si>
  <si>
    <t>【西门子】软启动器\3RW5954-0SN06\V,A</t>
  </si>
  <si>
    <t>【西门子】软启动器\3RW5954-0ST04\V,A</t>
  </si>
  <si>
    <t>【西门子】软启动器\3RW5954-0ST06\V,A</t>
  </si>
  <si>
    <t>【西门子】软启动器\3RW5954-0VY00\V,A</t>
  </si>
  <si>
    <t>【西门子】软启动器\3RW5980-0CT00\V,A</t>
  </si>
  <si>
    <t>【西门子】软启动器\3RW5980-0HF00\V,A</t>
  </si>
  <si>
    <t>【西门子】软启动器\3RW5980-0HL00\V,A</t>
  </si>
  <si>
    <t>【西门子】软启动器\3RW5980-1TR00\V,A</t>
  </si>
  <si>
    <t>【西门子】软启动器\3RW5980-2TR00\V,A</t>
  </si>
  <si>
    <t>【西门子】软启动器\3RW5982-0TB00\V,A</t>
  </si>
  <si>
    <t>【西门子】软启动器\3RW5983-0FC00\V,A</t>
  </si>
  <si>
    <t>【西门子】软启动器\3RW5983-0FF00\V,A</t>
  </si>
  <si>
    <t>【西门子】软启动器\3RW5984-0FC00\V,A</t>
  </si>
  <si>
    <t>【西门子】软启动器\3RW5984-0FF00\V,A</t>
  </si>
  <si>
    <t>【西门子】继电器\AC3RH6122-1AB00V,A</t>
  </si>
  <si>
    <t>【西门子】继电器\AC3RH6122-1AF00V,A</t>
  </si>
  <si>
    <t>【西门子】继电器\AC3RH6122-1AG00V,A</t>
  </si>
  <si>
    <t>【西门子】继电器\AC3RH6122-1AH00V,A</t>
  </si>
  <si>
    <t>【西门子】继电器\AC3RH6122-1AN20V,A</t>
  </si>
  <si>
    <t>【西门子】继电器\AC3RH6122-1AP00V,A</t>
  </si>
  <si>
    <t>【西门子】继电器\AC3RH6122-1AQ00V,A</t>
  </si>
  <si>
    <t>【西门子】继电器\AC3RH6122-1AR60V,A</t>
  </si>
  <si>
    <t>【西门子】继电器\DC3RH6122-1BB40V,DCV,</t>
  </si>
  <si>
    <t>【西门子】继电器\DC3RH6122-1BF40V,DCV,</t>
  </si>
  <si>
    <t>【西门子】继电器\DC3RH6122-1BM40V,DCV,</t>
  </si>
  <si>
    <t>【西门子】继电器\DC3RH6122-1BW40V,DCV,</t>
  </si>
  <si>
    <t>【西门子】继电器\DC3RH6122-1KB40V,DCV,</t>
  </si>
  <si>
    <t>【西门子】继电器\DC3RH6122-1KF40V,DCV,</t>
  </si>
  <si>
    <t>【西门子】继电器\AC3RH6131-1AB00V,A</t>
  </si>
  <si>
    <t>【西门子】继电器\AC3RH6131-1AF00V,A</t>
  </si>
  <si>
    <t>【西门子】继电器\AC3RH6131-1AG00V,A</t>
  </si>
  <si>
    <t>【西门子】继电器\AC3RH6131-1AH00V,A</t>
  </si>
  <si>
    <t>【西门子】继电器\AC3RH6131-1AN20V,A</t>
  </si>
  <si>
    <t>【西门子】继电器\AC3RH6131-1AP00V,A</t>
  </si>
  <si>
    <t>【西门子】继电器\AC3RH6131-1AQ00V,A</t>
  </si>
  <si>
    <t>【西门子】继电器\AC3RH6131-1AR60V,A</t>
  </si>
  <si>
    <t>【西门子】继电器\DC3RH6131-1BB40V,DCV,</t>
  </si>
  <si>
    <t>【西门子】继电器\DC3RH6131-1BF40V,DCV,</t>
  </si>
  <si>
    <t>【西门子】继电器\DC3RH6131-1BM40V,DCV,</t>
  </si>
  <si>
    <t>【西门子】继电器\DC3RH6131-1BW40V,DCV,</t>
  </si>
  <si>
    <t>【西门子】继电器\DC3RH6131-1KB40V,DCV,</t>
  </si>
  <si>
    <t>【西门子】继电器\DC3RH6131-1KF40V,DCV,</t>
  </si>
  <si>
    <t>【西门子】继电器\AC3RH6140-1AB00V,A</t>
  </si>
  <si>
    <t>【西门子】继电器\AC3RH6140-1AF00V,A</t>
  </si>
  <si>
    <t>【西门子】继电器\AC3RH6140-1AG00V,A</t>
  </si>
  <si>
    <t>【西门子】继电器\AC3RH6140-1AH00V,A</t>
  </si>
  <si>
    <t>【西门子】继电器\AC3RH6140-1AP00V,A</t>
  </si>
  <si>
    <t>【西门子】继电器\AC3RH6140-1AQ00V,A</t>
  </si>
  <si>
    <t>【西门子】继电器\AC3RH6140-1AR60V,A</t>
  </si>
  <si>
    <t>【西门子】继电器\DC3RH6140-1BB40V,DCV,</t>
  </si>
  <si>
    <t>【西门子】继电器\DC3RH6140-1BM40V,DCV,</t>
  </si>
  <si>
    <t>【西门子】继电器\DC3RH6140-1BW40V,DCV,</t>
  </si>
  <si>
    <t>【西门子】电缆\6XV1840-2AU10</t>
  </si>
  <si>
    <t>【西门子】电缆\6XV1821-0AH10</t>
  </si>
  <si>
    <t>【西门子】电缆\6XV1840-2AN20</t>
  </si>
  <si>
    <t>【西门子】电缆\6XV1840-2AN50</t>
  </si>
  <si>
    <t>【西门子】电缆\6XV1840-2AT10</t>
  </si>
  <si>
    <t>【西门子】电缆\6XV1840-2AT20</t>
  </si>
  <si>
    <t>【西门子】电缆\6XV1840-2AT50</t>
  </si>
  <si>
    <t>【西门子】电缆\6XV1840-3AH10</t>
  </si>
  <si>
    <t>【西门子】电缆\6XV1841-2A</t>
  </si>
  <si>
    <t>【西门子】电缆\6XV1870-2E</t>
  </si>
  <si>
    <t>【西门子】电缆\6XV1870-3QN25</t>
  </si>
  <si>
    <t>【西门子】电缆\6XV1870-8GE30</t>
  </si>
  <si>
    <t>【西门子】电缆\6XV1870-8GE50</t>
  </si>
  <si>
    <t>【西门子】电缆\6XV1870-8GH10</t>
  </si>
  <si>
    <t>【西门子】电缆\6XV1870-8GH15</t>
  </si>
  <si>
    <t>【西门子】电缆\6XV1870-8GH20</t>
  </si>
  <si>
    <t>【西门子】电缆\6XV1870-8GH30</t>
  </si>
  <si>
    <t>【西门子】电缆\6XV1870-8GH50</t>
  </si>
  <si>
    <t>【西门子】电缆\6XV1870-8GN10</t>
  </si>
  <si>
    <t>【西门子】电缆\6XV1870-8GN15</t>
  </si>
  <si>
    <t>【西门子】电缆\6XV1871-2F</t>
  </si>
  <si>
    <t>【西门子】电缆\6XV1878-2A</t>
  </si>
  <si>
    <t>【西门子】通信模块\6GK1901-0BE10-0AA0</t>
  </si>
  <si>
    <t>【西门子】通信模块\6GK1901-0BP10-6AA0</t>
  </si>
  <si>
    <t>【西门子】通信模块\6GK1901-0DB40-6AA0</t>
  </si>
  <si>
    <t>【西门子】通信模块\6GK1901-0DB40-6AA8</t>
  </si>
  <si>
    <t>【西门子】通信模块\6GK1901-0DM40-2AA5</t>
  </si>
  <si>
    <t>【西门子】通信模块\6GK1901-1BB21-6AA0</t>
  </si>
  <si>
    <t>【西门子】通信模块\6GK1901-1BB50-0AA0</t>
  </si>
  <si>
    <t>【西门子】电缆\6XV1801-2A</t>
  </si>
  <si>
    <t>【西门子】电缆\6XV1801-2B</t>
  </si>
  <si>
    <t>【西门子】电缆\6XV1812-8A</t>
  </si>
  <si>
    <t>【西门子】电缆\6XV1830-0GH10</t>
  </si>
  <si>
    <t>【西门子】电缆\6XV1830-0JH10</t>
  </si>
  <si>
    <t>【西门子】电缆\6XV1830-0LH10</t>
  </si>
  <si>
    <t>【西门子】电缆\6XV1830-0MH10</t>
  </si>
  <si>
    <t>【西门子】电缆\6XV1830-0PH10</t>
  </si>
  <si>
    <t>【西门子】电缆\6XV1830-3FH10</t>
  </si>
  <si>
    <t>【西门子】电缆\6XV1830-3GH10</t>
  </si>
  <si>
    <t>【西门子】电缆\6XV1830-5GH10</t>
  </si>
  <si>
    <t>【西门子】电缆\6XV1830-5HH10</t>
  </si>
  <si>
    <t>【西门子】电缆\6XV1830-7AH10</t>
  </si>
  <si>
    <t>【西门子】电缆\6XV1830-8AH10</t>
  </si>
  <si>
    <t>【西门子】电缆\6XV1831-2A</t>
  </si>
  <si>
    <t>【西门子】电缆\6XV1831-2K</t>
  </si>
  <si>
    <t>【西门子】电缆\6XV1841-2B</t>
  </si>
  <si>
    <t>【西门子】电缆\6XV1860-2P</t>
  </si>
  <si>
    <t>【西门子】电缆\6XV1860-2R</t>
  </si>
  <si>
    <t>【西门子】电缆\6XV1860-2S</t>
  </si>
  <si>
    <t>【西门子】电缆\6XV1870-2B</t>
  </si>
  <si>
    <t>【西门子】电缆\6XV1870-2BU10</t>
  </si>
  <si>
    <t>【西门子】电缆\6XV1870-2D</t>
  </si>
  <si>
    <t>【西门子】电缆\6XV1870-2F</t>
  </si>
  <si>
    <t>【西门子】电缆\6XV1870-2J</t>
  </si>
  <si>
    <t>【西门子】电缆\6XV1871-2G</t>
  </si>
  <si>
    <t>【西门子】电缆\6XV1871-2L</t>
  </si>
  <si>
    <t>【西门子】电缆\6XV1871-2S</t>
  </si>
  <si>
    <t>【西门子】电缆\6XV1878-2B</t>
  </si>
  <si>
    <t>【西门子】电缆\6XV1878-2C</t>
  </si>
  <si>
    <t>【西门子】电缆\6XV1878-2G</t>
  </si>
  <si>
    <t>【西门子】电缆\6XV1878-2T</t>
  </si>
  <si>
    <t>【西门子】电缆\6XV1881-2A</t>
  </si>
  <si>
    <t>【西门子】电缆\6XV1820-7AH10</t>
  </si>
  <si>
    <t>【西门子】电缆\6XV1820-7BN25</t>
  </si>
  <si>
    <t>【西门子】电缆\6XV1843-2R</t>
  </si>
  <si>
    <t>【西门子】电缆\6XV1847-2A</t>
  </si>
  <si>
    <t>【西门子】电缆\6XV1861-2A</t>
  </si>
  <si>
    <t>【西门子】电缆\6XV1861-2C</t>
  </si>
  <si>
    <t>【西门子】电缆\6XV1861-2D</t>
  </si>
  <si>
    <t>【西门子】电缆\6XV1873-2A</t>
  </si>
  <si>
    <t>【西门子】电缆\6XV1873-2B</t>
  </si>
  <si>
    <t>【西门子】电缆\6XV1873-2C</t>
  </si>
  <si>
    <t>【西门子】电缆\6XV1873-2D</t>
  </si>
  <si>
    <t>【西门子】电缆\6XV1873-2E</t>
  </si>
  <si>
    <t>【西门子】电缆\6XV1873-2G</t>
  </si>
  <si>
    <t>【西门子】电缆\6XV1873-2R</t>
  </si>
  <si>
    <t>【西门子】电缆\6XV1873-5AH10</t>
  </si>
  <si>
    <t>【西门子】电缆\6XV1873-5AH20</t>
  </si>
  <si>
    <t>【西门子】电缆\6XV1873-5AH30</t>
  </si>
  <si>
    <t>【西门子】电缆\6XV1873-5AH50</t>
  </si>
  <si>
    <t>【西门子】电缆\6XV1873-5AN10</t>
  </si>
  <si>
    <t>【西门子】电缆\6XV1873-5AN15</t>
  </si>
  <si>
    <t>【西门子】电缆\6XV1873-5AN20</t>
  </si>
  <si>
    <t>【西门子】电缆\6XV1873-5AN30</t>
  </si>
  <si>
    <t>【西门子】电缆\6XV1873-5AN40</t>
  </si>
  <si>
    <t>【西门子】电缆\6XV1873-5AN50</t>
  </si>
  <si>
    <t>【西门子】电缆\6XV1873-5AN80</t>
  </si>
  <si>
    <t>【西门子】电缆\6XV1873-5AT10</t>
  </si>
  <si>
    <t>【西门子】电缆\6XV1873-5AT15</t>
  </si>
  <si>
    <t>【西门子】电缆\6XV1873-5AT20</t>
  </si>
  <si>
    <t>【西门子】电缆\6XV1873-5AT30</t>
  </si>
  <si>
    <t>【西门子】电缆\6XV1873-5CH50</t>
  </si>
  <si>
    <t>【西门子】电缆\6XV1873-5CN10</t>
  </si>
  <si>
    <t>【西门子】电缆\6XV1873-5CN15</t>
  </si>
  <si>
    <t>【西门子】电缆\6XV1873-5CN20</t>
  </si>
  <si>
    <t>【西门子】电缆\6XV1873-5RH10</t>
  </si>
  <si>
    <t>【西门子】电缆\6XV1873-5RH20</t>
  </si>
  <si>
    <t>【西门子】电缆\6XV1873-5RH30</t>
  </si>
  <si>
    <t>【西门子】电缆\6XV1873-5RN10</t>
  </si>
  <si>
    <t>【西门子】电缆\6XV1873-5RN30</t>
  </si>
  <si>
    <t>【西门子】电缆\6XV1873-5RN50</t>
  </si>
  <si>
    <t>【西门子】电缆\6XV1873-5RT10</t>
  </si>
  <si>
    <t>【西门子】电缆\6XV1873-5RT15</t>
  </si>
  <si>
    <t>【西门子】电缆\6XV1874-2A</t>
  </si>
  <si>
    <t>【西门子】电缆\6XV1874-2B</t>
  </si>
  <si>
    <t>【西门子】通信模块\6GK1900-0RL00-0AA0</t>
  </si>
  <si>
    <t>【西门子】通信模块\6GK1905-0EA10-6AA0</t>
  </si>
  <si>
    <t>【西门子】通信模块\6GK1905-0EB10-6AA0</t>
  </si>
  <si>
    <t>【西门子】通信模块\6GK1906-0EA00</t>
  </si>
  <si>
    <t>【西门子】通信模块\6GK1906-0EB00</t>
  </si>
  <si>
    <t>【西门子】通信模块\6GK1907-0AB11-6AA0</t>
  </si>
  <si>
    <t>【西门子】通信模块\6GK5895-6ML00-0AA0</t>
  </si>
  <si>
    <t>【西门子】通信模块\6GK5896-4MA00-0AA3</t>
  </si>
  <si>
    <t>【西门子】通信模块\6GK5896-4ME00-0AA0</t>
  </si>
  <si>
    <t>【西门子】通信模块\6GK5896-6MH00-0AA0</t>
  </si>
  <si>
    <t>【西门子】通信模块\6GK5896-6MM00-0AA0</t>
  </si>
  <si>
    <t>【西门子】通信模块\6GK5898-1CV00-4AA0</t>
  </si>
  <si>
    <t>【西门子】通信模块\6GK5898-8MD00</t>
  </si>
  <si>
    <t>【西门子】通信模块\6GK5898-8MR00</t>
  </si>
  <si>
    <t>【西门子】通信模块\6ES7842-0CE00-0YA0</t>
  </si>
  <si>
    <t>【西门子】通信模块\6ES7842-0CE00-0YE0</t>
  </si>
  <si>
    <t>【西门子】通信模块\6ES7842-0CE00-0YE4</t>
  </si>
  <si>
    <t>【西门子】通信模块\6ES7842-0CE00-2YN8</t>
  </si>
  <si>
    <t>【西门子】通信模块\6ES7972-0EA00-0XA0</t>
  </si>
  <si>
    <t>【西门子】通信模块\6ES7972-0EB00-0XA0</t>
  </si>
  <si>
    <t>【西门子】通信模块\6ES7972-0MM00-0XA0</t>
  </si>
  <si>
    <t>【西门子】通信模块\6ES7972-0MS00-0XA0</t>
  </si>
  <si>
    <t>【西门子】通信模块\6ES7972-0SE00-7AA0</t>
  </si>
  <si>
    <t>【西门子】接口模块\6GK1900-0AB10</t>
  </si>
  <si>
    <t>【西门子】接口模块\6GK1900-0AQ00</t>
  </si>
  <si>
    <t>【西门子】接口模块\6GK1900-0UB00-0AA0</t>
  </si>
  <si>
    <t>【西门子】接口模块\6GK1900-0UQ00-0AA0</t>
  </si>
  <si>
    <t>【西门子】接口模块\6GK5980-0BB00-0AA5</t>
  </si>
  <si>
    <t>【西门子】接口模块\6GK5980-0BB10-0AA5</t>
  </si>
  <si>
    <t>【西门子】接口模块\6GK5980-0CC00-0AA6</t>
  </si>
  <si>
    <t>【西门子】接口模块\6GK5980-1BC00-0AA5</t>
  </si>
  <si>
    <t>【西门子】接口模块\6GK5980-1CB00-0BA5</t>
  </si>
  <si>
    <t>【西门子】接口模块\6GK5980-1CB10-0BA5</t>
  </si>
  <si>
    <t>【西门子】接口模块\6GK5980-1CB10-0CA5</t>
  </si>
  <si>
    <t>【西门子】接口模块\6GK5980-1CC00-0AA6</t>
  </si>
  <si>
    <t>【西门子】接口模块\6GK5980-1DB00-0AA5</t>
  </si>
  <si>
    <t>【西门子】接口模块\6GK5980-1DB10-0AA5</t>
  </si>
  <si>
    <t>【西门子】接口模块\6GK5980-4AA00-0AA5</t>
  </si>
  <si>
    <t>【西门子】接口模块\6GK7177-1FA10-0AA0</t>
  </si>
  <si>
    <t>【西门子】接口模块\6GK7177-1MA20-0AA0</t>
  </si>
  <si>
    <t>【西门子】通信模块\6GK7242-7KX31-0XE0</t>
  </si>
  <si>
    <t>【西门子】通信模块\6GK7243-1BX30-0XE0</t>
  </si>
  <si>
    <t>【西门子】通信模块\6GK7243-7KX30-0XE0</t>
  </si>
  <si>
    <t>【西门子】通信模块\6GK7243-7SX30-0XE0</t>
  </si>
  <si>
    <t>【西门子】通信模块\6GK7243-8RX30-0XE0</t>
  </si>
  <si>
    <t>【西门子】通信模块\6GK1411-5AB10</t>
  </si>
  <si>
    <t>【西门子】通信模块\6GK1417-5AB10</t>
  </si>
  <si>
    <t>【西门子】通信模块\6GK7377-1AA00-0AA0</t>
  </si>
  <si>
    <t>【西门子】通信模块\6GK7442-1RX00-0XE0</t>
  </si>
  <si>
    <t>【西门子】通信模块\6GK7443-1EX30-0XE1</t>
  </si>
  <si>
    <t>【西门子】通信模块\6GK7443-1UX00-0XE0</t>
  </si>
  <si>
    <t>【西门子】通信模块\6GK7443-5DX05-0XE1</t>
  </si>
  <si>
    <t>【西门子】通信模块\6GK7542-6UX00-0XE0</t>
  </si>
  <si>
    <t>【西门子】通信模块\6GK7542-6VX00-0XE0</t>
  </si>
  <si>
    <t>【西门子】通信模块\6GK7543-6WX00-0XE0</t>
  </si>
  <si>
    <t>【西门子】通信模块\6GK1160-4AT01</t>
  </si>
  <si>
    <t>【西门子】通信模块\6GK1162-6AA01</t>
  </si>
  <si>
    <t>【西门子】通信模块\6GK1561-3AA01-3AE0</t>
  </si>
  <si>
    <t>【西门子】网络模块\6GK5748-1FC00-0AB0</t>
  </si>
  <si>
    <t>【西门子】通信模块\6GK5793-8DL00-0AA0</t>
  </si>
  <si>
    <t>【西门子】通信模块\6GK5793-8DQ00-0AA0</t>
  </si>
  <si>
    <t>【西门子】通信模块\6GK5795-4MB00-0AA0</t>
  </si>
  <si>
    <t>【西门子】通信模块\6GK5795-4MB00-0AM0</t>
  </si>
  <si>
    <t>【西门子】通信模块\6GK5795-4MX00-0AA0</t>
  </si>
  <si>
    <t>【西门子】通信模块\6GK5795-6MP00-0AA0</t>
  </si>
  <si>
    <t>【西门子】通信模块\6GK5798-8MA00-0AA1</t>
  </si>
  <si>
    <t>【西门子】通信模块\6GK5798-8MF00-0AA1</t>
  </si>
  <si>
    <t>【西门子】通信模块\6GK5798-8MM00-0AA1</t>
  </si>
  <si>
    <t>【西门子】通信模块\6GK5798-8MS00-0AA0</t>
  </si>
  <si>
    <t>【西门子】通信模块\6GK5798-8MW00-0AA0</t>
  </si>
  <si>
    <t>【西门子】晶闸管模块\6SL3040-0NB00-0AA0</t>
  </si>
  <si>
    <t>【西门子】晶闸管模块\6SL3040-0NC00-0AA0</t>
  </si>
  <si>
    <t>【西门子】晶闸管模块\6SL3100-1BE22-5AA0</t>
  </si>
  <si>
    <t>【西门子】多媒体卡\6SL3054-0CB00-1AA0</t>
  </si>
  <si>
    <t>【西门子】多媒体卡\6SL3054-0CC00-1AA0</t>
  </si>
  <si>
    <t>【西门子】多媒体卡\6SL3054-0CG00-1AA0</t>
  </si>
  <si>
    <t>【西门子】多媒体卡\6SL3054-0ED00-1BA0</t>
  </si>
  <si>
    <t>【西门子】多媒体卡\6SL3054-0ED01-1BA0</t>
  </si>
  <si>
    <t>【西门子】多媒体卡\6SL3054-0EE00-1BA0</t>
  </si>
  <si>
    <t>【西门子】多媒体卡\6SL3054-0EE01-1BA0</t>
  </si>
  <si>
    <t>【西门子】多媒体卡\6SL3054-0EF00-1BA0</t>
  </si>
  <si>
    <t>【西门子】多媒体卡\6SL3054-0EF01-1BA0</t>
  </si>
  <si>
    <t>【西门子】多媒体卡\6SL3054-0EG00-1BA0</t>
  </si>
  <si>
    <t>【西门子】多媒体卡\6SL3054-0TA01-1BA0</t>
  </si>
  <si>
    <t>【西门子】多媒体卡\6SL3054-4EB00-0AA0</t>
  </si>
  <si>
    <t>【西门子】端子套件\6SL3060-1FE21-6AA0</t>
  </si>
  <si>
    <t>【西门子】控制板\6SL3162-2DB00-0AA0</t>
  </si>
  <si>
    <t>【西门子】控制板\6SL3162-2DD00-0AA0</t>
  </si>
  <si>
    <t>【西门子】控制板\6SL3162-2BM10-0AA0</t>
  </si>
  <si>
    <t>【西门子】变频器风扇\6SL3162-0AN00-0AA0</t>
  </si>
  <si>
    <t>【西门子】变频器风扇\6SL3162-0AP00-0AA0</t>
  </si>
  <si>
    <t>【西门子】变频器\6SL3111-4VE21-0EA0</t>
  </si>
  <si>
    <t>【西门子】变频器\6SL3111-4VE21-6EA0</t>
  </si>
  <si>
    <t>【西门子】变频器\6SL3111-4VE21-6FA0</t>
  </si>
  <si>
    <t>【西门子】驱动器\6SL3210-5FE15-0UA0kVA,西门子kV,kV,</t>
  </si>
  <si>
    <t>【艾尔泰克】消声器螺栓\4003.0640</t>
  </si>
  <si>
    <t>艾尔泰克/广州晟伟铁路设备有限公司</t>
  </si>
  <si>
    <t>艾尔泰克</t>
  </si>
  <si>
    <t>WZSCCG-2020-BJ-2068</t>
  </si>
  <si>
    <t>国家能源e购商城艾尔泰克冲击扳手备件铺货采购合同</t>
  </si>
  <si>
    <t>青岛瑞通达机械设备有限公司</t>
  </si>
  <si>
    <t>【艾尔泰克】消声器盖\4003.1030</t>
  </si>
  <si>
    <t>【艾尔泰克】橡胶进气管\4003.0770</t>
  </si>
  <si>
    <t>【艾尔泰克】通气口\4003.0460</t>
  </si>
  <si>
    <t>【艾尔泰克】套筒皮圈\Master35</t>
  </si>
  <si>
    <t>【艾尔泰克】套筒连接销\Master35</t>
  </si>
  <si>
    <t>【艾尔泰克】塑料固定栓\4003.0870</t>
  </si>
  <si>
    <t>【艾尔泰克】塑料固定栓\4003.0350</t>
  </si>
  <si>
    <t>【艾尔泰克】手柄盖\4003.1060</t>
  </si>
  <si>
    <t>【艾尔泰克】燃油箱\4003.1045</t>
  </si>
  <si>
    <t>【艾尔泰克】燃油滤芯\4001.91</t>
  </si>
  <si>
    <t>【艾尔泰克】曲轴组件\4003.0985</t>
  </si>
  <si>
    <t>【艾尔泰克】曲轴轴承\4000.0378</t>
  </si>
  <si>
    <t>【艾尔泰克】曲轴油封\4003.0210</t>
  </si>
  <si>
    <t>【艾尔泰克】曲轴油封\4001.4320</t>
  </si>
  <si>
    <t>【艾尔泰克】曲轴箱垫\4003.0840</t>
  </si>
  <si>
    <t>【艾尔泰克】曲轴箱\4003.1150</t>
  </si>
  <si>
    <t>【艾尔泰克】汽缸总成\4003.1165</t>
  </si>
  <si>
    <t>【艾尔泰克】气门连接件\4003.0880</t>
  </si>
  <si>
    <t>【艾尔泰克】启动器螺栓\4003.0410</t>
  </si>
  <si>
    <t>【艾尔泰克】启动拉绳\4003.0340</t>
  </si>
  <si>
    <t>【艾尔泰克】启动拉盘\4003.1162</t>
  </si>
  <si>
    <t>【艾尔泰克】排气支管\4003.0760</t>
  </si>
  <si>
    <t>【艾尔泰克】排气管\2650.1400</t>
  </si>
  <si>
    <t>【艾尔泰克】内六角螺栓\4003.0630</t>
  </si>
  <si>
    <t>【艾尔泰克】内六角螺栓\4003.0480</t>
  </si>
  <si>
    <t>【艾尔泰克】密封垫\4003.0860</t>
  </si>
  <si>
    <t>【艾尔泰克】螺栓\2300.052</t>
  </si>
  <si>
    <t>【艾尔泰克】螺杆插销\4003.1040</t>
  </si>
  <si>
    <t>【艾尔泰克】连接电线\4003.0430</t>
  </si>
  <si>
    <t>【艾尔泰克】连接电线\4003.042</t>
  </si>
  <si>
    <t>【艾尔泰克】离合器外盘\2690.7710</t>
  </si>
  <si>
    <t>【艾尔泰克】离合器底板\2600.3130</t>
  </si>
  <si>
    <t>【艾尔泰克】离合器衬片\4003.06</t>
  </si>
  <si>
    <t>【艾尔泰克】离合器\4003.111</t>
  </si>
  <si>
    <t>【艾尔泰克】扩套\2650.1010</t>
  </si>
  <si>
    <t>【艾尔泰克】空气滤芯\4003.0451</t>
  </si>
  <si>
    <t>【艾尔泰克】空滤盖\4003.0990</t>
  </si>
  <si>
    <t>【艾尔泰克】开关\4003.0491</t>
  </si>
  <si>
    <t>【艾尔泰克】节气门\4003.1020</t>
  </si>
  <si>
    <t>【艾尔泰克】胶垫圈\4003.0830</t>
  </si>
  <si>
    <t>【艾尔泰克】键\4003.0220</t>
  </si>
  <si>
    <t>【艾尔泰克】减压按钮\4003.0885</t>
  </si>
  <si>
    <t>【艾尔泰克】棘齿组件\4003.1187</t>
  </si>
  <si>
    <t>【艾尔泰克】火花塞\4000 0809</t>
  </si>
  <si>
    <t>【艾尔泰克】化油器座\4003.0740</t>
  </si>
  <si>
    <t>【艾尔泰克】化油器\4003.0510</t>
  </si>
  <si>
    <t>【艾尔泰克】钢珠\135539</t>
  </si>
  <si>
    <t>【艾尔泰克】风门锁\4003.0320</t>
  </si>
  <si>
    <t>【艾尔泰克】飞轮组件\4003.1186</t>
  </si>
  <si>
    <t>【艾尔泰克】法兰盖\4003.0750</t>
  </si>
  <si>
    <t>【艾尔泰克】顶盖\2870.11</t>
  </si>
  <si>
    <t>【艾尔泰克】垫圈\4003.0390</t>
  </si>
  <si>
    <t>【艾尔泰克】垫片\4000.0885</t>
  </si>
  <si>
    <t>【艾尔泰克】垫片\135513</t>
  </si>
  <si>
    <t>【艾尔泰克】垫片\35562</t>
  </si>
  <si>
    <t>【艾尔泰克】垫片\35560</t>
  </si>
  <si>
    <t>【艾尔泰克】点火模块\4003.1180</t>
  </si>
  <si>
    <t>【艾尔泰克】弹簧\4003.0330</t>
  </si>
  <si>
    <t>【艾尔泰克】弹簧\35566</t>
  </si>
  <si>
    <t>【艾尔泰克】锤击总成\35302</t>
  </si>
  <si>
    <t>【艾尔泰克】锤击杆\35572</t>
  </si>
  <si>
    <t>【艾尔泰克】冲击总成\35309</t>
  </si>
  <si>
    <t>【艾尔泰克】冲击套筒\M46</t>
  </si>
  <si>
    <t>【艾尔泰克】冲击套筒\M41</t>
  </si>
  <si>
    <t>【艾尔泰克】冲击套筒\M36</t>
  </si>
  <si>
    <t>【艾尔泰克】冲击套筒\M32</t>
  </si>
  <si>
    <t>【艾尔泰克】冲击套筒\M30</t>
  </si>
  <si>
    <t>【艾尔泰克】冲击套筒\50mm</t>
  </si>
  <si>
    <t>【艾尔泰克】齿轮调整装置\35304</t>
  </si>
  <si>
    <t>【艾尔泰克】衬套\33005</t>
  </si>
  <si>
    <t>【艾尔泰克】泵油器\4003.0810</t>
  </si>
  <si>
    <t>【艾尔泰克】半曲轴箱\4003.1169</t>
  </si>
  <si>
    <t>【艾尔泰克】轴承\4003.0580</t>
  </si>
  <si>
    <t>【艾尔泰克】轴承\2332.0250</t>
  </si>
  <si>
    <t>【艾尔泰克】中心轴\35567</t>
  </si>
  <si>
    <t>【艾尔泰克】油箱总成\2800.0001</t>
  </si>
  <si>
    <t>【艾尔泰克】油箱盖\4003.1090</t>
  </si>
  <si>
    <t>【艾尔泰克】油箱盖\4001.5462</t>
  </si>
  <si>
    <t>【艾尔泰克】油封\2343.0420</t>
  </si>
  <si>
    <t>【艾尔泰克】消声器总成\4003.0850</t>
  </si>
  <si>
    <t>【江苏红光】热电阻\WZPK2-238S\L×l=280×250mm\φ8\M14×1.5</t>
  </si>
  <si>
    <t>江苏红光仪表厂有限公司</t>
  </si>
  <si>
    <t>江苏红光</t>
  </si>
  <si>
    <t>GNWZBP(TH)ZYCG2020-03</t>
  </si>
  <si>
    <t>2020年度北京配送锅炉、汽轮机本体壁温元件长协采购商城铺货框架合同（江苏红光）</t>
  </si>
  <si>
    <t>【江苏红光】热电阻\WZPK2-333\l=400mm\φ5\M16×1.5</t>
  </si>
  <si>
    <t>【江苏红光】热电阻\WZPK2-334\l=200mm\φ6\M18×1.5</t>
  </si>
  <si>
    <t>【江苏红光】热电阻\WZPK2-335\双支\L=260mm\φ5\M16×1.5</t>
  </si>
  <si>
    <t>【江苏红光】热电阻\WZPK2-391G\双支\L=3500mm\φ6\M16×1.5</t>
  </si>
  <si>
    <t>【江苏红光】热电阻\WZPKT-236F\L=425mm\φ6\M27×2</t>
  </si>
  <si>
    <t>【江苏红光】热电阻\WZPK2-4316\双支\500mm\φ16mm\活动法兰 80mm</t>
  </si>
  <si>
    <t>【江苏红光】热电阻\WZPK2-100i\双支\30mm\φ9.5mm\M16X1.5</t>
  </si>
  <si>
    <t>【江苏红光】热电阻\WZPK2-100i\双支\38mm\φ9.5mm\M16X1.5</t>
  </si>
  <si>
    <t>【江苏红光】热电阻\WZPK-9716-A3P2JHNB4-W600H-HM27\双支</t>
  </si>
  <si>
    <t>【江苏红光】热电阻\WZP2-220\双支\950mm\φ16mm\G1/2</t>
  </si>
  <si>
    <t>【江苏红光】热电阻\WZP2-221\双支\100mm\φ10mm\G1/2</t>
  </si>
  <si>
    <t>【江苏红光】热电阻\WZPK2-241\双支\300mm\φ5mm\M20×1.5</t>
  </si>
  <si>
    <t>【江苏红光】热电阻\WZPM2-001D-A3K40-5000-M16×1.5\双支</t>
  </si>
  <si>
    <t>【江苏红光】热电阻\WZPM2-001D-A3K10-5000-M16×1.5\双支</t>
  </si>
  <si>
    <t>【江苏红光】热电阻\WZPK2-3501-150P\双支\150mm\φ10mm\M27×2</t>
  </si>
  <si>
    <t>【江苏红光】热电阻\WZP2K-331B\双支\1000mm\φ12mm\M27×2</t>
  </si>
  <si>
    <t>【江苏红光】热电阻\WZPK2-310\双支\200mm\φ5mm\M12×1.5</t>
  </si>
  <si>
    <t>【江苏红光】热电阻\WZPK2-310\双支\150mm\φ5mm\M12×1.5</t>
  </si>
  <si>
    <t>【江苏红光】热电阻\WZPK2-240\双支\910mm\φ6mm\卡套</t>
  </si>
  <si>
    <t>【江苏红光】热电阻\WZPK2-240\双支\300mm\φ8mm\卡套\EExibⅡCT4</t>
  </si>
  <si>
    <t>【江苏红光】热电阻\WZPK2-398\双支\300mm\φ8mm\M18×1.5</t>
  </si>
  <si>
    <t>【江苏红光】热电阻\WZPK2-196\双支\490mm\φ6mm\卡套</t>
  </si>
  <si>
    <t>【江苏红光】热电阻\WRKK2-190\双支\590mm\φ6mm\1/2NPT</t>
  </si>
  <si>
    <t>【江苏红光】热电阻\WZP-230\L×l=500×350mm\φ16\M27×2</t>
  </si>
  <si>
    <t>【江苏红光】热电阻\WZPM2-001\双支\8000×18mm\φ6mm\压簧式</t>
  </si>
  <si>
    <t>【江苏红光】热电阻\WZP2-240\双支\L×l=1050×900mm\φ3.5\M33×2\EexdⅡBT4</t>
  </si>
  <si>
    <t>【江苏红光】双支铂电阻\WZPK2-236S\双支\200mm\φ6\ZG1/2</t>
  </si>
  <si>
    <t>【江苏红光】双支端面铂热电阻\WZPM2\L=10000mm\φ6\M8×0.75</t>
  </si>
  <si>
    <t>【江苏红光】双支端面铂热电阻\WZPM2\L=5000mm\φ6\M8×0.75</t>
  </si>
  <si>
    <t>【江苏红光】双支端面铂热电阻\WZPM2-001S\L=10000mm\φ5</t>
  </si>
  <si>
    <t>【江苏红光】双支端面铂热电阻\WZPM2-001S\L=13000mm\φ4</t>
  </si>
  <si>
    <t>【江苏红光】双支端面铂热电阻\WZPM2-201\L=4000mm\φ5\M8×0.75</t>
  </si>
  <si>
    <t>【江苏红光】双支端面铂热电阻\WZPM2-328S\L=105mm\φ6\M18×1.5</t>
  </si>
  <si>
    <t>【江苏红光】双支铠装热电阻\WZPK2-160\L=870mm\φ16\G2〃</t>
  </si>
  <si>
    <t>【江苏红光】双支铠装热电阻\WZPK2-231T\L=500mm\φ12\M27×2</t>
  </si>
  <si>
    <t>【江苏红光】双支铠装热电阻\WZPK2-231T\L×l=500×290mm\φ16\M27</t>
  </si>
  <si>
    <t>【江苏红光】双支铠装热电阻\WZPK2-269T\L=5000mm\φ12\G1/2</t>
  </si>
  <si>
    <t>【江苏红光】双支热电阻\WZP2-2312A\L×l=500×250mm\φ12\M27×2</t>
  </si>
  <si>
    <t>【江苏红光】双支热电阻\WZP2-2312A\L×l=500×400mm\φ12\M27×2</t>
  </si>
  <si>
    <t>【江苏红光】双支热电阻\WZP2-2312A\L×l=550×400mm\φ12\M27×2</t>
  </si>
  <si>
    <t>【江苏红光】双支热电阻\WZP2-24SA\L×l=225×75mm\φ16\M27×2</t>
  </si>
  <si>
    <t>【江苏红光】双支热电阻\WZPK2-2236D\双支\L×l=400×200mm\φ10\M27×2\dllBT4</t>
  </si>
  <si>
    <t>【江苏红光】双支装配式热电阻\WZP2-2328\L×l=780×630mm\φ28\ZG2</t>
  </si>
  <si>
    <t>【江苏红光】套管式铠装热电阻\WZPK-336-20\200mm\φ6\M16×1.5</t>
  </si>
  <si>
    <t>【江苏红光】套管式热电阻\WZP2-2328\L=1280mm\φ28\ZG2</t>
  </si>
  <si>
    <t>【江苏红光】轴瓦温度热电阻\WZP2M-001A\L×l=3000×18mm\φ6</t>
  </si>
  <si>
    <t>【江苏红光】热电阻\WZP2-12NM/316L\双支\L×l=1380×1130mm</t>
  </si>
  <si>
    <t>【江苏红光】热电阻\WZPMK-033A\L×l=1500×1000mm\φ3.2</t>
  </si>
  <si>
    <t>【江苏红光】热电阻\WZPK2-336S\双支\L×l=200×70\φ6\M16×1.5</t>
  </si>
  <si>
    <t>【江苏红光】热电阻\WZPM2-201\双支\热电阻长度15mm 引线长度2000mm</t>
  </si>
  <si>
    <t>【江苏红光】热电阻\WZP2-230\双支\L×l=900×750mm\φ16\M27×2</t>
  </si>
  <si>
    <t>【江苏红光】热电阻\WZP2-101\双支\l=400mm\φ5mm\M27×2</t>
  </si>
  <si>
    <t>【江苏红光】热电阻\WZPB-221\双支\L×l=240×100mm\φ5mm\M27×2</t>
  </si>
  <si>
    <t>【江苏红光】热电阻\WZP2-236S\L×l=150×100mm\φ8mm\M16X1.5</t>
  </si>
  <si>
    <t>【江苏红光】热电阻\WZP2-440-B/A3\双支\L=1500mm\φ6\M20×1.5</t>
  </si>
  <si>
    <t>【江苏红光】热电阻\WZPK2-136\双支\L=170mm\φ6mm\无固定</t>
  </si>
  <si>
    <t>【江苏红光】防爆型热电阻\IT-WZPRJ-440\350mm\16mm\ExiaⅡCT5</t>
  </si>
  <si>
    <t>【江苏红光】热电阻\WZPM2-001\双支\L=8000mm\φ6mm\M18×1.5</t>
  </si>
  <si>
    <t>【江苏红光】热电阻\WZPK2-233\双支\L×l=450×300mm\φ5\M27×2</t>
  </si>
  <si>
    <t>【江苏红光】热电阻\WZPM2-001S\双支\150mm\φ6mm\M20×1.5</t>
  </si>
  <si>
    <t>【江苏红光】热电阻\WZGPK2-73N\双支\l=500\φ8\M8×1.25\A级</t>
  </si>
  <si>
    <t>【江苏红光】热电阻\WZPK2-233\双支\l=400mm\φ5mm\M16×1.5</t>
  </si>
  <si>
    <t>【江苏红光】热电阻\WZPK2-391\双支\2000mm\φ6mm\活动卡套螺纹</t>
  </si>
  <si>
    <t>【江苏红光】热电阻\WZPK-210\双支\l=65mm\φ5mm\G1/2\A级</t>
  </si>
  <si>
    <t>【江苏红光】热电阻\WZP2-631\双支\L×l=250×50mm\φ6mm\M33×2</t>
  </si>
  <si>
    <t>【江苏红光】热电阻\WZPK2-2312\双支\L×l=150×50mm\φ6mm</t>
  </si>
  <si>
    <t>【江苏红光】热电阻\WZPK2-2516\双支\250mm\φ5mm\M27×2</t>
  </si>
  <si>
    <t>【江苏红光】热电阻\WZPKD2-05\双支\300mm\φ16mm\M33x2</t>
  </si>
  <si>
    <t>【江苏红光】热电阻\WZPK2-236\450mm\φ6mm\M16×1.5活动卡套螺纹</t>
  </si>
  <si>
    <t>【江苏红光】热电阻\WZPK2-2516-A3P2HGM-WH250</t>
  </si>
  <si>
    <t>【江苏红光】热电阻\WZPM2-231\双支\15mm\φ3.2mm\M20×1.5</t>
  </si>
  <si>
    <t>【江苏红光】热电阻\WZPK2-013D\双支\300mm\φ6mm\M27×2</t>
  </si>
  <si>
    <t>【江苏红光】热电阻\WZP2R1-4322F-600\双支\2500mm\φ16mm\M27</t>
  </si>
  <si>
    <t>【江苏红光】热电阻\WZP2-230\双支\2316×2150mm\φ5mm\M33×2</t>
  </si>
  <si>
    <t>【江苏红光】热电阻\WZP2-231\双支\300×70mm\φ12mm\M27×2</t>
  </si>
  <si>
    <t>【江苏红光】热电阻\WZP2-08\双支\100mm\φ6mm\M27×2</t>
  </si>
  <si>
    <t>【江苏红光】热电阻\WZPK2-240\双支\10000mm\φ5mm\M22×1.5</t>
  </si>
  <si>
    <t>【江苏红光】热电阻\WZPM2-41TS-1XW\双支\5000mm\φ6mm\埋入式</t>
  </si>
  <si>
    <t>【江苏红光】热电阻\WZP2-24SA\双支\460mm\φ10mm</t>
  </si>
  <si>
    <t>【江苏红光】热电阻\WZPM2-002\双支\25mm\φ5mm\螺纹</t>
  </si>
  <si>
    <t>【江苏红光】热电阻\WZP2-231KT\双支\380mm\φ12mm\螺纹</t>
  </si>
  <si>
    <t>【江苏红光】一体化热电阻\SBWZP2-240\双支\200\φ12mm\M27×2\国产</t>
  </si>
  <si>
    <t>【江苏红光】热电阻\WZPK-336-20\l=250mm\φ6\M16×1.5</t>
  </si>
  <si>
    <t>【江苏红光】热电偶集热块\WRKT-11A-1H20000/PD-B-5R(31.5)</t>
  </si>
  <si>
    <t>【江苏红光】热电偶集热块\WRKT-11A-1H20000/PD-B-5R(28.5)</t>
  </si>
  <si>
    <t>【江苏红光】热电偶集热块\WRKT-11A-1H20000/PD-B-5R(30)</t>
  </si>
  <si>
    <t>【江苏红光】热电偶集热块\WRKT-11A-1H20000/PD-B-5R(25.5)</t>
  </si>
  <si>
    <t>【江苏红光】热电偶集热块\WRKT-11A-1H20000/PD-B-5R(19)</t>
  </si>
  <si>
    <t>【江苏红光】热电偶\WRKK2-620-1HG20000\双支\20000mm\φ20mm</t>
  </si>
  <si>
    <t>【江苏红光】热电偶\WRNK-331M\单支\16000mm\φ6mm\集热块</t>
  </si>
  <si>
    <t>【江苏红光】热电偶\WRNK-331M\单支\8000mm\φ6mm\集热块</t>
  </si>
  <si>
    <t>【江苏红光】热电偶\WRNK2-191M\双支\300000mm\φ6mm\集热块</t>
  </si>
  <si>
    <t>【江苏红光】热电偶\WRNK2-191M\双支\250000mm\φ6mm\集热块</t>
  </si>
  <si>
    <t>【江苏红光】热电偶\WRNK2-191M\双支\200000mm\φ6mm\集热块</t>
  </si>
  <si>
    <t>【江苏红光】热电偶\WRNK2-191M\双支\150000mm\φ6mm\集热块</t>
  </si>
  <si>
    <t>【江苏红光】热电偶\WRNK2-191M\双支\10000mm\φ6mm\集热块</t>
  </si>
  <si>
    <t>【江苏红光】热电偶\WRNK2-191M\双支\5000mm\φ6mm\集热块</t>
  </si>
  <si>
    <t>【江苏红光】热电偶\WRNK-331\单支\10000mm\φ6mm\集热块</t>
  </si>
  <si>
    <t>【江苏红光】热电阻\WZPK2-6318\双支\150mm\φ18mm\M33×2</t>
  </si>
  <si>
    <t>【江苏红光】热电阻\WZPK2-4316\双支\750mm\φ16mm\活动法兰 80mm</t>
  </si>
  <si>
    <t>【江苏红光】热电阻\WZPK2-7309-TH03\双支\150mm\φ9mm\螺纹</t>
  </si>
  <si>
    <t>【江苏红光】热电阻\WZPM2-001S\双支\15000mm\φ6mm\螺纹</t>
  </si>
  <si>
    <t>【江苏红光】热电阻\WZP2F-631\双支\1650×1500mm\φ12mm\螺纹</t>
  </si>
  <si>
    <t>【江苏红光】热电阻\WZPK2-2316M\双支\1000×940mm\φ12mm\螺纹</t>
  </si>
  <si>
    <t>【江苏红光】热电阻\WZP2F-430\双支\1500mm\φ16mm\法兰</t>
  </si>
  <si>
    <t>【江苏红光】热电阻\WZP2-2312A\双支\450×300mm\φ6mm\M27×2</t>
  </si>
  <si>
    <t>【江苏红光】热电阻\WZPM2-208\双支\150mm\φ4mm\1/2NPT</t>
  </si>
  <si>
    <t>【江苏红光】热电阻\WZPNM2-4312\双支\1500mm\φ28mm\RF</t>
  </si>
  <si>
    <t>【江苏红光】热电阻\WZPN2-230\双支\750mm\φ16mm\M33×2</t>
  </si>
  <si>
    <t>【江苏红光】热电阻\WZPK2-236\双支\250mm\φ6mm\M27×2</t>
  </si>
  <si>
    <t>【江苏红光】热电阻\WZPK2-231\双支\200mm\φ12mm\M27×2</t>
  </si>
  <si>
    <t>【江苏红光】热电阻\WZPM-201\双支\5000mm\φ5mm\M8×0.75</t>
  </si>
  <si>
    <t>【江苏红光】热电阻\WZPK2-338Z\双支\260mm\φ8mm\M20×1.5</t>
  </si>
  <si>
    <t>【江苏红光】热电阻\WZPK2-338Z\双支\350mm\φ8mm\M12×1</t>
  </si>
  <si>
    <t>【江苏红光】热电阻\WZPM2-206Z\双支\2000mm\φ3mm\M20×1.5</t>
  </si>
  <si>
    <t>【江苏红光】端面热电阻\WZPM-201\L×l=5000×130mm\φ6\M8×0.75</t>
  </si>
  <si>
    <t>【江苏红光】铠装铂热电阻\WZPK-336\l=350mm\φ6\M16×1.5</t>
  </si>
  <si>
    <t>【江苏红光】铠装铂热电阻\WZPK-336\L=450mm\φ6\M16×1.5</t>
  </si>
  <si>
    <t>【江苏红光】铠装热电阻\WZPK-236\L=640mm\φ6\M16×1.5</t>
  </si>
  <si>
    <t>【江苏红光】双支铠装热电阻\WZPK2-13W\双支\L×l=150×110mm\φ22\M33×2\dllBT4</t>
  </si>
  <si>
    <t>【江苏红光】热电阻\WZP2-231\双支\L×l=350×200mm\φ6mm\M27×2</t>
  </si>
  <si>
    <t>【江苏红光】热电阻\WZP2-230NM\双支\L×l=700×500\φ16\M2×2</t>
  </si>
  <si>
    <t>【江苏红光】热电阻\WZP2-2312A\双支\L×l=1400×1250mm\φ12mm</t>
  </si>
  <si>
    <t>【江苏红光】热电阻\WZP2-2312A\双支\L×l=360×210mm\φ5mm</t>
  </si>
  <si>
    <t>【江苏红光】热电阻\WZPK2-2312F\L×l=600×500\φ15\M27×1.5</t>
  </si>
  <si>
    <t>【江苏红光】热电阻\WZPK2-4316\双支\1250mm\φ16mm\活动法兰 80mm</t>
  </si>
  <si>
    <t>【江苏红光】热电阻\WZPM2-001D-A3K\单支\30mm\φ8mm\M16×1.5</t>
  </si>
  <si>
    <t>【江苏红光】热电阻\WZPK2-4316\双支\1000mm\φ16mm\活动法兰 80mm</t>
  </si>
  <si>
    <t>【江苏红光】热电偶WRKKD2-01A-1M-470A120\双支120mm\φ40mm焊接</t>
  </si>
  <si>
    <t>【江苏红光】热电阻\WLG-73SGG/BF02A-S-16HYC550-E\双支</t>
  </si>
  <si>
    <t>【江苏红光】热电偶\WRP2-243\双支\300mm\φ20mm\1/2NPT</t>
  </si>
  <si>
    <t>【江苏红光】热电阻\H-WZPK-750\单支\200mm\φ6mm\螺纹M27×2</t>
  </si>
  <si>
    <t>【江苏红光】热电阻\H-WZPK-750\单支\250mm\φ6mm\螺纹M27×2</t>
  </si>
  <si>
    <t>【江苏红光】热电阻\WZP2-231-K PT100\双支\l=300\φ6mm\M27×2</t>
  </si>
  <si>
    <t>【江苏红光】热电阻\WZP230-300M\双支\300mm\φ12mm\M27×2</t>
  </si>
  <si>
    <t>【江苏红光】热电阻\WZP2-6300\双支\l=350mm\φ6mm\M16×1.5</t>
  </si>
  <si>
    <t>【江苏红光】热电阻\WAPK2-010\双支\4mm\φ4mm\埋入式 L=5000mm</t>
  </si>
  <si>
    <t>【江苏红光】热电阻\WZPK-236\单支\200mm\φ6mm\M16×1.5</t>
  </si>
  <si>
    <t>【江苏红光】热电阻\WZP2-221A\双支\350×200mm\φ5mm\螺纹</t>
  </si>
  <si>
    <t>【江苏红光】端面热电阻\WZPM-201\3000mm\φ5\M8×0.75</t>
  </si>
  <si>
    <t>【江苏红光】端面热电阻\WZPM-201\L×l=5000×100mm\φ6\M8×0.75</t>
  </si>
  <si>
    <t>【江苏红光】热电阻\WZP2N-230\双支\500×350mm\φ8mm\M27×2</t>
  </si>
  <si>
    <t>【江苏红光】热电阻\WZP2-231\双支\3000mm\φ6mm\M27×2</t>
  </si>
  <si>
    <t>【江苏红光】热电阻\WZP2N-230\双支\500×350mm\φ16mm\M27×2</t>
  </si>
  <si>
    <t>【江苏红光】热电阻\WZP2-2312A\双支\650mm\φ6mm\卡套</t>
  </si>
  <si>
    <t>【江苏红光】热电阻WZPK2-323\200×100mm\φ6mm\M16×1.5 活动卡套</t>
  </si>
  <si>
    <t>【江苏红光】热电阻\WZPK2-335\双支\450mm\φ5mm\M16×1.5</t>
  </si>
  <si>
    <t>【江苏红光】热电阻\WZPK2-235\双支\8000mm\φ5mm\卡套式</t>
  </si>
  <si>
    <t>【江苏红光】热电阻\WZP2-631\双支\640mm\φ5mm\M27×2</t>
  </si>
  <si>
    <t>【江苏红光】热电阻\WZP2-631K\双支\550×400mm\φ5mm\M33×2</t>
  </si>
  <si>
    <t>【江苏红光】热电阻\WZP2-231\双支\200×80mm\φ8mm\卡套式</t>
  </si>
  <si>
    <t>【江苏红光】热电阻\WZP2-7310(K)\双支\300mm\φ10mm\G1/2</t>
  </si>
  <si>
    <t>【江苏红光】热电阻\WZP2-190\双支\100mm\φ8mm\M5×1</t>
  </si>
  <si>
    <t>【江苏红光】热电阻\WZPM-201\双支\30000×150mm\φ6mm\卡套\非防爆</t>
  </si>
  <si>
    <t>【江苏红光】热电阻\WZPK2-430\双支\1500mm\φ14mm\DN50</t>
  </si>
  <si>
    <t>【江苏红光】热电阻\WZPK2-396\双支\300mm\φ6mm\M16×1.5</t>
  </si>
  <si>
    <t>【江苏红光】热电阻\WZPK2-236S\L×l=250×150\φ20\M20×1.5</t>
  </si>
  <si>
    <t>【江苏红光】热电阻\WZPB-10-2-3-16-6-250\φ6mm\ExiaⅡCT6</t>
  </si>
  <si>
    <t>【江苏红光】热电阻\H-WZPK2-740i\双支\l=220mm\φ8mm\1-1/2"</t>
  </si>
  <si>
    <t>【江苏红光】热电阻H-WZPK2-740i\双支\l=300mm\φ8mm\法兰1-1/2"</t>
  </si>
  <si>
    <t>【江苏红光】热电阻\WZP2-320K\双支\L=650mm\φ16mm\φ70活动法兰</t>
  </si>
  <si>
    <t>【江苏红光】热电阻\H-WZPK2-740i\双支\l=400\φ8\1-1/2" 600#</t>
  </si>
  <si>
    <t>【江苏红光】热电阻H-WZPK2-740i\双支\l=450mm\φ8mm\法兰1-1/2"</t>
  </si>
  <si>
    <t>【江苏红光】热电阻\WZP2-221\双支\75mm\φ6mm\M27×2</t>
  </si>
  <si>
    <t>【江苏红光】热电阻\WZGPK2-131-HBS5000M100A\双支\18mm\φ3mm</t>
  </si>
  <si>
    <t>【江苏红光】热电阻\WZPK2-270\双支\75mm\φ6mm\M16×1.5</t>
  </si>
  <si>
    <t>【江苏红光】热电阻\WZP2-221\双支\75mm\φ20mm\M27×2</t>
  </si>
  <si>
    <t>【江苏红光】热电阻\WZP2-240\双支\100mm\φ20mm\M27×2</t>
  </si>
  <si>
    <t>【江苏红光】铠装热电阻\WZPK2-336\双支\150mm\φ6mm\M16×1.5</t>
  </si>
  <si>
    <t>【江苏红光】铠装热电阻\WZPK2-336 Pt100\双支\150\φ6\M16×1.5</t>
  </si>
  <si>
    <t>【江苏红光】热电阻\WZP2-231L300\双支\150mm\φ12mm\M27×2</t>
  </si>
  <si>
    <t>【江苏红光】热电阻\WZPK2-334\双支\90mm\φ4mm\螺纹</t>
  </si>
  <si>
    <t>【江苏红光】热电阻\WZP2-001\双支\2000mm\φ6mm\卡子连接</t>
  </si>
  <si>
    <t>【江苏红光】热电阻\WZP-430 316L PTFE\500mm\φ16mm\3/4"RF</t>
  </si>
  <si>
    <t>【江苏红光】热电阻\WZPM2-001\双支\l=6000mm\φ5×20mm\压簧压片</t>
  </si>
  <si>
    <t>【江苏红光】热电阻\WZP-231\双支\l=400mm\φ12mm\M27×2</t>
  </si>
  <si>
    <t>【江苏红光】热电阻\WZP2-221\双支\200mm\φ12mm\M27×2</t>
  </si>
  <si>
    <t>【江苏红光】热电阻\WZPK2-231\双支\l=300mm\φ12mm\M27×2</t>
  </si>
  <si>
    <t>【江苏红光】热电阻\WZPK2-231-225\双支\75mm\φ6mm\M27×2</t>
  </si>
  <si>
    <t>【江苏红光】热电阻\WZPK2-231-400\双支\250mm\φ6mm\M27×2</t>
  </si>
  <si>
    <t>【江苏红光】热电阻\WZPK2-231-500\双支\350mm\φ6mm\M27×2</t>
  </si>
  <si>
    <t>【江苏红光】热电阻\WZPK2-233-G1\双支\300mm\φ6mm\G1</t>
  </si>
  <si>
    <t>【江苏红光】热电阻\WZPK2-2516-A3P2HGM-WH500</t>
  </si>
  <si>
    <t>【江苏红光】热电阻\WZPK2-2516-A3P2HGM-WH450</t>
  </si>
  <si>
    <t>【江苏红光】热电阻\WZP2-231\双支\200×175mm\φ6mm</t>
  </si>
  <si>
    <t>【江苏红光】热电阻\WZP-440K\双支\200mm\φ3mm\螺纹\ExdⅡBT4</t>
  </si>
  <si>
    <t>【江苏红光】热电阻\WZPM2-201\双支\1500×18mm\φ6mm</t>
  </si>
  <si>
    <t>【江苏红光】热电阻\WZPK2-325\双支\2200×250mm\φ5mm\M16×1.5</t>
  </si>
  <si>
    <t>【江苏红光】热电阻\WZP2-431NM\双支\1650×1500mm\φ5mm\法兰</t>
  </si>
  <si>
    <t>【江苏红光】热电阻\WZP2-240\双支\1150×1000mm\φ16mm\M27×2</t>
  </si>
  <si>
    <t>【江苏红光】铂热电阻\WZPM-201\Ll=2000×25mm\φ5\M8×0.75</t>
  </si>
  <si>
    <t>【江苏红光】铠装铂热电阻\WZPK-335\l=350mm\φ5\M20×1.5</t>
  </si>
  <si>
    <t>【江苏红光】端面热电阻\WZPM-201\L×l=3000×20mm\φ3\M8×0.75</t>
  </si>
  <si>
    <t>【江苏红光】端面热电阻\WZPM-201\L×l=3000×20mm\φ5\M8×0.75</t>
  </si>
  <si>
    <t>【江苏红光】端面热电阻\WZPM-201\L×l=3000×30mm\φ8\M8×0.75</t>
  </si>
  <si>
    <t>【江苏红光】端面热电阻\WZPM-201\L×l=4000×20mm\φ5\M8×0.75</t>
  </si>
  <si>
    <t>【江苏红光】端面热电阻\WZPM2-201\3000mm\φ6\M8×0.75</t>
  </si>
  <si>
    <t>【江苏红光】端面热电阻\WZPM2-201\L=5000mm\φ8\M16×1.5</t>
  </si>
  <si>
    <t>【江苏红光】端面热电阻\WZPM2-201\L×l=3000×20mm\φ5\M8×0.75</t>
  </si>
  <si>
    <t>【江苏红光】铠装铂热电阻\WZPK2-106\Ll=4m×340mm\φ12\M20×1.5</t>
  </si>
  <si>
    <t>【江苏红光】铠装铂热电阻\WZPK-331\l=400mm\φ10\M20×1.5</t>
  </si>
  <si>
    <t>【江苏红光】铠装铂热电阻\WZPK-331\L=750mm\φ3\M20×1.5</t>
  </si>
  <si>
    <t>【江苏红光】铠装铂热电阻\WZPK-331\L=750mm\φ4\M20×1.5</t>
  </si>
  <si>
    <t>【江苏红光】铠装铂热电阻\WZPK-335\L=300mm\φ5\M20×1.5</t>
  </si>
  <si>
    <t>【江苏红光】铠装铂热电阻\WZPK-335\L=500mm\φ5\M20×1.5</t>
  </si>
  <si>
    <t>【江苏红光】铠装铂热电阻\WZPK-336\l=350mm\φ6\M20×1.5</t>
  </si>
  <si>
    <t>【江苏红光】铠装铂热电阻\WZPK-338\200mm\φ8\M20×1.5</t>
  </si>
  <si>
    <t>【江苏红光】铠装铂热电阻\WZPK-338\L=450mm\φ8\M20×1.5</t>
  </si>
  <si>
    <t>【江苏红光】铠装热电阻\WZP2K-269T\L=5000mm\φ16\G1/2</t>
  </si>
  <si>
    <t>【江苏红光】铠装热电阻\WZPE2-2416N\L=500×350mm\φ16\M27×2</t>
  </si>
  <si>
    <t>【江苏红光】铠装热电阻\WZPK-160T\L×l=1230×1120mm\φ22\M33×2\dllBT4</t>
  </si>
  <si>
    <t>【江苏红光】铠装热电阻\WZPK2-296\L×l=15m×100mm\φ6\M20×1.5</t>
  </si>
  <si>
    <t>【江苏红光】铠装热电阻\WZPK2-338\L=180mm\φ8\M20×1.5</t>
  </si>
  <si>
    <t>【江苏红光】铠装热电阻\WZPK2-338\l=400mm\φ8\M20×1.5</t>
  </si>
  <si>
    <t>【江苏红光】铠装热电阻\WZPK-236\L=450mm\φ6\M16×1.5</t>
  </si>
  <si>
    <t>【江苏红光】铠装热电阻\WZPK-335\L=500mm\φ5\M20×1.5</t>
  </si>
  <si>
    <t>【江苏红光】热电偶\WREK2-331\双支\L=500mm\φ6\M20×1\dllBT4</t>
  </si>
  <si>
    <t>【江苏红光】热电偶\WRN2-0301T\多支\L=550mm\φ6mm\M20×1.5</t>
  </si>
  <si>
    <t>【江苏红光】热电偶\WRNR2-01\双支\L=480mm\φ5mm\M20×1.5</t>
  </si>
  <si>
    <t>【江苏红光】热电偶\WRNT-11\单支\15000mm\φ4mm\M16×1.5</t>
  </si>
  <si>
    <t>【江苏红光】热电偶\WRNT-11\单支\5000mm\φ4mm\固定贴片</t>
  </si>
  <si>
    <t>【江苏红光】热电偶\WRNT-11\单支\8000mm\φ4mm\固定贴片</t>
  </si>
  <si>
    <t>【江苏红光】热电偶\WRNT-11\双支\3000mm\φ6mm\M16×1.5\IP65</t>
  </si>
  <si>
    <t>【江苏红光】铠装热电偶\WRKT2-11A\双支\30000mm\φ6mm\M20x1</t>
  </si>
  <si>
    <t>【江苏红光】铠装热电偶\WRKT2-11A\20000mm\φ6mm\M20×1</t>
  </si>
  <si>
    <t>【江苏红光】热电偶\WRKKD2-03A-1M-B430\双支\150mm\φ22mm\焊接</t>
  </si>
  <si>
    <t>【江苏红光】热电偶\WRNK2-191M\双支\25000mm\φ6mm\焊接</t>
  </si>
  <si>
    <t>【江苏红光】热电偶\WRKKL2-4C525K\双支\1280mm\φ6mm</t>
  </si>
  <si>
    <t>【江苏红光】热电偶\WRKT2-11A\双支\25000mm\φ5mm\集热块</t>
  </si>
  <si>
    <t>【江苏红光】热电偶\WRNK2-73\双支\1165mm\φ5mm\M20×1.5</t>
  </si>
  <si>
    <t>【江苏红光】铠装热电偶\WRNT2-11\双支\20000mm\φ5mm\焊接\dllBT4</t>
  </si>
  <si>
    <t>【江苏红光】铠装热电偶\WRNT2-11\双支\L=25000mm\φ5\焊接\dllBT4</t>
  </si>
  <si>
    <t>【江苏红光】铠装热电偶\WRNT2-11\双支\L=192mm\φ8\焊接\dllBT4</t>
  </si>
  <si>
    <t>【江苏红光】铠装热电偶\WRNT2-11\L=30000mm\φ5\M20×1.5</t>
  </si>
  <si>
    <t>【江苏红光】热电偶\WRGKK2-134HBS500E6450B\双支\L=6m\φ5</t>
  </si>
  <si>
    <t>【江苏红光】热电偶\WRK2-6300\L×l=300×150mm\φ27\M27×2</t>
  </si>
  <si>
    <t>【江苏红光】热电偶\WRKKD-03-I-920(A335 P91)740\L×l=380×</t>
  </si>
  <si>
    <t>【江苏红光】热电偶\WRKKD2-02-I\L×l=1380×1130mm\φ28\ZG2</t>
  </si>
  <si>
    <t>【江苏红光】热电偶\WRKR2-12H\L×l=880×630mm\φ28\M33×2</t>
  </si>
  <si>
    <t>【江苏红光】热电偶\WRKR2-13H\L×l=1600×165mm\φ32\焊接</t>
  </si>
  <si>
    <t>【江苏红光】热电偶\WRKR2-13H\L×l=3100×203mm\φ32\焊接</t>
  </si>
  <si>
    <t>【江苏红光】热电偶\WRKR2-13H\L×l=3100×254mm\φ32\焊接</t>
  </si>
  <si>
    <t>【江苏红光】热电偶\WRNR2-12 \Ll=1380×1130mm\φ28\ZG2〞</t>
  </si>
  <si>
    <t>【江苏红光】热电偶\WRNR2-13H\L×l=480×150mm\φ322\焊接</t>
  </si>
  <si>
    <t>【江苏红光】热电偶\WRNT-11\单支\L=15000mm\φ4\焊接\dllBT4</t>
  </si>
  <si>
    <t>【江苏红光】双支铠装热电偶\WRNK2-221\20000mm\φ6\M20×1</t>
  </si>
  <si>
    <t>【江苏红光】热电偶\WRNK2-231\20000mm\φ6\M20×1</t>
  </si>
  <si>
    <t>【江苏红光】双支热电偶\WRNK2-131M\15000mm\φ6\焊接</t>
  </si>
  <si>
    <t>【江苏红光】热电偶\WRNK2-221\双支\2000mm\φ5mm\M16×1.0</t>
  </si>
  <si>
    <t>【江苏红光】热电偶\WRNK2-331\双支\L=500mm\φ5mm\M16×1.5</t>
  </si>
  <si>
    <t>【江苏红光】热电偶\WRNK2-391\双支\15000mm\φ6mm\M16×1.5</t>
  </si>
  <si>
    <t>【江苏红光】热电偶\WRN2-231\双支\L×l=300×150mm\φ12\M27×2</t>
  </si>
  <si>
    <t>【江苏红光】热电偶\WRNK2-221\双支\L=5000mm\φ5mm\M16×1.5</t>
  </si>
  <si>
    <t>【江苏红光】热电偶\WRER2-13 E\双支\150mm\φ6mm\M16×1.5</t>
  </si>
  <si>
    <t>【江苏红光】热电偶\WRER2-15\双支\100mm\φ27mm\M33×2</t>
  </si>
  <si>
    <t>【江苏红光】热电偶\WRNR2-12\双支\L×l=1380×1130mm\φ20mm\螺纹</t>
  </si>
  <si>
    <t>【江苏红光】热电偶\WRNK2-191M\双支\15000mm\φ6mm\焊接</t>
  </si>
  <si>
    <t>【江苏红光】热电偶\WRN2-2216\双支\2100×1950mm\φ16mm\M33×2</t>
  </si>
  <si>
    <t>【江苏红光】热电偶\WRNK2-221\双支\30000mm\φ6mm\插入式</t>
  </si>
  <si>
    <t>【江苏红光】热电偶\WRKK2-191\双支\1000mm\φ5mm\线缆式</t>
  </si>
  <si>
    <t>【江苏红光】热电偶\WREK2-321\双支\2000mm\φ5mm\M20×1.5</t>
  </si>
  <si>
    <t>【江苏红光】热电偶\WREKD2-03-I500A180\φ16mm\M33×2</t>
  </si>
  <si>
    <t>【江苏红光】热电偶\WREKD2-03-I530A280\双支\150mm\φ16mm</t>
  </si>
  <si>
    <t>【江苏红光】热电偶\WRER2-13\双支\400mm\φ5mm\M16×1.5</t>
  </si>
  <si>
    <t>【江苏红光】热电偶\WRKKD2-03\双支\260mm\φ20mm\M27×2</t>
  </si>
  <si>
    <t>【江苏红光】热电偶\WREK2-331\双支\1200mm\φ5mm\M20×1</t>
  </si>
  <si>
    <t>【江苏红光】热电偶\WRNK2-3316\双支\6500mm\φ5mm\螺纹</t>
  </si>
  <si>
    <t>【江苏红光】热电偶\WREK2-331\双支\1400mm\φ5mm\螺纹</t>
  </si>
  <si>
    <t>【江苏红光】热电偶\WRN2-231\双支\380×230mm\φ17mm\M33×2</t>
  </si>
  <si>
    <t>【江苏红光】热电偶\WRNK2-321M\双支\1329mm\φ5mm\M20×1</t>
  </si>
  <si>
    <t>【江苏红光】热电偶\WRN2-625\双支\480×100mm\φ6mm\螺纹</t>
  </si>
  <si>
    <t>【江苏红光】热电偶\WRNK2-321\双支\482mm\φ5mm\M20×1.5</t>
  </si>
  <si>
    <t>【江苏红光】热电偶\WRNK2-11\双支\35000mm\φ5mm\无固定装置</t>
  </si>
  <si>
    <t>【江苏红光】热电偶\WRNR2-13\双支\415mm\φ6mm\M27×2</t>
  </si>
  <si>
    <t>【江苏红光】热电偶\WRNT2-41\双支\6000mm\φ4mm\M20×1.5</t>
  </si>
  <si>
    <t>【江苏红光】热电偶\WRN2-330\双支\1640mm\φ5mm\M16×1.5</t>
  </si>
  <si>
    <t>【江苏红光】热电偶\WRNK2-321\双支\609mm\φ5mm\M16×1.5</t>
  </si>
  <si>
    <t>【江苏红光】热电偶\WRNT2-41201\双支\6000mm\φ4.8mm\插入式</t>
  </si>
  <si>
    <t>【江苏红光】热电偶\WRTM1Y3-271HD\三支\30mm\φ5.4mm\插入式</t>
  </si>
  <si>
    <t>【江苏红光】热电偶\WRNT2-12\双支\555mm\φ5mm\螺纹</t>
  </si>
  <si>
    <t>【江苏红光】热电偶\WRNK2-291\双支\1000mm\φ3mm\M14×1.5</t>
  </si>
  <si>
    <t>【江苏红光】热电偶\WREKD2-03\双支\510mm\φ5mm\M33×2</t>
  </si>
  <si>
    <t>【江苏红光】热电偶\WRNK3-1/1A\三支\25mm\φ7mm\M14×1</t>
  </si>
  <si>
    <t>【江苏红光】热电偶\WRNK2-195B\双支\10000×8000mm\φ5mm</t>
  </si>
  <si>
    <t>【江苏红光】热电偶\WRNK2-331A\双支\500mm\φ6mm\M16×1.5</t>
  </si>
  <si>
    <t>【江苏红光】热电偶\WRNK2-231\双支\550mm\φ5mm\M16×1.5</t>
  </si>
  <si>
    <t>【江苏红光】热电偶\WRNK2-231\双支\800mm\φ5mm\M16×1.5</t>
  </si>
  <si>
    <t>【江苏红光】热电偶\WRNT-11\单支\15000mm\φ5mm\集热块</t>
  </si>
  <si>
    <t>【江苏红光】热电偶\WRKKD2-03-ⅠA\1380×1130mm\φ32mm\法兰</t>
  </si>
  <si>
    <t>【江苏红光】热电偶\WRER2-13\L×l=430×100mm\φ32\M20×1</t>
  </si>
  <si>
    <t>【江苏红光】热电偶\WRKK2-3033-HBS1000-IH20000\L×l=20000</t>
  </si>
  <si>
    <t>【江苏红光】铠装热电偶\WRNK2-133\双支\10000mm\φ=5mm\标准\非防爆</t>
  </si>
  <si>
    <t>【江苏红光】热电偶\WRNM-330K\双支\L=550mm\φ18mm\M20×1.5</t>
  </si>
  <si>
    <t>【江苏红光】热电偶\WRER2-12\双支\L=510mm\φ5mm\M20×1.5</t>
  </si>
  <si>
    <t>【江苏红光】热电偶\WRER2-12\双支\L×l=880×630mm\φ28mm\ZG2"</t>
  </si>
  <si>
    <t>【江苏红光】热电偶\WRER2-13\双支\300×50mm\φ12mm\M20×1.5</t>
  </si>
  <si>
    <t>【江苏红光】热电偶\WRNK2-191M\双支\15000mm\φ5mm\M20×1.5</t>
  </si>
  <si>
    <t>【江苏红光】热电偶\WRNR2-12\1380×1130mm\φ32mm\ZG2"</t>
  </si>
  <si>
    <t>【江苏红光】热电偶\WRNK2-13-K\双支\150mm\φ5mm\M27×2</t>
  </si>
  <si>
    <t>【江苏红光】热电偶\WRNR2-13\双支\l=100mm\φ5mm\M27×2</t>
  </si>
  <si>
    <t>【江苏红光】热电偶\WRER2-15\双支\L×l=280×100mm\φ25mm</t>
  </si>
  <si>
    <t>【江苏红光】热电偶\WRER2-14\双支\L×l=380×150mm\φ25mm</t>
  </si>
  <si>
    <t>【江苏红光】热电偶\WRER2-13\双支\L×l=330×50mm\φ25mm</t>
  </si>
  <si>
    <t>【江苏红光】热电偶\WRER2-13\双支\l=70mm\φ6mm\M16×1.5</t>
  </si>
  <si>
    <t>【江苏红光】热电偶\WREK2-12\双支\L×l=1380×1130mm\φ25mm\法兰</t>
  </si>
  <si>
    <t>【江苏红光】热电偶\WRNK2-233\L×l=880×630mm\φ10mm\M60×3</t>
  </si>
  <si>
    <t>【江苏红光】热电偶\WRER2-12\双支\L×I=1380×1130mm\φ5mm</t>
  </si>
  <si>
    <t>【江苏红光】热电偶\WRNR2-13\双支\I=250mm\φ28mm\焊接</t>
  </si>
  <si>
    <t>【江苏红光】热电偶\WRNT2-11\双支\20000mm\φ6mm\卡套式</t>
  </si>
  <si>
    <t>【江苏红光】热电偶\WRNK2-230NM\双支\L×l=1350×1200mm</t>
  </si>
  <si>
    <t>【江苏红光】热电偶\WRNN-631\L×I=880×630mm\φ25mm\M48×1.5</t>
  </si>
  <si>
    <t>【江苏红光】热电偶\WRNN-631\LxI=1500x500mm\M48×1.5</t>
  </si>
  <si>
    <t>【江苏红光】热电偶\WRN2-631\双支\L×l=750×500mm</t>
  </si>
  <si>
    <t>【江苏红光】热电偶\WREK2-391T\双支\120mm\φ6mm\NPT1/4</t>
  </si>
  <si>
    <t>【江苏红光】热电偶\WRNK2-331\双支\10000mm\φ5mm\M16×1.5</t>
  </si>
  <si>
    <t>【江苏红光】热电偶\WRNK2-331\双支\20000mm\φ5mm\M16×1.5</t>
  </si>
  <si>
    <t>【江苏红光】热电阻\WZPM2-001\100mm\φ6mm\M20×1.5 活动卡套接头</t>
  </si>
  <si>
    <t>【江苏红光】热电偶\WRKL-433\双支\900mm\φ25mm\法兰</t>
  </si>
  <si>
    <t>【江苏红光】铠装热电偶\WRNR2-01\双支\16000mm\φ4mm\M27×2</t>
  </si>
  <si>
    <t>【江苏红光】热电偶\WRNK2-191M 曲面R=29mm\\20000mm\φ4mm\焊接</t>
  </si>
  <si>
    <t>【江苏红光】热电偶WRN2-4325NM\1000x850mm\φ18 l=230mm\法兰</t>
  </si>
  <si>
    <t>【江苏红光】热电偶\WRN2-4332NM\双支\800×600mm\φ25mm\法兰</t>
  </si>
  <si>
    <t>【江苏红光】热电偶\WRN2-4332NM\双支\930×730mm\φ25mm\法兰</t>
  </si>
  <si>
    <t>【江苏红光】热电偶\WRNNK-12\双支\100mm\φ32mm\ZG2"</t>
  </si>
  <si>
    <t>【江苏红光】热电偶\WRNK2-291\双支\5000mm\φ5mm\M16×1.5</t>
  </si>
  <si>
    <t>【江苏红光】热电偶\WRNK2-291\双支\15000mm\φ5mm\M16×1.5</t>
  </si>
  <si>
    <t>【江苏红光】热电偶\WREK2-001\双支\15000mm\φ5mm\压簧式</t>
  </si>
  <si>
    <t>【江苏红光】热电偶\WRNK2-11\双支\15000mm\φ6mm\固定贴片+螺纹</t>
  </si>
  <si>
    <t>【江苏红光】热电偶\WRNT2-11\双支\30000mm\φ6mm\卡套式</t>
  </si>
  <si>
    <t>【江苏红光】热电偶\WRER2-12\双支\430mm\φ6mm\螺纹</t>
  </si>
  <si>
    <t>【江苏红光】热电偶\WRER2-13\双支\380×100mm\φ6mm\M27×2</t>
  </si>
  <si>
    <t>【江苏红光】热电偶\WREX2-001\双支\7000×55mm\φ6mm\压簧式</t>
  </si>
  <si>
    <t>【江苏红光】热电偶\WREK2-331\双支\20000mm\φ5mm\M16×1.5</t>
  </si>
  <si>
    <t>【江苏红光】热电偶\HD-WRNR2-12\双支\1380×1150mm\φ6mm\G1/2</t>
  </si>
  <si>
    <t>【江苏红光】热电偶\WRNR2-12\双支\1380×1130mm\φ6mm\M33×2</t>
  </si>
  <si>
    <t>【江苏红光】热电偶\WRNK2-331M\双支\5000mm\φ5mm\G1/2</t>
  </si>
  <si>
    <t>【江苏红光】热电偶\WRNK2-13\双支\450mm\φ6mm\G1/2</t>
  </si>
  <si>
    <t>【江苏红光】热电偶\WRNR2-4328\双支\1200mm\φ28mm\M60×3</t>
  </si>
  <si>
    <t>【江苏红光】热电偶\WRNK2-13\多支\450mm\φ6mm\1/2NPT(M)</t>
  </si>
  <si>
    <t>【江苏红光】热电偶\WRNK-2461\双支\6000mm\φ3mm\螺纹</t>
  </si>
  <si>
    <t>【江苏红光】热电偶\WRNK2-191\双支\640mm\φ6mm\M27×2</t>
  </si>
  <si>
    <t>【江苏红光】热电偶\WKR2101P1111\双支\150mm\φ8mm\M16×1.5</t>
  </si>
  <si>
    <t>【江苏红光】热电偶\WRNK2-331\双支\1000mm\φ6mm\M20×1</t>
  </si>
  <si>
    <t>【江苏红光】热电偶\WREK2-13\双支\480×150mm\φ6mm\螺纹</t>
  </si>
  <si>
    <t>【江苏红光】热电偶\WRNK2-321\双支\382mm\φ5mm\M20×1.5</t>
  </si>
  <si>
    <t>【江苏红光】热电偶\WRN2-13-010\双支\460mm\φ6mm\插入式</t>
  </si>
  <si>
    <t>【江苏红光】热电偶\WRNT2-31\双支\300mm\φ6mm\1/2NPT</t>
  </si>
  <si>
    <t>【江苏红光】热电偶\WRNT2-001\双支\390mm\φ6mm\1/2NPT</t>
  </si>
  <si>
    <t>【江苏红光】热电偶\WRNK2-231\双支\4000mm\φ3mm\M14×1.5</t>
  </si>
  <si>
    <t>【江苏红光】热电偶\WREK2-331\双支\6000mm\φ5mm\R1/2</t>
  </si>
  <si>
    <t>【江苏红光】热电偶\WRNK2-231\双支\3000mm\φ6mm\R1/4</t>
  </si>
  <si>
    <t>【江苏红光】热电偶\WREK2-331\双支\10000mm\φ5mm\M16×1.5</t>
  </si>
  <si>
    <t>【江苏红光】热电偶\WRNK2-230\双支\100mm\φ16mm\螺纹</t>
  </si>
  <si>
    <t>【江苏红光】热电偶\WREK2-331A\双支\12000×203mm\φ5mm\螺纹</t>
  </si>
  <si>
    <t>【江苏红光】热电偶\WRNT2-11\双支\35000×20000mm\φ5mm\集热块</t>
  </si>
  <si>
    <t>【江苏红光】热电偶\WREK2-331A\双支\1100mm\φ5mm\螺纹</t>
  </si>
  <si>
    <t>【江苏红光】热电偶\WRNT2-31\双支\250mm\φ6mm\NPT1/2\国产</t>
  </si>
  <si>
    <t>【江苏红光】热电偶\WRNK2-2193\双支\3000mm\φ6mm\M20×1.5</t>
  </si>
  <si>
    <t>【江苏红光】热电偶\WREK2-231\双支\25000mm\φ6mm\R1/4</t>
  </si>
  <si>
    <t>【江苏红光】热电偶\WRNK2-231\双支\8000×200mm\φ6mm\NPT1/2</t>
  </si>
  <si>
    <t>【江苏红光】热电偶\WRNK2-231\双支\12000×200mm\φ6mm\NPT1/2</t>
  </si>
  <si>
    <t>【江苏红光】热电偶\WRNK2-231\双支\6000×200mm\φ6mm\NPT1/2</t>
  </si>
  <si>
    <t>【江苏红光】热电偶\WRNK2-231\双支\10000×200mm\φ6mm\NPT1/2</t>
  </si>
  <si>
    <t>【江苏红光】热电偶\WRNK2-191\双支\1000mm\φ3mm\卡套</t>
  </si>
  <si>
    <t>【江苏红光】热电偶\WRNR2-13\双支\300×100mm\φ5mm\M20×1.5</t>
  </si>
  <si>
    <t>【江苏红光】热电偶\WRNR2-13\双支\400×250mm\φ5mm\M20×1.5</t>
  </si>
  <si>
    <t>【江苏红光】热电偶\WRN2-601\双支\500×195mm\φ4mm\M20×1.5</t>
  </si>
  <si>
    <t>【江苏红光】热电偶\WRNR2-12\双支\800×650mm\φ25-16mm\M33×2</t>
  </si>
  <si>
    <t>【江苏红光】热电偶\WRKKL2-4S520\双支\1200mm\φ20mm\法兰</t>
  </si>
  <si>
    <t>【江苏红光】热电偶\WREK2-321\双支\L=5000mm\φ5mm\M27×2</t>
  </si>
  <si>
    <t>【江苏红光】热电偶\WRNM2-32\双支\1000mm\φ28mm\活动法兰</t>
  </si>
  <si>
    <t>【江苏红光】热电偶\WRKK2-334\双支\489mm\φ5mm\M20×1.5</t>
  </si>
  <si>
    <t>【江苏红光】热电偶\WREK2-231010E\双支\40mm\φ5mm\螺纹</t>
  </si>
  <si>
    <t>【江苏红光】热电偶\WREK2-2355/E\双支\376mm\φ5mm\插入式</t>
  </si>
  <si>
    <t>【江苏红光】热电偶\WRNT-11-K\双支\1000mm\φ5mm\卡套式</t>
  </si>
  <si>
    <t>【江苏红光】热电偶\WRNK2-291\L=10000m\φ5\M16×1.5</t>
  </si>
  <si>
    <t>【江苏红光】热电偶\WRER2-12E\L×l=2250×1500mm\φ6mm\M33×2</t>
  </si>
  <si>
    <t>【江苏红光】热电偶\WREK2-230NM\双支\L×l=1650×1500mm</t>
  </si>
  <si>
    <t>【江苏红光】热电偶\WRNK2-230NM\双支\L×l=1650×1500mm</t>
  </si>
  <si>
    <t>【江苏红光】热电偶\WREK2-230NM\双支\L×l=1350×1200mm</t>
  </si>
  <si>
    <t>【江苏红光】热电偶\WREK2-331E\双支\20000mm\φ6mm\M16×1.5</t>
  </si>
  <si>
    <t>【江苏红光】热电偶\WREK2-331E\双支\15000mm\φ6mm\M16×1.5</t>
  </si>
  <si>
    <t>【江苏红光】热电偶\WRNK2-233\双支\230mm\φ6mm\螺纹</t>
  </si>
  <si>
    <t>【江苏红光】热电偶\WREK2-291E\双支\15000×2000mm\φ4.8mm</t>
  </si>
  <si>
    <t>【江苏红光】热电偶\WREK2-291E\双支\10000×2000mm\φ4.8mm</t>
  </si>
  <si>
    <t>【江苏红光】热电偶\WRR2-431B\双支\1500mm\φ25mm\M20×1.5</t>
  </si>
  <si>
    <t>【江苏红光】热电偶\WREKD2-03\双支\535×335mm\φ6mm\M33×2</t>
  </si>
  <si>
    <t>【江苏红光】热电偶\WREK2-106\双支\500mm\φ5mm\插入式</t>
  </si>
  <si>
    <t>【江苏红光】热电偶\WRR2-431B\双支\1650mm\φ25mm\固定法兰</t>
  </si>
  <si>
    <t>【江苏红光】热电偶\WRER2-12\双支\2000×1500mm\φ25mm\M60×3</t>
  </si>
  <si>
    <t>【江苏红光】热电偶\WRER2-12\双支\1200×200mm\φ5mm\M60×3</t>
  </si>
  <si>
    <t>【江苏红光】热电偶\WRN2-430/T-75\双支\400mm\φ16mm\法兰</t>
  </si>
  <si>
    <t>【江苏红光】热电偶\WRBT-4425-PMA-1200S\双支\1200mm</t>
  </si>
  <si>
    <t>【江苏红光】热电偶\WRBT-4425-PMA-900S-700\双支\700mm</t>
  </si>
  <si>
    <t>【江苏红光】热电偶\WRNK-331 K分度\双支\1500mm\φ6mm\M16×1.5</t>
  </si>
  <si>
    <t>【江苏红光】热电偶\WRNK-4G30\280\6\RF DN40PN50\ExiaⅡCT4</t>
  </si>
  <si>
    <t>【江苏红光】热电偶WRGKK-53SHBM-400-600LB-1.5\250mm\φ5mm</t>
  </si>
  <si>
    <t>【江苏红光】热电偶\WZPK2-4420D3-TK\多支\880mm\φ33.4mm\法兰</t>
  </si>
  <si>
    <t>【江苏红光】热电偶\WZPK2-4420D3-TK\多支\815mm\φ33.4mm\法兰</t>
  </si>
  <si>
    <t>【江苏红光】热电偶\WRNK-331\双支\5000mm\φ5mm\M16×1.5</t>
  </si>
  <si>
    <t>【江苏红光】热电偶\WRNR-01T\双支\70 150mm\φ6mm\焊接</t>
  </si>
  <si>
    <t>【江苏红光】热电偶\WRN-01\双支\75mm\φ6mm\焊接</t>
  </si>
  <si>
    <t>【江苏红光】热电偶\WRNK-331\1500mm\φ6\M20×1.5</t>
  </si>
  <si>
    <t>【江苏红光】热电偶\WRNN2-436\双支\l=600mm\φ6mm\M16×1.5</t>
  </si>
  <si>
    <t>【江苏红光】热电偶\WRNN2-436NM\双支\L×l=1200×900mm\φ25mm</t>
  </si>
  <si>
    <t>【江苏红光】热电偶\WRNK2-291\双支\12000mm\φ4mm\螺纹</t>
  </si>
  <si>
    <t>【江苏红光】热电偶\WRNK-221 0-800℃\双支\L=7000\φ5\M16×1.5</t>
  </si>
  <si>
    <t>【江苏红光】热电偶\WRNK-221 0-800℃\双支\3000\φ5\M16×1.5</t>
  </si>
  <si>
    <t>【江苏红光】热电偶\WRNK-2\双支\400×200mm\φ26mm\M33×2</t>
  </si>
  <si>
    <t>【江苏红光】热电偶\WRKK-350-DZ3039X\单\1000mm\φ6mm\M27×2</t>
  </si>
  <si>
    <t>【江苏红光】热电偶\WRKK2-140\双支\5000mm\φ6mm\内螺纹\进口</t>
  </si>
  <si>
    <t>【江苏红光】热电偶\WRKK2-140\双支\500mm\φ6mm\内螺纹\进口</t>
  </si>
  <si>
    <t>【江苏红光】热电偶\WRNK-4303\3支\1920 2120 2320mm</t>
  </si>
  <si>
    <t>【江苏红光】热电偶\H-WRJK-440i-Y\双支\220mm\φ20mm\DN25</t>
  </si>
  <si>
    <t>【江苏红光】热电偶\WRK2-2316\双支\800mm\φ20mm\M27×2</t>
  </si>
  <si>
    <t>【江苏红光】热电偶\WRN-230\双支\l=450mm\φ30mm\标准</t>
  </si>
  <si>
    <t>【江苏红光】热电偶\WRN2-131-K\双支\1800mm\φ6mm\插入式</t>
  </si>
  <si>
    <t>【江苏红光】热电偶\WRN2-230\双支\300mm\φ8mm\M27x2</t>
  </si>
  <si>
    <t>【江苏红光】热电偶\WRN-130(K) 铠装\单\1000mm\φ20mm\螺纹</t>
  </si>
  <si>
    <t>【江苏红光】热电偶\WRNN-230K\双支\750mm\φ22mm\M27×2</t>
  </si>
  <si>
    <t>【江苏红光】热电偶\WRKK-140\单\15000mm\φ6mm\法兰\EExibⅡCT4</t>
  </si>
  <si>
    <t>【江苏红光】热电偶\WRKK2-140-HZ\双支\1100mm\φ6mm\螺纹</t>
  </si>
  <si>
    <t>【江苏红光】热电偶\WZPK2-330\双支\700mm\φ6mm\M16×1.5</t>
  </si>
  <si>
    <t>【江苏红光】热电偶\WRKK2-340\双支\4000mm\φ5mm\活动卡套</t>
  </si>
  <si>
    <t>【江苏红光】热电偶\WRNK-2531\多支\2500mm\φ20mm\RF\国产</t>
  </si>
  <si>
    <t>【江苏红光】热电偶\WRN-446D3-644HA\多支\5465 6445 7425mm</t>
  </si>
  <si>
    <t>【江苏红光】热电偶\WRN-446D3-248HA\多支\5425 6405 7385mm</t>
  </si>
  <si>
    <t>【江苏红光】热电偶\WRN2-341NM\双支\2500mm\φ20mm\RF</t>
  </si>
  <si>
    <t>【江苏红光】热电偶\WRN2-74\双支\250mm\φ6mm\NPT1/2</t>
  </si>
  <si>
    <t>【江苏红光】热电偶\WRN2-74\双支\300mm\φ6mm\NPT1/2</t>
  </si>
  <si>
    <t>【江苏红光】热电偶\WRN2-74\双支\400mm\φ6mm\NPT1/2</t>
  </si>
  <si>
    <t>【江苏红光】热电偶\WRN2-74-TH01E\双支\200mm\φ6mm\NPT1/2</t>
  </si>
  <si>
    <t>【江苏红光】热电偶\WRNK2-331\双支\4000mm\φ6mm\卡套</t>
  </si>
  <si>
    <t>【江苏红光】热电偶\WRN-641i-TH02D\双支\2680mm\φ20mm\RF</t>
  </si>
  <si>
    <t>【江苏红光】热电偶\WRN2-010\双支\600mm\φ6mm\螺纹\国产</t>
  </si>
  <si>
    <t>【江苏红光】热电偶\WRNK2-201\双支\850mm\φ6mm\螺纹</t>
  </si>
  <si>
    <t>【江苏红光】热电偶\WRKK2J-380\双支\980mm\φ6mm\螺纹</t>
  </si>
  <si>
    <t>【江苏红光】热电偶\ZHTC06-C1WWWB1P2SC31.8L945\双支</t>
  </si>
  <si>
    <t>【江苏红光】热电偶\WRN-330 K分度 0~1300℃ L=400mm</t>
  </si>
  <si>
    <t>【江苏红光】热电偶\WRNM2-32\双支\1050mm\φ25mm\活动法兰</t>
  </si>
  <si>
    <t>【江苏红光】热电偶\WRNM2-32\双支\1050mm\φ28mm\活动法兰</t>
  </si>
  <si>
    <t>【江苏红光】热电偶\WRNK-331\单支\15000mm\φ6mm\集热块</t>
  </si>
  <si>
    <t>【江苏红光】热电偶\WRNK-331\单支\25000mm\φ6mm\集热块</t>
  </si>
  <si>
    <t>【江苏红光】热电偶\WRNK-331\单支\20000mm\φ6mm\集热块</t>
  </si>
  <si>
    <t>【江苏红光】热电偶\WRGKK2-53-1J500H-N-3HM16\双支\400mm\螺纹</t>
  </si>
  <si>
    <t>【江苏红光】热电偶\WRNK2-291\双支\3000mm\φ5mm\M16×1.5</t>
  </si>
  <si>
    <t>【江苏红光】热电偶\WRNK2-291\双支\8000mm\φ5mm\M16×1.5</t>
  </si>
  <si>
    <t>【江苏红光】双支端面铂热电阻\WZPM2\双支\L=5000mm\φ8\M10×1</t>
  </si>
  <si>
    <t>【江苏红光】热电阻\WZPM2-206W\双支\6000mm\φ4mm\螺纹</t>
  </si>
  <si>
    <t>【江苏红光】热电阻\WZP2-631K\双支\350×150mm\φ5mm\M33×2</t>
  </si>
  <si>
    <t>【江苏红光】热电阻\WZPK2-630\双支\200mm\φ8mm\M20×1.5</t>
  </si>
  <si>
    <t>【江苏红光】热电阻\WZPM2-201\双支\100mm\φ6mm\M20×1.5</t>
  </si>
  <si>
    <t>【江苏红光】热电阻\WZPK2-236T\双支\150mm\φ14mm\螺纹</t>
  </si>
  <si>
    <t>【江苏红光】热电阻\WZP2-241G\双支\150mm\φ6mm\M8×0.75</t>
  </si>
  <si>
    <t>【江苏红光】热电阻\WZP2-A1-14\双支\250mm\φ4mm\1/2NPT</t>
  </si>
  <si>
    <t>【江苏红光】热电阻\WZPN2-7430\双支\1600mm\φ8mm\卡套</t>
  </si>
  <si>
    <t>【江苏红光】热电阻\WZPK2-1312\双支\350mm\φ5mm\螺纹</t>
  </si>
  <si>
    <t>【江苏红光】热电阻\WZPK2-196\双支\18mm\φ6mm\螺纹</t>
  </si>
  <si>
    <t>【江苏红光】热电阻\WZPK2-336T-H\双支\350mm\φ5mm\卡套</t>
  </si>
  <si>
    <t>【江苏红光】热电阻\WZPKL2-233\双支\800mm\φ6mm\M33×2</t>
  </si>
  <si>
    <t>【江苏红光】热电阻\WZPK2-438\双支\1500mm\φ6mm\法兰</t>
  </si>
  <si>
    <t>【江苏红光】热电阻\WZPK2-36T\双支\500mm\φ6mm\M27×1.5</t>
  </si>
  <si>
    <t>【江苏红光】热电阻\WZPK2-166-40\双支\892mm\φ10mm\插入式</t>
  </si>
  <si>
    <t>【江苏红光】热电阻\WZP-44SA\三支\250mm\φ10mm\M27×2</t>
  </si>
  <si>
    <t>【江苏红光】热电阻\WZPK2-236S\双支\150mm\φ5mm\M16×1.5</t>
  </si>
  <si>
    <t>【江苏红光】热电阻\WZPK2-236S\双支\150mm\φ6mm\M27×2</t>
  </si>
  <si>
    <t>【江苏红光】热电阻\WZP2-231\双支\L=550mm\φ12mm\M27×2</t>
  </si>
  <si>
    <t>【江苏红光】热电阻\WZP2-231\双支\l=100mm\φ12mm\M27×2</t>
  </si>
  <si>
    <t>【江苏红光】热电阻\WZP2-231-K\双支\100mm\φ6mm\M27×2</t>
  </si>
  <si>
    <t>【江苏红光】端面热电阻\WZPM-201\L×l=5000×35mm\φ6\M8×0.75</t>
  </si>
  <si>
    <t>【江苏红光】铠装铂热电阻\WZPK2-336\l=250mm\φ6\M20×1.5</t>
  </si>
  <si>
    <t>【江苏红光】铠装铂热电阻\WZPK-335\150mm\φ10\M20×1.5</t>
  </si>
  <si>
    <t>【江苏红光】铠装铂热电阻\WZPK-335\l=400mm\φ5\M16×1.5</t>
  </si>
  <si>
    <t>【江苏红光】热电阻\WZPKL2-235A2\L×l=200×50mm\φ5\M16×1.5</t>
  </si>
  <si>
    <t>【江苏红光】热电阻\WZPM2-M18\双支\3000mm\φ6mm\M18×1.5</t>
  </si>
  <si>
    <t>【江苏红光】热电阻\WZP-231\双支\L×l=150×400mm\φ12mm\M27×2</t>
  </si>
  <si>
    <t>【江苏红光】热电阻\WZP2-630\双支\150mm\φ16mm\M27×2</t>
  </si>
  <si>
    <t>【江苏红光】热电阻\WZP2-221\双支\L×l=225×75mm\φ6mm\M27×2</t>
  </si>
  <si>
    <t>【江苏红光】热电阻\WZPK2-336S\双支\L×l=400×300\φ6\M16×1.5</t>
  </si>
  <si>
    <t>【江苏红光】热电阻\WZPK-336S\双支\150mm\φ6mm\M27×2</t>
  </si>
  <si>
    <t>【江苏红光】热电阻\WZP2-230NM\双支\L×l=250×150\φ16\M27×2</t>
  </si>
  <si>
    <t>【江苏红光】热电阻\WZPM2-295-Pt100\双支\l=220\φ6\M27×2</t>
  </si>
  <si>
    <t>【江苏红光】热电阻\WZP2-430\双支\L×l=1380×100mm\M16X1.5</t>
  </si>
  <si>
    <t>【江苏红光】热电阻\WZPK2-336\双支\L=130mm\φ6mm\M16×1.5</t>
  </si>
  <si>
    <t>【江苏红光】热电阻\WZPM2-201\双支\L×l=15×4000\φ6\M8×0.75</t>
  </si>
  <si>
    <t>【江苏红光】热电阻\WZP2-231-(K)\双支\L=500mm\φ12mm\M27×2</t>
  </si>
  <si>
    <t>【江苏红光】热电阻\WZP2-230\双支\L=300mm\φ6mm\M27×2</t>
  </si>
  <si>
    <t>【江苏红光】热电阻\WRN2-230 K分度\双支\L×l=300×150mm\φ28mm</t>
  </si>
  <si>
    <t>【江苏红光】热电阻\WZPK2-230\双支\I=100mm\φ16mm\M27×2</t>
  </si>
  <si>
    <t>【江苏红光】热电阻\WZPM2-08-075-M18-S\双支\I=75mm\φ8mm\螺纹</t>
  </si>
  <si>
    <t>【江苏红光】热电阻\WZPM2-001\双支\L×I=8000×175mm\φ5mm\压簧式</t>
  </si>
  <si>
    <t>【江苏红光】热电阻\WZPK2-330\双支\1500mm\φ20mm\螺纹</t>
  </si>
  <si>
    <t>【江苏红光】热电阻\WZP-430N-PT100\双支\650mm\φ20mm\插入式</t>
  </si>
  <si>
    <t>【江苏红光】热电阻\WZPM2-201-PT100\双支\1000mm\φ10mm</t>
  </si>
  <si>
    <t>【江苏红光】热电阻\WZPK2-236S\150mm\φ6mm\M16x1.5 活动卡套接头</t>
  </si>
  <si>
    <t>【江苏红光】热电阻\WZPM2-001Q-A3J97-10000\3000mm\ZG1/8</t>
  </si>
  <si>
    <t>【江苏红光】热电阻WZPM2-001Q-A3J35-10000\3000mmφ6\ZG1/8</t>
  </si>
  <si>
    <t>【江苏红光】热电阻\WZP02-336\双支\550mm\φ6mm\活动卡套 NPT1/2</t>
  </si>
  <si>
    <t>【江苏红光】热电阻\WZP2-640\双支\300mm\φ8mm\M27×2\ExdⅡBT4</t>
  </si>
  <si>
    <t>【江苏红光】热电阻\WZP2-231\双支\500mm\φ6mm\M33×2</t>
  </si>
  <si>
    <t>【江苏红光】热电阻\WZP2-230\双支\3500×3000mm\φ6mm\M27×2</t>
  </si>
  <si>
    <t>【江苏红光】热电阻\WZPK2-396\双支\117mm\φ6mm\M8×1.0</t>
  </si>
  <si>
    <t>【江苏红光】热电阻\WZPK2-238\双支\554mm\φ8mm\M20×1.5</t>
  </si>
  <si>
    <t>【江苏红光】热电阻\WZP2-235\双支\250mm\φ5mm\M16×1.5</t>
  </si>
  <si>
    <t>【江苏红光】热电阻\WZP2-238\双支\250mm\φ8mm\卡套</t>
  </si>
  <si>
    <t>【江苏红光】热电阻\WZP2-236\双支\400mm\φ6mm\1/2NPT</t>
  </si>
  <si>
    <t>【江苏红光】热电阻\WZPKL2-1316-AJG3M\双支\1150×1000\φ16</t>
  </si>
  <si>
    <t>【江苏红光】热电阻\WZPN2-230\双支\800×650mm\φ22mm\M33×2</t>
  </si>
  <si>
    <t>【江苏红光】热电阻\WZP2-230K\双支\380×250mm\φ16mm\M33×2</t>
  </si>
  <si>
    <t>【江苏红光】热电阻\WZPK2-343-A6M-150×30\双支\φ6mm\NPT1/2</t>
  </si>
  <si>
    <t>【江苏红光】热电阻\WZPK2-343-A6M-500×30\双支\φ6mm\NPT1/2</t>
  </si>
  <si>
    <t>【江苏红光】热电阻\WZPK2-196\双支\270mm\φ6mm\卡套</t>
  </si>
  <si>
    <t>【江苏红光】热电阻\WZPK2-236\双支\1200mm\φ12mm\M27×2</t>
  </si>
  <si>
    <t>【江苏红光】热电阻\WZP2-230\双支\1650×1450mm\φ6mm\M27×2</t>
  </si>
  <si>
    <t>【江苏红光】热电阻\WZPK-338\双支\120mm\φ8mm\螺纹</t>
  </si>
  <si>
    <t>【江苏红光】热电阻\WZPKB-246-PT100\双支\240mm\φ25mm\螺纹</t>
  </si>
  <si>
    <t>【江苏红光】热电阻\WZPM2-00124F/A6L6000S\双支\0mm\φ10mm</t>
  </si>
  <si>
    <t>【江苏红光】热电阻\WZP2-231\双支\150mm\φ12mm\M27x2</t>
  </si>
  <si>
    <t>【江苏红光】热电阻\WZPK2-106\双支\870mm\φ5mm\M12×1.5 卡套接头</t>
  </si>
  <si>
    <t>【江苏红光】热电阻\WZPK-24S\双支\100mm\φ8mm\M27×2</t>
  </si>
  <si>
    <t>【江苏红光】热电阻\WZPK2-236S\双支\150mm\φ6mm\1/2NPT</t>
  </si>
  <si>
    <t>【江苏红光】热电阻\WZPK2-230\双支\1400×1250mm\φ16mm\M27×2</t>
  </si>
  <si>
    <t>【江苏红光】热电阻\WZPK2-236S\双支\180mm\φ6mm\G1/2</t>
  </si>
  <si>
    <t>【江苏红光】热电阻WZPM2-201SA\双支\1000×20mm\φ6mm\M20×1.5</t>
  </si>
  <si>
    <t>【江苏红光】热电阻\WZPK2-336A\双支\200mm\φ6mm\螺纹</t>
  </si>
  <si>
    <t>【江苏红光】热电阻\WZPM2-201SA\双支\10000mm\φ6mm\NPT1/2</t>
  </si>
  <si>
    <t>【江苏红光】热电阻\WZPL2-238\双支\10mm\φ6mm\M27×2</t>
  </si>
  <si>
    <t>【江苏红光】热电阻\WZPK2T-4316M-100\\100mm\φ6mm\M12×1.5</t>
  </si>
  <si>
    <t>【江苏红光】热电阻\WZPK2-338\双支\180mm\φ8mm\M18×2.5</t>
  </si>
  <si>
    <t>【江苏红光】热电阻\WZPK2-236S\双支\150mm\φ6mm\ZG1/2</t>
  </si>
  <si>
    <t>【江苏红光】热电阻\WZP2-2312\双支\250×100mm\φ10mm\M27×2</t>
  </si>
  <si>
    <t>【江苏红光】热电阻\WZP2-731\双支\400mm\φ12mm\M27×2</t>
  </si>
  <si>
    <t>【江苏红光】热电阻\WZPK2-235S\双支\350×310mm\φ5mm\M16×1.5</t>
  </si>
  <si>
    <t>【江苏红光】耐磨热电阻\WZP2N-230K\L=600×450mm\φ22\M27×2</t>
  </si>
  <si>
    <t>【江苏红光】全铠装热电阻\WZPK-3A\L=300mm\φ10\M20×1.5</t>
  </si>
  <si>
    <t>【江苏红光】全铠装热电阻\WZPK-3A\L=500mm\φ5\M20×1.5</t>
  </si>
  <si>
    <t>【江苏红光】热电阻\WZP2-200TS\双支\L=15000mm\φ6\无固定装置</t>
  </si>
  <si>
    <t>【江苏红光】热电阻\WZP2-200TS\L×l=15000×100mm\φ5\M20×1.5\dllBT4</t>
  </si>
  <si>
    <t>【江苏红光】热电阻\WZP-221\L×l=300×150mm\φ12\M27×2</t>
  </si>
  <si>
    <t>【江苏红光】热电阻\WZP2-221\l=130mm\φ6\M20×1.5</t>
  </si>
  <si>
    <t>【江苏红光】热电阻\WZP2-230\双支\L=2100mm\φ6\M33×2\dllBT4</t>
  </si>
  <si>
    <t>【江苏红光】热电阻\WZP2-230\L=300×150mm\φ16\M27×2</t>
  </si>
  <si>
    <t>【江苏红光】热电阻\WZP2-2301\Ll=150×75mm\φ12\M27×2</t>
  </si>
  <si>
    <t>【江苏红光】热电阻\WZP2-230NM\L×l=320×170mm\φ5\M33×2</t>
  </si>
  <si>
    <t>【江苏红光】热电阻\WZP2-231(K)\双支\l=250mm\φ16\M27×2</t>
  </si>
  <si>
    <t>【江苏红光】热电阻\WZP2-231\L×l=200×150mm\φ5\M27×2</t>
  </si>
  <si>
    <t>【江苏红光】热电阻\WZP2-2312A\L×l=300×150mm\φ5\M27×2</t>
  </si>
  <si>
    <t>【江苏红光】热电阻\WZP2-2312A\双支\L×l=500×400mm\φ6\M27×2</t>
  </si>
  <si>
    <t>【江苏红光】热电阻\WZP2-231T\l=350mm\φ16\M27×2</t>
  </si>
  <si>
    <t>【江苏红光】热电阻\WZP-230F\L×l=13500×12000mm\φ3\M60×3</t>
  </si>
  <si>
    <t>【江苏红光】热电阻\WZP2-4306\L=1360mm\φ16\GB DN40 PN0.6</t>
  </si>
  <si>
    <t>【江苏红光】热电阻\WZP2-440K\L×l=400×200mm\φ16</t>
  </si>
  <si>
    <t>【江苏红光】热电阻\WZP2-JXB\L×l=32000×70mm\φ8\M8×0.75</t>
  </si>
  <si>
    <t>【江苏红光】热电阻\WZP2M-201\双支\L=38mm\φ5\M10×1\dllBT4</t>
  </si>
  <si>
    <t>【江苏红光】热电阻\WZPK-208\L×l=10000×160mm\φ8\M8×0.75</t>
  </si>
  <si>
    <t>【江苏红光】热电阻\WZPK2-180T\L×l=3000×60mm\φ5\M8×0.75</t>
  </si>
  <si>
    <t>【江苏红光】热电阻\WZPK2-236\双支\L=450mm\φ6\M16×1.5</t>
  </si>
  <si>
    <t>【江苏红光】热电阻\WZPK2-236S\双支\l=250mm\φ6\M16×1.5</t>
  </si>
  <si>
    <t>【江苏红光】热电阻\WZPK2-236S\L=4000mm\φ6\M16×1.5</t>
  </si>
  <si>
    <t>【江苏红光】热电阻\WZPK2-238S\L=300mm\φ8\M12×1.5\非防爆型</t>
  </si>
  <si>
    <t>【祥龙】绿茶(一级芽茶)\250g/盒</t>
  </si>
  <si>
    <t>【祥龙】红茶(一级芽茶)\250g/盒</t>
  </si>
  <si>
    <t>【VOITH】补气阀\2422-013414</t>
  </si>
  <si>
    <t>上海福伊特水电设备有限公司</t>
  </si>
  <si>
    <t>VOITH</t>
  </si>
  <si>
    <t>WZSCCG-2020-BJ-1102</t>
  </si>
  <si>
    <t>国家能源e购商城2020年度福伊特主机备品备件铺货采购合同</t>
  </si>
  <si>
    <t>【VOITH】波纹管\DN=300mm,PN=0.6Mpa\2422-006220</t>
  </si>
  <si>
    <t>【VOITH】波纹管\DN=350mm,PN=0.6Mpa\2422-014945</t>
  </si>
  <si>
    <t>【VOITH】消音器\GZF(Q):6.7m3/s\2422-014950</t>
  </si>
  <si>
    <t>【VOITH】轴套\FZ-6A\D290×D280×100\DG040621312</t>
  </si>
  <si>
    <t>【VOITH】活塞导向环\F01\φ680×φ675×15\DG040621357</t>
  </si>
  <si>
    <t>【VOITH】节流片\DG040621351</t>
  </si>
  <si>
    <t>【VOITH】O型密封圈\D109×5.3\DG040621350</t>
  </si>
  <si>
    <t>【VOITH】O型密封圈\D700×7\DG040621313</t>
  </si>
  <si>
    <t>【VOITH】防尘圈\DG040621234</t>
  </si>
  <si>
    <t>【VOITH】活塞杆密封\S03-P\d=280mm,D=300mm,H=14.6mm\DG040621233</t>
  </si>
  <si>
    <t>【VOITH】组合活塞密封\K08-D\D680\DG040621230</t>
  </si>
  <si>
    <t>【VOITH】轴套\D310×D300×D260\2422-013146</t>
  </si>
  <si>
    <t>【VOITH】活动导叶\TDS4090-38201e\ASTMA743,GradeCA-6NM\2422-013080</t>
  </si>
  <si>
    <t>【VOITH】剪断销\42CrMo(Q+T) TDS4090-30508e\2422-013101</t>
  </si>
  <si>
    <t>【VOITH】内螺纹锥销\4090-38508E\50×240\42CrMo(Q+T)\2422-013104</t>
  </si>
  <si>
    <t>【VOITH】锥销销套\4090-38508E\42CrMo(Q+T)\2422-013105</t>
  </si>
  <si>
    <t>【VOITH】销套座\TDS4090-38414E\2422-013106</t>
  </si>
  <si>
    <t>【VOITH】轴套\2422-013097</t>
  </si>
  <si>
    <t>【VOITH】摩擦环\2422-013100</t>
  </si>
  <si>
    <t>【VOITH】双头螺柱\M48×620\2422-013095</t>
  </si>
  <si>
    <t>【VOITH】圆螺母\M48\2442-002307</t>
  </si>
  <si>
    <t>【VOITH】导叶上轴套\Dia365\2422-013086</t>
  </si>
  <si>
    <t>【VOITH】导叶中轴套\Dia370\2422-013091</t>
  </si>
  <si>
    <t>【VOITH】导叶下轴套\Dia370\2422-013093</t>
  </si>
  <si>
    <t>【VOITH】导叶套筒止推环\2422-013087</t>
  </si>
  <si>
    <t>【VOITH】压板止推环\2422-013089</t>
  </si>
  <si>
    <t>【VOITH】密封条\SO3-P\360×380×15\DG040204017</t>
  </si>
  <si>
    <t>【VOITH】轴颈密封环\d=452mm,D=389mm\2422-013092-sh1</t>
  </si>
  <si>
    <t>【VOITH】调整片\Thickness:6mm\2422-013094</t>
  </si>
  <si>
    <t>【VOITH】端面密封铜条\d=667mm,D=644mm\2422-013195</t>
  </si>
  <si>
    <t>【VOITH】端面密封条\700mm\2422-013194</t>
  </si>
  <si>
    <t>【VOITH】底环固定止漏环\2422-013198</t>
  </si>
  <si>
    <t>【VOITH】顶盖固定止漏环\2422-013159</t>
  </si>
  <si>
    <t>【VOITH】端面密封铜条\d=636mm,D=614mm\2422-014899</t>
  </si>
  <si>
    <t>【VOITH】端面密封条\650MM\2422-014900</t>
  </si>
  <si>
    <t>【VOITH】尼龙限位块\2422-013191</t>
  </si>
  <si>
    <t>【VOITH】充气式检修密封\2422-013311</t>
  </si>
  <si>
    <t>【VOITH】三通球阀\Q11F-16P\DN15\SHE.773033</t>
  </si>
  <si>
    <t>【VOITH】圆螺母\M72×6\2422-013154</t>
  </si>
  <si>
    <t>【VOITH】衬套\D310×D300×D260\2422-013124</t>
  </si>
  <si>
    <t>【VOITH】衬套\D126×D120×D135\2422-013125</t>
  </si>
  <si>
    <t>【VOITH】控制环径向轴承\2422-013136</t>
  </si>
  <si>
    <t>【VOITH】控制环轴向轴承\2422-013137</t>
  </si>
  <si>
    <t>【VOITH】水导轴承瓦\2422-013378</t>
  </si>
  <si>
    <t>【VOITH】推力块\2422-013380</t>
  </si>
  <si>
    <t>【VOITH】导轴瓦调整套\Dia19×2.5\2422-013381</t>
  </si>
  <si>
    <t>【VOITH】锲键\2422-013379</t>
  </si>
  <si>
    <t>【VOITH】螺母\M12,8G\SHE.720016</t>
  </si>
  <si>
    <t>【VOITH】螺杆\M12×165\2422-013382</t>
  </si>
  <si>
    <t>【VOITH】空气过滤器\DG070102023</t>
  </si>
  <si>
    <t>【VOITH】联接螺栓\TDS4090-38508e\M80×6\2422-012955</t>
  </si>
  <si>
    <t>【VOITH】联接螺柱\TDS4090-38508e\M100×6\2422-012958</t>
  </si>
  <si>
    <t>【VOITH】剪力销套\TDS4090-38508e\Dia210×240\2422-012950</t>
  </si>
  <si>
    <t>【VOITH】球阀\DG030131019</t>
  </si>
  <si>
    <t>【VOITH】滑环\Dia3275mm\2422-013295</t>
  </si>
  <si>
    <t>【VOITH（德国）】嵌入密封环\Dia3275mm\2422-013294</t>
  </si>
  <si>
    <t>VOITH（德国）</t>
  </si>
  <si>
    <t>【VOITH】压缩弹簧\SHE.791177</t>
  </si>
  <si>
    <t>【VOITH】弹簧螺塞\2422-013296</t>
  </si>
  <si>
    <t>【VOITH】双滤器\110×390,DN65\DG050143038</t>
  </si>
  <si>
    <t>【VOITH】双滤器滤芯\DG050143038(LX)</t>
  </si>
  <si>
    <t>【VOITH】旋流器\D=60\2422-009870</t>
  </si>
  <si>
    <t>【VOITH】自动滤水器\HF30-02LPE\2422-013312</t>
  </si>
  <si>
    <t>【爱科】爱科密封\ON033\DG111101104</t>
  </si>
  <si>
    <t>爱科</t>
  </si>
  <si>
    <t>【VOITH】密封条\φ10\SHE.760004</t>
  </si>
  <si>
    <t>【VOITH】爱科密封\VN01435 V13\DG111101501</t>
  </si>
  <si>
    <t>【VOITH】格来圈\R09-F\150×161×4.2\DG111121130</t>
  </si>
  <si>
    <t>【VOITH】防尘圈\A04-B\150×165×6.5\13\DG111121129</t>
  </si>
  <si>
    <t>【VOITH】节流片\DG111121127</t>
  </si>
  <si>
    <t>【VOITH】O形圈\R13\φ117×6.5\DG111121124</t>
  </si>
  <si>
    <t>【VOITH】O形圈\R13\φ177×5.0\DG111121120</t>
  </si>
  <si>
    <t>【VOITH】O形圈\φ190×3.55\DG111121117</t>
  </si>
  <si>
    <t>【VOITH】导向环\F01\375×380×15\DG111121108</t>
  </si>
  <si>
    <t>【VOITH】活塞组合密封\K08D\380×355.8×8.1\DG111121107</t>
  </si>
  <si>
    <t>【VOITH】O形圈\R13\φ366.6×8\DG111121105</t>
  </si>
  <si>
    <t>【VOITH】O形圈\R13\φ58×5\DG111121102</t>
  </si>
  <si>
    <t>【VOITH】磁翻转液位计\BNA-25/16-MG-M800-V60-MRA/SG-4/MA-ZTSS200</t>
  </si>
  <si>
    <t>【VOITH】先导溢流阀\DBW-20-B-2-5X/100-G220-N\DG060802013</t>
  </si>
  <si>
    <t>【VOITH】空气过滤器\ELFP7F10W1.X\2422-013502</t>
  </si>
  <si>
    <t>【上海西德福】液位计\SNA254B-S-T-12</t>
  </si>
  <si>
    <t>上海西德福</t>
  </si>
  <si>
    <t>【VOITH】直动式溢流阀\Rexroth，MEX61 AA701\DBDS 10 K1X/315P200\2422-013509-02</t>
  </si>
  <si>
    <t>【VOITH】液控单向阀\Rexroth,MEX61 AA042\SL 30 PB1-4X\2422-013509-03</t>
  </si>
  <si>
    <t>【VOITH】板式球阀\HYDAC,MEX61 AA011\KHP-16-1312-AG-G620.175195\2422-013509-04</t>
  </si>
  <si>
    <t>【VOITH】板式球阀\HYDAC,MEX61 AA401\KHP-16-1312-06X-SO770620.175194\2422-013509-05</t>
  </si>
  <si>
    <t>【VOITH】磁翻板液位计\KUEBLER,UTN-65/16-MG-L580/M400-V60X2-MRA/SG-4/MA-ZTSS150</t>
  </si>
  <si>
    <t>【上海西德福】液位计\STAUFF,SNA127B-S-T-12</t>
  </si>
  <si>
    <t>【力士乐】插装阀\Rexroth,MEX60 AA018\LFA 63 H2-7X/F</t>
  </si>
  <si>
    <t>力士乐</t>
  </si>
  <si>
    <t>【力士乐】插装阀\Rexroth,MEX60 AA020\LFA 63 D-7X/F</t>
  </si>
  <si>
    <t>【VOITH】电磁换向阀\Rexroth,MEX60 AA030\5-4WE10M3X/CG24N9K4QSABG24W/A12</t>
  </si>
  <si>
    <t>【VOITH】梭阀\Rexroth,MEX60 AA035\LG 10 S-2X/BG\2422-013508-06</t>
  </si>
  <si>
    <t>【力士乐】电磁换向阀\Rexroth,MEX60 AA040\WE10D73-5X/EG24N9K4/M</t>
  </si>
  <si>
    <t>【VOITH】板式球阀\HYDAC,MEX60 AA110\KHP-25-1312-AG-G\2422-013508-10</t>
  </si>
  <si>
    <t>【VOITH】板式球阀\HYDAC,MEX60 AA051\KHP-16-1312-AG-G620.175195\2422-013508-08</t>
  </si>
  <si>
    <t>【VOITH】单向阀\Rexroth,MEX60 AA061\M-SR 25 KE02-1X/\2422-013508-11</t>
  </si>
  <si>
    <t>【VOITH】紧急关闭阀\VHH,MEX60 AA061\2422-013508-13</t>
  </si>
  <si>
    <t>【VOITH】磁翻转液位计\BNA-25/64-MA-M1800-V65X3.5-MRA/SG-6/MA-ZTSS200</t>
  </si>
  <si>
    <t>【VOITH】Y型过滤器\IG-G3/4\DG060851020</t>
  </si>
  <si>
    <t>【VOITH】空气安全阀\A21Y-100 DN25\DG060851004</t>
  </si>
  <si>
    <t>【VOITH】同步分流器\MEX60 AP100\DG060917001</t>
  </si>
  <si>
    <t>【FLYGT】潜水泵\SST\DG041145002</t>
  </si>
  <si>
    <t>FLYGT</t>
  </si>
  <si>
    <t>【VOITH】活塞杆密封\Rod seal S1012-T 540X580X63 SKF ECOMID/H-ECOPUR/XH-ECOPUR\DG100144024</t>
  </si>
  <si>
    <t>【力士乐】比例伺服阀\4WREE 6 V32-24/G24K31/F1V</t>
  </si>
  <si>
    <t>【VOITH】接力器全开位置反馈装置\DGS-YJL380-11-01</t>
  </si>
  <si>
    <t>【VOITH】活塞杆密封\S03-P\18×10×6.3\DGS-YJL380-11-02</t>
  </si>
  <si>
    <t>【VOITH】反馈杆\DGS-YJL380-11-03</t>
  </si>
  <si>
    <t>【VOITH】防尘圈\A01\10×18×4/7\DGS-YJL380-11-04</t>
  </si>
  <si>
    <t>【VOITH】密封挡环\H62\DGS-YJL380-11-05</t>
  </si>
  <si>
    <t>【VOITH】防尘圈\A01\φ280×φ295×8.5/13\DGS-YJL680(JX)-00-01</t>
  </si>
  <si>
    <t>【VOITH】活塞杆用密封圈\φ280×φ300×14\DGS-YJL680(JX)-00-02</t>
  </si>
  <si>
    <t>【VOITH】导向环\F01\φ680×φ674×25\DGS-YJL680(JX)-00-03</t>
  </si>
  <si>
    <t>【VOITH】孔用方型圈\K08D\φ680×φ652×9.5\DGS-YJL680(JX)-00-07</t>
  </si>
  <si>
    <t>【VOITH】O型圈\φ285×5.7\DGS-YJL680(JX)-00-04</t>
  </si>
  <si>
    <t>【VOITH】O型圈\φ109×5.3\DGS-YJL680(JX)-00-05</t>
  </si>
  <si>
    <t>【VOITH】O型圈\φ700×7\DGS-YJL680(JX)-00-06</t>
  </si>
  <si>
    <t>【VOITH】O型圈\φ40×3.1\DGS-YJL680(JX)-00-08</t>
  </si>
  <si>
    <t>【VOITH】导向环\F01\φ40×φ37×5.6\DGS-YJL680(JX)-00-09</t>
  </si>
  <si>
    <t>【VOITH】孔用方型圈\K08D\φ40×φ29×4.2\DGS-YJL680(JX)-00-10</t>
  </si>
  <si>
    <t>【VOITH】导向环\φ25×φ28×4\DGS-YJL680(JX)-00-11</t>
  </si>
  <si>
    <t>【VOITH】活塞杆用密封圈\φ25×φ35.7×4.2\DGS-YJL680(JX)-00-12</t>
  </si>
  <si>
    <t>【VOITH】防尘圈\A11\φ33×φ25×5/8\DGS-YJL680(JX)-00-13</t>
  </si>
  <si>
    <t>【VOITH】组合密封垫\φ33\DGS-YJL680(JX)-00-14</t>
  </si>
  <si>
    <t>【VOITH】自润滑轴套\FZ-6A\φ310×φ300h8×260\DGS-YJL680(JX)-00-15</t>
  </si>
  <si>
    <t>WZSCCG-2020-BJ-2038</t>
  </si>
  <si>
    <t>沈阳欧福斯机电设备有限公司</t>
  </si>
  <si>
    <t>【美国马丁】一级清扫器\XHD35899-6611T\钢材、聚氨酯</t>
  </si>
  <si>
    <t>【美国马丁】一级清扫器\XHD35899-4211T\钢材、聚氨酯</t>
  </si>
  <si>
    <t>【美国马丁】一道清扫器\XHD-QC#1\钢材、聚氨酯</t>
  </si>
  <si>
    <t>【美国马丁】清扫器\XHDQC1#8411\钢材、聚氨酯</t>
  </si>
  <si>
    <t>【美国马丁】清扫器\XHDQC1#9011\钢材、聚氨酯</t>
  </si>
  <si>
    <t>【美国马丁】清扫器刀头\XHD35897-9011\聚氨酯</t>
  </si>
  <si>
    <t>【美国马丁】重型一级清扫器刀片\QC#1XHD\聚氨酯</t>
  </si>
  <si>
    <t>【美国马丁】清扫器\XHDQC1\钢材、聚氨酯</t>
  </si>
  <si>
    <t>【美国马丁】一级清扫器\XHDQC#135899-4811T\钢材、聚氨酯</t>
  </si>
  <si>
    <t>【美国马丁】重型一级清扫器\XHDQC#1\钢材、聚氨酯</t>
  </si>
  <si>
    <t>【美国马丁】重型一级清扫器\XHDQC#135899-541142T\钢材、聚氨酯</t>
  </si>
  <si>
    <t>【美国马丁】重型一级清扫器刀片\XHDQC1#\聚氨酯</t>
  </si>
  <si>
    <t>【美国马丁】重型一级清扫器刀片\XHDQC#1\聚氨酯</t>
  </si>
  <si>
    <t>【美国马丁】一级清扫器刀片\ADXHD-1400QC#1\聚氨酯</t>
  </si>
  <si>
    <t>【美国马丁】一级清扫器刀片\ADXHD-1800QC#1\聚氨酯</t>
  </si>
  <si>
    <t>【美国马丁】一级清扫器刀片\ADXHD-2250\聚氨酯</t>
  </si>
  <si>
    <t>【美国马丁】上调偏托辊组\XHDTII-S-1400\钢材</t>
  </si>
  <si>
    <t>【美国马丁】下调偏托辊组\XHDTII-X-1400\钢材</t>
  </si>
  <si>
    <t>【美国马丁】一级清扫器\XHD-35899-7811T\钢材、聚氨酯</t>
  </si>
  <si>
    <t>【美国马丁】上调偏托辊组\XHDTII-S\钢材</t>
  </si>
  <si>
    <t>【美国马丁】下调偏托辊组\XHDTII-X\钢材</t>
  </si>
  <si>
    <t>【美国马丁】除水清扫器\H204001-5411\钢材、软基聚氨酯</t>
  </si>
  <si>
    <t>【美国马丁】一字空段清扫器\Martin26226-60U\钢材、聚氨酯</t>
  </si>
  <si>
    <t>【美国马丁】重型一级清扫器\MartinXHDQC1#6011\钢材、聚氨酯</t>
  </si>
  <si>
    <t>【美国马丁】重型二级清扫器\MartinSC16-60\钢材、橡胶、碳化钨</t>
  </si>
  <si>
    <t>【美国马丁】重型二级清扫器刀片\SQC2-60D53MRPTO\钢材、橡胶、碳化钨</t>
  </si>
  <si>
    <t>【美国马丁】二级清扫器\SQC2-60D53MRPTO\钢材、橡胶、碳化钨</t>
  </si>
  <si>
    <t>【宣恩土特产】乌鸡蛋\36个</t>
  </si>
  <si>
    <t>宣恩土特产</t>
  </si>
  <si>
    <t>GNWZBP(TH)ZECG2020-031</t>
  </si>
  <si>
    <t>2020年度北京配送宣恩县硒土豆等土特产品商城铺货长协采购框架合同</t>
  </si>
  <si>
    <t>【宣恩土特产】土鸡蛋\30个</t>
  </si>
  <si>
    <t>【宣恩土特产】恩施硒土豆\2500g</t>
  </si>
  <si>
    <t>【宣恩】糍粑\2500g</t>
  </si>
  <si>
    <t>宣恩</t>
  </si>
  <si>
    <t>GNWZBP(TH)ZECG2020-030</t>
  </si>
  <si>
    <t>2020年度北京配送宣恩县蕨根粉等土特产品商城铺货长协采购框架合同</t>
  </si>
  <si>
    <t>【宣恩】五台粽子\5个</t>
  </si>
  <si>
    <t>【宣恩土蜂蜜】土蜂蜜\500g</t>
  </si>
  <si>
    <t>宣恩土蜂蜜</t>
  </si>
  <si>
    <t>【野生蕨根粉】野生蕨根粉\500g</t>
  </si>
  <si>
    <t>野生蕨根粉</t>
  </si>
  <si>
    <t>【野生蕨根粉】野生蕨根粉\1000g</t>
  </si>
  <si>
    <t>【燕妮】夏-男短袖衬衣\XS-4XL\全棉 100/2*100/2/160*90</t>
  </si>
  <si>
    <t>大同燕妮服装公司</t>
  </si>
  <si>
    <t>益众</t>
  </si>
  <si>
    <t>WZSCCG-2020-BJ-2091</t>
  </si>
  <si>
    <t>国家能源e购商城益众工装长协采购铺货采购合同（原协议拆分）</t>
  </si>
  <si>
    <t>【燕妮】男夏装西裤\XS-4XL\主面料：100/2*100/2，70%毛，30%涤</t>
  </si>
  <si>
    <t>【燕妮】男有领短袖T恤衫\XS-4XL\100%棉，克重200克-250克</t>
  </si>
  <si>
    <t>【燕妮】男圆领短袖T恤衫\XS-4XL\100%棉，克重160克-170克</t>
  </si>
  <si>
    <t>【燕妮】女短袖衬衣\XS-4XL\全棉 100/2*100/2/160*90</t>
  </si>
  <si>
    <t>【燕妮】女夏装西裤\XS-4XL\主面料：100/2*100/2，70%毛，30%涤</t>
  </si>
  <si>
    <t>【燕妮】女夏装裙\XS-4XL\主面料：100/2*100/2，70%毛，30%涤</t>
  </si>
  <si>
    <t>【燕妮】女有领短袖T恤衫\XS-4XL\100%棉克重200克-250克</t>
  </si>
  <si>
    <t>【燕妮】女圆领短袖T恤衫\XS-4XL\100%棉，克重160克-170克</t>
  </si>
  <si>
    <t>【燕妮】男式领带\100%涤</t>
  </si>
  <si>
    <t>【燕妮】女式领带\100%涤</t>
  </si>
  <si>
    <t>【燕妮】丝巾\100%桑蚕丝</t>
  </si>
  <si>
    <t>【燕妮】男长袖衬衣\XS-4XL\主面料：100%纯棉，80/2*82/2/136*76斜纹</t>
  </si>
  <si>
    <t>【燕妮】男长袖衬衣\XS-4XL\主面料：100%纯棉；纱织：100/2*100/2，160*110。</t>
  </si>
  <si>
    <t>【燕妮】男夹克工作服套装(含裤子)\XS-4XL\主面料：100%纯棉60/2*60/2/144*76，辅料：32*32/130*70</t>
  </si>
  <si>
    <t>【燕妮】男夹克工作服套装(含裤子)\XS-4XL\主面料：100%纯棉；纱织：32*32，130*70。</t>
  </si>
  <si>
    <t>【燕妮】男防寒风衣\XS-4XL\主面料：全棉60/2*60/2/144*76，辅料：40*40/133*72，内胆填充物：棉</t>
  </si>
  <si>
    <t>【燕妮】男防寒风衣\XS-4XL\主面料：全棉60/2*60/2/144*76，辅料：40*40/133*72，内胆填充物：羽绒</t>
  </si>
  <si>
    <t>【燕妮】女长袖衬衣\XS-4XL\主面料：100%纯棉，80/2*82/2/136*76斜纹</t>
  </si>
  <si>
    <t>【燕妮】女长袖衬衣\XS-4XL\主面料：100%纯棉；纱织：100/2*100/2，160*110。</t>
  </si>
  <si>
    <t>【燕妮】女夹克工作服套装(含裤子)\XS-4XL\主面料：100%纯棉60/2*60/2/144*76，辅料：32*32/130*70，</t>
  </si>
  <si>
    <t>【燕妮】女夹克工作服套装(含裤子)\XS-4XL\主面料：100%纯棉；纱织：32*32，130*70。</t>
  </si>
  <si>
    <t>【燕妮】女防寒风衣\XS-4XL\主面料：全棉60/2*60/2/144*76，辅料：40*40/133*72，内胆填充物：棉</t>
  </si>
  <si>
    <t>【燕妮】女防寒风衣\XS-4XL\主面料：全棉60/2*60/2/144*76，辅料：40*40/133*72，内胆填充物：羽绒</t>
  </si>
  <si>
    <t>【燕妮】男女工套装(上衣+裤子)\XS-4XL\全棉60/2*60/2/144*76</t>
  </si>
  <si>
    <t>【燕妮】男女工套装(上衣+裤子)\XS-4XL\主面料：全棉32*10/156*60，辅料：全棉40*40/133*72</t>
  </si>
  <si>
    <t>【燕妮】春秋连体服\XS-4XL\全棉细帆布21/2*10/72*40</t>
  </si>
  <si>
    <t>【燕妮】春秋牛仔连体服\XS-4XL\16+150+40，73%棉，27%涤，3%氨纶</t>
  </si>
  <si>
    <t>【燕妮】棉连体服\XS-4XL\主面料：100%纯棉，辅料：涤塔夫3M棉花内胆</t>
  </si>
  <si>
    <t>【燕妮】牛仔秋装套装(上衣+裤子)\XS-4XL\主面料：32/2*10/108*58全棉斜纹,辅料：40*40/133*72的全棉格子布</t>
  </si>
  <si>
    <t>【燕妮】牛仔夏装套装(上衣+裤子)\XS-4XL\40/2*40/2/108*58全棉斜纹</t>
  </si>
  <si>
    <t>【燕妮】焊工服套装(上衣+裤子)\XS-4XL\21/2*10/72*40,100%棉防阻燃耐磨细帆布</t>
  </si>
  <si>
    <t>【燕妮】酸碱服、防静电套装(上衣+裤子)\XS-4XL\150D*300D,100%T</t>
  </si>
  <si>
    <t>【东芝】上层普通线棒\G202045S1\2.1×6.9/2.3×7.1</t>
  </si>
  <si>
    <t>东芝水电设备(杭州)有限公司</t>
  </si>
  <si>
    <t>东芝</t>
  </si>
  <si>
    <t>WZSCCG-2020-BJ-1103</t>
  </si>
  <si>
    <t>国家能源e购商城2020年度东芝主机备品备件铺货采购合同</t>
  </si>
  <si>
    <t>【东芝】上层短跨线棒\G202045S2\2.1×6.9/2.3×7.1</t>
  </si>
  <si>
    <t>【东芝】上层极间线棒\G202045S3\2.1×6.9/2.3×7.1</t>
  </si>
  <si>
    <t>【东芝】上层极间线棒\G202045S4\2.1×6.9/2.3×7.1</t>
  </si>
  <si>
    <t>【东芝】上层引出线棒\G202045S5\2.1×6.9/2.3×7.1</t>
  </si>
  <si>
    <t>【东芝】下层普通线棒\G202045S6\3.2×6.9/3.4×7.1</t>
  </si>
  <si>
    <t>【东芝】下层短跨线棒\G202045S7\3.2×6.9/3.4×7.1</t>
  </si>
  <si>
    <t>【东芝】下层极间线棒\G202045S8\3.2×6.9/3.4×7.1</t>
  </si>
  <si>
    <t>【东芝】下层极间线棒\G202045S9\3.2×6.9/3.4×7.1</t>
  </si>
  <si>
    <t>【东芝】下层引出线棒\G202045S10\3.2×6.9/3.4×7.1</t>
  </si>
  <si>
    <t>【东芝】绝缘盒\G202494P1</t>
  </si>
  <si>
    <t>【东芝】绝缘盒\G202494P2</t>
  </si>
  <si>
    <t>【东芝】绝缘盒\G202494P3</t>
  </si>
  <si>
    <t>【东芝】槽楔装配\G202494P5</t>
  </si>
  <si>
    <t>【东芝】斜并头连接片\G202494P6\t12×100×170</t>
  </si>
  <si>
    <t>【东芝】连接片\G202494P7\t12×100×147.3</t>
  </si>
  <si>
    <t>【东芝】斜边垫块\G202494P8\t8×70×65</t>
  </si>
  <si>
    <t>【东芝】调整垫\G202494P9\t0.5×70×65</t>
  </si>
  <si>
    <t>【东芝】适形材料\G202494P10\t3×160×80</t>
  </si>
  <si>
    <t>【东芝】涤波管\G202494P11\φ8/φ7</t>
  </si>
  <si>
    <t>【东芝】止沉块\G202494P12\t5×260×133</t>
  </si>
  <si>
    <t>【东芝】层间垫条\G202494P13\t5×23×1650</t>
  </si>
  <si>
    <t>【东芝】槽底垫条\G202494P14\t2.5×24×1710</t>
  </si>
  <si>
    <t>【东芝】楔下垫条\G202494P15\t0.5×23×1670</t>
  </si>
  <si>
    <t>【东芝】楔下垫条\G202494P16\t0.8×23×1670</t>
  </si>
  <si>
    <t>【东芝】楔下垫条\G202494P17\t0.5×23×1670</t>
  </si>
  <si>
    <t>【东芝】侧间垫条\G202494P18\t0.2×62×250</t>
  </si>
  <si>
    <t>【东芝】侧间垫条\G202494P19\t0.25×62×250</t>
  </si>
  <si>
    <t>【东芝】侧间垫条\G202494P20\t0.3×62×250</t>
  </si>
  <si>
    <t>【东芝】侧间垫条\G202494P21\t0.35×62×250</t>
  </si>
  <si>
    <t>【东芝】侧间垫条\G202494P22\t0.4×62×250</t>
  </si>
  <si>
    <t>【东芝】侧间垫条\G202494P23\t0.45×62×250</t>
  </si>
  <si>
    <t>【东芝】侧间垫条\G202494P24\t0.5×62×250</t>
  </si>
  <si>
    <t>【东芝】银焊片\G202494P25\t0.35×45×49</t>
  </si>
  <si>
    <t>【东芝】银焊条\G202494P26</t>
  </si>
  <si>
    <t>【东芝】涤波管\G202494P31\φ4/φ3.2</t>
  </si>
  <si>
    <t>【东芝】楔下垫条\G202494P32\t0.25×23×1670</t>
  </si>
  <si>
    <t>【东芝】楔下垫条\G202494P33\t0.13×23×1670</t>
  </si>
  <si>
    <t>【东芝】磁极键\G404078P1/P2</t>
  </si>
  <si>
    <t>【东芝】磁极键止动板\G404078P3\t16</t>
  </si>
  <si>
    <t>【东芝】止动垫片\G404078P5\t1.0,A=35\SPCC-SD</t>
  </si>
  <si>
    <t>【东芝】T形键\G404079P1</t>
  </si>
  <si>
    <t>【东芝】楔形键\G404079P2</t>
  </si>
  <si>
    <t>【东芝】打入键\G404079P3/P4</t>
  </si>
  <si>
    <t>【东芝】磁轭键止动板\G404079P5</t>
  </si>
  <si>
    <t>【东芝】扭矩键\G404080P1</t>
  </si>
  <si>
    <t>【东芝】楔形键\G404080P2/P3</t>
  </si>
  <si>
    <t>【东芝】压板\G404080P4</t>
  </si>
  <si>
    <t>【东芝】止动垫片\G404080P6\t1.0\SPCC-SD</t>
  </si>
  <si>
    <t>【东芝】层间测温垫条\G202493P1</t>
  </si>
  <si>
    <t>【东芝】槽底测温垫条\G202493P2</t>
  </si>
  <si>
    <t>【东芝】无碱玻璃丝带\G202493P4\t0.1×25</t>
  </si>
  <si>
    <t>【东芝】绝缘纸\G202493P5\t0.5×20</t>
  </si>
  <si>
    <t>【东芝】丙烯酸脂玻璃纤维漆管\G202493P7\φ5/φ6×25</t>
  </si>
  <si>
    <t>【东芝】粉云母带\G202493P8\D615/t0.15×25</t>
  </si>
  <si>
    <t>【东芝】铜接线管\G202493P9\φ2.8/φ5×15</t>
  </si>
  <si>
    <t>【东芝】支撑架\G202493P10\φ10×167</t>
  </si>
  <si>
    <t>【东芝】N极线圈\G202011C1</t>
  </si>
  <si>
    <t>【东芝】S极线圈\G202011C2</t>
  </si>
  <si>
    <t>【东芝】上绝缘法兰\G403298</t>
  </si>
  <si>
    <t>【东芝】下绝缘法兰\G403299</t>
  </si>
  <si>
    <t>【东芝】极身绝缘\G505219P1\t3.0×210×355</t>
  </si>
  <si>
    <t>【东芝】极身绝缘\G505219P2\t3.0×210×1647</t>
  </si>
  <si>
    <t>【东芝】连接片\G100176P1\t5×90\T21/2H</t>
  </si>
  <si>
    <t>【东芝】励磁铜排\G100176P2\t10×90\T21/2H</t>
  </si>
  <si>
    <t>【东芝】励磁铜排\G100176P3\t10×90\T21/2H</t>
  </si>
  <si>
    <t>【东芝】励磁铜排\G100176P4\t10×90\T21/2H</t>
  </si>
  <si>
    <t>【东芝】软连接铜排\G100176P5\t1.0×90</t>
  </si>
  <si>
    <t>【东芝】励磁铜排\G100176P6\t10×90\T21/2H</t>
  </si>
  <si>
    <t>【东芝】励磁铜排\G100176P7\t10×90\T21/2H</t>
  </si>
  <si>
    <t>【东芝】励磁铜排\G100176P8\t10×90\T21/2H</t>
  </si>
  <si>
    <t>【东芝】励磁铜排\G100176P9\t10×90\T21/2H</t>
  </si>
  <si>
    <t>【东芝】励磁铜排\G100176P10\t10×90\T21/2H</t>
  </si>
  <si>
    <t>【东芝】软连接铜排\G100176P11\t1.0×90</t>
  </si>
  <si>
    <t>【东芝】励磁铜排\G100176P12\t10×90\T21/2H</t>
  </si>
  <si>
    <t>【东芝】直板形连接铜排\G100176P13\t5×90</t>
  </si>
  <si>
    <t>【东芝】阻尼环连接片\G100176P14\t1.0×38</t>
  </si>
  <si>
    <t>【东芝】极间上部连接片\G100176P15\t0.5×110</t>
  </si>
  <si>
    <t>【东芝】极间上部连接片\G100176P16\t0.5×110</t>
  </si>
  <si>
    <t>【东芝】极间下部连铜排\G100176P17\t10\T21/2H</t>
  </si>
  <si>
    <t>【东芝】绝缘块\G100176P18\B=60,L=90,H=59.5</t>
  </si>
  <si>
    <t>【东芝】绝缘块\G100176P19\B=60,L=90,H=80</t>
  </si>
  <si>
    <t>【东芝】绝缘块\G100176P20\B=60,L=90,H=25</t>
  </si>
  <si>
    <t>【东芝】绝缘块\G100176P21\B=60,L=85,H=25</t>
  </si>
  <si>
    <t>【东芝】绝缘块\G100176P22\B=60,L=80,H=25</t>
  </si>
  <si>
    <t>【东芝】引线压板\G100176P23\A=41,B=60,L=97</t>
  </si>
  <si>
    <t>【东芝】引线压板\G100176P24\A=43.5,B=70,L=102</t>
  </si>
  <si>
    <t>【东芝】引线压板\G100176P25\A=46,B=60,L=107</t>
  </si>
  <si>
    <t>【东芝】引线压板\G100176P26\A=46,B=70,L=7</t>
  </si>
  <si>
    <t>【东芝】引线座\G100176P27\B=70,L=90,H=30</t>
  </si>
  <si>
    <t>【东芝】引线座\G100176P28\B=70,L=90,H=35</t>
  </si>
  <si>
    <t>【东芝】绝缘套管\G100176P29\L=50</t>
  </si>
  <si>
    <t>【东芝】绝缘套管\G100176P30\L=57.5</t>
  </si>
  <si>
    <t>【东芝】绝缘套管\G100176P31\L=60</t>
  </si>
  <si>
    <t>【东芝】绝缘套管\G100176P32\L=94.5</t>
  </si>
  <si>
    <t>【东芝】绝缘套管\G100176P33\L=105</t>
  </si>
  <si>
    <t>【东芝】引线夹\G100176P34</t>
  </si>
  <si>
    <t>【东芝】引线夹\G100176P35</t>
  </si>
  <si>
    <t>【东芝】引线夹\G100176P36</t>
  </si>
  <si>
    <t>【东芝】引线夹\G100176P37</t>
  </si>
  <si>
    <t>【东芝】平垫圈\G100176P50\t4</t>
  </si>
  <si>
    <t>【东芝】止动垫片\G100176P52\t1.0,A=40\SPCC-SD</t>
  </si>
  <si>
    <t>【东芝】止动垫片\G100176P53\t1.0,A=50\SPCC-SD</t>
  </si>
  <si>
    <t>【东芝】止动垫片\G100176P54\t1.0,A=68\SPCC-SD</t>
  </si>
  <si>
    <t>【东芝】止动垫片\G100176P55\t1.0,A=35\SPCC-SD</t>
  </si>
  <si>
    <t>【东芝】止动垫片\G100176P56\t1.0,A=66\SPCC-SD</t>
  </si>
  <si>
    <t>【东芝】止动垫片\G100176P57\t1.0,A=70\SPCC-SD</t>
  </si>
  <si>
    <t>【东芝】止动垫片\G100176P58\t1.0,A=60\SPCC-SD</t>
  </si>
  <si>
    <t>【东芝】无碱玻璃纤维绳\G100176P59\φ3</t>
  </si>
  <si>
    <t>【东芝】密封胶\G100176P61</t>
  </si>
  <si>
    <t>【东芝】环氧胶\G100176P62/P63</t>
  </si>
  <si>
    <t>【东芝】绝缘漆\G100176P64</t>
  </si>
  <si>
    <t>【东芝】励磁铜排\G100176P67\t10×90\T21/2H</t>
  </si>
  <si>
    <t>【东芝】止动垫片\G403961P5\t1.0\SPCC-SD</t>
  </si>
  <si>
    <t>【东芝】绝缘垫圈\G403225P2\φ80/φ24×18</t>
  </si>
  <si>
    <t>【东芝】绝缘垫圈\G403225P3\φ60/φ24×40</t>
  </si>
  <si>
    <t>【东芝】绝缘套管\G403225P4\L=125</t>
  </si>
  <si>
    <t>【东芝】平垫圈\G403225P6\t4</t>
  </si>
  <si>
    <t>【东芝】励磁铜排\G303141P1\t12.5\T21/2H</t>
  </si>
  <si>
    <t>【东芝】励磁铜排\G303141P2\t12.5\T21/2H</t>
  </si>
  <si>
    <t>【东芝】励磁铜排\G303141P3\t12.5\T21/2H</t>
  </si>
  <si>
    <t>【东芝】连接铜排\G303141P4\t6\T21/2H</t>
  </si>
  <si>
    <t>【东芝】支座\G303141P6\H=27</t>
  </si>
  <si>
    <t>【东芝】支座\G303141P7\H=30</t>
  </si>
  <si>
    <t>【东芝】线夹\G303141P8</t>
  </si>
  <si>
    <t>【东芝】线夹\G303141P9</t>
  </si>
  <si>
    <t>【东芝】止动垫片\G303141P13\t1.0\SPCC-SD</t>
  </si>
  <si>
    <t>【东芝】保护板\G302235P1\t6</t>
  </si>
  <si>
    <t>【东芝】励磁铜排\G302235P2\10×90\T2</t>
  </si>
  <si>
    <t>【东芝】垫板\G202235P3\t=5,B=93L=465</t>
  </si>
  <si>
    <t>【东芝】压板\G202235P4</t>
  </si>
  <si>
    <t>【东芝】压块\G202235P5\t10×65×155</t>
  </si>
  <si>
    <t>【东芝】垫板\G202235P6\t=3,B=93,L=1075</t>
  </si>
  <si>
    <t>【东芝】螺栓\G202235P10\35CrMo</t>
  </si>
  <si>
    <t>【东芝】止动垫片\G202235P11\t2.5\SPCC-SD</t>
  </si>
  <si>
    <t>【东芝】止动垫片\G303140P4\t2.5,A=50\SPCC-SD</t>
  </si>
  <si>
    <t>【东芝】垫块\G303140P5\t12×80×80</t>
  </si>
  <si>
    <t>【东芝】调整垫\G303140P6\t0.5×φ100×φ40\SPCC-SD</t>
  </si>
  <si>
    <t>【东芝】调整垫\G303140P7\t0.2×φ100×φ40\SPCC-SD</t>
  </si>
  <si>
    <t>【东芝】上导轴承瓦\G302561P1</t>
  </si>
  <si>
    <t>【东芝】绝缘垫板\G302561P2</t>
  </si>
  <si>
    <t>【东芝】支柱槽\G505415</t>
  </si>
  <si>
    <t>【东芝】支柱\G302561P4\T10</t>
  </si>
  <si>
    <t>【东芝】调整螺栓\G302561P5\40Cr</t>
  </si>
  <si>
    <t>【东芝】轴电流测试用板\G302561P7\t1\SPCC</t>
  </si>
  <si>
    <t>【东芝】绝缘层\G302561P8\t0.25×175×95</t>
  </si>
  <si>
    <t>【东芝】绝缘套筒\G302561P9\φ23×3×38</t>
  </si>
  <si>
    <t>【东芝】绝缘层\G302561P10\t0.25×145×90</t>
  </si>
  <si>
    <t>【东芝】固定垫片\G302561P12\SPCC</t>
  </si>
  <si>
    <t>【东芝】垫板\G302561P13</t>
  </si>
  <si>
    <t>【东芝】绝缘层\G302561P14\t0.25×80×40</t>
  </si>
  <si>
    <t>【东芝】碟形弹簧垫圈\G302561P16</t>
  </si>
  <si>
    <t>【东芝】绝缘座\G302561P18</t>
  </si>
  <si>
    <t>【东芝】止动垫圈\G202488AP2\t1.5\SPCC-SD</t>
  </si>
  <si>
    <t>【东芝】螺纹圆柱销\G202488AP3\35#\45#</t>
  </si>
  <si>
    <t>【东芝】调整垫片\G202488AP5</t>
  </si>
  <si>
    <t>【东芝】支座\G202488AP6</t>
  </si>
  <si>
    <t>【东芝】支座调整垫片\G202488AP7\SPCC\ST12</t>
  </si>
  <si>
    <t>【东芝】普通碳素等边角钢\G202488AP12\t5×50×50×525</t>
  </si>
  <si>
    <t>【东芝】接线盖板\G202488AP16</t>
  </si>
  <si>
    <t>【东芝】密封垫圈\G202488AP17\t3</t>
  </si>
  <si>
    <t>【东芝】推力瓦\G202490P1</t>
  </si>
  <si>
    <t>【东芝】推力瓦间隔块\G202490P3</t>
  </si>
  <si>
    <t>【东芝】定位键\G202490P4\35#</t>
  </si>
  <si>
    <t>【东芝】键压块\G202501P5</t>
  </si>
  <si>
    <t>【东芝】压板\G202490P6</t>
  </si>
  <si>
    <t>【东芝】推力瓦止浮板\G202490P9</t>
  </si>
  <si>
    <t>【东芝】止动垫片\G202490P11\SPCC\ST12</t>
  </si>
  <si>
    <t>【东芝】特殊螺栓\G202490P12</t>
  </si>
  <si>
    <t>【东芝】止动垫片\G202490P13\SPCC\ST12</t>
  </si>
  <si>
    <t>【东芝】推力弹簧挡板\G202490P14</t>
  </si>
  <si>
    <t>【东芝】推力弹簧挡板\G202490P15</t>
  </si>
  <si>
    <t>【东芝】推力弹簧挡板\G202490P16</t>
  </si>
  <si>
    <t>【东芝】推力弹簧挡板\G202490P17</t>
  </si>
  <si>
    <t>【东芝】推力弹簧\G202490P20</t>
  </si>
  <si>
    <t>【东芝】安装垫片\G202490P21\t1.0</t>
  </si>
  <si>
    <t>【东芝】调整垫圈\G202490P22</t>
  </si>
  <si>
    <t>【东芝】调整垫片\G202490P23</t>
  </si>
  <si>
    <t>【东芝】下导轴承瓦\G302562P1</t>
  </si>
  <si>
    <t>【东芝】支柱\G302562P2\T10</t>
  </si>
  <si>
    <t>【东芝】调整螺栓\G302562P3\40Cr</t>
  </si>
  <si>
    <t>【东芝】螺母\G302562P4</t>
  </si>
  <si>
    <t>【东芝】调整垫片\G202489P1</t>
  </si>
  <si>
    <t>【东芝】盖板\G202489P2</t>
  </si>
  <si>
    <t>【东芝】法兰\G202489P3</t>
  </si>
  <si>
    <t>【东芝】碟型弹簧\G202489P4</t>
  </si>
  <si>
    <t>【东芝】底板密封条\G202487AP6</t>
  </si>
  <si>
    <t>【东芝】挡风板\G202499P1\t10</t>
  </si>
  <si>
    <t>【东芝】合缝板\G202499P2</t>
  </si>
  <si>
    <t>【东芝】内压环\G202499P3</t>
  </si>
  <si>
    <t>【东芝】螺栓固定板\G202499P4</t>
  </si>
  <si>
    <t>【东芝】外压环\G202499P8</t>
  </si>
  <si>
    <t>【东芝】挡风圈\G202499P9\t3</t>
  </si>
  <si>
    <t>【东芝】挡风圈\G202499P10\t3</t>
  </si>
  <si>
    <t>【东芝】螺栓固定板\G202499P11</t>
  </si>
  <si>
    <t>【东芝】碟簧垫圈\G202499P16</t>
  </si>
  <si>
    <t>【东芝】支撑架\G202499P18</t>
  </si>
  <si>
    <t>【东芝】绝缘垫圈\G202499P23\t5</t>
  </si>
  <si>
    <t>【东芝】绝缘垫圈\G202499P24\t10</t>
  </si>
  <si>
    <t>【东芝】绝缘套筒\G202499P25\φ23×3×20</t>
  </si>
  <si>
    <t>【东芝】调整垫片\G202499P26</t>
  </si>
  <si>
    <t>【东芝】支撑杠\G202499P28</t>
  </si>
  <si>
    <t>【东芝】支撑杠\G202499P29</t>
  </si>
  <si>
    <t>【东芝】挡风板\G202500P1\t10</t>
  </si>
  <si>
    <t>【东芝】合缝板\G202500P2</t>
  </si>
  <si>
    <t>【东芝】内压环\G202500P3</t>
  </si>
  <si>
    <t>【东芝】螺栓固定板\G202500P4</t>
  </si>
  <si>
    <t>【东芝】外压环\G202500P8</t>
  </si>
  <si>
    <t>【东芝】挡风圈\G202500P9\t3</t>
  </si>
  <si>
    <t>【东芝】挡风圈\G202500P10\t3</t>
  </si>
  <si>
    <t>【东芝】螺栓固定板\G202500P11</t>
  </si>
  <si>
    <t>【东芝】支撑架\G202500P18</t>
  </si>
  <si>
    <t>【东芝】绝缘垫圈\G202500P23\t5</t>
  </si>
  <si>
    <t>【东芝】绝缘垫圈\G202500P24\t10</t>
  </si>
  <si>
    <t>【东芝】绝缘套筒\G202500P25\φ23×3×20</t>
  </si>
  <si>
    <t>【东芝】支撑杠\G202500P27</t>
  </si>
  <si>
    <t>【东芝】支撑杠\G202500P28</t>
  </si>
  <si>
    <t>【东芝】支撑环\G303142P3</t>
  </si>
  <si>
    <t>【东芝】导电环\G202057AP1\T21/2H</t>
  </si>
  <si>
    <t>【东芝】导电环\G202057AP2\T21/2H</t>
  </si>
  <si>
    <t>【东芝】螺杆\G202059A\φ24</t>
  </si>
  <si>
    <t>【东芝】平垫圈\G202060A\t5</t>
  </si>
  <si>
    <t>【东芝】绝缘套管\G202057AP8\L=60</t>
  </si>
  <si>
    <t>【东芝】绝缘垫圈\G202057AP9</t>
  </si>
  <si>
    <t>【东芝】碳刷\G202057AP10</t>
  </si>
  <si>
    <t>【东芝】压板\G202057AP11\t6</t>
  </si>
  <si>
    <t>【东芝】垫块\G202057AP17</t>
  </si>
  <si>
    <t>【东芝】连接铜排\G202057AP18\t6\T21/2H</t>
  </si>
  <si>
    <t>【东芝】励磁电缆连接铜排\G202057AP19\t12.5\T21/2H</t>
  </si>
  <si>
    <t>【东芝】励磁电缆连接铜排\G202057AP20\t12.5\T21/2H</t>
  </si>
  <si>
    <t>【东芝】励磁电缆连接铜排\G202057AP21\t12.5\T21/2H</t>
  </si>
  <si>
    <t>【东芝】励磁电缆连接铜排\G202057AP22\t12.5\T21/2H</t>
  </si>
  <si>
    <t>【东芝】线夹\G202057AP23</t>
  </si>
  <si>
    <t>【东芝】线夹\G202057AP24</t>
  </si>
  <si>
    <t>【东芝】止动垫片\G202057AP28\t1.0,A=40\SPCC-SD</t>
  </si>
  <si>
    <t>【东芝】止动垫片\G202057AP29\t1.0,A=60\SPCC-SD</t>
  </si>
  <si>
    <t>【东芝】支架\G303145P1</t>
  </si>
  <si>
    <t>【东芝】支架\G303144P1</t>
  </si>
  <si>
    <t>【东芝】碳刷\G303144P2</t>
  </si>
  <si>
    <t>【东芝】压板\G303144P3\t6</t>
  </si>
  <si>
    <t>【东芝】接头\G303144P9\t1\T2</t>
  </si>
  <si>
    <t>【东芝】绝缘垫圈\G303144P10\t5</t>
  </si>
  <si>
    <t>【东芝】绝缘垫片\G303144P11\t5</t>
  </si>
  <si>
    <t>【东芝】绝缘套管\G303144P12</t>
  </si>
  <si>
    <t>【东芝】座\G303144P13\t6</t>
  </si>
  <si>
    <t>【东芝】垫片\G303144P15\SPCC\t1</t>
  </si>
  <si>
    <t>【东芝】垫块\G303144P16\t6</t>
  </si>
  <si>
    <t>【东芝】凸面管法兰用密封垫\G303137P4\DN100</t>
  </si>
  <si>
    <t>【东芝】安装座\G303137P9</t>
  </si>
  <si>
    <t>【东芝】喷头\G302668AP6</t>
  </si>
  <si>
    <t>【东芝】密封垫\G302668P7</t>
  </si>
  <si>
    <t>【东芝】管夹\G302668P8\t12×40×364</t>
  </si>
  <si>
    <t>【东芝】管夹\G302668P9\t12×40×340</t>
  </si>
  <si>
    <t>【东芝】管夹\G302668P10\t12×40×362</t>
  </si>
  <si>
    <t>【东芝】凸面法兰用密封垫\G202052AP3\DN50</t>
  </si>
  <si>
    <t>【东芝】法兰\G202052AP8</t>
  </si>
  <si>
    <t>【东芝】密封垫\G202052AP10</t>
  </si>
  <si>
    <t>【东芝】凸面管法兰用密封垫\G202052AP14\DN32</t>
  </si>
  <si>
    <t>【东芝】凸面管法兰用密封垫\G202052AP17\DN25</t>
  </si>
  <si>
    <t>【东芝】连接板\G202052AP31\12×60×150</t>
  </si>
  <si>
    <t>【东芝】垫板\G202052AP32\20×60×150</t>
  </si>
  <si>
    <t>【东芝】安装座\G202052AP44</t>
  </si>
  <si>
    <t>【东芝】垫板\G403325AP2\t12</t>
  </si>
  <si>
    <t>【东芝】垫片\G403325AP6\DN50</t>
  </si>
  <si>
    <t>【东芝】环管\G302673AP1</t>
  </si>
  <si>
    <t>【东芝】接头\G302673AP6</t>
  </si>
  <si>
    <t>【东芝】垫块\G302673AP9</t>
  </si>
  <si>
    <t>【东芝】支架\G302673AP13</t>
  </si>
  <si>
    <t>【东芝】止动垫片\G302673AP16\SPCC\ST12</t>
  </si>
  <si>
    <t>【东芝】堵头\G302673AP21</t>
  </si>
  <si>
    <t>【东芝】紫铜垫\G302673AP22\t5×φ26×φ44</t>
  </si>
  <si>
    <t>【东芝】紫铜垫\G302673AP23\t5×φ45×φ78</t>
  </si>
  <si>
    <t>【东芝】紫铜垫\G302673AP24\t3×φ19×φ30</t>
  </si>
  <si>
    <t>【东芝】凸面法兰密封垫\G202048BP3\DN50</t>
  </si>
  <si>
    <t>【东芝】法兰\G202048BP8</t>
  </si>
  <si>
    <t>【东芝】密封垫\G202048BP9</t>
  </si>
  <si>
    <t>【东芝】凸面法兰密封垫\G202048BP18\DN150</t>
  </si>
  <si>
    <t>【东芝】密封垫\G202048BP29\DN200</t>
  </si>
  <si>
    <t>【东芝】凸面法兰密封垫\G202048BP42\DN125</t>
  </si>
  <si>
    <t>【东芝】垫板\G202048BP44\t12×60×150</t>
  </si>
  <si>
    <t>【东芝】连接板\G202048BP45\t20×60×150</t>
  </si>
  <si>
    <t>【东芝】凸面法兰密封垫\G202048BP48\DN25</t>
  </si>
  <si>
    <t>【东芝】支撑座\G202048BP62</t>
  </si>
  <si>
    <t>【东芝】安装座\G202048BP63</t>
  </si>
  <si>
    <t>【东芝】安装座\G202048BP64</t>
  </si>
  <si>
    <t>【东芝】压力表安装座\G202048BP65</t>
  </si>
  <si>
    <t>【东芝】连接板\G202048BP67\t20×100×200</t>
  </si>
  <si>
    <t>【东芝】凸面法兰密封垫\G302670AP2\DN80</t>
  </si>
  <si>
    <t>【东芝】连接板\G302670AP14\t12×60×150</t>
  </si>
  <si>
    <t>【东芝】垫板\G302670AP15\t20×60×150</t>
  </si>
  <si>
    <t>【东芝】电缆卡座\G202501P11\t10</t>
  </si>
  <si>
    <t>【东芝】电缆卡座\G202501P12\t10</t>
  </si>
  <si>
    <t>【东芝】电缆卡座\G202501P13\t10</t>
  </si>
  <si>
    <t>【东芝】电缆卡座\G202501P14\t10</t>
  </si>
  <si>
    <t>【东芝】电缆卡座\G202501P15\t10</t>
  </si>
  <si>
    <t>【东芝】上感烟探头安装座\G202501P16\t10</t>
  </si>
  <si>
    <t>【东芝】下感烟探头安装座\G202501P17\t10</t>
  </si>
  <si>
    <t>【东芝】垫片\G202501P18\t2×15×80</t>
  </si>
  <si>
    <t>【东芝】桥架固定座\G202501P26</t>
  </si>
  <si>
    <t>【东芝】槽板固定座\G202501P27</t>
  </si>
  <si>
    <t>【东芝】温度计安装座\G202501P31</t>
  </si>
  <si>
    <t>【东芝】温度计安装座\G202501P32</t>
  </si>
  <si>
    <t>【东芝】推力瓦测温固定座\G202501P33</t>
  </si>
  <si>
    <t>【东芝】温度计保护套\G202501P34</t>
  </si>
  <si>
    <t>【东芝】线夹\G202501P36</t>
  </si>
  <si>
    <t>【东芝】线架\G202501P39</t>
  </si>
  <si>
    <t>【东芝】线夹\G202501P40</t>
  </si>
  <si>
    <t>【东芝】毛毡\G202501P42\1300×40×t2</t>
  </si>
  <si>
    <t>【东芝】绝缘垫\G303133P4</t>
  </si>
  <si>
    <t>【东芝】绝缘套筒\G303133P5</t>
  </si>
  <si>
    <t>【东芝】接头\G303133P6\T2</t>
  </si>
  <si>
    <t>【东芝】固定片\G303133P9</t>
  </si>
  <si>
    <t>【东芝】无碱玻璃纤维带\G303133P14</t>
  </si>
  <si>
    <t>【东芝】接头\G303133P16\T2</t>
  </si>
  <si>
    <t>【东芝】绝缘垫\G303133P17</t>
  </si>
  <si>
    <t>【东芝】连接铜排\G302549AP1\t15×140×970</t>
  </si>
  <si>
    <t>【东芝】引出铜排\G302549AP2\t10×140×1017</t>
  </si>
  <si>
    <t>【东芝】连接片\G302549AP3\t7.5×140×305</t>
  </si>
  <si>
    <t>【东芝】连接片\G302549AP4\t7.5×140×305</t>
  </si>
  <si>
    <t>【东芝】线夹装配\G202496P1</t>
  </si>
  <si>
    <t>【东芝】支架\G202496P2</t>
  </si>
  <si>
    <t>【东芝】座子\G202496P3</t>
  </si>
  <si>
    <t>【东芝】支架\G404082P1</t>
  </si>
  <si>
    <t>【东芝】支架\G404082P2</t>
  </si>
  <si>
    <t>【东芝】安装座\G404082P3\t20×80×40</t>
  </si>
  <si>
    <t>【东芝】安装座\G404082P4\t20×100×100</t>
  </si>
  <si>
    <t>【东芝】支架\G403386AP1</t>
  </si>
  <si>
    <t>【东芝】安装座\G403386AP2\t20×100×80</t>
  </si>
  <si>
    <t>【东芝】空冷器\G302463B</t>
  </si>
  <si>
    <t>【东芝】抽屉式油冷器\G403521</t>
  </si>
  <si>
    <t>【东芝】下油冷器\G403467</t>
  </si>
  <si>
    <t>【东芝】制动器\G302459AP1</t>
  </si>
  <si>
    <t>【东芝】制动块\G302459AP2</t>
  </si>
  <si>
    <t>【东芝】制动器密封圈\G302459AP3</t>
  </si>
  <si>
    <t>【东芝】磁极铁心\G202013P1</t>
  </si>
  <si>
    <t>【东芝】引出线圈\G202011.C3</t>
  </si>
  <si>
    <t>【东芝】引出线圈\G202011.C4</t>
  </si>
  <si>
    <t>【东方汽轮机】排汽喷嘴\(BJ)M752-045100A</t>
  </si>
  <si>
    <t>东方汽轮机</t>
  </si>
  <si>
    <t>【东方汽轮机】逆止器\D600B-181310A</t>
  </si>
  <si>
    <t>【东方发电机】环氧涤纶套玻璃丝绳\J0913\Φ5</t>
  </si>
  <si>
    <t>WZSCCG- 2020-BJ-017</t>
  </si>
  <si>
    <t>2020年度北京配送东方电机备件集团级铺货长协采购项目</t>
  </si>
  <si>
    <t>【东方发电机】稳定轴承装配\1Q6511</t>
  </si>
  <si>
    <t>【东方发电机】定位销\4Q7316</t>
  </si>
  <si>
    <t>【东方发电机】橡胶衬垫\4DQ547</t>
  </si>
  <si>
    <t>【东方发电机】橡胶衬垫\3DQ330</t>
  </si>
  <si>
    <t>【东方发电机】橡胶衬垫\3DQ331</t>
  </si>
  <si>
    <t>【东方发电机】橡胶衬垫\3DQ329</t>
  </si>
  <si>
    <t>【东方发电机】刷架装配\1Q3335</t>
  </si>
  <si>
    <t>【东方发电机】励端内挡油盖\3Q3972</t>
  </si>
  <si>
    <t>【东方发电机】螺杆\M24×980\4Q11718</t>
  </si>
  <si>
    <t>【东方发电机】电流互感器\22KV\25000\5\TPY\50VA\1Q5636项5</t>
  </si>
  <si>
    <t>【东方发电机】电流互感器\22KV\25000\5\0.2\100VA\1Q5636项6</t>
  </si>
  <si>
    <t>【东方发电机】电流互感器\22KV\25000\5\5P30\100VA\4Q11718项5</t>
  </si>
  <si>
    <t>【东方发电机】电流互感器\22KV\25000\5\0.2S\100VA\1Q5636项4</t>
  </si>
  <si>
    <t>【东方发电机】电流互感器\22KV\25000\5\5P20\100VA\1Q5817项5</t>
  </si>
  <si>
    <t>【东方发电机】电流互感器\22KV\25000\5\5P40\100VA\1Q8248项5</t>
  </si>
  <si>
    <t>【东方发电机】电流互感器\22KV\25000\5\0.2\30VA\1Q3670</t>
  </si>
  <si>
    <t>【东方发电机】发电机局部放电监测仪\W-PD60\4Q15703项1</t>
  </si>
  <si>
    <t>【东方发电机】发电机绝缘过热监测仪\OHM60型\4Q16349项2</t>
  </si>
  <si>
    <t>【东方发电机】定子端部振动监测仪\EWM-6\4Q16349项6</t>
  </si>
  <si>
    <t>【东方发电机】水冷电机绝缘特性测试仪\JCKZC-58\4Q15064项1</t>
  </si>
  <si>
    <t>【东方发电机】功角仪\GPA3000\4Q15424项3</t>
  </si>
  <si>
    <t>【东方发电机】轴电压轴电流检测装置\SCM60\4Q18787项4</t>
  </si>
  <si>
    <t>【东方发电机】转子匝间探测装置\ROM\2Q7487项2</t>
  </si>
  <si>
    <t>【东方发电机】转子匝间短路在线监测装置\RMM-RSM型\4Q16675项3</t>
  </si>
  <si>
    <t>【东方发电机】装抽转子工具\1Q7084</t>
  </si>
  <si>
    <t>【东方发电机】吊架装配\2Q2409</t>
  </si>
  <si>
    <t>【东方发电机】垫片\4Q7915</t>
  </si>
  <si>
    <t>【东方发电机】垫片\4Q7916</t>
  </si>
  <si>
    <t>【东方发电机】垫圈\4Q7855</t>
  </si>
  <si>
    <t>【东方发电机】连接板\3Q4168\QFSN-600/660-2</t>
  </si>
  <si>
    <t>【东方发电机】垫圈\3Q4169\QFSN-600/660-2</t>
  </si>
  <si>
    <t>【东方发电机】连接板\3Q4170</t>
  </si>
  <si>
    <t>【东方发电机】吊架装配\4Q7856\QFSN-600/660-2</t>
  </si>
  <si>
    <t>【东方发电机】螺栓\4Q7858\QFSN-600/660-2</t>
  </si>
  <si>
    <t>【东方发电机】滑块\3Q4171\QFSN-600/660-2</t>
  </si>
  <si>
    <t>【东方发电机】滑块\3Q4172\QFSN-600/660-2</t>
  </si>
  <si>
    <t>【东方发电机】螺栓\3Q4173\QFSN-600/660-2</t>
  </si>
  <si>
    <t>【东方发电机】螺栓\3Q4174\QFSN-600/660-2</t>
  </si>
  <si>
    <t>【东方发电机】护环\2Q2250\QFSN-600/660-2</t>
  </si>
  <si>
    <t>【东方发电机】垫片\3Q4176\QFSN-600/660-2</t>
  </si>
  <si>
    <t>【东方发电机】支撑环\3Q4177</t>
  </si>
  <si>
    <t>【东方发电机】顶环\3Q4178</t>
  </si>
  <si>
    <t>【东方发电机】垫片\4Q7859</t>
  </si>
  <si>
    <t>【东方发电机】垫片\4Q7860</t>
  </si>
  <si>
    <t>【东方发电机】垫片\4Q7861</t>
  </si>
  <si>
    <t>【东方发电机】垫片\4Q7862</t>
  </si>
  <si>
    <t>【东方发电机】螺栓\3Q4179\QFSN-600/660-2</t>
  </si>
  <si>
    <t>【东方发电机】螺栓(装抽转子工具用)\4Q7863</t>
  </si>
  <si>
    <t>【东方发电机】支撑环\3Q4180</t>
  </si>
  <si>
    <t>【东方发电机】垫片\4Q7917</t>
  </si>
  <si>
    <t>【东方发电机】垫片\4Q7918</t>
  </si>
  <si>
    <t>【东方发电机】吊转子保护夹\2Q3247</t>
  </si>
  <si>
    <t>【东方发电机】电绝缘纸板\100\00(900×1300)\1Q7084项42</t>
  </si>
  <si>
    <t>【东方发电机】装拆护环工具\1Q2091</t>
  </si>
  <si>
    <t>【东方发电机】转子通风试验装置\1Q3336\QFSN-600/660-2</t>
  </si>
  <si>
    <t>【东方发电机】励端轴承装配\1Q6767</t>
  </si>
  <si>
    <t>【东方发电机】轴承外套装配(励端)\1Q1675</t>
  </si>
  <si>
    <t>【东方发电机】轴承内套(励端)\1Q1645</t>
  </si>
  <si>
    <t>【东方发电机】轴瓦(励端)\1Q6768</t>
  </si>
  <si>
    <t>【东方发电机】绝缘头螺栓(励端轴承装配)\4Q7318</t>
  </si>
  <si>
    <t>【东方发电机】套管\4Q7320</t>
  </si>
  <si>
    <t>【东方发电机】绝缘垫圈\4Q7310</t>
  </si>
  <si>
    <t>【东方发电机】垫圈\Zn\4Q7311</t>
  </si>
  <si>
    <t>【东方发电机】绝缘头螺栓(励端轴承装配)\4Q7319</t>
  </si>
  <si>
    <t>【东方发电机】套管\4Q7321</t>
  </si>
  <si>
    <t>【东方发电机】励端高压油顶装配\2Q4602</t>
  </si>
  <si>
    <t>【东方发电机】垫片\4Q12439</t>
  </si>
  <si>
    <t>【东方发电机】油管接头装配\3Q7326</t>
  </si>
  <si>
    <t>【东方发电机】螺栓(汽端高压油顶装置)\FeO\4Q12440</t>
  </si>
  <si>
    <t>【东方发电机】绝缘垫圈\4Q7729</t>
  </si>
  <si>
    <t>【东方发电机】绝缘螺栓(励端高压油顶装配)\4Q7722</t>
  </si>
  <si>
    <t>【东方发电机】止动垫片\Zn\4Q7730</t>
  </si>
  <si>
    <t>【东方发电机】橡胶垫圈\4Q7728</t>
  </si>
  <si>
    <t>【东方发电机】绝缘垫圈\4Q7726</t>
  </si>
  <si>
    <t>【东方发电机】密封垫圈\4Q7727</t>
  </si>
  <si>
    <t>【东方发电机】双支铂热电阻\4Q15671</t>
  </si>
  <si>
    <t>【东方发电机】汽端轴承装配\1Q6896</t>
  </si>
  <si>
    <t>【东方发电机】螺栓\M20×130\FeO\4Q7325</t>
  </si>
  <si>
    <t>【东方发电机】轴承套装配\2Q2359</t>
  </si>
  <si>
    <t>【东方发电机】轴瓦\1Q6895</t>
  </si>
  <si>
    <t>【东方发电机】销\4Q7332</t>
  </si>
  <si>
    <t>【东方发电机】汽端高压油顶装配\2Q4603</t>
  </si>
  <si>
    <t>【东方发电机】挡油盖(外)\3Q3971</t>
  </si>
  <si>
    <t>【东方发电机】挡油板\3Q4005</t>
  </si>
  <si>
    <t>【东方发电机】挡油块\FeO\4Q7528</t>
  </si>
  <si>
    <t>【东方发电机】垫圈\FeO\4Q7549</t>
  </si>
  <si>
    <t>【东方发电机】过渡环\2Q2351</t>
  </si>
  <si>
    <t>【东方发电机】密封座加工(励端)\1Q1664</t>
  </si>
  <si>
    <t>【东方发电机】励端内挡油盖加工\3Q7391\QFSN-600/660-2</t>
  </si>
  <si>
    <t>【东方发电机】螺栓(励端油密封及挡油盖装配)\FeO\4Q7532</t>
  </si>
  <si>
    <t>【东方发电机】螺栓(励端油密封及挡油盖装配)\FeO\4Q7548</t>
  </si>
  <si>
    <t>【东方发电机】定位销\4Q7539</t>
  </si>
  <si>
    <t>【东方发电机】接触油挡\3Q7320</t>
  </si>
  <si>
    <t>【东方发电机】挡油板\3Q4006</t>
  </si>
  <si>
    <t>【东方发电机】螺杆\4Q7537</t>
  </si>
  <si>
    <t>【东方发电机】密封座加工(汽端)\1Q1653</t>
  </si>
  <si>
    <t>【东方发电机】汽端内挡油盖加工\1Q4040\QFSN-600/660-2</t>
  </si>
  <si>
    <t>【东方发电机】接触油挡\3Q7319</t>
  </si>
  <si>
    <t>【东方发电机】测速齿轮\3Q6262</t>
  </si>
  <si>
    <t>【东方发电机】自锁螺母\2Q2398序3</t>
  </si>
  <si>
    <t>【东方发电机】接头装配(不含胶)\3Q3358</t>
  </si>
  <si>
    <t>【东方发电机】挡油板\4Q7198</t>
  </si>
  <si>
    <t>【东方发电机】轴瓦加工\2Q6833</t>
  </si>
  <si>
    <t>【东方发电机】挡油盖\2Q3748</t>
  </si>
  <si>
    <t>【东方发电机】双支热电阻\Pt100\4Q15244</t>
  </si>
  <si>
    <t>【东方发电机】过渡引线\1Q1570</t>
  </si>
  <si>
    <t>【东方发电机】过渡引线\2Q2188</t>
  </si>
  <si>
    <t>【东方发电机】过渡引线\2Q2191</t>
  </si>
  <si>
    <t>【东方发电机】过渡引线\2Q2187</t>
  </si>
  <si>
    <t>【东方发电机】过渡引线\2Q2190</t>
  </si>
  <si>
    <t>【东方发电机】过渡引线\2Q2186</t>
  </si>
  <si>
    <t>【东方发电机】过渡引线\2Q2189</t>
  </si>
  <si>
    <t>【东方发电机】接头\3Q3509</t>
  </si>
  <si>
    <t>【东方发电机】环氧桐马玻璃粉云母带\5440\1\1\0.14×25</t>
  </si>
  <si>
    <t>【东方发电机】热缩聚脂薄膜带\0.04×25</t>
  </si>
  <si>
    <t>【东方发电机】支撑套管\2Q5061</t>
  </si>
  <si>
    <t>【东方发电机】过渡引线\2Q2367</t>
  </si>
  <si>
    <t>【东方发电机】过渡引线\3Q3660</t>
  </si>
  <si>
    <t>【东方发电机】过渡引线\2Q2368</t>
  </si>
  <si>
    <t>【东方发电机】过渡引线\3Q3820</t>
  </si>
  <si>
    <t>【东方发电机】过渡引线\3Q3661</t>
  </si>
  <si>
    <t>【东方发电机】无碱玻璃纤维特种带(前)\ET100-25\0.1×25</t>
  </si>
  <si>
    <t>【东方发电机】过渡引线\2Q2369</t>
  </si>
  <si>
    <t>【东方发电机】过渡引线\2Q2370</t>
  </si>
  <si>
    <t>【东方发电机】斜纹铜编织扁线\TZ-1\3.5×50</t>
  </si>
  <si>
    <t>【东方发电机】螺栓\M24\Zn\4Q7109</t>
  </si>
  <si>
    <t>【东方发电机】平衡螺钉\Zn\4Q7097</t>
  </si>
  <si>
    <t>【东方发电机】平衡螺钉\Zn\4Q7098</t>
  </si>
  <si>
    <t>【东方发电机】平衡螺钉\Zn\4Q7099</t>
  </si>
  <si>
    <t>【东方发电机】护环绝缘\2Q8793</t>
  </si>
  <si>
    <t>【东方发电机】极心块\2Q4048</t>
  </si>
  <si>
    <t>【东方发电机】极心块\2Q4049</t>
  </si>
  <si>
    <t>【东方发电机】极心块\4Q11657</t>
  </si>
  <si>
    <t>【东方发电机】极心垫块\4Q11658</t>
  </si>
  <si>
    <t>【东方发电机】槽口垫块\4Q11659</t>
  </si>
  <si>
    <t>【东方发电机】槽口垫块\4Q12232</t>
  </si>
  <si>
    <t>【东方发电机】槽口垫块\4Q12233</t>
  </si>
  <si>
    <t>【东方发电机】槽口垫块\4Q12234</t>
  </si>
  <si>
    <t>【东方发电机】纵轴垫块\4Q6993</t>
  </si>
  <si>
    <t>【东方发电机】纵轴垫块\4Q6994</t>
  </si>
  <si>
    <t>【东方发电机】纵轴垫块\4Q6995</t>
  </si>
  <si>
    <t>【东方发电机】极间垫块\4Q6999</t>
  </si>
  <si>
    <t>【东方发电机】极间垫块\4Q11660</t>
  </si>
  <si>
    <t>【东方发电机】极间垫块\4Q7001</t>
  </si>
  <si>
    <t>【东方发电机】极间垫块\4Q7002</t>
  </si>
  <si>
    <t>【东方发电机】极间垫块\3Q3579</t>
  </si>
  <si>
    <t>【东方发电机】垫块\4Q14873</t>
  </si>
  <si>
    <t>【东方发电机】横轴垫块\2Q6453</t>
  </si>
  <si>
    <t>【东方发电机】垫块\4Q12240</t>
  </si>
  <si>
    <t>【东方发电机】横轴垫块\4Q12241</t>
  </si>
  <si>
    <t>【东方发电机】横轴垫块\4Q12242</t>
  </si>
  <si>
    <t>【东方发电机】绝缘垫块\4Q11674</t>
  </si>
  <si>
    <t>【东方发电机】纵轴垫块\4Q7007</t>
  </si>
  <si>
    <t>【东方发电机】纵轴垫块\4Q7008</t>
  </si>
  <si>
    <t>【东方发电机】纵轴垫块\4Q7009</t>
  </si>
  <si>
    <t>【东方发电机】纵轴垫块\4Q7010</t>
  </si>
  <si>
    <t>【东方发电机】纵轴垫块\4Q7011</t>
  </si>
  <si>
    <t>【东方发电机】纵轴垫块\4Q7012</t>
  </si>
  <si>
    <t>【东方发电机】纵轴垫块\4Q11675</t>
  </si>
  <si>
    <t>【东方发电机】纵轴垫块\4Q11676</t>
  </si>
  <si>
    <t>【东方发电机】极心块\2Q4050</t>
  </si>
  <si>
    <t>【东方发电机】纵轴垫块\4Q6996</t>
  </si>
  <si>
    <t>【东方发电机】纵轴垫块\4Q6997</t>
  </si>
  <si>
    <t>【东方发电机】纵轴垫块\4Q6998</t>
  </si>
  <si>
    <t>【东方发电机】横轴垫块\2Q6454</t>
  </si>
  <si>
    <t>【东方发电机】垫块\4Q14933</t>
  </si>
  <si>
    <t>【东方发电机】垫块\4Q14933项1</t>
  </si>
  <si>
    <t>【东方发电机】垫块\4Q14931</t>
  </si>
  <si>
    <t>【东方发电机】垫块\4Q14931项1</t>
  </si>
  <si>
    <t>【东方发电机】绝缘筒\4Q7070</t>
  </si>
  <si>
    <t>【东方发电机】转子槽楔\3Q3515</t>
  </si>
  <si>
    <t>【东方发电机】转子槽楔\3Q3517</t>
  </si>
  <si>
    <t>【东方发电机】转子槽楔\3Q3520</t>
  </si>
  <si>
    <t>【东方发电机】转子槽楔\3Q3521</t>
  </si>
  <si>
    <t>【东方发电机】转子槽楔\2Q2192</t>
  </si>
  <si>
    <t>【东方发电机】转子槽楔\2Q2194</t>
  </si>
  <si>
    <t>【东方发电机】转子槽楔\2Q2196</t>
  </si>
  <si>
    <t>【东方发电机】转子槽楔\3Q3522</t>
  </si>
  <si>
    <t>【东方发电机】转子槽楔\3Q3523</t>
  </si>
  <si>
    <t>【东方发电机】转子槽楔\3Q3524</t>
  </si>
  <si>
    <t>【东方发电机】转子槽楔\3Q3516</t>
  </si>
  <si>
    <t>【东方发电机】转子槽楔\3Q3518</t>
  </si>
  <si>
    <t>【东方发电机】转子槽楔\3Q3519</t>
  </si>
  <si>
    <t>【东方发电机】转子槽楔\2Q2193</t>
  </si>
  <si>
    <t>【东方发电机】转子槽楔\2Q2195</t>
  </si>
  <si>
    <t>【东方发电机】转子槽楔\2Q2197</t>
  </si>
  <si>
    <t>【东方发电机】槽楔\3Q4032</t>
  </si>
  <si>
    <t>【东方发电机】平衡螺钉\4Q7100</t>
  </si>
  <si>
    <t>【东方发电机】上层定子线圈\1Q4350</t>
  </si>
  <si>
    <t>【东方发电机】下层定子线圈\1Q4332</t>
  </si>
  <si>
    <t>【东方发电机】间隔垫块\3Q3863</t>
  </si>
  <si>
    <t>【东方发电机】间隔垫块\3Q3864</t>
  </si>
  <si>
    <t>【东方发电机】间隔垫块\3Q3865</t>
  </si>
  <si>
    <t>【东方发电机】间隔垫块\3Q3866</t>
  </si>
  <si>
    <t>【东方发电机】绝缘销\4Q7170</t>
  </si>
  <si>
    <t>【东方发电机】间隔垫块\3Q3859</t>
  </si>
  <si>
    <t>【东方发电机】间隔垫块\3Q3860</t>
  </si>
  <si>
    <t>【东方发电机】间隔垫块\3Q3861</t>
  </si>
  <si>
    <t>【东方发电机】间隔垫块\3Q3862</t>
  </si>
  <si>
    <t>【东方发电机】层间垫条\4Q16119</t>
  </si>
  <si>
    <t>【东方发电机】半导体玻璃布板\3×39.4×671\9332\1Q8484项5</t>
  </si>
  <si>
    <t>【东方发电机】高强度层压玻璃布板\0.2×39.4×671F级\D327\1Q8484项6</t>
  </si>
  <si>
    <t>【东方发电机】高强度层压玻璃布板\0.5×39.4×671F级\D327\1Q8484项7</t>
  </si>
  <si>
    <t>【东方发电机】高强度层压玻璃布板\1.0×39.4×671F级\D327\1Q8484项8</t>
  </si>
  <si>
    <t>【东方发电机】高强度层压玻璃布板\1.5×39.4×671F级\D327\1Q8484项9</t>
  </si>
  <si>
    <t>【东方发电机】槽楔波纹垫条\3Q11401</t>
  </si>
  <si>
    <t>【东方发电机】槽楔波纹垫条\3Q11403</t>
  </si>
  <si>
    <t>【东方发电机】槽楔波纹垫条\3Q11402</t>
  </si>
  <si>
    <t>【东方发电机】侧面波纹板\3Q13617</t>
  </si>
  <si>
    <t>【东方发电机】侧面波纹板\3Q13618</t>
  </si>
  <si>
    <t>【东方发电机】绝缘销\4Q7440</t>
  </si>
  <si>
    <t>【东方发电机】定子端头槽楔\1Q8702序1</t>
  </si>
  <si>
    <t>【东方发电机】定子槽楔\1Q8702序2</t>
  </si>
  <si>
    <t>【东方发电机】定子槽楔\1Q8702序3</t>
  </si>
  <si>
    <t>【东方发电机】定子槽楔\1Q8702序4</t>
  </si>
  <si>
    <t>【东方发电机】定子槽楔\1Q8702序7</t>
  </si>
  <si>
    <t>【东方发电机】斜楔\1Q8702序8</t>
  </si>
  <si>
    <t>【东方发电机】斜楔\1Q8702序9</t>
  </si>
  <si>
    <t>【东方发电机】斜楔\1Q8702序10</t>
  </si>
  <si>
    <t>【东方发电机】双头螺栓\4Q7712</t>
  </si>
  <si>
    <t>【东方发电机】绝缘引水管装配\1Q6376</t>
  </si>
  <si>
    <t>【东方发电机】绝缘引水管装配\1Q6379</t>
  </si>
  <si>
    <t>【东方发电机】绝缘引水管装配\1Q6377</t>
  </si>
  <si>
    <t>【东方发电机】绝缘引水管装配\1Q6378</t>
  </si>
  <si>
    <t>【东方发电机】绝缘引水管装配\3Q2713.1</t>
  </si>
  <si>
    <t>【东方发电机】绝缘板\3Q3919</t>
  </si>
  <si>
    <t>【东方发电机】绝缘板\3Q3923</t>
  </si>
  <si>
    <t>【东方发电机】绝缘板\3Q3924</t>
  </si>
  <si>
    <t>【东方发电机】绝缘垫圈\4Q7312</t>
  </si>
  <si>
    <t>【东方发电机】绝缘垫圈\4Q7309</t>
  </si>
  <si>
    <t>【东方发电机】绝缘板\3Q3921</t>
  </si>
  <si>
    <t>【东方发电机】绝缘板\3Q3922</t>
  </si>
  <si>
    <t>【东方发电机】绝缘垫圈\4Q7313</t>
  </si>
  <si>
    <t>【东方发电机】绝缘板\3Q3920</t>
  </si>
  <si>
    <t>【东方发电机】绝缘垫圈\4Q7314</t>
  </si>
  <si>
    <t>【东方发电机】绝缘螺钉\4Q7241</t>
  </si>
  <si>
    <t>【东方发电机】绝缘板\4Q7324</t>
  </si>
  <si>
    <t>【东方发电机】绝缘板\4Q7416</t>
  </si>
  <si>
    <t>【东方发电机】绝缘板\2Q2353</t>
  </si>
  <si>
    <t>【东方发电机】绝缘板\2Q2352</t>
  </si>
  <si>
    <t>【东方发电机】绝缘板\4Q7415</t>
  </si>
  <si>
    <t>【东方发电机】橡胶垫圈\4Q7720</t>
  </si>
  <si>
    <t>【东方发电机】密封垫圈\4Q11641</t>
  </si>
  <si>
    <t>【东方发电机】密封垫圈\4Q11642</t>
  </si>
  <si>
    <t>【东方发电机】密封圈\4Q4243</t>
  </si>
  <si>
    <t>【东方发电机】垫块\4Q7700</t>
  </si>
  <si>
    <t>【东方发电机】压板\4Q7697</t>
  </si>
  <si>
    <t>【东方发电机】密封垫圈\4Q7698\QFSN-600/660-2</t>
  </si>
  <si>
    <t>【东方发电机】密封垫圈\4Q7699</t>
  </si>
  <si>
    <t>【东方发电机】转子电动托架\2Q4086</t>
  </si>
  <si>
    <t>【东方发电机】密封压条\4Q11028\QFSN-600/660-2</t>
  </si>
  <si>
    <t>【东方发电机】探测线圈装配\2Q4188</t>
  </si>
  <si>
    <t>【东方发电机】止动垫圈\4Q7419</t>
  </si>
  <si>
    <t>【东方发电机】止动垫片\4Q7468</t>
  </si>
  <si>
    <t>【东方发电机】绝缘套筒\4Q9309\QFSN-300/330/350-2</t>
  </si>
  <si>
    <t>【东方发电机】绝缘垫圈\4Q9305\QFSN-300/330/350-2</t>
  </si>
  <si>
    <t>【东方发电机】热电偶\T.C\3Q3892</t>
  </si>
  <si>
    <t>【东方发电机】绝缘套\4Q7747</t>
  </si>
  <si>
    <t>【东方发电机】绝缘套\4Q7748</t>
  </si>
  <si>
    <t>【东方发电机】止动垫片\4Q7460</t>
  </si>
  <si>
    <t>【东方发电机】衬套\4Q7713</t>
  </si>
  <si>
    <t>【东方发电机】硬钢板纸一号\1.5\2Q6202项9</t>
  </si>
  <si>
    <t>【东方发电机】止动垫圈\4B4454</t>
  </si>
  <si>
    <t>【东方发电机】止动垫圈\4B4453</t>
  </si>
  <si>
    <t>【东方发电机】垫片\4Q8793</t>
  </si>
  <si>
    <t>【东方发电机】止动垫圈\4B4452</t>
  </si>
  <si>
    <t>【东方发电机】垫片\4Q7420</t>
  </si>
  <si>
    <t>【东方发电机】锥销\4Q6593</t>
  </si>
  <si>
    <t>【东方发电机】圆销\4Q7421</t>
  </si>
  <si>
    <t>【东方发电机】圆销\4Q7463</t>
  </si>
  <si>
    <t>【东方发电机】销螺栓\4Q7422</t>
  </si>
  <si>
    <t>【东方发电机】平衡块\4Q7096 </t>
  </si>
  <si>
    <t>【东方发电机】平衡块\4Q7069 </t>
  </si>
  <si>
    <t>【东方发电机】平衡块\4Q7092 </t>
  </si>
  <si>
    <t>【东方发电机】平衡块\4Q7093 </t>
  </si>
  <si>
    <t>【东方发电机】平衡块\4Q7094 </t>
  </si>
  <si>
    <t>【东方发电机】平衡块\4Q7095 </t>
  </si>
  <si>
    <t>【东方发电机】平衡块\钨合金\4Q7092</t>
  </si>
  <si>
    <t>【东方发电机】平衡块\钨合金\4Q7094</t>
  </si>
  <si>
    <t>【东方发电机】平衡块\钨合金\4Q7095</t>
  </si>
  <si>
    <t>【东方发电机】锥端紧定螺钉 \GB71\M8×20</t>
  </si>
  <si>
    <t>【东方发电机】锥端紧定螺钉\GB71\M12×20</t>
  </si>
  <si>
    <t>【东方发电机】锥端紧定螺钉\GB71\M10×12</t>
  </si>
  <si>
    <t>【东方发电机】螺栓\M16×50\4Q7664</t>
  </si>
  <si>
    <t>【东方发电机】螺塞\4Q7553\QFSN-600/660-2</t>
  </si>
  <si>
    <t>【东方发电机】销\4Q7317</t>
  </si>
  <si>
    <t>【东方发电机】螺尾锥销装配\30×190\4B4767</t>
  </si>
  <si>
    <t>【东方发电机】接头\4Q7552</t>
  </si>
  <si>
    <t>【东方发电机】螺塞\4Q7745</t>
  </si>
  <si>
    <t>【东方发电机】螺栓\4Q7530\QFSN-600/660-2</t>
  </si>
  <si>
    <t>【东方发电机】螺栓\4Q7529\QFSN-600/660-2</t>
  </si>
  <si>
    <t>【东方发电机】内六角圆柱头螺钉\4Q7542\QFSN-600/660-2</t>
  </si>
  <si>
    <t>【东方发电机】管\4Q7538</t>
  </si>
  <si>
    <t>【东方发电机】螺栓\4Q6645</t>
  </si>
  <si>
    <t>【东方发电机】绝缘筒\4Q11189</t>
  </si>
  <si>
    <t>【东方发电机】止动垫圈\4B4662</t>
  </si>
  <si>
    <t>【东方发电机】螺栓\M10×25\GB5783-1986</t>
  </si>
  <si>
    <t>【东方发电机】压板\4Q11141</t>
  </si>
  <si>
    <t>【东方发电机】支撑板\3Q5946</t>
  </si>
  <si>
    <t>【东方发电机】止动垫圈\4B4659</t>
  </si>
  <si>
    <t>【东方发电机】调节螺钉\4Q7470</t>
  </si>
  <si>
    <t>【东方发电机】螺栓\M20×50\4Q7665</t>
  </si>
  <si>
    <t>【东方发电机】圆柱销\φ30\4Q12245</t>
  </si>
  <si>
    <t>【东方发电机】螺栓\M48×160\4Q6511</t>
  </si>
  <si>
    <t>【东方发电机】螺栓\M36\4Q6588</t>
  </si>
  <si>
    <t>【东方发电机】螺栓\M36\4Q6607</t>
  </si>
  <si>
    <t>【东方发电机】螺栓\M30\4Q7668</t>
  </si>
  <si>
    <t>【东方发电机】螺栓\M36\4Q6591</t>
  </si>
  <si>
    <t>【东方发电机】螺栓\M30\4Q7667</t>
  </si>
  <si>
    <t>【东方发电机】止动垫圈\10\4B4449</t>
  </si>
  <si>
    <t>【东方发电机】橡胶垫圈\4Q7742</t>
  </si>
  <si>
    <t>【东方发电机】密封垫圈\4Q15426</t>
  </si>
  <si>
    <t>【东方发电机】O形密封圈\4Q15427</t>
  </si>
  <si>
    <t>【东方发电机】螺栓\M36×L\4B4056</t>
  </si>
  <si>
    <t>【东方发电机】螺栓\M36×L\4B4059</t>
  </si>
  <si>
    <t>【东方发电机】滑板\3Q10289</t>
  </si>
  <si>
    <t>【东方发电机】挡块\4Q8851\QFSN-600/660-2</t>
  </si>
  <si>
    <t>【东方发电机】支撑块\3Q4709\QFSN-600/660-2</t>
  </si>
  <si>
    <t>【东方发电机】托块\4Q14589</t>
  </si>
  <si>
    <t>【东方发电机】块\4Q8843\QFSN-600/660-2</t>
  </si>
  <si>
    <t>【东方发电机】顶块\4Q8839\QFSN-600/660-2</t>
  </si>
  <si>
    <t>【东方发电机】销\4Q8836\QFSN-600/660-2</t>
  </si>
  <si>
    <t>【东方发电机】螺栓\4Q8845\QFSN-600/660-2</t>
  </si>
  <si>
    <t>【东方发电机】螺栓\4Q8855\QFSN-600/660-2</t>
  </si>
  <si>
    <t>【东方发电机】螺栓\4Q8870\QFSN-600/660-2</t>
  </si>
  <si>
    <t>【东方发电机】托块\3Q10322</t>
  </si>
  <si>
    <t>【东方发电机】插销\4Q11416</t>
  </si>
  <si>
    <t>【东方发电机】插销\4Q11417</t>
  </si>
  <si>
    <t>【东方发电机】吊攀锻件\3Q4104</t>
  </si>
  <si>
    <t>【东方发电机】半环\4Q3931</t>
  </si>
  <si>
    <t>【东方发电机】垫板\4Q8932</t>
  </si>
  <si>
    <t>【东方发电机】盖板\4Q10775</t>
  </si>
  <si>
    <t>【东方发电机】密封垫圈\4Q10947\QFSN-600/660-2</t>
  </si>
  <si>
    <t>【东方发电机】密封垫圈\4Q10952\QFSN-600/660-2</t>
  </si>
  <si>
    <t>【东方发电机】止动垫圈\4B4450</t>
  </si>
  <si>
    <t>【东方发电机】冷却器密封垫\3QG806</t>
  </si>
  <si>
    <t>【东方发电机】冷却器密封垫\3QG805</t>
  </si>
  <si>
    <t>【东方发电机】密封垫圈\4Q11547\QFSN-600/660-2</t>
  </si>
  <si>
    <t>【东方发电机】止动垫圈\4B4622</t>
  </si>
  <si>
    <t>【东方发电机】定位螺柱\4Q7329</t>
  </si>
  <si>
    <t>【东方发电机】螺栓\4Q7472</t>
  </si>
  <si>
    <t>【东方发电机】螺栓\4Q7473</t>
  </si>
  <si>
    <t>【东方发电机】螺栓\M16\4Q7111</t>
  </si>
  <si>
    <t>【东方发电机】止动垫片\4Q7112</t>
  </si>
  <si>
    <t>【东方发电机】螺栓\M36\4Q6590</t>
  </si>
  <si>
    <t>【东方发电机】螺栓\M36\4Q6589</t>
  </si>
  <si>
    <t>【东方发电机】定子槽楔\3Q7730</t>
  </si>
  <si>
    <t>【东方发电机】定子槽楔\3Q7731</t>
  </si>
  <si>
    <t>【东方发电机】定子槽楔\3Q7732</t>
  </si>
  <si>
    <t>【东方发电机】定子槽楔\3Q7733</t>
  </si>
  <si>
    <t>【东方发电机】定子槽楔\3Q7734</t>
  </si>
  <si>
    <t>【东方发电机】高强度层压玻璃布板\0.2×39.4×671F级\D327\1Q4377序8</t>
  </si>
  <si>
    <t>【东方发电机】高强度层压玻璃布板\0.5×39.4×671F级\D327\1Q4377序9</t>
  </si>
  <si>
    <t>【东方发电机】高强度层压玻璃布板\1.0×39.4×671F级\D327\1Q4377序10</t>
  </si>
  <si>
    <t>【东方发电机】高强度层压玻璃布板\1.5×39.4×671F级\D327\1Q4377序11</t>
  </si>
  <si>
    <t>【东方发电机】高强度层压玻璃布板\1.5×39.4×666F级\D327\1Q4377序7</t>
  </si>
  <si>
    <t>【东方发电机】端部槽楔\3Q7729</t>
  </si>
  <si>
    <t>【东方发电机】槽楔波纹垫条\3Q7735</t>
  </si>
  <si>
    <t>【东方发电机】槽楔波纹垫条\3Q7736</t>
  </si>
  <si>
    <t>【东方发电机】槽楔波纹垫条\3Q7737</t>
  </si>
  <si>
    <t>【东方发电机】槽楔波纹垫条\3Q7738</t>
  </si>
  <si>
    <t>【东方发电机】槽楔波纹垫条\3Q7739</t>
  </si>
  <si>
    <t>【东方发电机】槽楔波纹垫条\3Q7740</t>
  </si>
  <si>
    <t>【东方发电机】侧面波纹板\2Q2324</t>
  </si>
  <si>
    <t>【东方发电机】侧面波纹板\3Q7742</t>
  </si>
  <si>
    <t>【东方发电机】螺母\M24\3Q4024</t>
  </si>
  <si>
    <t>【东方发电机】销螺栓\3Q4002</t>
  </si>
  <si>
    <t>【东方发电机】垫圈\φ24\4Q7456</t>
  </si>
  <si>
    <t>【东方发电机】衬套\4Q7457</t>
  </si>
  <si>
    <t>【东方发电机】螺塞\4Q7104</t>
  </si>
  <si>
    <t>【东方发电机】铜接头\2Q2264</t>
  </si>
  <si>
    <t>【东方发电机】铜接头\2Q2263</t>
  </si>
  <si>
    <t>【东方发电机】铜接头\2Q2530</t>
  </si>
  <si>
    <t>【东方发电机】转子线圈\1Q3636序1</t>
  </si>
  <si>
    <t>【东方发电机】稳定轴瓦\1Q1410\QFSN-300/330/350-2</t>
  </si>
  <si>
    <t>【东方发电机】调节垫片组\2Q3206</t>
  </si>
  <si>
    <t>【东方发电机】调节垫片组\2Q3207</t>
  </si>
  <si>
    <t>【东方发电机】调节垫片组\2Q3208</t>
  </si>
  <si>
    <t>【东方发电机】耐油橡皮圆\φ16\4Q5442</t>
  </si>
  <si>
    <t>【东方发电机】耐油橡皮圆\φ8\1Q2247项22</t>
  </si>
  <si>
    <t>【东方发电机】止动垫圈\4B4481</t>
  </si>
  <si>
    <t>【东方发电机】止动垫圈\4B4656</t>
  </si>
  <si>
    <t>【东方发电机】垫圈\4Q9275</t>
  </si>
  <si>
    <t>【东方发电机】垫圈\4Q9276</t>
  </si>
  <si>
    <t>【东方发电机】环氧玻璃布管\F13/F17长39\QFSN-300/330/350-2</t>
  </si>
  <si>
    <t>【东方发电机】环氧玻璃布管\F13/F17长63\QFSN-300/330/350-2</t>
  </si>
  <si>
    <t>【东方发电机】绝缘垫圈\4Q3460\QFSN-300/330/350-2</t>
  </si>
  <si>
    <t>【东方发电机】橡皮衬垫\3Q4571</t>
  </si>
  <si>
    <t>【东方发电机】衬垫\3Q4570</t>
  </si>
  <si>
    <t>【东方发电机】垫圈\4Q8861\QFSN-300/330/350-2</t>
  </si>
  <si>
    <t>【东方发电机】垫圈\4Q3454\QFSN-300/330/350-2</t>
  </si>
  <si>
    <t>【东方发电机】环氧玻璃布管\3640\2Q1200项18</t>
  </si>
  <si>
    <t>【东方发电机】止动垫圈\4B4472</t>
  </si>
  <si>
    <t>【东方发电机】止动垫圈\4B4475\QFSN-300/330/350-2</t>
  </si>
  <si>
    <t>【东方发电机】铜编织扁线\TZ-1\3.5×50\3Q5789项5</t>
  </si>
  <si>
    <t>【东方发电机】止动垫圈\4B4639</t>
  </si>
  <si>
    <t>【东方发电机】玻璃布管\3640\φ17\φ21×18\1Q998项3</t>
  </si>
  <si>
    <t>【东方发电机】带孔垫片组\4Q8584</t>
  </si>
  <si>
    <t>【东方发电机】带孔垫片组\4Q8583</t>
  </si>
  <si>
    <t>【东方发电机】带孔垫片组\4Q8356</t>
  </si>
  <si>
    <t>【东方发电机】带孔垫片组\4Q8292</t>
  </si>
  <si>
    <t>【东方发电机】密封垫圈\3Q6978</t>
  </si>
  <si>
    <t>【东方发电机】止动垫圈\4Q5232</t>
  </si>
  <si>
    <t>【东方发电机】线夹\4Q8350</t>
  </si>
  <si>
    <t>【东方发电机】轴瓦绝缘电阻测量引线装配\2Q2641</t>
  </si>
  <si>
    <t>【东方发电机】引线座\4Q8299</t>
  </si>
  <si>
    <t>【东方发电机】止动垫圈\4B4447</t>
  </si>
  <si>
    <t>【东方发电机】橡皮垫圈\4Q10474</t>
  </si>
  <si>
    <t>【东方发电机】橡皮垫圈\4Q10475</t>
  </si>
  <si>
    <t>【东方发电机】橡皮垫圈\4Q10476</t>
  </si>
  <si>
    <t>【东方发电机】橡皮垫圈\4Q10477</t>
  </si>
  <si>
    <t>【东方发电机】橡皮垫圈\4Q10478</t>
  </si>
  <si>
    <t>【东方发电机】橡胶垫圈\4Q6643\QFSN-300/330/350-2</t>
  </si>
  <si>
    <t>【东方发电机】橡胶垫圈\4Q6666\QFSN-300/330/350-2</t>
  </si>
  <si>
    <t>【东方发电机】绝缘垫圈\4Q9304\QFSN-300/330/350-2</t>
  </si>
  <si>
    <t>【东方发电机】绝缘筒\4Q9307</t>
  </si>
  <si>
    <t>【东方发电机】绝缘套筒\4Q9308\QFSN-300/330/350-2</t>
  </si>
  <si>
    <t>【东方发电机】绝缘套筒\4Q9310\QFSN-300/330/350-2</t>
  </si>
  <si>
    <t>【东方发电机】绝缘垫板\4Q9235\QFSN-300/330/350-2</t>
  </si>
  <si>
    <t>【东方发电机】绝缘垫板\4Q9236\QFSN-300/330/350-2</t>
  </si>
  <si>
    <t>【东方发电机】橡胶垫圈\4Q9798\QFSN-300/330/350-2</t>
  </si>
  <si>
    <t>【东方发电机】调节垫片组\4Q9237\QFSN-300/330/350-2</t>
  </si>
  <si>
    <t>【东方发电机】锥形垫圈\4Q5388</t>
  </si>
  <si>
    <t>【东方发电机】高效清洗剂\1755\400ml/罐\1Q3918-S项20</t>
  </si>
  <si>
    <t>【东方发电机】室温固化硅橡胶\4.5KG\1Q3509项12</t>
  </si>
  <si>
    <t>【东方发电机】室温固化胶\DECJ0708\22kg\件\3Q9734项3</t>
  </si>
  <si>
    <t>【东方发电机】密封胶\1Q3262-S项51</t>
  </si>
  <si>
    <t>【东方发电机】电流互感器\5P30\100VA\2Q13063项8</t>
  </si>
  <si>
    <t>【东方发电机】电流互感器\0.5\100VA\2Q13063项7</t>
  </si>
  <si>
    <t>【东方发电机】电流互感器\0.2S\100VA\2Q13063项6</t>
  </si>
  <si>
    <t>【东方发电机】电流互感器\0.2\100VA\2Q13063项5</t>
  </si>
  <si>
    <t>【东方发电机】垫圈\4Q3464</t>
  </si>
  <si>
    <t>【东方发电机】螺栓\M16×50\GB5782-86</t>
  </si>
  <si>
    <t>【东方发电机】螺栓\4B4099</t>
  </si>
  <si>
    <t>【东方发电机】螺栓\4B4894</t>
  </si>
  <si>
    <t>【东方发电机】六角螺母\M72×6\4B3561</t>
  </si>
  <si>
    <t>【东方发电机】螺栓\4Q4584</t>
  </si>
  <si>
    <t>【东方发电机】六角螺母\M42\4B3557</t>
  </si>
  <si>
    <t>【东方发电机】绝缘垫圈\4Q8524</t>
  </si>
  <si>
    <t>【东方发电机】垫圈\4Q3469</t>
  </si>
  <si>
    <t>【东方发电机】密封圈\4Q3471</t>
  </si>
  <si>
    <t>【东方发电机】气隙隔板\4Q9194</t>
  </si>
  <si>
    <t>【东方发电机】定位块\4Q8924</t>
  </si>
  <si>
    <t>【东方发电机】支撑块\4Q8925</t>
  </si>
  <si>
    <t>【东方发电机】过滤器\2Q2651</t>
  </si>
  <si>
    <t>【东方发电机】百叶窗\3Q4560</t>
  </si>
  <si>
    <t>【东方发电机】螺栓\4Q10467</t>
  </si>
  <si>
    <t>【东方发电机】垫圈\4Q5630</t>
  </si>
  <si>
    <t>【东方发电机】方头螺栓\4Q5347</t>
  </si>
  <si>
    <t>【东方发电机】氢冷器密封垫\4QG1057</t>
  </si>
  <si>
    <t>【东方发电机】挡风橡皮条\4Q5211</t>
  </si>
  <si>
    <t>【东方发电机】氢冷器密封垫\4Q8614</t>
  </si>
  <si>
    <t>【东方发电机】橡皮衬垫\4Q5438</t>
  </si>
  <si>
    <t>【东方发电机】橡皮衬垫\4Q5206</t>
  </si>
  <si>
    <t>【东方发电机】上外罩\2Q1673</t>
  </si>
  <si>
    <t>【东方发电机】橡皮衬垫\3Q3811</t>
  </si>
  <si>
    <t>【东方发电机】圆柱定位销\φ30\4Q3886</t>
  </si>
  <si>
    <t>【东方发电机】氢冷器密封垫\4QG1059</t>
  </si>
  <si>
    <t>【东方发电机】端面铂热测温电阻\WZPM-001(PT100)\1Q3518P1项13</t>
  </si>
  <si>
    <t>【东方发电机】环氧树脂\6101\1Q3262-S项49</t>
  </si>
  <si>
    <t>【东方发电机】无碱玻璃丝带\0.1×25\ET100\1Q3262-S项47</t>
  </si>
  <si>
    <t>【东方发电机】接头\4Q8358</t>
  </si>
  <si>
    <t>【东方发电机】双金属温度计\WSS-401\DB256-92</t>
  </si>
  <si>
    <t>【东方发电机】铂热电阻\150mm\WZP2-221R.T.D\DB1036-92</t>
  </si>
  <si>
    <t>【东方发电机】端面铂热电阻\3m\WZPM-001(Pt100)R.T.D\DB1035-92</t>
  </si>
  <si>
    <t>【东方发电机】碳刷架及底架装配\1Q2500</t>
  </si>
  <si>
    <t>【东方发电机】稳定轴承装配\1Q2301</t>
  </si>
  <si>
    <t>【东方发电机】装拆护环工具\1Q2527</t>
  </si>
  <si>
    <t>【东方发电机】装抽转子工具\2Q3246</t>
  </si>
  <si>
    <t>【东方发电机】顶轴工具\2Q1679</t>
  </si>
  <si>
    <t>【东方发电机】出线套管气密试验工具\3Q2775</t>
  </si>
  <si>
    <t>【东方发电机】装抽冷却器工具\2Q2677</t>
  </si>
  <si>
    <t>【东方发电机】气隙量具\3Q5702</t>
  </si>
  <si>
    <t>【东方发电机】密封瓦检测工具\3Q6063</t>
  </si>
  <si>
    <t>【东方发电机】套筒扳手\FeO\3Q6300</t>
  </si>
  <si>
    <t>【东方发电机】轴承吊具\3Q4599</t>
  </si>
  <si>
    <t>【东方发电机】油密封吊具\3Q4598</t>
  </si>
  <si>
    <t>【东方发电机】拆装下半端盖工具\2Q2821</t>
  </si>
  <si>
    <t>【东方发电机】转子匝间探测装置\1Q2063</t>
  </si>
  <si>
    <t>【东方发电机】绝缘盒\3Q4868</t>
  </si>
  <si>
    <t>【东方发电机】上层定子引线线圈\1Q2257</t>
  </si>
  <si>
    <t>【东方发电机】下层定子引线线圈\1Q2259</t>
  </si>
  <si>
    <t>【东方发电机】绝缘引水管装配\3Q2713.11</t>
  </si>
  <si>
    <t>【东方发电机】绝缘盒\3Q4869</t>
  </si>
  <si>
    <t>【东方发电机】层间垫条\4Q15382</t>
  </si>
  <si>
    <t>【东方发电机】氟塑料热缩管\C-13φ2.4\175℃\1Q9733项22</t>
  </si>
  <si>
    <t>【东方发电机】槽侧斜楔(上层线棒)\4Q9159</t>
  </si>
  <si>
    <t>【东方发电机】槽侧斜楔(下层线棒)\4Q9160</t>
  </si>
  <si>
    <t>【东方发电机】层间测温垫条\3Q11831</t>
  </si>
  <si>
    <t>【东方发电机】绝缘筒\4Q9147</t>
  </si>
  <si>
    <t>【东方发电机】绝缘筒\4Q9148</t>
  </si>
  <si>
    <t>【东方发电机】绝缘筒\4Q9149</t>
  </si>
  <si>
    <t>【东方发电机】绝缘筒\4Q9150</t>
  </si>
  <si>
    <t>【东方发电机】绝缘筒\4Q9151</t>
  </si>
  <si>
    <t>【东方发电机】绝缘筒\4Q9152</t>
  </si>
  <si>
    <t>【东方发电机】绝缘套\4Q8465</t>
  </si>
  <si>
    <t>【东方发电机】绝缘环\4Q8772</t>
  </si>
  <si>
    <t>【东方发电机】绝缘引水管装配\3Q2713.10</t>
  </si>
  <si>
    <t>【东方发电机】绝缘引水管装配\3Q2713.9</t>
  </si>
  <si>
    <t>【东方发电机】绝缘引水管装配\3Q2713.8</t>
  </si>
  <si>
    <t>【东方发电机】内端盖\1Q2753</t>
  </si>
  <si>
    <t>【东方发电机】护环\3Q4822</t>
  </si>
  <si>
    <t>【东方发电机】调节垫条组\4Q11457</t>
  </si>
  <si>
    <t>【东方发电机】调节垫条组\4Q11458</t>
  </si>
  <si>
    <t>【东方发电机】护环绝缘\4Q17015&amp;4Q17016</t>
  </si>
  <si>
    <t>【东方发电机】风叶\1Q1936</t>
  </si>
  <si>
    <t>【东方发电机】绝缘筒加工(内)\4Q8217</t>
  </si>
  <si>
    <t>【东方发电机】集电环风扇\3Q7395</t>
  </si>
  <si>
    <t>【东方发电机】绝缘筒加工(外)\4Q8218</t>
  </si>
  <si>
    <t>【东方发电机】绝缘筒\4Q7060</t>
  </si>
  <si>
    <t>【东方发电机】绝缘管\4Q8221</t>
  </si>
  <si>
    <t>【东方发电机】绝缘垫圈\4Q7067</t>
  </si>
  <si>
    <t>【东方发电机】导风叶\2Q2628</t>
  </si>
  <si>
    <t>【东方发电机】导风叶\2Q2627</t>
  </si>
  <si>
    <t>【东方发电机】导风叶锁片\Zn\4Q8487</t>
  </si>
  <si>
    <t>【东方发电机】风叶\1Q1937</t>
  </si>
  <si>
    <t>【东方发电机】测速装置\2Q3531</t>
  </si>
  <si>
    <t>【东方发电机】发电机出线哈佛金具\2Q3873</t>
  </si>
  <si>
    <t>【东方发电机】发电机出线哈佛金具(中性点)\2Q3942</t>
  </si>
  <si>
    <t>【东方发电机】转子通风试验装置\1Q3337</t>
  </si>
  <si>
    <t>【东方发电机】转子匝间短路监测仪\ROM\3Q16936项7</t>
  </si>
  <si>
    <t>【东方发电机】测温接线板装配\1Q3509</t>
  </si>
  <si>
    <t>【东方发电机】测温接线板装配\1Q3510</t>
  </si>
  <si>
    <t>【东方发电机】线夹\4Q9227</t>
  </si>
  <si>
    <t>【东方发电机】线夹\4Q9228</t>
  </si>
  <si>
    <t>【东方发电机】线夹\4Q9229</t>
  </si>
  <si>
    <t>【东方发电机】测温接线板装配\1Q3511</t>
  </si>
  <si>
    <t>【东方发电机】线夹\4Q9230</t>
  </si>
  <si>
    <t>【东方发电机】线夹\4Q9231</t>
  </si>
  <si>
    <t>【东方发电机】测温接线板装配\1Q3512</t>
  </si>
  <si>
    <t>【东方发电机】测温接线板装配\1Q3513</t>
  </si>
  <si>
    <t>【东方发电机】测温接线板装配\1Q3514</t>
  </si>
  <si>
    <t>【东方发电机】测温接线板装配\1Q3515</t>
  </si>
  <si>
    <t>【东方发电机】测温接线板装配\1Q3516</t>
  </si>
  <si>
    <t>【东方发电机】测温接线板装配\1Q3517</t>
  </si>
  <si>
    <t>【东方发电机】绝缘引水管装配\3Q2713.2</t>
  </si>
  <si>
    <t>【东方发电机】绝缘引水管装配\3Q2713.5</t>
  </si>
  <si>
    <t>【东方发电机】绝缘引水管装配\3Q2713.6</t>
  </si>
  <si>
    <t>【东方发电机】绝缘引水管装配\3Q2713.7</t>
  </si>
  <si>
    <t>【东方发电机】绝缘引水管装配\3Q2713.3</t>
  </si>
  <si>
    <t>【东方发电机】绝缘引水管装配\3Q2713.4</t>
  </si>
  <si>
    <t>【东方发电机】转子接地装置\3Q5788</t>
  </si>
  <si>
    <t>【东方发电机】过渡环加工\1Q2838</t>
  </si>
  <si>
    <t>【东方发电机】内挡油盖加工\1Q2837</t>
  </si>
  <si>
    <t>【东方发电机】镀锌钢丝\φ2\L=20m\DB672.19</t>
  </si>
  <si>
    <t>【东方发电机】挡油块\4Q8585</t>
  </si>
  <si>
    <t>【东方发电机】绝缘销\4Q8369</t>
  </si>
  <si>
    <t>【东方发电机】绝缘销\4Q8370</t>
  </si>
  <si>
    <t>【东方发电机】外挡油盖\2Q4641</t>
  </si>
  <si>
    <t>【东方发电机】玻璃布管\φ21\φ25×84\3640\1Q2678项21</t>
  </si>
  <si>
    <t>【东方发电机】螺栓\4Q8367</t>
  </si>
  <si>
    <t>【东方发电机】绝缘垫圈\4B152</t>
  </si>
  <si>
    <t>【东方发电机】螺栓\4Q8368</t>
  </si>
  <si>
    <t>【东方发电机】玻璃布管\φ21\φ25×31\3640\1Q2678项27</t>
  </si>
  <si>
    <t>【东方发电机】玻璃布管\φ17\φ21×15\3640\1Q2678项29</t>
  </si>
  <si>
    <t>【东方发电机】绝缘垫圈\4B151</t>
  </si>
  <si>
    <t>【东方发电机】转子接地保护装置\3Q5789</t>
  </si>
  <si>
    <t>【东方发电机】密封座加工(汽端)\1Q2680</t>
  </si>
  <si>
    <t>【东方发电机】密封座加工(励端)\1Q2679</t>
  </si>
  <si>
    <t>【东方发电机】接触式油挡\3Q5689</t>
  </si>
  <si>
    <t>【东方发电机】弹簧\3Q4221</t>
  </si>
  <si>
    <t>【东方发电机】挡油板\4Q8373</t>
  </si>
  <si>
    <t>【东方发电机】氢气冷却器(绕片式)\1Q2762</t>
  </si>
  <si>
    <t>【东方发电机】发电机绝缘过热监测仪\OHM60\3Q16936项5</t>
  </si>
  <si>
    <t>【东方发电机】发电机局部放电监测仪\W-PD6\3Q16936项6</t>
  </si>
  <si>
    <t>【东方发电机】轴电压轴电流检测装置\SCM60\3Q16936项8</t>
  </si>
  <si>
    <t>【东方发电机】水冷电机绝缘特性测试仪\JCKZC-58\3Q16936项9</t>
  </si>
  <si>
    <t>【东方发电机】功角仪\GPA3000\3Q12062项9</t>
  </si>
  <si>
    <t>【东方发电机】定子端部振动监测仪\EWM60S\4Q16622项1</t>
  </si>
  <si>
    <t>【东方发电机】密封垫圈\3Q4750\QFSN-300/330/350-2</t>
  </si>
  <si>
    <t>【东方发电机】橡皮垫圈\4Q5440\QFSN-300/330/350-2</t>
  </si>
  <si>
    <t>【东方发电机】绝缘垫圈\4Q8371\QFSN-300/330/350-2</t>
  </si>
  <si>
    <t>【东方发电机】分离式液压千斤顶\4Q8852\QFSN-600/660-2</t>
  </si>
  <si>
    <t>【东方发电机】密封瓦\2Q1215</t>
  </si>
  <si>
    <t>【东方发电机】引线\3Q5240</t>
  </si>
  <si>
    <t>【东方发电机】密封垫圈\3Q5239</t>
  </si>
  <si>
    <t>【东方发电机】辅助内油挡\HD-200\3Q5238</t>
  </si>
  <si>
    <t>【东方发电机】玻璃布管\Ф21\Ф25×84\3640\1Q2471项14</t>
  </si>
  <si>
    <t>【东方发电机】玻璃布管\3640\Ф21\Ф25×34\1Q2471项20</t>
  </si>
  <si>
    <t>【东方发电机】玻璃布管\3640\Ф17\Ф21×11\1Q2471项22</t>
  </si>
  <si>
    <t>【东方发电机】外挡油盖橡皮垫圈\4Q3822</t>
  </si>
  <si>
    <t>【东方发电机】励端风叶\2Q1231</t>
  </si>
  <si>
    <t>【东方发电机】汽端风叶\2Q1229</t>
  </si>
  <si>
    <t>【东方发电机】锥形垫圈\4Q3472</t>
  </si>
  <si>
    <t>【东方发电机】绝缘引水管装配\3Q1952</t>
  </si>
  <si>
    <t>【东方发电机】绝缘垫圈\4B110</t>
  </si>
  <si>
    <t>【东方发电机】铝衬垫\3Q2027</t>
  </si>
  <si>
    <t>【东方发电机】橡皮衬垫\3Q2028</t>
  </si>
  <si>
    <t>【东方发电机】耐油橡皮圆\Φ8\2Q1184项5</t>
  </si>
  <si>
    <t>【东方发电机】碳刷\QFSN-600/660-2</t>
  </si>
  <si>
    <t>【东方发电机】恒压刷握\4B3209</t>
  </si>
  <si>
    <t>【东方发电机】电刷\4B1973</t>
  </si>
  <si>
    <t>【东方发电机】止动垫圈\4Q3450</t>
  </si>
  <si>
    <t>【东方发电机】引水管\4Q3491</t>
  </si>
  <si>
    <t>【东方发电机】止动垫圈\4Q3474</t>
  </si>
  <si>
    <t>【东方发电机】导电螺钉\3Q3340</t>
  </si>
  <si>
    <t>【东方发电机】集电环(汽端)\2Q2094</t>
  </si>
  <si>
    <t>【东方发电机】集电环(励端)\2Q2095</t>
  </si>
  <si>
    <t>【东方发电机】橡皮衬板\4Q7996\QFSN-600/660-2</t>
  </si>
  <si>
    <t>【东方发电机】橡皮衬板\4Q7995\QFSN-600/660-2</t>
  </si>
  <si>
    <t>【东方发电机】橡皮衬板\4Q7994\QFSN-600/660-2</t>
  </si>
  <si>
    <t>【东方发电机】橡皮衬板\4Q7993\QFSN-600/660-2</t>
  </si>
  <si>
    <t>【东方发电机】橡皮衬板\4Q7992\QFSN-600/660-2</t>
  </si>
  <si>
    <t>【东方发电机】密封垫圈\4Q6919\QFSN-600/660-2</t>
  </si>
  <si>
    <t>【东方发电机】稳定轴承轴瓦\1Q3141\QFSN-600/660-2</t>
  </si>
  <si>
    <t>【东方发电机】励端轴瓦\1Q1644\QFSN-600/660-2</t>
  </si>
  <si>
    <t>【东方发电机】汽端轴瓦\1Q1643\QFSN-600/660-2</t>
  </si>
  <si>
    <t>【东方发电机】励端风叶\2Q2248\QFSN-600/660-2</t>
  </si>
  <si>
    <t>【东方发电机】汽端风叶\2Q2246\QFSN-600/660-2</t>
  </si>
  <si>
    <t>【东方发电机】止动垫片\4Q7110\QFSN-600/660-2</t>
  </si>
  <si>
    <t>【东方发电机】密封垫圈\4Q7080\QFSN-600/660-2</t>
  </si>
  <si>
    <t>【东方发电机】密封垫圈\4Q7058\QFSN-600/660-2</t>
  </si>
  <si>
    <t>【东方发电机】销\4Q7393\QFSN-600/660-2</t>
  </si>
  <si>
    <t>【东方发电机】密封垫圈\4Q6918\QFSN-600/660-2</t>
  </si>
  <si>
    <t>【东方发电机】耐油橡胶园条\Φ12\QFSN-600/660-2</t>
  </si>
  <si>
    <t>【东方发电机】密封垫圈\4Q6562\QFSN-600/660-2</t>
  </si>
  <si>
    <t>【东方发电机】密封垫圈\4Q6561\QFSN-600/660-2</t>
  </si>
  <si>
    <t>【东方发电机】螺栓\4Q7531\QFSN-600/660-2</t>
  </si>
  <si>
    <t>【东方发电机】定位销\4Q7540\QFSN-600/660-2</t>
  </si>
  <si>
    <t>【东方发电机】调节螺钉\4Q7469\QFSN-600/660-2</t>
  </si>
  <si>
    <t>【东方发电机】密封瓦弹簧\3Q4010\QFSN-600/660-2</t>
  </si>
  <si>
    <t>【东方发电机】汽端空侧密封瓦精加工\1Q1668\QFSN-600/660-2</t>
  </si>
  <si>
    <t>【东方发电机】汽端氢侧密封瓦精加工\1Q1667\QFSN-600/660-2</t>
  </si>
  <si>
    <t>【东方发电机】汽端内挡油盖加工\1Q1672\QFSN-600/660-2</t>
  </si>
  <si>
    <t>【东方发电机】汽端外挡油盖加工\2Q2317\QFSN-600/660-2</t>
  </si>
  <si>
    <t>【东方发电机】绝缘套管\4Q7475\QFSN-600/660-2</t>
  </si>
  <si>
    <t>【东方发电机】绝缘垫圈\4Q7474\QFSN-600/660-2</t>
  </si>
  <si>
    <t>【东方发电机】绝缘套管\4Q7476\QFSN-600/660-2</t>
  </si>
  <si>
    <t>【东方发电机】绝缘垫圈\4Q7536\QFSN-600/660-2</t>
  </si>
  <si>
    <t>【东方发电机】绝缘套管\4Q7535\QFSN-600/660-2</t>
  </si>
  <si>
    <t>【东方发电机】绝缘套管\4Q7534\QFSN-600/660-2</t>
  </si>
  <si>
    <t>【东方发电机】密封瓦弹簧\3Q4009\QFSN-600/660-2</t>
  </si>
  <si>
    <t>【东方发电机】励端空侧密封瓦精加工\1Q1666\QFSN-600/660-2</t>
  </si>
  <si>
    <t>【东方发电机】出口冷却器\1Q5526\QFSN-600/660-2</t>
  </si>
  <si>
    <t>【东方发电机】通用型冷却器\1Q1699\QFSN-600/660-2</t>
  </si>
  <si>
    <t>【东方发电机】轴承盖吊装（中段）\1Q3349\QFSN-600/660-2</t>
  </si>
  <si>
    <t>【东方发电机】气隙量具\3Q6258\QFSN-600/660-2</t>
  </si>
  <si>
    <t>【东方发电机】油密封吊装工具\2Q3891\QFSN-600/660-2</t>
  </si>
  <si>
    <t>【东方发电机】励端氢侧密封瓦精加工\1Q1665\QFSN-600/660-2</t>
  </si>
  <si>
    <t>【东方发电机】励端内挡油盖加工\1Q1671\QFSN-600/660-2</t>
  </si>
  <si>
    <t>【东方发电机】励端外挡油盖加工\2Q2315\QFSN-600/660-2</t>
  </si>
  <si>
    <t>【东方发电机】密封垫条\4Q6532\QFSN-300/330/350-2</t>
  </si>
  <si>
    <t>【东方发电机】块\4Q8844\QFSN-600/660-2</t>
  </si>
  <si>
    <t>【东方发电机】吊环工具护\2Q2791\QFSN-600/660-2</t>
  </si>
  <si>
    <t>【东方发电机】螺栓\4Q8846\QFSN-600/660-2</t>
  </si>
  <si>
    <t>【东方发电机】出口冷却器\1Q4415\QFSN-300/330/350-2</t>
  </si>
  <si>
    <t>【东方发电机】通用型冷却器\1Q2761\QFSN-300/330/350-2</t>
  </si>
  <si>
    <t>【东方发电机】顶块\4Q8838\QFSN-600/660-2</t>
  </si>
  <si>
    <t>【东方发电机】托块\3Q4712\QFSN-600/660-2</t>
  </si>
  <si>
    <t>【东方发电机】支架\2Q2792\QFSN-600/660-2</t>
  </si>
  <si>
    <t>【东方发电机】绝缘套筒\4Q9307\QFSN-300/330/350-2</t>
  </si>
  <si>
    <t>【东方发电机】钢管\4Q8834\QFSN-600/660-2</t>
  </si>
  <si>
    <t>【东方发电机】橡胶板\3Q4697\QFSN-600/660-2</t>
  </si>
  <si>
    <t>【东方发电机】集电环\QFSN-300/330/350-2</t>
  </si>
  <si>
    <t>【东方发电机】止动垫片\4Q8491\QFSN-300/330/350-2</t>
  </si>
  <si>
    <t>【东方发电机】密封圈\4Q8223\QFSN-300/330/350-2</t>
  </si>
  <si>
    <t>【东方发电机】密封垫圈\4Q5285\QFSN-300/330/350-2</t>
  </si>
  <si>
    <t>【东方发电机】绝缘垫圈\3Q4559\QFSN-300/330/350-2</t>
  </si>
  <si>
    <t>【东方发电机】密封瓦精加工\1Q1757\QFSN-300/330/350-2</t>
  </si>
  <si>
    <t>【东方发电机】密封瓦精加工\1Q1756\QFSN-300/330/350-2</t>
  </si>
  <si>
    <t>【东方发电机】轴瓦装配\1Q1891-1\QFSN-300/330/350-2</t>
  </si>
  <si>
    <t>【东方发电机】轴瓦装配\1Q1892-1\QFSN-300/330/350-2</t>
  </si>
  <si>
    <t>【东方发电机】装碳刷工具\QFSN-600/660-2</t>
  </si>
  <si>
    <t>【东方发电机】恒压刷握\QFSN-600/660-2</t>
  </si>
  <si>
    <t>【东方发电机】压帽\4Q8754\QFSN-600/660-2</t>
  </si>
  <si>
    <t>【东方发电机】橡胶垫圈\4Q8415\QFSN-600/660-2</t>
  </si>
  <si>
    <t>【东方发电机】堵块\4Q8414\QFSN-600/660-2</t>
  </si>
  <si>
    <t>【东方发电机】堵头\4Q8413\QFSN-600/660-2</t>
  </si>
  <si>
    <t>【东方发电机】密封胶\T20-75\QFSN-600/660-2</t>
  </si>
  <si>
    <t>【东方发电机】注胶嘴\R1/4\QFSN-600/660-2</t>
  </si>
  <si>
    <t>【东方发电机】注胶枪软管\SPK-2C\QFSN-600/660-2</t>
  </si>
  <si>
    <t>【东方发电机】注胶枪体\KH-32C\QFSN-600/660-2</t>
  </si>
  <si>
    <t>【东方发电机】出线套管装配\1Q1885\QFSN-600/660-2</t>
  </si>
  <si>
    <t>【东方发电机】定子线圈\1Q2258\QFSN-300/330/350-2</t>
  </si>
  <si>
    <t>【东方发电机】定子线圈\1Q2256\QFSN-300/330/350-2</t>
  </si>
  <si>
    <t>【东方发电机】接头\4Q8418\QFSN-300/330/350-2</t>
  </si>
  <si>
    <t>【东方发电机】出线套管装配\1Q1884\QFSN-600/660-2</t>
  </si>
  <si>
    <t>【东方发电机】过渡引线\3Q3819\QFSN-600/660-2</t>
  </si>
  <si>
    <t>【东方发电机】过渡引线\3Q3818\QFSN-600/660-2</t>
  </si>
  <si>
    <t>【东方发电机】支持瓷套管装配\1Q1603\QFSN-600/660-2</t>
  </si>
  <si>
    <t>【东方发电机】软连接线\3Q3662\QFSN-600/660-2</t>
  </si>
  <si>
    <t>【东方发电机】铜编织扁线扁线\2Q3714序6\QFSN-600/660-2</t>
  </si>
  <si>
    <t>【东方发电机】绝缘引水管装配\1Q1636\QFSN-600/660-2</t>
  </si>
  <si>
    <t>【东方发电机】绝缘引水管装配\1Q1635\QFSN-600/660-2</t>
  </si>
  <si>
    <t>【东方发电机】密封垫圈\4Q8897\QFSN-300/330/350-2</t>
  </si>
  <si>
    <t>【东方发电机】绝缘引水管装配\1Q1634\QFSN-600/660-2</t>
  </si>
  <si>
    <t>【东方发电机】绝缘引水管装配\1Q1633\QFSN-600/660-2</t>
  </si>
  <si>
    <t>【东方发电机】绝缘引水管装配\1Q1632\QFSN-600/660-2</t>
  </si>
  <si>
    <t>【东方发电机】绝缘引水管装配\1Q1631\QFSN-600/660-2</t>
  </si>
  <si>
    <t>【东方发电机】气隙挡风板\3Q4090\QFSN-600/660-2</t>
  </si>
  <si>
    <t>【东方发电机】下层定子线圈\1Q1479\QFSN-600/660-2</t>
  </si>
  <si>
    <t>【东方发电机】上层定子线圈\1Q1480\QFSN-600/660-2</t>
  </si>
  <si>
    <t>【东方发电机】管接头\3Q3933\QFSN-600/660-2</t>
  </si>
  <si>
    <t>【东方发电机】弯接头\3Q4000\QFSN-600/660-2</t>
  </si>
  <si>
    <t>【东方发电机】三通接头\2Q2301\QFSN-600/660-2</t>
  </si>
  <si>
    <t>【东方发电机】导电螺钉\QFSN-600/660-2</t>
  </si>
  <si>
    <t>【东方发电机】集电环\QFSN-600/660-2</t>
  </si>
  <si>
    <t>【东方发电机】大齿槽楔\3Q3526\QFSN-600/660-2</t>
  </si>
  <si>
    <t>【东方发电机】大齿槽楔\3Q3525\QFSN-600/660-2</t>
  </si>
  <si>
    <t>【东方发电机】冷却器密封垫条\4Q7682\QFSN-600/660-2</t>
  </si>
  <si>
    <t>【东方发电机】冷却器密封垫\3Q3899\QFSN-600/660-2</t>
  </si>
  <si>
    <t>【东方发电机】冷却器密封垫\3Q3898\QFSN-600/660-2</t>
  </si>
  <si>
    <t>【东方发电机】冷却器密封垫\3Q3897\QFSN-600/660-2</t>
  </si>
  <si>
    <t>【东方发电机】螺栓\4Q7857\QFSN-600/660-2</t>
  </si>
  <si>
    <t>【东方发电机】双支端面测温电阻\3Q4418\QFSN-300/330/350-2</t>
  </si>
  <si>
    <t>【东方发电机】油管接头装配\3Q4417\QFSN-300/330/350-2</t>
  </si>
  <si>
    <t>【东方发电机】绝缘垫圈\3Q4557\QFSN-300/330/350-2</t>
  </si>
  <si>
    <t>【东方发电机】汽端氢侧密封瓦\1Q4449</t>
  </si>
  <si>
    <t>【东方发电机】汽端空侧密封瓦\1Q4450</t>
  </si>
  <si>
    <t>【东方发电机】励端氢侧密封瓦\1Q4451</t>
  </si>
  <si>
    <t>【东方发电机】励端空侧密封瓦\1Q4452</t>
  </si>
  <si>
    <t>【东方发电机】汽端密封瓦弹簧\3Q7805</t>
  </si>
  <si>
    <t>【东方发电机】励端密封瓦弹簧\3Q7804</t>
  </si>
  <si>
    <t>【金翼】地面工作服\155#-195#秋季纯棉斜纹布\男女通用\深蓝色\99.5%精梳棉+0.5%导电丝牛仔面料</t>
  </si>
  <si>
    <t>陕西金翼服装有限责任公司</t>
  </si>
  <si>
    <t>金翼</t>
  </si>
  <si>
    <t>GNWZBP(TH)ZECG2020-024</t>
  </si>
  <si>
    <t>国家能源e购商城地面工装商城铺货长协采购合同（天泓8810007088协议变更）</t>
  </si>
  <si>
    <t>【金翼】地面夏装工服\155-195#芾编号通用\深蓝色\99.5%精梳棉+0.5%导电丝牛仔面料作</t>
  </si>
  <si>
    <t>【金翼】地面工作服(夏装)\蓝色系面料\99.5%精梳棉+0.5%导电丝牛仔面料</t>
  </si>
  <si>
    <t>【红星卫士】衬衣裤</t>
  </si>
  <si>
    <t>安徽省东皓防雨服饰有限公司</t>
  </si>
  <si>
    <t>红星卫士</t>
  </si>
  <si>
    <t>GNWZBP(TH)ZECG2020-001</t>
  </si>
  <si>
    <t>国家能源e购商城红星卫士防护服商城铺货长协采购合同（天泓8810007290协议变更）</t>
  </si>
  <si>
    <t>抚顺荣源物资销售有限公司</t>
  </si>
  <si>
    <t>【红星卫士】反光马甲\XS-XXXXL</t>
  </si>
  <si>
    <t>【红星卫士】下水裤\男款</t>
  </si>
  <si>
    <t>【朋友】堵油铝接线鼻子\DL-1-16</t>
  </si>
  <si>
    <t>朋友电力科技有限公司</t>
  </si>
  <si>
    <t>朋友</t>
  </si>
  <si>
    <t>GNWZBP(TH)ZECG2020-002</t>
  </si>
  <si>
    <t>国家能源e购商城朋友铜线鼻子商城铺货长协采购合同（天泓8810008330协议变更）</t>
  </si>
  <si>
    <t>北京中鼎时代供应链管理有限公司</t>
  </si>
  <si>
    <t>【朋友】铝线鼻子\DL-110mm2</t>
  </si>
  <si>
    <t>【朋友】堵油铝接线鼻子\DL-1-35</t>
  </si>
  <si>
    <t>【朋友】开口铜线鼻子\OT-2.5A-6</t>
  </si>
  <si>
    <t>【朋友】堵油铝接线鼻子\DL-1-70</t>
  </si>
  <si>
    <t>【朋友】线鼻子\OT2.5-6 750V(黄)</t>
  </si>
  <si>
    <t>【朋友】线鼻子\OT2.5-5 750V(黄)</t>
  </si>
  <si>
    <t>【朋友】线鼻子\GTVE 15012 IT 1.5</t>
  </si>
  <si>
    <t>【朋友】堵油铝接线鼻子\DL-1-95</t>
  </si>
  <si>
    <t>【朋友】铜线鼻子\DT-120mm2-14</t>
  </si>
  <si>
    <t>【朋友】堵油铝接线鼻子\DL-1-150</t>
  </si>
  <si>
    <t>【朋友】线鼻子\DT-95</t>
  </si>
  <si>
    <t>【朋友】堵油铝接线鼻子\DL-1-185</t>
  </si>
  <si>
    <t>【朋友】线鼻子\DT-50</t>
  </si>
  <si>
    <t>【朋友】线鼻子\DT-35</t>
  </si>
  <si>
    <t>【朋友】堵油式铜鼻接头\DT-50mm2</t>
  </si>
  <si>
    <t>【朋友】线鼻子\DT-25</t>
  </si>
  <si>
    <t>【朋友】堵油式铜鼻接头\DT-70mm2</t>
  </si>
  <si>
    <t>【朋友】堵油式铜鼻接头\DT-95mm2</t>
  </si>
  <si>
    <t>【朋友】堵油铜接线鼻子\DT-95</t>
  </si>
  <si>
    <t>【朋友】堵油铜接线鼻子\DT-120</t>
  </si>
  <si>
    <t>【朋友】线鼻子\DT-16</t>
  </si>
  <si>
    <t>【朋友】堵油铜接线鼻子\DT-150</t>
  </si>
  <si>
    <t>【朋友】线鼻子\DT-10</t>
  </si>
  <si>
    <t>【朋友】堵油铜接线鼻子\DT-185</t>
  </si>
  <si>
    <t>【朋友】线鼻子\DT-4</t>
  </si>
  <si>
    <t>【朋友】堵油铜线鼻子\DT-25</t>
  </si>
  <si>
    <t>【朋友】堵油铜线鼻子\DT-35</t>
  </si>
  <si>
    <t>【朋友】锡包铜线鼻子\DT-120mm2</t>
  </si>
  <si>
    <t>【朋友】镀锡开口铜鼻子\OT-5A</t>
  </si>
  <si>
    <t>【朋友】锡包铜线鼻子\DT-95mm2</t>
  </si>
  <si>
    <t>【朋友】镀锡开口铜鼻子\OT-10A</t>
  </si>
  <si>
    <t>【朋友】锡包铜线鼻子\DT-70mm2</t>
  </si>
  <si>
    <t>【朋友】镀锡开口铜鼻子\OT-20A</t>
  </si>
  <si>
    <t>【朋友】锡包铜线鼻子\DT-50mm2</t>
  </si>
  <si>
    <t>【朋友】镀锡开口铜鼻子\OT-30A</t>
  </si>
  <si>
    <t>【朋友】镀锡开口铜鼻子\OT-40A</t>
  </si>
  <si>
    <t>【朋友】锡包铜线鼻子\DT-35mm2</t>
  </si>
  <si>
    <t>【朋友】镀锡开口铜鼻子\OT-50A</t>
  </si>
  <si>
    <t>【朋友】镀锡开口铜鼻子\OT-80A</t>
  </si>
  <si>
    <t>【朋友】铜线鼻子\OT-95mm2-14</t>
  </si>
  <si>
    <t>【朋友】镀锡开口铜鼻子\OT-100A</t>
  </si>
  <si>
    <t>【朋友】铜线鼻子\OT-70mm</t>
  </si>
  <si>
    <t>【朋友】镀锡开口铜鼻子\OT-150A</t>
  </si>
  <si>
    <t>【朋友】铜线鼻子\OT-5mm2</t>
  </si>
  <si>
    <t>【朋友】镀锡开口铜鼻子\OT-250A</t>
  </si>
  <si>
    <t>【朋友】镀锡开口铜鼻子\OT-300A</t>
  </si>
  <si>
    <t>【朋友】铜线鼻子\OT-35mm2-8</t>
  </si>
  <si>
    <t>【朋友】铜线鼻子\OT-35mm</t>
  </si>
  <si>
    <t>【朋友】镀锡开口铜鼻子\OT-400A</t>
  </si>
  <si>
    <t>【朋友】铜线鼻子\OT-25mm2-8</t>
  </si>
  <si>
    <t>【朋友】镀锡开口铜鼻子\OT-500A</t>
  </si>
  <si>
    <t>【朋友】铜线鼻子\OT-185mm2-14</t>
  </si>
  <si>
    <t>【朋友】镀锡开口铜线鼻子\OT-50A-8</t>
  </si>
  <si>
    <t>【朋友】铜线鼻子\C</t>
  </si>
  <si>
    <t>【朋友】镀锡开口铜线鼻子\OT-100A</t>
  </si>
  <si>
    <t>【朋友】镀锡开口铜线鼻子\OT-600A</t>
  </si>
  <si>
    <t>【朋友】铜线鼻子\OT-2mm2</t>
  </si>
  <si>
    <t>【朋友】铜线鼻子\OT-400</t>
  </si>
  <si>
    <t>【朋友】镀锡铜接线端子\SC16-8</t>
  </si>
  <si>
    <t>【朋友】镀锡铜接线端子\SC16-10</t>
  </si>
  <si>
    <t>【朋友】铜线鼻子\OT-250</t>
  </si>
  <si>
    <t>【朋友】镀锡铜接线端子\SC16-12</t>
  </si>
  <si>
    <t>【朋友】铜线鼻子\OT-200</t>
  </si>
  <si>
    <t>【朋友】镀锡铜线鼻子\DT-16mm2</t>
  </si>
  <si>
    <t>【朋友】铜线鼻子\OT-100</t>
  </si>
  <si>
    <t>【朋友】镀锡铜线鼻子\DT-25mm2-10</t>
  </si>
  <si>
    <t>【朋友】开口铜线鼻子\OT-16</t>
  </si>
  <si>
    <t>【朋友】镀锡铜线鼻子\DT-35mm2-10</t>
  </si>
  <si>
    <t>【朋友】铜线鼻子\DTG-300mm2</t>
  </si>
  <si>
    <t>【朋友】镀锡铜线鼻子\DT-50mm2-φ8</t>
  </si>
  <si>
    <t>【朋友】铜线鼻子\DTG-240mm2</t>
  </si>
  <si>
    <t>【朋友】镀锡铜线端子\DT-70mm2-φ10</t>
  </si>
  <si>
    <t>【朋友】铜线鼻子\DTG-185mm2</t>
  </si>
  <si>
    <t>【朋友】镀锡铜线鼻子\DT-95mm2</t>
  </si>
  <si>
    <t>【朋友】铜线鼻子\DTG-120mm2</t>
  </si>
  <si>
    <t>【朋友】镀锡铜线鼻子\DT-120mm2</t>
  </si>
  <si>
    <t>【朋友】铜线鼻子\DTG-95mm2</t>
  </si>
  <si>
    <t>【朋友】镀锡铜线鼻子\DT-150mm2</t>
  </si>
  <si>
    <t>【朋友】铜线鼻子\DTG-70mm2</t>
  </si>
  <si>
    <t>【朋友】镀锡铜线鼻子\DT-185mm2-16.5</t>
  </si>
  <si>
    <t>【朋友】铜线鼻子\DTG-50mm2</t>
  </si>
  <si>
    <t>【朋友】镀锡铜线鼻子\DT-240mm2</t>
  </si>
  <si>
    <t>【朋友】镀锌开口铜线鼻子\OT-10A</t>
  </si>
  <si>
    <t>【朋友】铜线鼻子\DTG-35mm2</t>
  </si>
  <si>
    <t>【朋友】镀锌开口铜线鼻子\OT-15A</t>
  </si>
  <si>
    <t>【朋友】铜线鼻子\DTG-25mm2</t>
  </si>
  <si>
    <t>【朋友】镀锌开口铜线鼻子\OT-20A</t>
  </si>
  <si>
    <t>【朋友】铜线鼻子\DTG-16mm2</t>
  </si>
  <si>
    <t>【朋友】镀锌开口铜线鼻子\OT-50A</t>
  </si>
  <si>
    <t>【朋友】镀锌开口铜线鼻子\OT-90A</t>
  </si>
  <si>
    <t>【朋友】铜线鼻子\DTG-10mm2</t>
  </si>
  <si>
    <t>【朋友】铜线鼻子\DT185-16.5</t>
  </si>
  <si>
    <t>【朋友】镀锌开口铜线鼻子\OT-100A</t>
  </si>
  <si>
    <t>【朋友】镀锌开口铜线鼻子\OT-300A</t>
  </si>
  <si>
    <t>【朋友】铜线鼻子\DT-150</t>
  </si>
  <si>
    <t>【朋友】铜线鼻子\DT-95</t>
  </si>
  <si>
    <t>【朋友】镀锌铜线鼻子\DT-70mm2</t>
  </si>
  <si>
    <t>【朋友】镀锌铜线鼻子\DT-95mm2</t>
  </si>
  <si>
    <t>【朋友】铜线鼻子\DT-70</t>
  </si>
  <si>
    <t>【朋友】铜线鼻子\DT50-10.5</t>
  </si>
  <si>
    <t>【朋友】铝线鼻子\DL-10mm2</t>
  </si>
  <si>
    <t>【朋友】铜线鼻子\DT-35</t>
  </si>
  <si>
    <t>【朋友】接线端子\DL-16/380V 16mm2 铝</t>
  </si>
  <si>
    <t>【朋友】铜线鼻子\DT-15</t>
  </si>
  <si>
    <t>【朋友】接线端子\DL-25/380V 25mm2 铝</t>
  </si>
  <si>
    <t>【朋友】铜线鼻子\DT-6</t>
  </si>
  <si>
    <t>【朋友】接线端子\DL-35/380V 35mm2 铝</t>
  </si>
  <si>
    <t>【朋友】铜线鼻子\DT-630mm2</t>
  </si>
  <si>
    <t>【朋友】接线端子\DL-50/380V 50mm2 铝</t>
  </si>
  <si>
    <t>【朋友】铜线鼻子\DT-400mm2</t>
  </si>
  <si>
    <t>【朋友】接线端子\DL-70/380V 70mm2 铝</t>
  </si>
  <si>
    <t>【朋友】铜线鼻子\DT-300mm2</t>
  </si>
  <si>
    <t>【朋友】接线端子\DL-95/380V 95mm2 铝</t>
  </si>
  <si>
    <t>【朋友】铜线鼻子\DT-240mm2</t>
  </si>
  <si>
    <t>【朋友】接线端子\DL-120/500V 120mm2 铝</t>
  </si>
  <si>
    <t>【朋友】接线端子\DL-185/500V 185mm2 铝</t>
  </si>
  <si>
    <t>【朋友】铜线鼻子\DT-185mm2</t>
  </si>
  <si>
    <t>【朋友】铜线鼻子\DT-150mm2</t>
  </si>
  <si>
    <t>【朋友】接线端子\DL-16mm2</t>
  </si>
  <si>
    <t>【朋友】铜线鼻子\DT-125mm2</t>
  </si>
  <si>
    <t>【朋友】接线端子\DL-25mm2</t>
  </si>
  <si>
    <t>【朋友】铜线鼻子\DT-120mm2</t>
  </si>
  <si>
    <t>【朋友】接线端子\DL-35mm2</t>
  </si>
  <si>
    <t>【朋友】铜线鼻子\DT-95mm2</t>
  </si>
  <si>
    <t>【朋友】接线端子\DL-50mm2</t>
  </si>
  <si>
    <t>【朋友】铜线鼻子\DT-90mm2</t>
  </si>
  <si>
    <t>【朋友】接线端子\DL-70mm2</t>
  </si>
  <si>
    <t>【朋友】铜线鼻子\CCCC</t>
  </si>
  <si>
    <t>【朋友】接线端子\DL-95mm2</t>
  </si>
  <si>
    <t>【朋友】接线端子\DL-120mm2</t>
  </si>
  <si>
    <t>【朋友】铜线鼻子\DT-70mm2</t>
  </si>
  <si>
    <t>【朋友】铜线鼻子\DT-60mm2</t>
  </si>
  <si>
    <t>【朋友】接线端子\DT(G)-150 150mm2 铜管压制 表面镀锡</t>
  </si>
  <si>
    <t>【朋友】铜线鼻子\DT-50mm2-12</t>
  </si>
  <si>
    <t>【朋友】铜线鼻子\DT-35mm2</t>
  </si>
  <si>
    <t>【朋友】接线端子\DT-10/380V 10mm2 铜</t>
  </si>
  <si>
    <t>【朋友】接线端子\DT-16/380V 16mm2 铜</t>
  </si>
  <si>
    <t>【朋友】接线端子\DT-25/380V 25mm2 铜</t>
  </si>
  <si>
    <t>【朋友】铜线鼻子\DT-25mm2</t>
  </si>
  <si>
    <t>【朋友】接线端子\DT-35/380V 35mm2 铜</t>
  </si>
  <si>
    <t>【朋友】铜线鼻子\DT-20mm2</t>
  </si>
  <si>
    <t>【朋友】接线端子\DT-50/380V 50mm2 铜</t>
  </si>
  <si>
    <t>【朋友】铜线鼻子\DT-16mm2</t>
  </si>
  <si>
    <t>【朋友】接线端子\DT-70/380V 70mm2 铜</t>
  </si>
  <si>
    <t>【朋友】铜线鼻子\DT-10mm2</t>
  </si>
  <si>
    <t>【朋友】接线端子\DT-95/V380V 95mm2 铜</t>
  </si>
  <si>
    <t>【朋友】铜线鼻子\DT-6.0mm2</t>
  </si>
  <si>
    <t>【朋友】接线端子\DT-120/380V 120mm2 铜</t>
  </si>
  <si>
    <t>【朋友】铜线鼻子\DT-5mm2</t>
  </si>
  <si>
    <t>【朋友】接线端子\DT-150/380V 150mm2 铜</t>
  </si>
  <si>
    <t>【朋友】铜线鼻子\DT-4.5mm2</t>
  </si>
  <si>
    <t>【朋友】接线端子\DT-185/380V 185mm2 铜</t>
  </si>
  <si>
    <t>【朋友】铜线鼻子\DT-4mm2</t>
  </si>
  <si>
    <t>【朋友】铜线鼻子\DT-3.5mm2</t>
  </si>
  <si>
    <t>【朋友】接线端子\DT-16mm 铜</t>
  </si>
  <si>
    <t>【朋友】铜线鼻子\DT-2.6mm2</t>
  </si>
  <si>
    <t>【朋友】接线端子\DT-240 240mm2 铜</t>
  </si>
  <si>
    <t>【朋友】铜线鼻子\DT-1.7mm2</t>
  </si>
  <si>
    <t>【朋友】铜线鼻子\DT-1.5mm2</t>
  </si>
  <si>
    <t>【朋友】接线端子\DT-4mm</t>
  </si>
  <si>
    <t>【朋友】铜线鼻子\DT-1mm2</t>
  </si>
  <si>
    <t>【朋友】接线端子\DT-6mm</t>
  </si>
  <si>
    <t>【朋友】接线端子\DT-8mm</t>
  </si>
  <si>
    <t>【朋友】铜线鼻子\DT-300A</t>
  </si>
  <si>
    <t>【朋友】接线端子\DT-10mm</t>
  </si>
  <si>
    <t>【朋友】铜线鼻子\DT-200A</t>
  </si>
  <si>
    <t>【朋友】接线端子\DT-12mm</t>
  </si>
  <si>
    <t>【朋友】铜线鼻子\DT-160A</t>
  </si>
  <si>
    <t>【朋友】接线端子\DT-25mm</t>
  </si>
  <si>
    <t>【朋友】铜线鼻子\DT-150A</t>
  </si>
  <si>
    <t>【朋友】接线端子\DT-35mm</t>
  </si>
  <si>
    <t>【朋友】铜线鼻子\DT-100A</t>
  </si>
  <si>
    <t>【朋友】接线端子\DT-50mm</t>
  </si>
  <si>
    <t>【朋友】铜线鼻子\DT-80A</t>
  </si>
  <si>
    <t>【朋友】接线端子\DT-70mm</t>
  </si>
  <si>
    <t>【朋友】铜线鼻子\DT-150mm</t>
  </si>
  <si>
    <t>【朋友】接线端子\DT-3mm2</t>
  </si>
  <si>
    <t>【朋友】接线端子\DT-4mm2</t>
  </si>
  <si>
    <t>【朋友】接线端子\DT-6 6mm2</t>
  </si>
  <si>
    <t>【朋友】接线端子\DT-8mm2</t>
  </si>
  <si>
    <t>【朋友】接线端子\DT-10mm2</t>
  </si>
  <si>
    <t>【朋友】接线端子\DT-12mm2</t>
  </si>
  <si>
    <t>【朋友】接线端子\DT-16mm2</t>
  </si>
  <si>
    <t>【朋友】接线端子\DT-25mm2</t>
  </si>
  <si>
    <t>【朋友】接线端子\DT-35mm2</t>
  </si>
  <si>
    <t>【朋友】接线端子\DT-50mm2</t>
  </si>
  <si>
    <t>【朋友】接线端子\DT-70mm2</t>
  </si>
  <si>
    <t>【朋友】接线端子\DT-95mm2</t>
  </si>
  <si>
    <t>【朋友】接线端子\DT-120mm2</t>
  </si>
  <si>
    <t>【朋友】接线端子\DT-150mm2</t>
  </si>
  <si>
    <t>【朋友】接线端子\DT-185mm2</t>
  </si>
  <si>
    <t>【朋友】接线端子\DT-240mm2</t>
  </si>
  <si>
    <t>【朋友】接线端子\DTL-10mm2</t>
  </si>
  <si>
    <t>【朋友】接线端子\DTL-16mm2</t>
  </si>
  <si>
    <t>【朋友】接线端子\DTL-25mm2</t>
  </si>
  <si>
    <t>【朋友】接线端子\DTL-35mm2</t>
  </si>
  <si>
    <t>【朋友】接线端子\DTL-50mm2</t>
  </si>
  <si>
    <t>【朋友】接线端子\DTL-70mm2</t>
  </si>
  <si>
    <t>【朋友】接线端子\DTL-95mm2</t>
  </si>
  <si>
    <t>【朋友】接线端子\DTL-120mm2</t>
  </si>
  <si>
    <t>【朋友】接线端子\DTL-1-16/380V 16mm2 铜铝过渡</t>
  </si>
  <si>
    <t>【朋友】接线端子\DTL-1-25/380V 25mm2 铜铝过渡</t>
  </si>
  <si>
    <t>【朋友】接线端子\DTL-1-35/380V 35mm2 铜铝过渡</t>
  </si>
  <si>
    <t>【朋友】接线端子\DTL-1-50/380V 50mm2 铜铝过渡</t>
  </si>
  <si>
    <t>【朋友】接线端子\DTL-1-70/380V 70mm2 铜铝过渡</t>
  </si>
  <si>
    <t>【朋友】接线端子\DTL-1-95/380V 95mm2 铜铝过渡</t>
  </si>
  <si>
    <t>【朋友】铜线鼻子\JG-10mm2</t>
  </si>
  <si>
    <t>【朋友】铜线鼻子\JG-16mm2</t>
  </si>
  <si>
    <t>【朋友】铜线鼻子\JG-25mm2</t>
  </si>
  <si>
    <t>【朋友】铜线鼻子\JG-35mm2</t>
  </si>
  <si>
    <t>【朋友】铜线鼻子\JG-50mm2</t>
  </si>
  <si>
    <t>【朋友】铜线鼻子\JG-70mm2</t>
  </si>
  <si>
    <t>【朋友】铜线鼻子\JG-95mm2</t>
  </si>
  <si>
    <t>【朋友】接线端子\OT-2.5mm2</t>
  </si>
  <si>
    <t>【朋友】开口铜线鼻子\OT-6A-6</t>
  </si>
  <si>
    <t>【朋友】开口铜线鼻子\OT-10A-8</t>
  </si>
  <si>
    <t>【朋友】接线端子\OT-120mm2 单孔</t>
  </si>
  <si>
    <t>【朋友】接线端子\OT-120mm2 双孔</t>
  </si>
  <si>
    <t>【朋友】接线端子\OT-150mm2</t>
  </si>
  <si>
    <t>【朋友】接线端子\OT-5A</t>
  </si>
  <si>
    <t>【朋友】接线端子\OT-10A</t>
  </si>
  <si>
    <t>【朋友】接线端子\OT-20A</t>
  </si>
  <si>
    <t>【朋友】接线端子\OT-30A</t>
  </si>
  <si>
    <t>【朋友】接线端子\OT-40A</t>
  </si>
  <si>
    <t>【朋友】接线端子\OT-50A</t>
  </si>
  <si>
    <t>【朋友】接线端子\OT-60A</t>
  </si>
  <si>
    <t>【朋友】开口铜线鼻子\OT-70A</t>
  </si>
  <si>
    <t>【朋友】接线端子\OT-80A</t>
  </si>
  <si>
    <t>【朋友】接线端子\OT-100A</t>
  </si>
  <si>
    <t>【朋友】接线端子\OT-120A</t>
  </si>
  <si>
    <t>【朋友】接线端子\OT-150A</t>
  </si>
  <si>
    <t>【朋友】接线端子\OT-200A</t>
  </si>
  <si>
    <t>【朋友】接线端子\OT-300A</t>
  </si>
  <si>
    <t>【朋友】接线端子\OT-500A</t>
  </si>
  <si>
    <t>【朋友】圆形预绝缘端头\RV-0.5mm2-4</t>
  </si>
  <si>
    <t>【朋友】接线端子\OT-RV1.5-4mm2</t>
  </si>
  <si>
    <t>【朋友】接线端子\OT-RV1.5-5mm2</t>
  </si>
  <si>
    <t>【朋友】接线端子\OT-RV2.5-10mm2</t>
  </si>
  <si>
    <t>【朋友】接线端子\OT-RV2.5-8mm2</t>
  </si>
  <si>
    <t>【朋友】开口铜鼻子\OT-10A</t>
  </si>
  <si>
    <t>【朋友】开口铜鼻子\OT-20A</t>
  </si>
  <si>
    <t>【朋友】开口铜鼻子\OT-100A</t>
  </si>
  <si>
    <t>【朋友】开口铜线鼻子\OT-4A</t>
  </si>
  <si>
    <t>【朋友】开口铜线鼻子\OT-5A</t>
  </si>
  <si>
    <t>【朋友】开口铜线鼻子\OT-10A</t>
  </si>
  <si>
    <t>【朋友】开口铜线鼻子\OT-15A</t>
  </si>
  <si>
    <t>【朋友】开口铜线鼻子\OT-20A</t>
  </si>
  <si>
    <t>【朋友】开口铜线鼻子\OT-25A</t>
  </si>
  <si>
    <t>【朋友】开口铜线鼻子\0T-30A</t>
  </si>
  <si>
    <t>【朋友】开口铜线鼻子\OT-35A</t>
  </si>
  <si>
    <t>【朋友】开口铜线鼻子\0T-40A</t>
  </si>
  <si>
    <t>【朋友】开口铜线鼻子\0T-50A</t>
  </si>
  <si>
    <t>【朋友】开口铜线鼻子\0T-60A</t>
  </si>
  <si>
    <t>【朋友】开口铜线鼻子\0T-70A</t>
  </si>
  <si>
    <t>【朋友】开口铜线鼻子\OT-75A</t>
  </si>
  <si>
    <t>【朋友】开口铜线鼻子\OT-80A</t>
  </si>
  <si>
    <t>【朋友】开口铜线鼻子\OT-90A</t>
  </si>
  <si>
    <t>【朋友】开口铜线鼻子\OT-95A</t>
  </si>
  <si>
    <t>【朋友】开口铜线鼻子\OT-100A</t>
  </si>
  <si>
    <t>【朋友】开口铜线鼻子\OT-120A</t>
  </si>
  <si>
    <t>【朋友】开口铜线鼻子\0T-125A</t>
  </si>
  <si>
    <t>【朋友】开口铜线鼻子\OT-150A</t>
  </si>
  <si>
    <t>【朋友】开口铜线鼻子\OT-200A</t>
  </si>
  <si>
    <t>【朋友】开口铜线鼻子\OT-240A</t>
  </si>
  <si>
    <t>【朋友】开口铜线鼻子\OT-248A</t>
  </si>
  <si>
    <t>【朋友】开口铜线鼻子\OT-250A</t>
  </si>
  <si>
    <t>【朋友】开口铜线鼻子\0T-300A</t>
  </si>
  <si>
    <t>【朋友】开口铜线鼻子\OT-350A</t>
  </si>
  <si>
    <t>【朋友】开口铜线鼻子\OT-398A</t>
  </si>
  <si>
    <t>【朋友】开口铜线鼻子\OT-400A</t>
  </si>
  <si>
    <t>【朋友】开口铜线鼻子\OT-498A</t>
  </si>
  <si>
    <t>【朋友】开口铜线鼻子\OT-500A</t>
  </si>
  <si>
    <t>【朋友】开口铜线鼻子\OT-600A</t>
  </si>
  <si>
    <t>【朋友】开口铜线鼻子\OT-800A</t>
  </si>
  <si>
    <t>【朋友】开口铜线鼻子\OT-1000A</t>
  </si>
  <si>
    <t>【朋友】开口铜线鼻子\16mm2</t>
  </si>
  <si>
    <t>【朋友】开口铜线鼻子\35mm2</t>
  </si>
  <si>
    <t>【朋友】开口铜线鼻子\50mm2</t>
  </si>
  <si>
    <t>【朋友】开口铜线鼻子\90mm2</t>
  </si>
  <si>
    <t>【朋友】开口铜线鼻子\120mm2</t>
  </si>
  <si>
    <t>【朋友】开口铜线鼻子\φ6mm</t>
  </si>
  <si>
    <t>【朋友】开口铜线鼻子\φ8mm</t>
  </si>
  <si>
    <t>【朋友】开口铜线鼻子\φ10mm</t>
  </si>
  <si>
    <t>【朋友】开口铜线鼻子\φ12mm</t>
  </si>
  <si>
    <t>【朋友】窥口铜线鼻子\SC-1.5mm2</t>
  </si>
  <si>
    <t>【朋友】窥口铜线鼻子\SC-2.5mm2</t>
  </si>
  <si>
    <t>【朋友】窥口铜线鼻子\SC-4mm2</t>
  </si>
  <si>
    <t>【朋友】窥口铜线鼻子\SC-6mm2</t>
  </si>
  <si>
    <t>【朋友】窥口铜线鼻子\SC-10mm2</t>
  </si>
  <si>
    <t>【朋友】窥口铜线鼻子\SC-16mm2</t>
  </si>
  <si>
    <t>【朋友】窥口铜线鼻子\SC-25mm2</t>
  </si>
  <si>
    <t>【朋友】窥口铜线鼻子\SC-35mm2</t>
  </si>
  <si>
    <t>【朋友】窥口铜线鼻子\SC-50mm2</t>
  </si>
  <si>
    <t>【朋友】窥口铜线鼻子\SC-70mm2</t>
  </si>
  <si>
    <t>【朋友】冷压端子\SC25</t>
  </si>
  <si>
    <t>【朋友】冷压端子\SC35</t>
  </si>
  <si>
    <t>【朋友】冷压端子\SC50</t>
  </si>
  <si>
    <t>【朋友】冷压端子\SC70</t>
  </si>
  <si>
    <t>【朋友】冷压端子\SC95</t>
  </si>
  <si>
    <t>【朋友】铝线鼻子\DL-2.5mm2</t>
  </si>
  <si>
    <t>【朋友】铝线鼻子\DL-35mm2</t>
  </si>
  <si>
    <t>【朋友】铝线鼻子\DL-50mm2</t>
  </si>
  <si>
    <t>【朋友】铝线鼻子\DL-70mm2</t>
  </si>
  <si>
    <t>【朋友】铝线鼻子\DL-95mm2</t>
  </si>
  <si>
    <t>【朋友】铝线鼻子\DL-120mm2</t>
  </si>
  <si>
    <t>【朋友】铝线鼻子\DL-150mm2</t>
  </si>
  <si>
    <t>【朋友】铝线鼻子\DL-185mm2</t>
  </si>
  <si>
    <t>【朋友】铜接线鼻子\DT-10</t>
  </si>
  <si>
    <t>【朋友】铜接线鼻子\DT-16</t>
  </si>
  <si>
    <t>【朋友】铜接线鼻子\DT-50</t>
  </si>
  <si>
    <t>【朋友】铜接线鼻子\DT-70</t>
  </si>
  <si>
    <t>【朋友】铜开口鼻子\OT40</t>
  </si>
  <si>
    <t>【朋友】铜开口鼻子\OT80</t>
  </si>
  <si>
    <t>【朋友】铜开口鼻子\OT100</t>
  </si>
  <si>
    <t>【朋友】铜开口鼻子\OT200</t>
  </si>
  <si>
    <t>【朋友】铜铝接线鼻子\DTL-1-25</t>
  </si>
  <si>
    <t>【朋友】铜铝接线鼻子\DTL-1-50</t>
  </si>
  <si>
    <t>【朋友】铜铝接线鼻子\DTL-1-120</t>
  </si>
  <si>
    <t>【朋友】铜铝接线鼻子\DTL-1-150</t>
  </si>
  <si>
    <t>【朋友】铜铝接线鼻子\DTL-1-240</t>
  </si>
  <si>
    <t>【朋友】铜铝线鼻子\DTL-16mm2</t>
  </si>
  <si>
    <t>【朋友】铜铝线鼻子\DTL-20mm2</t>
  </si>
  <si>
    <t>【朋友】铜铝线鼻子\DTL-25mm2</t>
  </si>
  <si>
    <t>【朋友】铜铝线鼻子\DTL-35mm2</t>
  </si>
  <si>
    <t>【朋友】铜铝线鼻子\DTL-50mm2</t>
  </si>
  <si>
    <t>【朋友】铜铝线鼻子\DTL-70mm2</t>
  </si>
  <si>
    <t>【朋友】铜铝线鼻子\DTL-100mm2</t>
  </si>
  <si>
    <t>【朋友】铜铝线鼻子\DTL-120mm2</t>
  </si>
  <si>
    <t>【朋友】铜铝线鼻子\DTL-1-35mm2</t>
  </si>
  <si>
    <t>【朋友】铜铝线鼻子\DTL-1-70mm2</t>
  </si>
  <si>
    <t>【朋友】铜铝线鼻子\DTL-150mm2</t>
  </si>
  <si>
    <t>【朋友】铜铝线鼻子\DTL-185mm2</t>
  </si>
  <si>
    <t>【朋友】铜线鼻子\DT-10A</t>
  </si>
  <si>
    <t>【朋友】铜线鼻子\DT-30A</t>
  </si>
  <si>
    <t>【朋友】铜线鼻子\DT-32A</t>
  </si>
  <si>
    <t>【朋友】铜线鼻子\DT-60A</t>
  </si>
  <si>
    <t>【中蓝】潜水泵\150QF/10-50/7\10m\50m\2900\3.2kW</t>
  </si>
  <si>
    <t>天津中蓝泵业有限责任公司</t>
  </si>
  <si>
    <t>中蓝</t>
  </si>
  <si>
    <t>GNWZBP(TH)ZECG2020-003</t>
  </si>
  <si>
    <t>国家能源e购商城中蓝潜水泵商城铺货长协采购合同（天泓8810008240协议变更）</t>
  </si>
  <si>
    <t>【中蓝】潜水泵\QD3-50/3\3m3/h\50m\2860\1.1kW</t>
  </si>
  <si>
    <t>【中蓝】潜水泵\WQ30-21-5.5\30m3/h\21M\5.5kW\380V</t>
  </si>
  <si>
    <t>【中蓝】潜水泵\WQD50-30\50m3/h\30m\2900\35kw\220V</t>
  </si>
  <si>
    <t>【中蓝】深井潜水泵\150QJ10-250/35\10m\250mm\2950\13kW</t>
  </si>
  <si>
    <t>【中蓝】深井潜水泵\200QJ10-140/9\10m\140m\2950\11kW</t>
  </si>
  <si>
    <t>【中蓝】深井潜水泵\200QJ40-169/13\40m\169m\2950\30kW</t>
  </si>
  <si>
    <t>【中蓝】潜水泵\QDX 10-16-0.75\10m2/h\16m</t>
  </si>
  <si>
    <t>【中蓝】潜水泵\QDX-0.75\3m2\24m\2860\0.75kW\380V\国产</t>
  </si>
  <si>
    <t>【中蓝】潜水泵\QW50-20-15 B极\2900/min\1.5KV\380V\国产</t>
  </si>
  <si>
    <t>【中蓝】潜水泵\250QJ80-200\80m3/h\200m\2875r/min</t>
  </si>
  <si>
    <t>【中蓝】潜水泵\QY25-17-2.2\25m3/h\17m\2860r/min</t>
  </si>
  <si>
    <t>【中蓝】潜水泵\250QJ100-100\100m3/h\100m\42kW\380V</t>
  </si>
  <si>
    <t>【中蓝】潜水泵\AP2000 50Hz\26m3/h\2m\26kW\220V\国产</t>
  </si>
  <si>
    <t>【中蓝】单向潜水泵\WQD10-11-0.75\220V\国产</t>
  </si>
  <si>
    <t>【中蓝】潜水泵\WQD\15m3/h\10m\1.5kW\AC22V\国产</t>
  </si>
  <si>
    <t>【中蓝】潜水泵\BSQ28-22\28m3/h\22m\4kW\380V\国产</t>
  </si>
  <si>
    <t>【中蓝】单相潜水泵\QDB-14-55\6.3\15\1460\1.5\AC220</t>
  </si>
  <si>
    <t>【中蓝】潜水泵\100WQ100-15-11\100m3/h\15m\11kW\380V</t>
  </si>
  <si>
    <t>【中蓝】潜水泵\25WQP6-22-1.5\6m3/h\22m\1.5kW\380V</t>
  </si>
  <si>
    <t>【中蓝】潜水泵\50QW25-30-4\25m3/h\30m\4kW\380V\国产</t>
  </si>
  <si>
    <t>【中蓝】潜水泵\50WQ20-15-1.5\15m\1.5kW\380V\国产</t>
  </si>
  <si>
    <t>【中蓝】潜水泵\50WQ40-15-4\40m3/h\15m\4kW\380V\国产</t>
  </si>
  <si>
    <t>【中蓝】潜水泵\80WQ20-25-1.5\20m3/h\25m\1.5kW\380V</t>
  </si>
  <si>
    <t>【中蓝】潜水泵\80WQP40-7-2.2\40m3/h\7m\2.2kW\380V</t>
  </si>
  <si>
    <t>【中蓝】潜水泵\WQ10-20-1.5\10m3/h\20m\1.5kW\380V\国产</t>
  </si>
  <si>
    <t>【中蓝】潜水泵\WQ10-44-3\10m3/h\44m\3kW\380V\国产</t>
  </si>
  <si>
    <t>【中蓝】潜水泵\WQ15-20\50m3/h\20m\2.2kW\380V\国产</t>
  </si>
  <si>
    <t>【中蓝】潜水泵\WQ17-25-3\17m3/h\25m\3kW\380V\国产</t>
  </si>
  <si>
    <t>【中蓝】潜水泵\WQ30-20\30m3/h\20m\4kW\380V\国产</t>
  </si>
  <si>
    <t>【中蓝】潜水泵\WQ65-15-5.5\65m3/h\15m\5.5kW\380V\国产</t>
  </si>
  <si>
    <t>【中蓝】潜水泵\50WQ15-15-2.2\2860r/min\380V\国产</t>
  </si>
  <si>
    <t>【中蓝】潜水泵\50WQ15-25-2.2\2900r/min\380V\国产</t>
  </si>
  <si>
    <t>【中蓝】潜水泵\65WQ37-13-3\2900r/min\3kW\380V\国产</t>
  </si>
  <si>
    <t>【中蓝】污水潜水泵\50WQ10-10-0.75kw\10m3/h\220V</t>
  </si>
  <si>
    <t>【中蓝】潜水泵\50WQ12-20\12m3/h\20m\1.5kW\380V\国产</t>
  </si>
  <si>
    <t>【中蓝】潜水泵\QY65-10-2.2\65m3/h\10m\2.2kW\380V\国产</t>
  </si>
  <si>
    <t>【中蓝】潜水泵\WQ-30-35\30m3/h\35m\5.5kW\380V\国产</t>
  </si>
  <si>
    <t>【中蓝】潜水泵\WQ25-24\25m3/h\24m\3kW\380V\国产</t>
  </si>
  <si>
    <t>【梦妃丝】毛巾\纯棉</t>
  </si>
  <si>
    <t>江苏梦妃丝织造有限公司</t>
  </si>
  <si>
    <t>梦妃丝</t>
  </si>
  <si>
    <t>GNWZBP(TH)ZECG2020-004</t>
  </si>
  <si>
    <t>国家能源e购商城梦妃丝毛巾商城铺货长协采购合同（天泓8810007887协议变更）</t>
  </si>
  <si>
    <t>保定市颐事达商贸有限公司</t>
  </si>
  <si>
    <t>【中蓝】风动潜水泵\FWQB30-70\30m3/h\70m\1kW\380V\国产</t>
  </si>
  <si>
    <t>【中蓝】单相污水电泵\WQ10-12-0.75\220V\国产</t>
  </si>
  <si>
    <t>【中蓝】潜水泵\WQD18-15-1.5\18m3/h\220V\国产</t>
  </si>
  <si>
    <t>【中蓝】潜水泵\50-WQ20-7-0.75\20m3/h\7m\2900r/min</t>
  </si>
  <si>
    <t>【中蓝】潜水泵\80-WQ40-15-4\40m3/h\15m\2900r/min</t>
  </si>
  <si>
    <t>【中蓝】潜水泵\BSQ40-22 5.5kW\40m3/h\22m\2900r/min</t>
  </si>
  <si>
    <t>【中蓝】潜水泵\QY65-7-2.2\65m3/h\7m\2900r/min\2.2kW</t>
  </si>
  <si>
    <t>【中蓝】潜水泵\WQ50-20-2.2\50m3/h\20m\1950r/min</t>
  </si>
  <si>
    <t>【中蓝】潜污泵\50WQ20-15-1.5\15m3/h\15m\2900r/min</t>
  </si>
  <si>
    <t>【中蓝】潜水泵WQ15-22-3\15m3/h22m2900r/min3kW380V国产</t>
  </si>
  <si>
    <t>【中蓝】潜水泵\WQD10-10-0.75\10m3/h\10m\0.75kW\220V</t>
  </si>
  <si>
    <t>【梦妃丝】毛巾\加长全棉</t>
  </si>
  <si>
    <t>【中蓝】潜水泵\WQK10-20\2.2KW\10m3/h\20m\2.2kW\380V</t>
  </si>
  <si>
    <t>【梦妃丝】毛巾\900×350mm 纯棉</t>
  </si>
  <si>
    <t>【梦妃丝】毛巾\1100×340mm 纯棉</t>
  </si>
  <si>
    <t>【中蓝】潜水泵\WQK15-30\2.2KW\15m3/h\30m\2.2kW\380V</t>
  </si>
  <si>
    <t>【中蓝】不锈钢潜水泵\QSP40-21-4\40m3/h\21m\4kW\380V\国产</t>
  </si>
  <si>
    <t>【中蓝】深井潜水泵\200QJ\10m3/h\60m\7.5kW\380V\国产</t>
  </si>
  <si>
    <t>【中蓝】潜水泵\BSQ28-35\28m3/h\35m\7.5kW\380V\国产</t>
  </si>
  <si>
    <t>【中蓝】潜水泵\WQ50-20\50m3/h\20m\7.5kW\380V\国产</t>
  </si>
  <si>
    <t>【中蓝】深井潜水泵\200QJ20-81\20m3/h\81m\7.5kW</t>
  </si>
  <si>
    <t>【中蓝】潜水泵\BQS\12m3/h\20m\2.2kW\380V\国产</t>
  </si>
  <si>
    <t>【中蓝】潜水泵\QDX10-10-0.55\10m3/h\10m\2860\0.55kW</t>
  </si>
  <si>
    <t>【中蓝】潜水泵WQ10-15-1.5KW\10m3/h\15m\1.5kW\380V国产</t>
  </si>
  <si>
    <t>【中蓝】潜水泵\WQD6-16-0.75\6m3/h\15m\2860\0.75kW</t>
  </si>
  <si>
    <t>【中蓝】潜水泵\300QJ200-80\200m3/h\80m\2850r/min</t>
  </si>
  <si>
    <t>【中蓝】潜水泵\200QJ40-52/4\40m3/h\52m\2850r/min</t>
  </si>
  <si>
    <t>【中蓝】潜水泵\QDX10-16-0.75\10m3/h\16m\220V\国产</t>
  </si>
  <si>
    <t>【中蓝】潜水泵\QDX7-20-0.8\7m3/h\20m\2860r/min\国产</t>
  </si>
  <si>
    <t>【中蓝】潜水泵\40SG5-8\5m3/h\8m\0.25kW\220V\国产</t>
  </si>
  <si>
    <t>【中蓝】潜水泵\175QJ50-120/10\50m3/h\120m\2850r/min</t>
  </si>
  <si>
    <t>【中蓝】潜水泵\QX10-24-1.5\10m3/h\24m\2860r/min</t>
  </si>
  <si>
    <t>【中蓝】潜水泵\175QJ20-104-11\20m3/h\104m\11kW\国产</t>
  </si>
  <si>
    <t>【长风】初采支架警示反光带\1500mm\国产</t>
  </si>
  <si>
    <t>泰州市长风液压机械制造有限公司</t>
  </si>
  <si>
    <t>长风</t>
  </si>
  <si>
    <t>GNWZBP(TH)ZECG2020-025</t>
  </si>
  <si>
    <t>国家能源e购商城初采支架商城铺货长协采购合同（天泓8810007713协议变更）</t>
  </si>
  <si>
    <t>陕西盛华矿业有限公司</t>
  </si>
  <si>
    <t>【长风】初采支架警示旋转钩反光带\1500mm×50×9mm\国产</t>
  </si>
  <si>
    <t>【中蓝】潜水泵\250QJ100-250\2875r/min\125kW\380V\国产</t>
  </si>
  <si>
    <t>【中蓝】潜水排污泵WQD10-6.5-0.55\10m3/h\6.5m\2820rmin</t>
  </si>
  <si>
    <t>【中蓝】潜水泵\250QJ200-80\200m3/h\80m\75kW\380V\国产</t>
  </si>
  <si>
    <t>【中蓝】潜水泵\QS25-34/2-4\2960r/min\4kW\380V\国产</t>
  </si>
  <si>
    <t>【中蓝】深井潜水泵\250QJ80-160\80m3/h\160m\2900r/min</t>
  </si>
  <si>
    <t>【中蓝】潜水泵\175QJ40-60/5\40m3/h\60m\11kW\380V\国产</t>
  </si>
  <si>
    <t>【中蓝】潜水泵\QDX3-15-0.37\3m3/h\15m\2860r/min</t>
  </si>
  <si>
    <t>【中蓝】深井潜水泵\300QJ200-100\200m3/h\100m</t>
  </si>
  <si>
    <t>【中蓝】潜水排污泵\WQ16-18\16m3/h\18m\2.2kW\380V\国产</t>
  </si>
  <si>
    <t>【中蓝】潜水泵\WQ60-10-4G\60m3/h\10m\2900r/min\4kW</t>
  </si>
  <si>
    <t>【中蓝】潜水泵\WQ40-11-3G\40m3/h\11m\2900r/min\3kW</t>
  </si>
  <si>
    <t>【中蓝】潜水泵\QDX65-7-2.2\65m3/h\7m\2.2kW\220V\国产</t>
  </si>
  <si>
    <t>【中蓝】潜水泵\175QJ50-108/9\50m3/h\108m\2950r/min</t>
  </si>
  <si>
    <t>【五三一六】军用棉大衣</t>
  </si>
  <si>
    <t>陕西正诺实业有限公司</t>
  </si>
  <si>
    <t>五三一六</t>
  </si>
  <si>
    <t>GNWZBP(TH)ZECG2020-022</t>
  </si>
  <si>
    <t>国家能源e购商城棉大衣物资商城铺货长协采购合同（天泓8810007089协议变更）</t>
  </si>
  <si>
    <t>【中蓝】潜水泵\SQE5-70\5m3/h\70m\2840r/min\1.6kW</t>
  </si>
  <si>
    <t>【五三一六】军用棉衣裤</t>
  </si>
  <si>
    <t>【中蓝】潜水泵\250QJ125-48/3\125m3/h\48m\3kW\国产</t>
  </si>
  <si>
    <t>【五三一六】可脱性棉衣\均码/男女通用/臧青色</t>
  </si>
  <si>
    <t>【中蓝】潜水泵\100WQ-80-20-7.5\2900r/min\380V\国产</t>
  </si>
  <si>
    <t>【五三一六】棉马甲\150#-190#/通用/蓝黑色</t>
  </si>
  <si>
    <t>【五三一六】迷彩服</t>
  </si>
  <si>
    <t>【中蓝】潜水泵\300QJ260-160\260m3/h\160m\160kW\380V</t>
  </si>
  <si>
    <t>【五三一六】军用棉帽子</t>
  </si>
  <si>
    <t>【五三一六】迷彩帽</t>
  </si>
  <si>
    <t>【中蓝】潜水泵\300QJ260-96\260m3/h\96m\110kW\380V</t>
  </si>
  <si>
    <t>【中蓝】潜水泵\100QY65-60-15\65\60m\1950\15\380V\国产</t>
  </si>
  <si>
    <t>【中蓝】潜水泵\QKS200-120-120\200m3/h\120kW\380</t>
  </si>
  <si>
    <t>【中蓝】潜水泵\40WQ10-18-1.5\10m3/h\18m\2900r/min</t>
  </si>
  <si>
    <t>【中蓝】潜水泵\50WQA-30-30-5.5\30m3/h\30\5.5\380\国产</t>
  </si>
  <si>
    <t>【中蓝】潜水泵\QDX7-18-0.75\7m3/h\18m\0.75kW</t>
  </si>
  <si>
    <t>【中蓝】潜水泵\250QJ63-120\63m3/h\120m\37kW\380V\国产</t>
  </si>
  <si>
    <t>【中蓝】潜水泵\50RQW42-9-2.2\42m3/h\9m\1450r/min</t>
  </si>
  <si>
    <t>【中蓝】潜水泵\65WQ/QL30/7.5-R\300m3/h\42m\7.5kW\国产</t>
  </si>
  <si>
    <t>【中蓝】潜水泵\200QJ32-104\2900r/min\15kW\380V\国产</t>
  </si>
  <si>
    <t>【中蓝】潜水泵\250QJ100-108\100\108\2980\45\380V\国产</t>
  </si>
  <si>
    <t>【中蓝】潜水泵\200QJ32-156-25\32\156m\25kW\380V\国产</t>
  </si>
  <si>
    <t>【中蓝】潜水泵66WQ20-20-4\20m3/h20m2900r/min4kW380V</t>
  </si>
  <si>
    <t>【中蓝】潜水泵WQD8-25-0.75\8m3/h25m2860r/min0.75kW</t>
  </si>
  <si>
    <t>【中蓝】潜水泵\KL430-22\430m3/h\22\1450\55\380\国产</t>
  </si>
  <si>
    <t>【中蓝】潜水泵\250QJ200-100\200m3/h\100m\90kW</t>
  </si>
  <si>
    <t>【中蓝】潜水泵\300QJ125-150\125m3/h\150m\110kW</t>
  </si>
  <si>
    <t>【中蓝】潜水泵\QSG900-600-550/250\120m\380V\国产</t>
  </si>
  <si>
    <t>【中蓝】潜水泵\QDX8-18-0.75K1\8m3/h\2850r/min\220V</t>
  </si>
  <si>
    <t>【中蓝】潜水泵\SP5A-33\5m3/h\135m\2980r/min\3kW</t>
  </si>
  <si>
    <t>【天坛】单边矩形桌\1200*600*750</t>
  </si>
  <si>
    <t>北京金隅天坛家具股份有限公司</t>
  </si>
  <si>
    <t>天坛</t>
  </si>
  <si>
    <t>GNWZBP(TH)ZECG2020-007</t>
  </si>
  <si>
    <t>国家能源e购商城班台家具商城铺货长协采购合同（天泓8810008838协议变更）</t>
  </si>
  <si>
    <t>【天坛】单边矩形桌\1400*700*750</t>
  </si>
  <si>
    <t>【天坛】单边矩形桌\1600*800*750</t>
  </si>
  <si>
    <t>【天坛】双边矩形桌\1200*1200*750</t>
  </si>
  <si>
    <t>【天坛】双边矩形桌\1400*1200*750</t>
  </si>
  <si>
    <t>【天坛】双边矩形桌\1600*1200*750</t>
  </si>
  <si>
    <t>【天坛】40款工位\1400*1400*1200</t>
  </si>
  <si>
    <t>【天坛】40款工位\1500*1500*1200</t>
  </si>
  <si>
    <t>【天坛】薄加厚工位\1400*1400*1200</t>
  </si>
  <si>
    <t>【天坛】薄加厚工位\1600*1600*1200</t>
  </si>
  <si>
    <t>面</t>
  </si>
  <si>
    <t>【天坛】薄加厚工位\1800*1800*1200</t>
  </si>
  <si>
    <t>【天坛】屏风工作位\1800×1800×1350mm\1800*1800*1350mm</t>
  </si>
  <si>
    <t>【天坛】屏风工作位\1600×1600×1350mm\1600*1600*1350mm</t>
  </si>
  <si>
    <t>【天坛】屏风工作位\1400×1400×1350mm\1400*1400*1350mm</t>
  </si>
  <si>
    <t>【天坛】活动三抽柜\398*500*600</t>
  </si>
  <si>
    <t>【天坛】双开矮文件柜\900*400*900mm</t>
  </si>
  <si>
    <t>【天坛】三层抽屉文件柜\900*400*900mm</t>
  </si>
  <si>
    <t>【天坛】移门矮文件柜\900*400*900mm</t>
  </si>
  <si>
    <t>【天坛】三层杂志柜\900*400*900mm</t>
  </si>
  <si>
    <t>【天坛】上下开门文件柜\900*450*2160mm</t>
  </si>
  <si>
    <t>【天坛】上玻璃下开门文件柜\900*400*1850mm</t>
  </si>
  <si>
    <t>【天坛】上玻璃下三层抽屉柜\900*400*1850mm</t>
  </si>
  <si>
    <t>【天坛】通体文件柜\900*400*1850mm</t>
  </si>
  <si>
    <t>【天坛】三门衣柜\900*520*1800mm</t>
  </si>
  <si>
    <t>【天坛】六门衣柜\900*520*1800mm</t>
  </si>
  <si>
    <t>【天坛】文件(衣)柜\1150*450*1850mm</t>
  </si>
  <si>
    <t>【天坛】中二斗文件柜\850*400*1800mm</t>
  </si>
  <si>
    <t>【天坛】柜子\850*390*1850mm</t>
  </si>
  <si>
    <t>【天坛】五节文件柜\850*390*1950mm</t>
  </si>
  <si>
    <t>【天坛】钢制开放式文件柜\900*450*2000mm</t>
  </si>
  <si>
    <t>【天坛】办公椅(高背)\670*640*1160mm</t>
  </si>
  <si>
    <t>【天坛】办公椅(中背)\670*640*960mm</t>
  </si>
  <si>
    <t>【天坛】办公椅(高背)\660*630*1156mm</t>
  </si>
  <si>
    <t>【天坛】办公椅(中背)\660*630*960mm</t>
  </si>
  <si>
    <t>【天坛】办公椅(高背)\665*585*1120mm</t>
  </si>
  <si>
    <t>【天坛】办公椅(中背)\665*585*960mm</t>
  </si>
  <si>
    <t>【天坛】办公椅(高背，带脚踏)\665*585*1150mm</t>
  </si>
  <si>
    <t>【佳能】激光打印机\LBP162dw</t>
  </si>
  <si>
    <t>佳能（中国）有限公司</t>
  </si>
  <si>
    <t>佳能</t>
  </si>
  <si>
    <t>GNWZBP(TH)ZECG2020-010</t>
  </si>
  <si>
    <t>国家能源e购商城会议佳能打印机商城铺货长协采购合同（天泓8810008694协议变更）</t>
  </si>
  <si>
    <t>北京隆盛泰和科技有限公司</t>
  </si>
  <si>
    <t>【佳能】激光打印机\LBP252dw</t>
  </si>
  <si>
    <t>【佳能】激光打印机\LBP211dn</t>
  </si>
  <si>
    <t>【佳能】激光打印机\LBP214dw</t>
  </si>
  <si>
    <t>【佳能】激光打印机\LBP312x</t>
  </si>
  <si>
    <t>【佳能】激光打印机\LBP351x</t>
  </si>
  <si>
    <t>【佳能】激光打印机\LBP352x</t>
  </si>
  <si>
    <t>【佳能】激光打印机\LBP8100n</t>
  </si>
  <si>
    <t>【佳能】激光打印机\LBP8780x</t>
  </si>
  <si>
    <t>【佳能】多功能一体机\IC MF236n</t>
  </si>
  <si>
    <t>【佳能】多功能一体机\IC MF243d</t>
  </si>
  <si>
    <t>【佳能】多功能一体机\IC MF263dn</t>
  </si>
  <si>
    <t>【佳能】多功能一体机\IC MF423dw</t>
  </si>
  <si>
    <t>【佳能】多功能一体机\IC MF426dw</t>
  </si>
  <si>
    <t>【佳能】多功能一体机\IC MF525dw</t>
  </si>
  <si>
    <t>【佳能】激光打印机\LBP623Cdw</t>
  </si>
  <si>
    <t>【佳能】激光打印机\LBP663Cdw</t>
  </si>
  <si>
    <t>【佳能】激光打印机\LBP710Cx</t>
  </si>
  <si>
    <t>【佳能】激光打印机\LBP712Cx</t>
  </si>
  <si>
    <t>【佳能】激光打印机\LBP841Cdn</t>
  </si>
  <si>
    <t>【佳能】激光打印机\LBP843Cx</t>
  </si>
  <si>
    <t>【佳能】多功能一体机\IC MF641Cw</t>
  </si>
  <si>
    <t>【佳能】多功能一体机\IC MF643Cdw</t>
  </si>
  <si>
    <t>【佳能】多功能一体机\IC MF645Cx</t>
  </si>
  <si>
    <t>【佳能】多功能一体机\IC MF810Cdn</t>
  </si>
  <si>
    <t>【佳能】多功能一体机\IC MF742Cdw</t>
  </si>
  <si>
    <t>【佳能】多功能一体机\IC MF746Cx</t>
  </si>
  <si>
    <t>【佳能】复印机\IR 2206AD</t>
  </si>
  <si>
    <t>【佳能】复印机\IR 2525i</t>
  </si>
  <si>
    <t>【佳能】激光打印机\IR 2530i</t>
  </si>
  <si>
    <t>【佳能】数码复合机\IR-ADV 4525</t>
  </si>
  <si>
    <t>【佳能】数码复合机\IR-ADV 4535</t>
  </si>
  <si>
    <t>【佳能】数码复合机\IR-ADV 4545</t>
  </si>
  <si>
    <t>【佳能】数码复合机\IR-ADV 4551</t>
  </si>
  <si>
    <t>【佳能】数码复合机\IR-ADV 6555</t>
  </si>
  <si>
    <t>【佳能】复印机\IR C3020</t>
  </si>
  <si>
    <t>【佳能】复印机\IR C3025</t>
  </si>
  <si>
    <t>【佳能】复印机\IR-ADV C3520</t>
  </si>
  <si>
    <t>【佳能】多功能一体机\MB5180</t>
  </si>
  <si>
    <t>【佳能】多功能一体机\G2810</t>
  </si>
  <si>
    <t>【佳能】喷墨打印机\IB4180</t>
  </si>
  <si>
    <t>【佳能】喷墨打印机\IX6780</t>
  </si>
  <si>
    <t>【佳能】喷墨打印机\IP110</t>
  </si>
  <si>
    <t>【佳能】高速扫描仪\DR-G2090</t>
  </si>
  <si>
    <t>【佳能】高速扫描仪\DR-M160II</t>
  </si>
  <si>
    <t>【佳能】高速扫描仪\DR-C240</t>
  </si>
  <si>
    <t>【佳能】数码复合机\IR-ADV C5560</t>
  </si>
  <si>
    <t>【佳能】数码复合机\IR-ADV C5550</t>
  </si>
  <si>
    <t>【佳能】复印机\IR-ADV C5540</t>
  </si>
  <si>
    <t>【佳能】复合机\IR-ADV C5535</t>
  </si>
  <si>
    <t>【佳能】复合机\IR-ADV C3530</t>
  </si>
  <si>
    <t>【佳能】彩色数码复合机\IR-ADV C3525</t>
  </si>
  <si>
    <t>【佳能】多功能一体机\IC MF269dw</t>
  </si>
  <si>
    <t>【黎明】双人床\1800×2000mm</t>
  </si>
  <si>
    <t>北京黎明文仪家具有限公司</t>
  </si>
  <si>
    <t>黎明</t>
  </si>
  <si>
    <t>GNWZBP(TH)ZECG2020-006</t>
  </si>
  <si>
    <t>国家能源e购商城会议家具商城铺货长协采购合同（天泓8810008910协议变更）</t>
  </si>
  <si>
    <t>【黎明】单人床\1200×2000mm</t>
  </si>
  <si>
    <t>【黎明】床头柜\500×450×550mm</t>
  </si>
  <si>
    <t>【黎明】写字桌\1500×700×750mm</t>
  </si>
  <si>
    <t>【黎明】写字椅\实木</t>
  </si>
  <si>
    <t>【黎明】电视柜\1200×400×750mm</t>
  </si>
  <si>
    <t>【黎明】行李柜\800×400×550mm</t>
  </si>
  <si>
    <t>【黎明】衣柜\1600×600×2000mm</t>
  </si>
  <si>
    <t>【黎明】休闲沙发\单人</t>
  </si>
  <si>
    <t>【黎明】圆茶几\400×400×550mm</t>
  </si>
  <si>
    <t>【黎明】沙发\1+2+3</t>
  </si>
  <si>
    <t>【黎明】茶几组合\1200×600×450mm 700×700×550mm</t>
  </si>
  <si>
    <t>【黎明】双人床\1800×2000×900mm</t>
  </si>
  <si>
    <t>【黎明】双人床\1500×2000×900mm</t>
  </si>
  <si>
    <t>【黎明】单人木床\2000×1200×900mm</t>
  </si>
  <si>
    <t>【黎明】单人床\2000×1000×900mm</t>
  </si>
  <si>
    <t>【黎明】架子床\2000×1000×1700mm</t>
  </si>
  <si>
    <t>【黎明】床头柜\400×400×450mm</t>
  </si>
  <si>
    <t>【黎明】单人衣柜\800×600×2000mm</t>
  </si>
  <si>
    <t>【黎明】两人衣柜\800×600×2000mm</t>
  </si>
  <si>
    <t>【黎明】三人衣柜\1200×600×2000mm</t>
  </si>
  <si>
    <t>【黎明】电视柜\1200×400×450mm</t>
  </si>
  <si>
    <t>【黎明】写字桌\1200×600×760mm</t>
  </si>
  <si>
    <t>【黎明】写字台\1400×600×760mm</t>
  </si>
  <si>
    <t>【黎明】写字凳\400×300×450mm</t>
  </si>
  <si>
    <t>【黎明】鞋柜\800×400×800mm</t>
  </si>
  <si>
    <t>【黎明】床垫\2000×1800×200mm</t>
  </si>
  <si>
    <t>【黎明】床垫\2000×1500×200mm</t>
  </si>
  <si>
    <t>【黎明】床垫\2000×1200×80mm</t>
  </si>
  <si>
    <t>【黎明】单人床垫\2000×1000×80mm厚全棕垫</t>
  </si>
  <si>
    <t>【黎明】三人位沙发\2300×900×820mm</t>
  </si>
  <si>
    <t>【黎明】实木衣架\720×570×1900mm</t>
  </si>
  <si>
    <t>【黎明】金属衣架\480×420×1780mm</t>
  </si>
  <si>
    <t>【黎明】单人沙发\1050×930×880×450mm</t>
  </si>
  <si>
    <t>【黎明】单人布艺沙发\1090×880×900×420mm</t>
  </si>
  <si>
    <t>【黎明】茶几\500×700×550mm</t>
  </si>
  <si>
    <t>【黎明】茶几\600×600×550mm</t>
  </si>
  <si>
    <t>【黎明】前台\5400×750×1150mm</t>
  </si>
  <si>
    <t>【黎明】演讲台\600×600×1100mm</t>
  </si>
  <si>
    <t>【黎明】会议桌\木质</t>
  </si>
  <si>
    <t>【黎明】会议桌椅\定制</t>
  </si>
  <si>
    <t>【黎明】会议桌\钢木结构 金属钢脚</t>
  </si>
  <si>
    <t>【黎明】主席台桌\1600×500×760mm</t>
  </si>
  <si>
    <t>【黎明】长条桌\1400×500×750mm</t>
  </si>
  <si>
    <t>【黎明】长条桌\1600×500×750mm</t>
  </si>
  <si>
    <t>【黎明】主席台桌\1600×500×750mm</t>
  </si>
  <si>
    <t>【黎明】长条桌\1400×500×760mm</t>
  </si>
  <si>
    <t>【黎明】长条桌\1500×500×750mm</t>
  </si>
  <si>
    <t>【黎明】培训会议桌\1200×450×760mm 钢木结构 折叠桌架</t>
  </si>
  <si>
    <t>【黎明】折叠会议桌\1200×550×760mm</t>
  </si>
  <si>
    <t>【黎明】会议椅\黑色皮质</t>
  </si>
  <si>
    <t>【黎明】班前椅\C076</t>
  </si>
  <si>
    <t>【黎明】主席台椅\580×680×1150mm 牛皮软包 橡木扶手</t>
  </si>
  <si>
    <t>【黎明】会议椅\优质牛皮</t>
  </si>
  <si>
    <t>【黎明】会议椅\PU皮 实木</t>
  </si>
  <si>
    <t>【黎明】会议椅\头层牛皮+钢制弓形椅架</t>
  </si>
  <si>
    <t>【黎明】会议椅\560×600×960mm 钢制弓形椅架 西皮覆面 扶手为塑</t>
  </si>
  <si>
    <t>【黎明】弓型会议椅\A455-41</t>
  </si>
  <si>
    <t>【黎明】会议椅\金属框架 网背饰面 防污阻燃麻绒椅座 内衬定型海绵</t>
  </si>
  <si>
    <t>【黎明】折叠会议椅\标准尺寸</t>
  </si>
  <si>
    <t>【黎明】会议椅\896#带写字板</t>
  </si>
  <si>
    <t>【黎明】写字板培训椅\网布</t>
  </si>
  <si>
    <t>【黎明】折叠椅\铁质黑色</t>
  </si>
  <si>
    <t>【黎明】洽谈椅\420×450×780mm</t>
  </si>
  <si>
    <t>【黎明】椅子\</t>
  </si>
  <si>
    <t>【黎明】礼堂椅\PP+实木</t>
  </si>
  <si>
    <t>【黎明】茶水柜\1200×450×850mm</t>
  </si>
  <si>
    <t>【黎明】茶水柜\900×400×900mm</t>
  </si>
  <si>
    <t>【黎明】荣誉柜\1700×400×2100mm 对开门</t>
  </si>
  <si>
    <t>【黎明】木质打印机柜\900×550×750mm</t>
  </si>
  <si>
    <t>【黎明】钢制打印机柜\900×550×750mm</t>
  </si>
  <si>
    <t>【黎明】三抽活动柜\420×470×640mm</t>
  </si>
  <si>
    <t>【黎明】洽谈桌\1200×1200×760mm</t>
  </si>
  <si>
    <t>【黎明】休闲桌椅组合\桌:500×500×850mm椅:800×800×730mm</t>
  </si>
  <si>
    <t>【黎明】棋牌桌椅\820×820×760mm</t>
  </si>
  <si>
    <t>【黎明】圆茶几\600×600mm</t>
  </si>
  <si>
    <t>【黎明】玻璃面洽谈桌\800×800×760mm</t>
  </si>
  <si>
    <t>【黎明】餐桌\1300×700×760mm</t>
  </si>
  <si>
    <t>【黎明】餐椅\600×550×1000mm</t>
  </si>
  <si>
    <t>【黎明】一体化快餐桌椅\桌1200×600×1000mm椅360×400×840mm</t>
  </si>
  <si>
    <t>【黎明】更衣凳\1500×400×500mm 钢木结构 三聚氰氨面板 50mm方钢腿加梁</t>
  </si>
  <si>
    <t>【黎明】更衣柜\1800×900×500mm</t>
  </si>
  <si>
    <t>【黎明】三门更衣柜\900×500×1800mm</t>
  </si>
  <si>
    <t>【黎明】通体四门衣柜\1200×500×1850mm</t>
  </si>
  <si>
    <t>【黎明】四门更衣柜\1800×900×450mm</t>
  </si>
  <si>
    <t>【黎明】更衣柜\900×500×2000mm 六门 钢板厚度≥0.8mm 电子锁</t>
  </si>
  <si>
    <t>【黎明】更衣柜\900×500×1850mm 六门 钢板厚度≥0.8mm</t>
  </si>
  <si>
    <t>【黎明】工具储物柜\900×400×1850mm</t>
  </si>
  <si>
    <t>【黎明】工具柜\1800×850×390mm</t>
  </si>
  <si>
    <t>【黎明】工具柜\900×450×1850mm</t>
  </si>
  <si>
    <t>【黎明】不锈钢展示柜\900×400×1850mm</t>
  </si>
  <si>
    <t>【黎明】煤样柜\900×400×1900mm</t>
  </si>
  <si>
    <t>【黎明】移动更衣箱\900×500×600mm</t>
  </si>
  <si>
    <t>【黎明】钥匙柜\900×400×950mm</t>
  </si>
  <si>
    <t>【黎明】密集柜\1800×600×2450mm</t>
  </si>
  <si>
    <t>【黎明】三人位连体椅\金属框架+西皮覆面</t>
  </si>
  <si>
    <t>【黎明】三人位连体椅\1700×450×720mm 金属椅架 西皮覆面 内衬薄型海绵</t>
  </si>
  <si>
    <t>【黎明】路椅\TM-7216 带钢芯环保木塑钢椅</t>
  </si>
  <si>
    <t>【安徽天康】热电阻\WZPK2-238S\L×l=280×250mm\φ8\M14×1.5</t>
  </si>
  <si>
    <t>安徽天康（集团）股份有限公司</t>
  </si>
  <si>
    <t>安徽天康</t>
  </si>
  <si>
    <t>GNWZBP(TH)ZYCG2020-173</t>
  </si>
  <si>
    <t>2020年度北京配送（神华天泓）锅炉、汽轮机本体壁温元件长协采购商城铺货框架合同（安徽天康）</t>
  </si>
  <si>
    <t>安徽天康(集团)股份有限公司</t>
  </si>
  <si>
    <t>【安徽天康】热电阻\WZPK2-333\l=400mm\φ5\M16×1.5</t>
  </si>
  <si>
    <t>【安徽天康】热电阻\WZPK2-334\l=200mm\φ6\M18×1.5</t>
  </si>
  <si>
    <t>【安徽天康】热电阻\WZPK2-335\双支\L=260mm\φ5\M16×1.5</t>
  </si>
  <si>
    <t>【安徽天康】热电阻\WZPK2-391G\双支\L=3500mm\φ6\M16×1.5</t>
  </si>
  <si>
    <t>【安徽天康】热电阻\WZPKT-236F\L=425mm\φ6\M27×2</t>
  </si>
  <si>
    <t>【安徽天康】热电阻\WZPK2-4316\双支\500mm\φ16mm\活动法兰 80mm</t>
  </si>
  <si>
    <t>【安徽天康】热电阻\WZPK2-100i\双支\30mm\φ9.5mm\M16X1.5</t>
  </si>
  <si>
    <t>【安徽天康】热电阻\WZPK2-100i\双支\38mm\φ9.5mm\M16X1.5</t>
  </si>
  <si>
    <t>【安徽天康】热电阻\WZPK-9716-A3P2JHNB4-W600H-HM27\双支</t>
  </si>
  <si>
    <t>【安徽天康】热电阻\WZP2-220\双支\950mm\φ16mm\G1/2</t>
  </si>
  <si>
    <t>【安徽天康】热电阻\WZP2-221\双支\100mm\φ10mm\G1/2</t>
  </si>
  <si>
    <t>【安徽天康】热电阻\WZPK2-241\双支\300mm\φ5mm\M20×1.5</t>
  </si>
  <si>
    <t>【安徽天康】热电阻\WZPM2-001D-A3K40-5000-M16×1.5\双支</t>
  </si>
  <si>
    <t>【安徽天康】热电阻\WZPM2-001D-A3K10-5000-M16×1.5\双支</t>
  </si>
  <si>
    <t>【安徽天康】热电阻\WZPK2-3501-150P\双支\150mm\φ10mm\M27×2</t>
  </si>
  <si>
    <t>【安徽天康】热电阻\WZP2K-331B\双支\1000mm\φ12mm\M27×2</t>
  </si>
  <si>
    <t>【安徽天康】热电阻\WZPK2-310\双支\200mm\φ5mm\M12×1.5</t>
  </si>
  <si>
    <t>【安徽天康】热电阻\WZPK2-310\双支\150mm\φ5mm\M12×1.5</t>
  </si>
  <si>
    <t>【安徽天康】热电阻\WZPK2-240\双支\910mm\φ6mm\卡套</t>
  </si>
  <si>
    <t>【安徽天康】热电阻\WZPK2-240\双支\300mm\φ8mm\卡套\EExibⅡCT4</t>
  </si>
  <si>
    <t>【安徽天康】热电阻\WZPK2-398\双支\300mm\φ8mm\M18×1.5</t>
  </si>
  <si>
    <t>【安徽天康】热电阻\WZPK2-196\双支\490mm\φ6mm\卡套</t>
  </si>
  <si>
    <t>【安徽天康】热电阻\WRKK2-190\双支\590mm\φ6mm\1/2NPT</t>
  </si>
  <si>
    <t>【安徽天康】热电阻\WZP-230\L×l=500×350mm\φ16\M27×2</t>
  </si>
  <si>
    <t>【安徽天康】热电阻\WZPM2-001\双支\8000×18mm\φ6mm\压簧式</t>
  </si>
  <si>
    <t>【安徽天康】热电阻\WZP2-240\双支\L×l=1050×900mm\φ3.5\M33×</t>
  </si>
  <si>
    <t>【安徽天康】双支铂电阻\WZPK2-236S\双支\200mm\φ6\ZG1/2</t>
  </si>
  <si>
    <t>【安徽天康】双支端面铂热电阻\WZPM2\L=10000mm\φ6\M8×0.75</t>
  </si>
  <si>
    <t>【安徽天康】双支端面铂热电阻\WZPM2\L=5000mm\φ6\M8×0.75</t>
  </si>
  <si>
    <t>【安徽天康】双支端面铂热电阻\WZPM2-001S\L=10000mm\φ5</t>
  </si>
  <si>
    <t>【安徽天康】双支端面铂热电阻\WZPM2-001S\L=13000mm\φ4</t>
  </si>
  <si>
    <t>【安徽天康】双支端面铂热电阻\WZPM2-201\L=4000mm\φ5\M8×0.75</t>
  </si>
  <si>
    <t>【安徽天康】双支端面铂热电阻\WZPM2-328S\L=105mm\φ6\M18×1.5</t>
  </si>
  <si>
    <t>【安徽天康】双支铠装热电阻\WZPK2-160\L=870mm\φ16\G2〃</t>
  </si>
  <si>
    <t>【安徽天康】双支铠装热电阻\WZPK2-231T\L=500mm\φ12\M27×2</t>
  </si>
  <si>
    <t>【安徽天康】双支铠装热电阻\WZPK2-231T\L×l=500×290mm\φ16\M27</t>
  </si>
  <si>
    <t>【安徽天康】双支铠装热电阻\WZPK2-269T\L=5000mm\φ12\G1/2</t>
  </si>
  <si>
    <t>【安徽天康】双支热电阻\WZP2-2312A\L×l=500×250mm\φ12\M27×2</t>
  </si>
  <si>
    <t>【安徽天康】双支热电阻\WZP2-2312A\L×l=500×400mm\φ12\M27×2</t>
  </si>
  <si>
    <t>【安徽天康】双支热电阻\WZP2-2312A\L×l=550×400mm\φ12\M27×2</t>
  </si>
  <si>
    <t>【安徽天康】双支热电阻\WZP2-24SA\L×l=225×75mm\φ16\M27×2</t>
  </si>
  <si>
    <t>【安徽天康】双支热电阻\WZPK2-2236D\L×l=400×200mm\φ10\M27×</t>
  </si>
  <si>
    <t>【安徽天康】双支装配式热电阻\WZP2-2328\L×l=780×630mm\φ28\ZG2</t>
  </si>
  <si>
    <t>【安徽天康】套管式铠装热电阻\WZPK-336-20\200mm\φ6\M16×1.5</t>
  </si>
  <si>
    <t>【安徽天康】套管式热电阻\WZP2-2328\L=1280mm\φ28\ZG2</t>
  </si>
  <si>
    <t>【安徽天康】轴瓦温度热电阻\WZP2M-001A\L×l=3000×18mm\φ6</t>
  </si>
  <si>
    <t>【安徽天康】热电阻\WZP2-12NM/316L\双支\L×l=1380×1130mm</t>
  </si>
  <si>
    <t>【安徽天康】热电阻\WZPMK-033A\L×l=1500×1000mm\φ3.2</t>
  </si>
  <si>
    <t>【安徽天康】热电阻\WZPK2-336S\双支\L×l=200×70\φ6\M16×1.5</t>
  </si>
  <si>
    <t>【安徽天康】热电阻\WZPM2-201\双支\热电阻长度15mm 引线长度2000mm</t>
  </si>
  <si>
    <t>【安徽天康】热电阻\WZP2-230\双支\L×l=900×750mm\φ16\M27×2</t>
  </si>
  <si>
    <t>【安徽天康】热电阻\WZP2-101\双支\l=400mm\φ5mm\M27×2</t>
  </si>
  <si>
    <t>【安徽天康】热电阻\WZPB-221\双支\L×l=240×100mm\φ5mm\M27×2</t>
  </si>
  <si>
    <t>【安徽天康】热电阻\WZP2-236S\L×l=150×100mm\φ8mm\M16X1.5</t>
  </si>
  <si>
    <t>【安徽天康】热电阻\WZP2-440-B/A3\双支\L=1500mm\φ6\M20×1.5</t>
  </si>
  <si>
    <t>【安徽天康】热电阻\WZPK2-136\双支\L=170mm\φ6mm\无固定</t>
  </si>
  <si>
    <t>【安徽天康】防爆型热电阻\IT-WZPRJ-440\350mm\16mm\ExiaⅡCT5</t>
  </si>
  <si>
    <t>【安徽天康】热电阻\WZPM2-001\双支\L=8000mm\φ6mm\M18×1.5</t>
  </si>
  <si>
    <t>【安徽天康】热电阻\WZPK2-233\双支\L×l=450×300mm\φ5\M27×2</t>
  </si>
  <si>
    <t>【安徽天康】热电阻\WZPM2-001S\双支\150mm\φ6mm\M20×1.5</t>
  </si>
  <si>
    <t>【安徽天康】热电阻\WZGPK2-73N\双支\l=500\φ8\M8×1.25\A级</t>
  </si>
  <si>
    <t>【安徽天康】热电阻\WZPK2-233\双支\l=400mm\φ5mm\M16×1.5</t>
  </si>
  <si>
    <t>【安徽天康】热电阻\WZPK2-391\双支\2000mm\φ6mm\活动卡套螺纹</t>
  </si>
  <si>
    <t>【安徽天康】热电阻\WZPK-210\双支\l=65mm\φ5mm\G1/2\A级</t>
  </si>
  <si>
    <t>【安徽天康】热电阻\WZP2-631\双支\L×l=250×50mm\φ6mm\M33×2</t>
  </si>
  <si>
    <t>【安徽天康】热电阻\WZPK2-2312\双支\L×l=150×50mm\φ6mm</t>
  </si>
  <si>
    <t>【安徽天康】热电阻\WZPK2-2516\双支\250mm\φ5mm\M27×2</t>
  </si>
  <si>
    <t>【安徽天康】热电阻\WZPKD2-05\双支\300mm\φ16mm\M33x2</t>
  </si>
  <si>
    <t>【安徽天康】热电阻\WZPK2-236\450mm\φ6mm\M16×1.5活动卡套螺纹</t>
  </si>
  <si>
    <t>【安徽天康】热电阻\WZPK2-2516-A3P2HGM-WH250</t>
  </si>
  <si>
    <t>【安徽天康】热电阻\WZPM2-231\双支\15mm\φ3.2mm\M20×1.5</t>
  </si>
  <si>
    <t>【安徽天康】热电阻\WZPK2-013D\双支\300mm\φ6mm\M27×2</t>
  </si>
  <si>
    <t>【安徽天康】热电阻\WZP2R1-4322F-600\双支\2500mm\φ16mm\M27</t>
  </si>
  <si>
    <t>【安徽天康】热电阻\WZP2-230\双支\2316×2150mm\φ5mm\M33×2</t>
  </si>
  <si>
    <t>【安徽天康】热电阻\WZP2-231\双支\300×70mm\φ12mm\M27×2</t>
  </si>
  <si>
    <t>【安徽天康】热电阻\WZP2-08\双支\100mm\φ6mm\M27×2</t>
  </si>
  <si>
    <t>【安徽天康】热电阻\WZPK2-240\双支\10000mm\φ5mm\M22×1.5</t>
  </si>
  <si>
    <t>【安徽天康】热电阻\WZPM2-41TS-1XW\双支\5000mm\φ6mm\埋入式</t>
  </si>
  <si>
    <t>【安徽天康】热电阻\WZP2-24SA\双支\460mm\φ10mm</t>
  </si>
  <si>
    <t>【安徽天康】热电阻\WZPM2-002\双支\25mm\φ5mm\螺纹</t>
  </si>
  <si>
    <t>【安徽天康】热电阻\WZP2-231KT\双支\380mm\φ12mm\螺纹</t>
  </si>
  <si>
    <t>【安徽天康】一体化热电阻\SBWZ-(西)H0-200-WZPK-2522-AL400</t>
  </si>
  <si>
    <t>【安徽天康】热电阻\WZPK-336-20\l=250mm\φ6\M16×1.5</t>
  </si>
  <si>
    <t>【安徽天康】热电偶集热块\WRKT-11A-1H20000/PD-B-5R(31.5)</t>
  </si>
  <si>
    <t>【安徽天康】热电偶集热块\WRKT-11A-1H20000/PD-B-5R(28.5)</t>
  </si>
  <si>
    <t>【安徽天康】热电偶集热块\WRKT-11A-1H20000/PD-B-5R(30)</t>
  </si>
  <si>
    <t>【安徽天康】热电偶集热块\WRKT-11A-1H20000/PD-B-5R(25.5)</t>
  </si>
  <si>
    <t>【安徽天康】热电偶集热块\WRKT-11A-1H20000/PD-B-5R(19)</t>
  </si>
  <si>
    <t>【安徽天康】热电偶\WRKK2-620-1HG20000\双支\20000mm\φ20mm\无固定装置</t>
  </si>
  <si>
    <t>【安徽天康】热电偶\WRNK-331M\单支\16000mm\φ6mm\集热块</t>
  </si>
  <si>
    <t>【安徽天康】热电偶\WRNK-331M\单支\8000mm\φ6mm\集热块</t>
  </si>
  <si>
    <t>【安徽天康】热电偶\WRNK2-191M\双支\300000mm\φ6mm\集热块</t>
  </si>
  <si>
    <t>【安徽天康】热电偶\WRNK2-191M\双支\250000mm\φ6mm\集热块</t>
  </si>
  <si>
    <t>【安徽天康】热电偶\WRNK2-191M\双支\200000mm\φ6mm\集热块</t>
  </si>
  <si>
    <t>【安徽天康】热电偶\WRNK2-191M\双支\150000mm\φ6mm\集热块</t>
  </si>
  <si>
    <t>【安徽天康】热电偶\WRNK2-191M\双支\10000mm\φ6mm\集热块</t>
  </si>
  <si>
    <t>【安徽天康】热电偶\WRNK2-191M\双支\5000mm\φ6mm\集热块</t>
  </si>
  <si>
    <t>【安徽天康】热电偶\WRNK-331\单支\10000mm\φ6mm\集热块</t>
  </si>
  <si>
    <t>【安徽天康】热电阻WZPK2-6318\双支\150mm\φ18mm\M33×2</t>
  </si>
  <si>
    <t>【安徽天康】热电阻WZPK2-4316\双支\750mm\φ16mm\活动法兰80mm</t>
  </si>
  <si>
    <t>【安徽天康】热电阻\WZPK2-7309-TH03\双支\150mm\φ9mm\螺纹</t>
  </si>
  <si>
    <t>【安徽天康】热电阻\WZPM2-001S\双支\15000mm\φ6mm\螺纹</t>
  </si>
  <si>
    <t>【安徽天康】热电阻\WZP2F-631\双支\1650×1500mm\φ12mm\螺纹</t>
  </si>
  <si>
    <t>【安徽天康】热电阻\WZPK2-2316M\双支\1000×940mm\φ12mm\螺纹</t>
  </si>
  <si>
    <t>【安徽天康】热电阻\WZP2F-430\双支\1500mm\φ16mm\法兰</t>
  </si>
  <si>
    <t>【安徽天康】热电阻\WZP2-2312A\双支\450×300mm\φ6mm\M27×2</t>
  </si>
  <si>
    <t>【安徽天康】热电阻\WZPM2-208\双支\150mm\φ4mm\1/2NPT</t>
  </si>
  <si>
    <t>【安徽天康】热电阻\WZPNM2-4312\双支\1500mm\φ28mm\RF</t>
  </si>
  <si>
    <t>【安徽天康】热电阻\WZPN2-230\双支\750mm\φ16mm\M33×2</t>
  </si>
  <si>
    <t>【安徽天康】热电阻\WZPK2-236\双支\250mm\φ6mm\M27×2</t>
  </si>
  <si>
    <t>【安徽天康】热电阻\WZPK2-231\双支\200mm\φ12mm\M27×2</t>
  </si>
  <si>
    <t>【安徽天康】热电阻\WZPM-201\双支\5000mm\φ5mm\M8×0.75</t>
  </si>
  <si>
    <t>【安徽天康】热电阻\WZPK2-338Z\双支\260mm\φ8mm\M20×1.5</t>
  </si>
  <si>
    <t>【安徽天康】热电阻\WZPK2-338Z\双支\350mm\φ8mm\M12×1</t>
  </si>
  <si>
    <t>【安徽天康】热电阻\WZPM2-206Z\双支\2000mm\φ3mm\M20×1.5</t>
  </si>
  <si>
    <t>【安徽天康】端面热电阻\WZPM-201\L×l=5000×130mm\φ6\M8×0.75</t>
  </si>
  <si>
    <t>【安徽天康】铠装铂热电阻\WZPK-336\l=350mm\φ6\M16×1.5</t>
  </si>
  <si>
    <t>【安徽天康】铠装铂热电阻\WZPK-336\L=450mm\φ6\M16×1.5</t>
  </si>
  <si>
    <t>【安徽天康】铠装热电阻\WZPK-236\L=640mm\φ6\M16×1.5</t>
  </si>
  <si>
    <t>【安徽天康】双支铠装热电阻\WZPK2-13W\L×l=150×110mm\φ22\M33×</t>
  </si>
  <si>
    <t>【安徽天康】热电阻\WZP2-231\双支\L×l=350×200mm\φ6mm\M27×2</t>
  </si>
  <si>
    <t>【安徽天康】热电阻\WZP2-230NM\双支\L×l=700×500\φ16\M2×2</t>
  </si>
  <si>
    <t>【安徽天康】热电阻\WZP2-2312A\双支\L×l=1400×1250mm\φ12mm</t>
  </si>
  <si>
    <t>【安徽天康】热电阻\WZP2-2312A\双支\L×l=360×210mm\φ5mm</t>
  </si>
  <si>
    <t>【安徽天康】热电阻\WZPK2-2312F\L×l=600×500\φ15\M27×1.5</t>
  </si>
  <si>
    <t>【安徽天康】热电阻WZPK2-4316\双支\1250mm\φ16mm\活动法兰80mm</t>
  </si>
  <si>
    <t>【安徽天康】端面热电阻WZPM2-001D-A3K\30mm\φ8mm\M16×1.5</t>
  </si>
  <si>
    <t>【安徽天康】热电阻WZPK2-4316\双支\1000mm\φ16mm\活动法兰80mm</t>
  </si>
  <si>
    <t>【安徽天康】热电偶WRKKD2-01A-1M-470A120双支120mm\φ40mm焊接</t>
  </si>
  <si>
    <t>【安徽天康】热电阻WLG-73SGG/BF02A-S-16HYC550-E\双支</t>
  </si>
  <si>
    <t>【安徽天康】热电偶\WRP2-243\双支\300mm\φ20mm</t>
  </si>
  <si>
    <t>【安徽天康】热电阻WZPK-750\200mm\φ6mm\螺纹M27×2</t>
  </si>
  <si>
    <t>【安徽天康】热电阻WZPK-750\250mm\φ6mm\螺纹M27×2</t>
  </si>
  <si>
    <t>【安徽天康】热电阻\WZP2-231-K PT100\双支\l=300\φ6mm\M27×2</t>
  </si>
  <si>
    <t>【安徽天康】热电阻\WZP230-300M\双支\300mm\φ12mm\M27×2</t>
  </si>
  <si>
    <t>【安徽天康】热电阻\WZP2-6300\双支\l=350mm\φ6mm\M16×1.5</t>
  </si>
  <si>
    <t>【安徽天康】热电阻WAPK2-010\双支\4mm\φ4mm\埋入式L=5000mm</t>
  </si>
  <si>
    <t>【安徽天康】热电阻\WZPK-236\l=200mm\φ6mm\M16×1.5</t>
  </si>
  <si>
    <t>【安徽天康】热电阻\WZP2-221A\双支\350×200mm\φ5mm\螺纹</t>
  </si>
  <si>
    <t>【安徽天康】端面热电阻\WZPM-201\3000mm\φ5\M8×0.75</t>
  </si>
  <si>
    <t>【安徽天康】端面热电阻\WZPM-201\L×l=5000×100mm\φ6\M8×0.75</t>
  </si>
  <si>
    <t>【安徽天康】热电阻\WZP2N-230\双支\500×350mm\φ8mm\M27×2</t>
  </si>
  <si>
    <t>【安徽天康】热电阻\WZP2-231\双支\3000mm\φ6mm\M27×2</t>
  </si>
  <si>
    <t>【安徽天康】热电阻\WZP2N-230\双支\500×350mm\φ16mm\M27×2</t>
  </si>
  <si>
    <t>【安徽天康】热电阻\WZP2-2312A\双支\650mm\φ6mm\卡套</t>
  </si>
  <si>
    <t>【安徽天康】热电阻WZPK2-323\200×100mm\φ6mm\M16×1.5 活动卡套</t>
  </si>
  <si>
    <t>【安徽天康】热电阻\WZPK2-335\双支\450mm\φ5mm\M16×1.5</t>
  </si>
  <si>
    <t>【安徽天康】热电阻\WZPK2-235\双支\8000mm\φ5mm\卡套式</t>
  </si>
  <si>
    <t>【安徽天康】热电阻\WZP2-631\双支\640mm\φ5mm\M27×2</t>
  </si>
  <si>
    <t>【安徽天康】热电阻\WZP2-631K\双支\550×400mm\φ5mm\M33×2</t>
  </si>
  <si>
    <t>【安徽天康】热电阻\WZP2-231\双支\200×80mm\φ8mm\卡套式</t>
  </si>
  <si>
    <t>【安徽天康】热电阻\WZP2-7310(K)\双支\300mm\φ10mm\G1/2</t>
  </si>
  <si>
    <t>【安徽天康】热电阻\WZP2-190\双支\100mm\φ8mm\M5×1</t>
  </si>
  <si>
    <t>【安徽天康】热电阻\WZPM-201\双支\30000×150mm\φ6mm\卡套\非防爆</t>
  </si>
  <si>
    <t>【安徽天康】热电阻\WZPK2-430\双支\1500mm\φ14mm\DN50</t>
  </si>
  <si>
    <t>【安徽天康】热电阻\WZPK2-396\双支\300mm\φ6mm\M16×1.5</t>
  </si>
  <si>
    <t>【安徽天康】热电阻\WZPK2-236S\L×l=250×150\φ20\M20×1.5</t>
  </si>
  <si>
    <t>【安徽天康】热电阻\WZPB-10-2-3-16-6-250\φ6mm\ExiaⅡCT6</t>
  </si>
  <si>
    <t>【安徽天康】热电阻\H-WZPK2-740i\双支\l=220mm\φ8mm\1-1/2"</t>
  </si>
  <si>
    <t>【安徽天康】热电阻H-WZPK2-740i\双支\l=300mm\φ8mm\法兰1-1/2"</t>
  </si>
  <si>
    <t>【安徽天康】热电阻\WZP2-320K\双支\L=650mm\φ16mm\φ70活动法兰</t>
  </si>
  <si>
    <t>【安徽天康】热电阻\H-WZPK2-740i\双支\l=400\φ8\1-1/2" 600#</t>
  </si>
  <si>
    <t>【安徽天康】热电阻H-WZPK2-740i\双支\l=450mm\φ8mm\法兰1-1/2"</t>
  </si>
  <si>
    <t>【安徽天康】热电阻\WZP2-221\双支\75mm\φ6mm\M27×2</t>
  </si>
  <si>
    <t>【安徽天康】热电阻\WZGPK2-131-HBS5000M100A\双支\18mm\φ3mm</t>
  </si>
  <si>
    <t>【安徽天康】热电阻\WZPK2-270\双支\75mm\φ6mm\M16×1.5</t>
  </si>
  <si>
    <t>【安徽天康】热电阻\WZP2-221\双支\75mm\φ20mm\M27×2</t>
  </si>
  <si>
    <t>【安徽天康】热电阻\WZP2-240\双支\100mm\φ20mm\M27×2</t>
  </si>
  <si>
    <t>【安徽天康】铠装热电阻\WZPK2-336\双支\150mm\φ6mm\M16×1.5</t>
  </si>
  <si>
    <t>【安徽天康】铠装热电阻\WZPK2-336 Pt100\双支\150\φ6\M16×1.5</t>
  </si>
  <si>
    <t>【安徽天康】热电阻\WZP2-231L300\双支\150mm\φ12mm\M27×2</t>
  </si>
  <si>
    <t>【安徽天康】热电阻\WZPK2-334\双支\90mm\φ4mm\螺纹</t>
  </si>
  <si>
    <t>【安徽天康】热电阻\WZP2-001\双支\2000mm\φ6mm\卡子连接</t>
  </si>
  <si>
    <t>【安徽天康】热电阻\WZP-430 316L PTFE\500mm\φ16mm\3/4"RF</t>
  </si>
  <si>
    <t>【安徽天康】热电阻\WZPM2-001\双支\l=6000mm\φ5×20mm\压簧压片</t>
  </si>
  <si>
    <t>【安徽天康】热电阻\WZP-231\双支\l=400mm\φ12mm\M27×2</t>
  </si>
  <si>
    <t>【安徽天康】热电阻\WZP2-221\双支\200mm\φ12mm\M27×2</t>
  </si>
  <si>
    <t>【安徽天康】热电阻\WZPK2-231\双支\l=300mm\φ12mm\M27×2</t>
  </si>
  <si>
    <t>【安徽天康】热电阻\WZPK2-231-225\双支\75mm\φ6mm\M27×2</t>
  </si>
  <si>
    <t>【安徽天康】热电阻\WZPK2-231-400\双支\250mm\φ6mm\M27×2</t>
  </si>
  <si>
    <t>【安徽天康】热电阻\WZPK2-231-500\双支\350mm\φ6mm\M27×2</t>
  </si>
  <si>
    <t>【安徽天康】热电阻\WZPK2-233-G1\双支\300mm\φ6mm\G1</t>
  </si>
  <si>
    <t>【安徽天康】热电阻\WZPK2-2516-A3P2HGM-WH500</t>
  </si>
  <si>
    <t>【安徽天康】热电阻\WZPK2-2516-A3P2HGM-WH450</t>
  </si>
  <si>
    <t>【安徽天康】热电阻\WZP2-231\双支\200×175mm\φ6mm</t>
  </si>
  <si>
    <t>【安徽天康】热电阻\WZP-440K\双支\200mm\φ3mm\螺纹\ExdⅡBT4</t>
  </si>
  <si>
    <t>【安徽天康】热电阻\WZPM2-201\双支\1500×18mm\φ6mm</t>
  </si>
  <si>
    <t>【安徽天康】热电阻\WZPK2-325\双支\2200×250mm\φ5mm\M16×1.5</t>
  </si>
  <si>
    <t>【安徽天康】热电阻\WZP2-431NM\双支\1650×1500mm\φ5mm\法兰</t>
  </si>
  <si>
    <t>【安徽天康】热电阻\WZP2-240\双支\1150×1000mm\φ16mm\M27×2</t>
  </si>
  <si>
    <t>【安徽天康】铂热电阻\WZPM-201\Ll=2000×25mm\φ5\M8×0.75</t>
  </si>
  <si>
    <t>【安徽天康】铠装铂热电阻\WZPK-335\l=350mm\φ5\M20×1.5</t>
  </si>
  <si>
    <t>【安徽天康】端面热电阻\WZPM-201\L×l=3000×20mm\φ3\M8×0.75</t>
  </si>
  <si>
    <t>【安徽天康】端面热电阻\WZPM-201\L×l=3000×20mm\φ5\M8×0.75</t>
  </si>
  <si>
    <t>【安徽天康】端面热电阻\WZPM-201\L×l=3000×30mm\φ8\M8×0.75</t>
  </si>
  <si>
    <t>【安徽天康】端面热电阻\WZPM-201\L×l=4000×20mm\φ5\M8×0.75</t>
  </si>
  <si>
    <t>【安徽天康】端面热电阻\WZPM2-201\3000mm\φ6\M8×0.75</t>
  </si>
  <si>
    <t>【安徽天康】端面热电阻\WZPM2-201\L=5000mm\φ8\M16×1.5</t>
  </si>
  <si>
    <t>【安徽天康】端面热电阻\WZPM2-201\L×l=3000×20mm\φ5\M8×0.75</t>
  </si>
  <si>
    <t>【安徽天康】铠装铂热电阻\WZPK2-106\Ll=4m×340mm\φ12\M20×1.5</t>
  </si>
  <si>
    <t>【安徽天康】铠装铂热电阻\WZPK-331\l=400mm\φ10\M20×1.5</t>
  </si>
  <si>
    <t>【安徽天康】铠装铂热电阻\WZPK-331\L=750mm\φ3\M20×1.5</t>
  </si>
  <si>
    <t>【安徽天康】铠装铂热电阻\WZPK-331\L=750mm\φ4\M20×1.5</t>
  </si>
  <si>
    <t>【安徽天康】铠装铂热电阻\WZPK-335\L=300mm\φ5\M20×1.5</t>
  </si>
  <si>
    <t>【安徽天康】铠装铂热电阻\WZPK-335\L=500mm\φ5\M20×1.5</t>
  </si>
  <si>
    <t>【安徽天康】铠装铂热电阻\WZPK-336\l=350mm\φ6\M20×1.5</t>
  </si>
  <si>
    <t>【安徽天康】铠装铂热电阻\WZPK-338\200mm\φ8\M20×1.5</t>
  </si>
  <si>
    <t>【安徽天康】铠装铂热电阻\WZPK-338\L=450mm\φ8\M20×1.5</t>
  </si>
  <si>
    <t>【安徽天康】铠装热电阻\WZP2K-269T\L=5000mm\φ16\G1/2</t>
  </si>
  <si>
    <t>【安徽天康】铠装热电阻\WZPE2-2416N\L=500×350mm\φ16\M27×2</t>
  </si>
  <si>
    <t>【安徽天康】铠装热电阻\WZPK-160T\L×l=1230×1120mm\φ22\M33×</t>
  </si>
  <si>
    <t>【安徽天康】铠装热电阻\WZPK2-296\L×l=15m×100mm\φ6\M20×1.5</t>
  </si>
  <si>
    <t>【安徽天康】铠装热电阻\WZPK2-338\L=180mm\φ8\M20×1.5</t>
  </si>
  <si>
    <t>【安徽天康】铠装热电阻\WZPK2-338\l=400mm\φ8\M20×1.5</t>
  </si>
  <si>
    <t>【安徽天康】铠装热电阻\WZPK-236\L=450mm\φ6\M16×1.5</t>
  </si>
  <si>
    <t>【安徽天康】铠装热电阻\WZPK-335\L=500mm\φ5\M20×1.5</t>
  </si>
  <si>
    <t>【安徽天康】热电偶\WREK2-331\双支\L=500mm\φ6\M20×1\dllBT4</t>
  </si>
  <si>
    <t>【安徽天康】热电偶\WRN2-0301T\多支\L=550mm\φ6mm\M20×1.5</t>
  </si>
  <si>
    <t>【安徽天康】热电偶\WRNR2-01\双支\L=480mm\φ5mm\M20×1.5</t>
  </si>
  <si>
    <t>【安徽天康】热电偶\WRNT-11\单支\15000mm\φ4mm\M16×1.5</t>
  </si>
  <si>
    <t>【安徽天康】热电偶\WRNT-11\单支\5000mm\φ4mm\固定贴片</t>
  </si>
  <si>
    <t>【安徽天康】热电偶\WRNT-11\单支\8000mm\φ4mm\固定贴片</t>
  </si>
  <si>
    <t>【安徽天康】热电偶\WRNT-11\双支\3000mm\φ6mm\M16×1.5\IP65</t>
  </si>
  <si>
    <t>【安徽天康】铠装热电偶\WRKT2-11A\双支\30000mm\φ6mm\M20x1</t>
  </si>
  <si>
    <t>【安徽天康】铠装热电偶\WRKT2-11A\20000mm\φ6mm\M20×1</t>
  </si>
  <si>
    <t>【安徽天康】热电偶\WRKKD2-03A-1M-B430\双支\150mm\φ22mm\焊接</t>
  </si>
  <si>
    <t>【安徽天康】热电偶\WRNK2-191M\双支\25000mm\φ6mm\焊接</t>
  </si>
  <si>
    <t>【安徽天康】热电偶\WRKKL2-4C525K\双支\1280mm\φ6mm</t>
  </si>
  <si>
    <t>【安徽天康】热电偶\WRKT2-11A\双支\25000mm\φ5mm\集热块连接</t>
  </si>
  <si>
    <t>【安徽天康】热电偶\WRNK2-73\双支\1165mm\φ5mm\M20×1.5</t>
  </si>
  <si>
    <t>【安徽天康】铠装热电偶\WRNT2-11\双支\20000mm\φ5mm\焊接\dllBT4</t>
  </si>
  <si>
    <t>【安徽天康】铠装热电偶\WRNT2-11\双支\L=25000mm\φ5\焊接\dllBT4</t>
  </si>
  <si>
    <t>【安徽天康】铠装热电偶\WRNT2-11\双支\L=192mm\φ8\焊接\dllBT4</t>
  </si>
  <si>
    <t>【安徽天康】铠装热电偶\WRNT2-11\L=30000mm\φ5\M20×1.5</t>
  </si>
  <si>
    <t>【安徽天康】热电偶\WRGKK2-134HBS500E6450B\双支\L=6m\φ5</t>
  </si>
  <si>
    <t>【安徽天康】热电偶\WRK2-6300\L×l=300×150mm\φ27\M27×2</t>
  </si>
  <si>
    <t>【安徽天康】热电偶\WRKKD-03-I-920(A335 P91)740\L×l=380×</t>
  </si>
  <si>
    <t>【安徽天康】热电偶\WRKKD2-02-I\L×l=1380×1130mm\φ28\ZG2</t>
  </si>
  <si>
    <t>【安徽天康】热电偶\WRKR2-12H\L×l=880×630mm\φ28\M33×2</t>
  </si>
  <si>
    <t>【安徽天康】热电偶\WRKR2-13H\L×l=1600×165mm\φ32\焊接</t>
  </si>
  <si>
    <t>【安徽天康】热电偶\WRKR2-13H\L×l=3100×203mm\φ32\焊接</t>
  </si>
  <si>
    <t>【安徽天康】热电偶\WRKR2-13H\L×l=3100×254mm\φ32\焊接</t>
  </si>
  <si>
    <t>【安徽天康】热电偶\WRNR2-12 \Ll=1380×1130mm\φ28\ZG2〞</t>
  </si>
  <si>
    <t>【安徽天康】热电偶\WRNR2-13H\L×l=480×150mm\φ322\焊接</t>
  </si>
  <si>
    <t>【安徽天康】热电偶\WRNT-11\单支\L=15000mm\φ4\焊接\dllBT4</t>
  </si>
  <si>
    <t>【安徽天康】双支铠装热电偶\WRNK2-221\20000mm\φ6\M20×1</t>
  </si>
  <si>
    <t>【安徽天康】热电偶\WRNK2-231\20000mm\φ6\M20×1</t>
  </si>
  <si>
    <t>【安徽天康】双支热电偶\WRNK2-131M\15000mm\φ6\焊接</t>
  </si>
  <si>
    <t>【安徽天康】热电偶\WRNK2-221\双支\2000mm\φ5mm\M16×1.0</t>
  </si>
  <si>
    <t>【安徽天康】热电偶\WRNK2-331\双支\L=500mm\φ5mm\M16×1.5</t>
  </si>
  <si>
    <t>【安徽天康】热电偶\WRNK2-391\双支\15000mm\φ6mm\M16×1.5</t>
  </si>
  <si>
    <t>【安徽天康】热电偶\WRN2-231\双支\L×l=300×150mm\φ12\M27×2</t>
  </si>
  <si>
    <t>【安徽天康】热电偶\WRNK2-221\双支\L=5000mm\φ5mm\M16×1.5</t>
  </si>
  <si>
    <t>【安徽天康】热电偶\WRER2-13 E\双支\150mm\φ6mm\M16×1.5</t>
  </si>
  <si>
    <t>【安徽天康】热电偶\WRER2-15\双支\100mm\φ27mm\M33×2</t>
  </si>
  <si>
    <t>【安徽天康】热电偶\WRNR2-12\双支\L×l=1380×1130mm\φ20mm\螺纹</t>
  </si>
  <si>
    <t>【安徽天康】热电偶\WRNK2-191M\双支\15000mm\φ6mm\焊接</t>
  </si>
  <si>
    <t>【安徽天康】热电偶\WRN2-2216\双支\2100×1950mm\φ16mm\M33×2</t>
  </si>
  <si>
    <t>【安徽天康】热电偶\WRNK2-221\双支\30000mm\φ6mm\插入式</t>
  </si>
  <si>
    <t>【安徽天康】热电偶\WRKK2-191\双支\1000mm\φ5mm\线缆式</t>
  </si>
  <si>
    <t>【安徽天康】热电偶\WREK2-321\双支\2000mm\φ5mm\M20×1.5</t>
  </si>
  <si>
    <t>【安徽天康】热电偶\WREKD2-03-I500A180\φ16mm\M33×2</t>
  </si>
  <si>
    <t>【安徽天康】热电偶\WREKD2-03-I530A280\双支\150mm\φ16mm</t>
  </si>
  <si>
    <t>【安徽天康】热电偶\WRER2-13\双支\400mm\φ5mm\M16×1.5</t>
  </si>
  <si>
    <t>【安徽天康】热电偶\WRKKD2-03\双支\260mm\φ20mm\M27×2</t>
  </si>
  <si>
    <t>【安徽天康】热电偶\WREK2-331\双支\1200mm\φ5mm\M20×1</t>
  </si>
  <si>
    <t>【安徽天康】热电偶\WRNK2-3316\双支\6500mm\φ5mm\螺纹</t>
  </si>
  <si>
    <t>【安徽天康】热电偶\WREK2-331\双支\1400mm\φ5mm\螺纹</t>
  </si>
  <si>
    <t>【安徽天康】热电偶\WRN2-231\双支\380×230mm\φ17mm\M33×2</t>
  </si>
  <si>
    <t>【安徽天康】热电偶\WRNK2-321M\双支\1329mm\φ5mm\M20×1</t>
  </si>
  <si>
    <t>【安徽天康】热电偶\WRN2-625\双支\480×100mm\φ6mm\螺纹</t>
  </si>
  <si>
    <t>【安徽天康】热电偶\WRNK2-321\双支\482mm\φ5mm\M20×1.5</t>
  </si>
  <si>
    <t>【安徽天康】热电偶\WRNK2-11\双支\35000mm\φ5mm\无固定装置</t>
  </si>
  <si>
    <t>【安徽天康】热电偶\WRNR2-13\双支\415mm\φ6mm\M27×2</t>
  </si>
  <si>
    <t>【安徽天康】热电偶\WRNT2-41\双支\6000mm\φ4mm\M20×1.5</t>
  </si>
  <si>
    <t>【安徽天康】热电偶\WRN2-330\双支\1640mm\φ5mm\M16×1.5</t>
  </si>
  <si>
    <t>【安徽天康】热电偶\WRNK2-321\双支\609mm\φ5mm\M16×1.5</t>
  </si>
  <si>
    <t>【安徽天康】热电偶\WRNT2-41201\双支\6000mm\φ4.8mm\插入式</t>
  </si>
  <si>
    <t>【安徽天康】热电偶\WRTM1Y3-271HD\三支\30mm\φ5.4mm\插入式</t>
  </si>
  <si>
    <t>【安徽天康】热电偶\WRNT2-12\双支\555mm\φ5mm\螺纹</t>
  </si>
  <si>
    <t>【安徽天康】热电偶\WRNK2-291\双支\1000mm\φ3mm\M14×1.5</t>
  </si>
  <si>
    <t>【安徽天康】热电偶\WREKD2-03\双支\510mm\φ5mm\M33×2</t>
  </si>
  <si>
    <t>【安徽天康】热电偶\WRNK3-1/1A\三支\25mm\φ7mm\M14×1</t>
  </si>
  <si>
    <t>【安徽天康】热电偶\WRNK2-195B\双支\10000×8000mm\φ5mm</t>
  </si>
  <si>
    <t>【安徽天康】热电偶\WRNK2-331A\双支\500mm\φ6mm\M16×1.5</t>
  </si>
  <si>
    <t>【安徽天康】热电偶\WRNK2-231\双支\550mm\φ5mm\M16×1.5</t>
  </si>
  <si>
    <t>【安徽天康】热电偶\WRNK2-231\双支\800mm\φ5mm\M16×1.5</t>
  </si>
  <si>
    <t>【安徽天康】热电偶\WRNT-11\单支\15000mm\φ5mm\集热块</t>
  </si>
  <si>
    <t>【安徽天康】热电偶\WRKKD2-03-ⅠA\1380×1130mm\φ32mm\法兰</t>
  </si>
  <si>
    <t>【安徽天康】热电偶\WRER2-13\L×l=430×100mm\φ32\M20×1</t>
  </si>
  <si>
    <t>【安徽天康】热电偶\WRKK2-3033-HBS1000-IH20000\L×l=20000</t>
  </si>
  <si>
    <t>【安徽天康】铠装热电偶\WRNK2-133\双支\10000mm\φ=5mm\标准\非防爆</t>
  </si>
  <si>
    <t>【安徽天康】热电偶\WRNM-330K\双支\L=550mm\φ18mm\M20×1.5</t>
  </si>
  <si>
    <t>【安徽天康】热电偶\WRER2-12\双支\L=510mm\φ5mm\M20×1.5</t>
  </si>
  <si>
    <t>【安徽天康】热电偶\WRER2-12\双支\L×l=880×630mm\φ28mm\ZG2"</t>
  </si>
  <si>
    <t>【安徽天康】热电偶\WRER2-13\双支\300×50mm\φ12mm\M20×1.5</t>
  </si>
  <si>
    <t>【安徽天康】热电偶\WRNK2-191M\双支\15000mm\φ5mm\M20×1.5</t>
  </si>
  <si>
    <t>【安徽天康】热电偶\WRNR2-12\1380×1130mm\φ32mm\ZG2"</t>
  </si>
  <si>
    <t>【安徽天康】热电偶\WRNK2-13-K\双支\150mm\φ5mm\M27×2</t>
  </si>
  <si>
    <t>【安徽天康】热电偶\WRNR2-13\双支\l=100mm\φ5mm\M27×2</t>
  </si>
  <si>
    <t>【安徽天康】热电偶\WRER2-15\双支\L×l=280×100mm\φ25mm</t>
  </si>
  <si>
    <t>【安徽天康】热电偶\WRER2-14\双支\L×l=380×150mm\φ25mm</t>
  </si>
  <si>
    <t>【安徽天康】热电偶\WRER2-13\双支\L×l=330×50mm\φ25mm</t>
  </si>
  <si>
    <t>【安徽天康】热电偶\WRER2-13\双支\l=70mm\φ6mm\M16×1.5</t>
  </si>
  <si>
    <t>【安徽天康】热电偶\WREK2-12\双支\L×l=1380×1130mm\φ25mm\法兰</t>
  </si>
  <si>
    <t>【安徽天康】热电偶\WRNK2-233\L×l=880×630mm\φ10mm\M60×3</t>
  </si>
  <si>
    <t>【安徽天康】热电偶\WRER2-12\双支\L×I=1380×1130mm\φ5mm</t>
  </si>
  <si>
    <t>【安徽天康】热电偶\WRNR2-13\双支\I=250mm\φ28mm\焊接</t>
  </si>
  <si>
    <t>【安徽天康】热电偶\WRNT2-11\双支\20000mm\φ6mm\卡套式</t>
  </si>
  <si>
    <t>【安徽天康】热电偶\WRNK2-230NM\双支\L×l=1350×1200mm</t>
  </si>
  <si>
    <t>【安徽天康】热电偶\WRNN-631\L×I=880×630mm\φ25mm\M48×1.5</t>
  </si>
  <si>
    <t>【安徽天康】热电偶\WRNN-631\LxI=1500x500mm\M48×1.5</t>
  </si>
  <si>
    <t>【安徽天康】热电偶\WRN2-631\双支\L×l=750×500mm</t>
  </si>
  <si>
    <t>【安徽天康】热电偶\WREK2-391T\双支\120mm\φ6mm\NPT1/4</t>
  </si>
  <si>
    <t>【安徽天康】热电偶\WRNK2-331\双支\10000mm\φ5mm\M16×1.5</t>
  </si>
  <si>
    <t>【安徽天康】热电偶\WRNK2-331\双支\20000mm\φ5mm\M16×1.5</t>
  </si>
  <si>
    <t>【安徽天康】热电阻\WZPM2-001\100mm\φ6mm\M20×1.5 活动卡套接头</t>
  </si>
  <si>
    <t>【安徽天康】热电偶\WRKL-433\双支\900mm\φ25mm\法兰</t>
  </si>
  <si>
    <t>【安徽天康】铠装热电偶\WRNR2-01\双支\16000mm\φ4mm\M27×2</t>
  </si>
  <si>
    <t>【安徽天康】热电偶\WRNK2-191M 曲面R=29mm\\20000mm\φ4mm\焊接</t>
  </si>
  <si>
    <t>【安徽天康】热电偶WRN2-4325NM\1000x850mm\φ18 l=230mm\法兰</t>
  </si>
  <si>
    <t>【安徽天康】热电偶\WRN2-4332NM\双支\800×600mm\φ25mm\法兰</t>
  </si>
  <si>
    <t>【安徽天康】热电偶\WRN2-4332NM\双支\930×730mm\φ25mm\法兰</t>
  </si>
  <si>
    <t>【安徽天康】热电偶\WRNNK-12\双支\100mm\φ32mm\ZG2"</t>
  </si>
  <si>
    <t>【安徽天康】热电偶\WRNK2-291\双支\5000mm\φ5mm\M16×1.5</t>
  </si>
  <si>
    <t>【安徽天康】热电偶\WRNK2-291\双支\15000mm\φ5mm\M16×1.5</t>
  </si>
  <si>
    <t>【安徽天康】热电偶\WREK2-001\双支\15000mm\φ5mm\压簧式</t>
  </si>
  <si>
    <t>【安徽天康】热电偶\WRNK2-11\双支\15000mm\φ6mm\固定贴片+螺纹</t>
  </si>
  <si>
    <t>【安徽天康】热电偶\WRNT2-11\双支\30000mm\φ6mm\卡套式</t>
  </si>
  <si>
    <t>【安徽天康】热电偶\WRER2-12\双支\430mm\φ6mm\螺纹</t>
  </si>
  <si>
    <t>【安徽天康】热电偶\WRER2-13\双支\380×100mm\φ6mm\M27×2</t>
  </si>
  <si>
    <t>【安徽天康】热电偶\WREX2-001\双支\7000×55mm\φ6mm\压簧式</t>
  </si>
  <si>
    <t>【安徽天康】热电偶\WREK2-331\双支\20000mm\φ5mm\M16×1.5</t>
  </si>
  <si>
    <t>【安徽天康】热电偶\HD-WRNR2-12\双支\1380×1150mm\φ6mm\G1/2</t>
  </si>
  <si>
    <t>【安徽天康】热电偶\WRNR2-12\双支\1380×1130mm\φ6mm\M33×2</t>
  </si>
  <si>
    <t>【安徽天康】热电偶\WRNK2-331M\双支\5000mm\φ5mm\G1/2</t>
  </si>
  <si>
    <t>【安徽天康】热电偶\WRNK2-13\双支\450mm\φ6mm\G1/2</t>
  </si>
  <si>
    <t>【安徽天康】热电偶\WRNR2-4328\双支\1200mm\φ28mm\M60×3</t>
  </si>
  <si>
    <t>【安徽天康】热电偶\WRNK2-13\多支\450mm\φ6mm\1/2NPT(M)</t>
  </si>
  <si>
    <t>【安徽天康】热电偶\WRNK-2461\双支\6000mm\φ3mm\螺纹</t>
  </si>
  <si>
    <t>【安徽天康】热电偶\WRNK2-191\双支\640mm\φ6mm\M27×2</t>
  </si>
  <si>
    <t>【安徽天康】热电偶\WKR2101P1111\双支\150mm\φ8mm\M16×1.5</t>
  </si>
  <si>
    <t>【安徽天康】热电偶\WRNK2-331\双支\1000mm\φ6mm\M20×1</t>
  </si>
  <si>
    <t>【安徽天康】热电偶\WREK2-13\双支\480×150mm\φ6mm\螺纹</t>
  </si>
  <si>
    <t>【安徽天康】热电偶\WRNK2-321\双支\382mm\φ5mm\M20×1.5</t>
  </si>
  <si>
    <t>【安徽天康】热电偶\WRN2-13-010\双支\460mm\φ6mm\插入式</t>
  </si>
  <si>
    <t>【安徽天康】热电偶\WRNT2-31\双支\300mm\φ6mm\1/2NPT</t>
  </si>
  <si>
    <t>【安徽天康】热电偶\WRNT2-001\双支\390mm\φ6mm\1/2NPT</t>
  </si>
  <si>
    <t>【安徽天康】热电偶\WRNK2-231\双支\4000mm\φ3mm\M14×1.5</t>
  </si>
  <si>
    <t>【安徽天康】热电偶\WREK2-331\双支\6000mm\φ5mm\R1/2</t>
  </si>
  <si>
    <t>【安徽天康】热电偶\WRNK2-231\双支\3000mm\φ6mm\R1/4</t>
  </si>
  <si>
    <t>【安徽天康】热电偶\WREK2-331\双支\10000mm\φ5mm\M16×1.5</t>
  </si>
  <si>
    <t>【安徽天康】热电偶\WRNK2-230\双支\100mm\φ16mm\螺纹</t>
  </si>
  <si>
    <t>【安徽天康】热电偶\WREK2-331A\双支\12000×203mm\φ5mm\螺纹</t>
  </si>
  <si>
    <t>【安徽天康】热电偶\WRNT2-11\双支\35000×20000mm\φ5mm\集热块</t>
  </si>
  <si>
    <t>【安徽天康】热电偶\WREK2-331A\双支\1100mm\φ5mm\螺纹</t>
  </si>
  <si>
    <t>【安徽天康】热电偶\WRNT2-31\双支\250mm\φ6mm\NPT1/2\国产</t>
  </si>
  <si>
    <t>【安徽天康】热电偶\WRNK2-2193\双支\3000mm\φ6mm\M20×1.5</t>
  </si>
  <si>
    <t>【安徽天康】热电偶\WREK2-231\双支\25000mm\φ6mm\R1/4</t>
  </si>
  <si>
    <t>【安徽天康】热电偶\WRNK2-231\双支\8000×200mm\φ6mm\NPT1/2</t>
  </si>
  <si>
    <t>【安徽天康】热电偶\WRNK2-231\双支\12000×200mm\φ6mm\NPT1/2</t>
  </si>
  <si>
    <t>【安徽天康】热电偶\WRNK2-231\双支\6000×200mm\φ6mm\NPT1/2</t>
  </si>
  <si>
    <t>【安徽天康】热电偶\WRNK2-231\双支\10000×200mm\φ6mm\NPT1/2</t>
  </si>
  <si>
    <t>【安徽天康】热电偶\WRNK2-191\双支\1000mm\φ3mm\卡套</t>
  </si>
  <si>
    <t>【安徽天康】热电偶\WRNR2-13\双支\300×100mm\φ5mm\M20×1.5</t>
  </si>
  <si>
    <t>【安徽天康】热电偶\WRNR2-13\双支\400×250mm\φ5mm\M20×1.5</t>
  </si>
  <si>
    <t>【安徽天康】热电偶\WRN2-601\双支\500×195mm\φ4mm\M20×1.5</t>
  </si>
  <si>
    <t>【安徽天康】热电偶\WRNR2-12\双支\800×650mm\φ25-16mm\M33×2</t>
  </si>
  <si>
    <t>【安徽天康】热电偶\WRKKL2-4S520\双支\1200mm\φ20mm\法兰</t>
  </si>
  <si>
    <t>【安徽天康】热电偶\WREK2-321\双支\L=5000mm\φ5mm\M27×2</t>
  </si>
  <si>
    <t>【安徽天康】热电偶\WRNM2-32\双支\1000mm\φ28mm\活动法兰</t>
  </si>
  <si>
    <t>【安徽天康】热电偶\WRKK2-334\双支\489mm\φ5mm\M20×1.5</t>
  </si>
  <si>
    <t>【安徽天康】热电偶\WREK2-231010E\双支\40mm\φ5mm\螺纹</t>
  </si>
  <si>
    <t>【安徽天康】热电偶\WREK2-2355/E\双支\376mm\φ5mm\插入式</t>
  </si>
  <si>
    <t>【安徽天康】热电偶\WRNT-11-K\双支\1000mm\φ5mm\卡套式</t>
  </si>
  <si>
    <t>【安徽天康】热电偶\WRNK2-291\L=10000m\φ5\M16×1.5</t>
  </si>
  <si>
    <t>【安徽天康】热电偶\WRER2-12E\L×l=2250×1500mm\φ6mm\M33×2</t>
  </si>
  <si>
    <t>【安徽天康】热电偶\WREK2-230NM\双支\L×l=1650×1500mm</t>
  </si>
  <si>
    <t>【安徽天康】热电偶\WRNK2-230NM\双支\L×l=1650×1500mm</t>
  </si>
  <si>
    <t>【安徽天康】热电偶\WREK2-230NM\双支\L×l=1350×1200mm</t>
  </si>
  <si>
    <t>【安徽天康】热电偶\WREK2-331E\双支\20000mm\φ6mm\M16×1.5</t>
  </si>
  <si>
    <t>【安徽天康】热电偶\WREK2-331E\双支\15000mm\φ6mm\M16×1.5</t>
  </si>
  <si>
    <t>【安徽天康】热电偶\WRNK2-233\双支\230mm\φ6mm\螺纹</t>
  </si>
  <si>
    <t>【安徽天康】热电偶\WREK2-291E\双支\15000×2000mm\φ4.8mm</t>
  </si>
  <si>
    <t>【安徽天康】热电偶\WREK2-291E\双支\10000×2000mm\φ4.8mm</t>
  </si>
  <si>
    <t>【安徽天康】热电偶\WRR2-431B\双支\1500mm\φ25mm\M20×1.5</t>
  </si>
  <si>
    <t>【安徽天康】热电偶\WREKD2-03\双支\535×335mm\φ6mm\M33×2</t>
  </si>
  <si>
    <t>【安徽天康】热电偶\WREK2-106\双支\500mm\φ5mm\插入式</t>
  </si>
  <si>
    <t>【安徽天康】热电偶\WRR2-431B\双支\1650mm\φ25mm\固定法兰</t>
  </si>
  <si>
    <t>【安徽天康】热电偶\WRER2-12\双支\2000×1500mm\φ25mm\M60×3</t>
  </si>
  <si>
    <t>【安徽天康】热电偶\WRER2-12\双支\1200×200mm\φ5mm\M60×3</t>
  </si>
  <si>
    <t>【安徽天康】热电偶\WRN2-430/T-75\双支\400mm\φ16mm\法兰</t>
  </si>
  <si>
    <t>【安徽天康】热电偶\WRBT-4425-PMA-1200S\双支\1200mm</t>
  </si>
  <si>
    <t>【安徽天康】热电偶\WRBT-4425-PMA-900S-700\双支\700mm</t>
  </si>
  <si>
    <t>【安徽天康】热电偶\WRNK-331 K分度\双支\1500mm\φ6mm\M16×1.5</t>
  </si>
  <si>
    <t>【安徽天康】热电偶\WRNK-4G30\280\6\RF DN40PN50\ExiaⅡCT4</t>
  </si>
  <si>
    <t>【安徽天康】热电偶WRGKK-53SHBM-400-600LB-1.5\250mm\φ5mm</t>
  </si>
  <si>
    <t>【安徽天康】热电偶\WZPK2-4420D3-TK\多支\880mm\φ33.4mm\法兰</t>
  </si>
  <si>
    <t>【安徽天康】热电偶\WZPK2-4420D3-TK\多支\815mm\φ33.4mm\法兰</t>
  </si>
  <si>
    <t>【安徽天康】热电偶\WRNK-331\双支\5000mm\φ5mm\M16×1.5</t>
  </si>
  <si>
    <t>【安徽天康】热电偶\WRNR-01T\双支\70 150mm\φ6mm\焊接</t>
  </si>
  <si>
    <t>【安徽天康】热电偶\WRN-01\双支\75mm\φ6mm\焊接</t>
  </si>
  <si>
    <t>【安徽天康】热电偶\WRNK-331\1500mm\φ6\M20×1.5</t>
  </si>
  <si>
    <t>【安徽天康】热电偶\WRNN2-436\双支\l=600mm\φ6mm\M16×1.5</t>
  </si>
  <si>
    <t>【安徽天康】热电偶\WRNN2-436NM\双支\L×l=1200×900mm\φ25mm</t>
  </si>
  <si>
    <t>【安徽天康】热电偶\WRNK2-291\双支\12000mm\φ4mm\螺纹</t>
  </si>
  <si>
    <t>【安徽天康】热电偶\WRNK-221 0-800℃\双支\L=7000\φ5\M16×1.5</t>
  </si>
  <si>
    <t>【安徽天康】热电偶\WRNK-221 0-800℃\双支\3000\φ5\M16×1.5</t>
  </si>
  <si>
    <t>【安徽天康】热电偶\WRNK-2\双支\400×200mm\φ26mm\M33×2</t>
  </si>
  <si>
    <t>【安徽天康】热电偶\WRKK-350-DZ3039X\单\1000mm\φ6mm\M27×2</t>
  </si>
  <si>
    <t>【安徽天康】热电偶\WRKK2-140\双支\5000mm\φ6mm\内螺纹\进口</t>
  </si>
  <si>
    <t>【安徽天康】热电偶\WRKK2-140\双支\500mm\φ6mm\内螺纹\进口</t>
  </si>
  <si>
    <t>【安徽天康】热电偶\WRNK-4303\3支\1920 2120 2320mm</t>
  </si>
  <si>
    <t>【安徽天康】热电偶\H-WRJK-440i-Y\双支\220mm\φ20mm\DN25</t>
  </si>
  <si>
    <t>【安徽天康】热电偶\WRK2-2316\双支\800mm\φ20mm\M27×2</t>
  </si>
  <si>
    <t>【安徽天康】热电偶\WRN-230\双支\l=450mm\φ30mm\标准</t>
  </si>
  <si>
    <t>【安徽天康】热电偶\WRN2-131-K\双支\1800mm\φ6mm\插入式</t>
  </si>
  <si>
    <t>【安徽天康】热电偶\WRN2-230\双支\300mm\φ8mm\M27x2</t>
  </si>
  <si>
    <t>【安徽天康】热电偶\WRN-130(K) 铠装\单\1000mm\φ20mm\螺纹</t>
  </si>
  <si>
    <t>【安徽天康】热电偶\WRNN-230K\双支\750mm\φ22mm\M27×2</t>
  </si>
  <si>
    <t>【安徽天康】热电偶\WRKK-140\单\15000mm\φ6mm\法兰\EExibⅡCT4</t>
  </si>
  <si>
    <t>【安徽天康】热电偶\WRKK2-140-HZ\双支\1100mm\φ6mm\螺纹</t>
  </si>
  <si>
    <t>【安徽天康】热电偶\WZPK2-330\双支\700mm\φ6mm\M16×1.5</t>
  </si>
  <si>
    <t>【安徽天康】热电偶\WRKK2-340\双支\4000mm\φ5mm\活动卡套</t>
  </si>
  <si>
    <t>【安徽天康】热电偶\WRNK-2531\多支\2500mm\φ20mm\RF\国产</t>
  </si>
  <si>
    <t>【安徽天康】热电偶\WRN-446D3-644HA\多支\5465 6445 7425mm</t>
  </si>
  <si>
    <t>【安徽天康】热电偶\WRN-446D3-248HA\多支\5425 6405 7385mm</t>
  </si>
  <si>
    <t>【安徽天康】热电偶\WRN2-341NM\双支\2500mm\φ20mm\RF</t>
  </si>
  <si>
    <t>【安徽天康】热电偶\WRN2-74\双支\250mm\φ6mm\NPT1/2</t>
  </si>
  <si>
    <t>【安徽天康】热电偶\WRN2-74\双支\300mm\φ6mm\NPT1/2</t>
  </si>
  <si>
    <t>【安徽天康】热电偶\WRN2-74\双支\400mm\φ6mm\NPT1/2</t>
  </si>
  <si>
    <t>【安徽天康】热电偶\WRN2-74-TH01E\双支\200mm\φ6mm\NPT1/2</t>
  </si>
  <si>
    <t>【安徽天康】热电偶\WRNK2-331\双支\4000mm\φ6mm\卡套</t>
  </si>
  <si>
    <t>【安徽天康】热电偶\WRN-641i-TH02D\双支\2680mm\φ20mm\RF</t>
  </si>
  <si>
    <t>【安徽天康】热电偶\WRN2-010\双支\600mm\φ6mm\螺纹\国产</t>
  </si>
  <si>
    <t>【安徽天康】热电偶\WRNK2-201\双支\850mm\φ6mm\螺纹</t>
  </si>
  <si>
    <t>【安徽天康】热电偶\WRKK2J-380\双支\980mm\φ6mm\螺纹</t>
  </si>
  <si>
    <t>【安徽天康】热电偶\ZHTC06-C1WWWB1P2SC31.8L945\双支</t>
  </si>
  <si>
    <t>【安徽天康】热电偶\WRN-330 K分度 0~1300℃ L=400mm</t>
  </si>
  <si>
    <t>【安徽天康】热电偶\WRNM2-32\双支\1050mm\φ25mm\活动法兰</t>
  </si>
  <si>
    <t>【安徽天康】热电偶\WRNM2-32\双支\1050mm\φ28mm\活动法兰</t>
  </si>
  <si>
    <t>【安徽天康】热电偶\WRNK-331\单支\15000mm\φ6mm\集热块连接</t>
  </si>
  <si>
    <t>【安徽天康】热电偶\WRNK-331\单支\25000mm\φ6mm\集热块连接</t>
  </si>
  <si>
    <t>【安徽天康】热电偶\WRNK-331\单支\20000mm\φ6mm\集热块连接</t>
  </si>
  <si>
    <t>【安徽天康】热电偶\WRGKK2-53-1J500H-N-3HM16\双支\400mm\螺纹</t>
  </si>
  <si>
    <t>【安徽天康】热电偶\WRNK2-291\双支\3000mm\φ5mm\M16×1.5</t>
  </si>
  <si>
    <t>【安徽天康】热电偶\WRNK2-291\双支\8000mm\φ5mm\M16×1.5</t>
  </si>
  <si>
    <t>【安徽天康】双支端面铂热电阻\WZPM2\双支\L=5000mm\φ8\M10×1</t>
  </si>
  <si>
    <t>【安徽天康】热电阻\WZPM2-206W\双支\6000mm\φ4mm\螺纹</t>
  </si>
  <si>
    <t>【安徽天康】热电阻\WZP2-631K\双支\350×150mm\φ5mm\M33×2</t>
  </si>
  <si>
    <t>【安徽天康】热电阻\WZPK2-630\双支\200mm\φ8mm\M20×1.5</t>
  </si>
  <si>
    <t>【安徽天康】热电阻\WZPM2-201\双支\100mm\φ6mm\M20×1.5</t>
  </si>
  <si>
    <t>【安徽天康】热电阻\WZPK2-236T\双支\150mm\φ14mm\螺纹</t>
  </si>
  <si>
    <t>【安徽天康】热电阻\WZP2-241G\双支\150mm\φ6mm\M8×0.75</t>
  </si>
  <si>
    <t>【安徽天康】热电阻\WZP2-A1-14\双支\250mm\φ4mm\1/2NPT</t>
  </si>
  <si>
    <t>【安徽天康】热电阻\WZPN2-7430\双支\1600mm\φ8mm\卡套</t>
  </si>
  <si>
    <t>【安徽天康】热电阻\WZPK2-1312\双支\350mm\φ5mm\螺纹</t>
  </si>
  <si>
    <t>【安徽天康】热电阻\WZPK2-196\双支\18mm\φ6mm\螺纹</t>
  </si>
  <si>
    <t>【安徽天康】热电阻\WZPK2-336T-H\双支\350mm\φ5mm\卡套</t>
  </si>
  <si>
    <t>【安徽天康】热电阻\WZPKL2-233\双支\800mm\φ6mm\M33×2</t>
  </si>
  <si>
    <t>【安徽天康】热电阻\WZPK2-438\双支\1500mm\φ6mm\法兰</t>
  </si>
  <si>
    <t>【安徽天康】热电阻\WZPK2-36T\双支\500mm\φ6mm\M27×1.5</t>
  </si>
  <si>
    <t>【安徽天康】热电阻\WZPK2-166-40\双支\892mm\φ10mm\插入式</t>
  </si>
  <si>
    <t>【安徽天康】热电阻\WZP-44SA\三支\250mm\φ10mm\M27×2</t>
  </si>
  <si>
    <t>【安徽天康】热电阻\WZPK2-236S\双支\150mm\φ5mm\M16×1.5</t>
  </si>
  <si>
    <t>【安徽天康】热电阻\WZPK2-236S\双支\150mm\φ6mm\M27×2</t>
  </si>
  <si>
    <t>【安徽天康】热电阻\WZP2-231\双支\L=550mm\φ12mm\M27×2</t>
  </si>
  <si>
    <t>【安徽天康】热电阻\WZP2-231\双支\100mm\φ12mm\M27×2</t>
  </si>
  <si>
    <t>【安徽天康】热电阻\WZP2-231-K\双支\100mm\φ6mm\M27×2</t>
  </si>
  <si>
    <t>【安徽天康】端面热电阻\WZPM-201\L×l=5000×35mm\φ6\M8×0.75</t>
  </si>
  <si>
    <t>【安徽天康】铠装铂热电阻\WZPK2-336\l=250mm\φ6\M20×1.5</t>
  </si>
  <si>
    <t>【安徽天康】铠装铂热电阻\WZPK-335\150mm\φ10\M20×1.5</t>
  </si>
  <si>
    <t>【安徽天康】铠装铂热电阻\WZPK-335\l=400mm\φ5\M16×1.5</t>
  </si>
  <si>
    <t>【安徽天康】热电阻\WZPKL2-235A2\L×l=200×50mm\φ5\M16×1.5</t>
  </si>
  <si>
    <t>【安徽天康】热电阻\WZPM2-M18\双支\3000mm\φ6mm\M18×1.5</t>
  </si>
  <si>
    <t>【安徽天康】热电阻\WZP-231\双支\L×l=150×400mm\φ12mm\M27×2</t>
  </si>
  <si>
    <t>【安徽天康】热电阻\WZP2-630\双支\150mm\φ16mm\M27×2</t>
  </si>
  <si>
    <t>【安徽天康】热电阻\WZP2-221\双支\L×l=225×75mm\φ6mm\M27×2</t>
  </si>
  <si>
    <t>【安徽天康】热电阻\WZPK2-336S\双支\L×l=400×300\φ6\M16×1.5</t>
  </si>
  <si>
    <t>【安徽天康】热电阻\WZPK-336S\双支\150mm\φ6mm\M27×2</t>
  </si>
  <si>
    <t>【安徽天康】热电阻\WZP2-230NM\双支\L×l=250×150\φ16\M27×2</t>
  </si>
  <si>
    <t>【安徽天康】热电阻\WZPM2-295-Pt100\双支\l=220\φ6\M27×2</t>
  </si>
  <si>
    <t>【安徽天康】热电阻\WZP2-430\双支\L×l=1380×100mm\M16X1.5</t>
  </si>
  <si>
    <t>【安徽天康】热电阻\WZPK2-336\双支\L=130mm\φ6mm\M16×1.5</t>
  </si>
  <si>
    <t>【安徽天康】热电阻\WZPM2-201\双支\L×l=15×4000\φ6\M8×0.75</t>
  </si>
  <si>
    <t>【安徽天康】热电阻\WZP2-231-(K)\双支\L=500mm\φ12mm\M27×2</t>
  </si>
  <si>
    <t>【安徽天康】热电阻\WZP2-230\双支\L=300mm\φ6mm\M27×2</t>
  </si>
  <si>
    <t>【安徽天康】热电阻\WRN2-230 K分度\双支\L×l=300×150mm\φ28mm</t>
  </si>
  <si>
    <t>【安徽天康】热电阻\WZPK2-230\双支\I=100mm\φ16mm\M27×2</t>
  </si>
  <si>
    <t>【安徽天康】热电阻\WZPM2-08-075-M18-S\双支\I=75mm\φ8mm\螺纹</t>
  </si>
  <si>
    <t>【安徽天康】热电阻\WZPM2-001\双支\L×I=8000×175mm\φ5mm\压簧式</t>
  </si>
  <si>
    <t>【安徽天康】热电阻\WZPK2-330\双支\1500mm\φ20mm\螺纹</t>
  </si>
  <si>
    <t>【安徽天康】热电阻\WZP-430N-PT100\双支\650mm\φ20mm\插入式</t>
  </si>
  <si>
    <t>【安徽天康】热电阻\WZPM2-201-PT100\双支\1000mm\φ10mm</t>
  </si>
  <si>
    <t>【安徽天康】热电阻\WZPK2-236S\150mm\φ6mm\M16x1.5 活动卡套接头</t>
  </si>
  <si>
    <t>【安徽天康】热电阻\WZPM2-001Q-A3J97-10000\3000mm\ZG1/8</t>
  </si>
  <si>
    <t>【安徽天康】热电阻WZPM2-001Q-A3J35-10000\3000mmφ6\ZG1/8</t>
  </si>
  <si>
    <t>【安徽天康】热电阻\WZP02-336\双支\550mm\φ6mm\活动卡套 NPT1/2</t>
  </si>
  <si>
    <t>【安徽天康】热电阻\WZP2-640\双支\300mm\φ8mm\M27×2\ExdⅡBT4</t>
  </si>
  <si>
    <t>【安徽天康】热电阻\WZP2-231\双支\500mm\φ6mm\M33×2</t>
  </si>
  <si>
    <t>【安徽天康】热电阻\WZP2-230\双支\3500×3000mm\φ6mm\M27×2</t>
  </si>
  <si>
    <t>【安徽天康】热电阻\WZPK2-396\双支\117mm\φ6mm\M8×1.0</t>
  </si>
  <si>
    <t>【安徽天康】热电阻\WZPK2-238\双支\554mm\φ8mm\M20×1.5</t>
  </si>
  <si>
    <t>【安徽天康】热电阻\WZP2-235\双支\250mm\φ5mm\M16×1.5</t>
  </si>
  <si>
    <t>【安徽天康】热电阻\WZP2-238\双支\250mm\φ8mm\卡套</t>
  </si>
  <si>
    <t>【安徽天康】热电阻\WZP2-236\双支\400mm\φ6mm\1/2NPT</t>
  </si>
  <si>
    <t>【安徽天康】热电阻\WZPKL2-1316-AJG3M\双支\1150×1000\φ16</t>
  </si>
  <si>
    <t>【安徽天康】热电阻\WZPN2-230\双支\800×650mm\φ22mm\M33×2</t>
  </si>
  <si>
    <t>【安徽天康】热电阻\WZP2-230K\双支\380×250mm\φ16mm\M33×2</t>
  </si>
  <si>
    <t>【安徽天康】热电阻\WZPK2-343-A6M-150×30\双支\φ6mm\NPT1/2</t>
  </si>
  <si>
    <t>【安徽天康】热电阻\WZPK2-343-A6M-500×30\双支\φ6mm\NPT1/2</t>
  </si>
  <si>
    <t>【安徽天康】热电阻\WZPK2-196\双支\270mm\φ6mm\卡套</t>
  </si>
  <si>
    <t>【安徽天康】热电阻\WZPK2-236\双支\1200mm\φ12mm\M27×2</t>
  </si>
  <si>
    <t>【安徽天康】热电阻\WZP2-230\双支\1650×1450mm\φ6mm\M27×2</t>
  </si>
  <si>
    <t>【安徽天康】热电阻\WZPK-338\双支\120mm\φ8mm\螺纹</t>
  </si>
  <si>
    <t>【安徽天康】热电阻\WZPKB-246-PT100\双支\240mm\φ25mm\螺纹</t>
  </si>
  <si>
    <t>【安徽天康】热电阻\WZPM2-00124F/A6L6000S\双支\0mm\φ10mm</t>
  </si>
  <si>
    <t>【安徽天康】热电阻\WZP2-231\双支\150mm\φ12mm\M27x2</t>
  </si>
  <si>
    <t>【安徽天康】热电阻\WZPK2-106\双支\870mm\φ5mm\M12×1.5 卡套接头</t>
  </si>
  <si>
    <t>【安徽天康】热电阻\WZPK-24S\双支\100mm\φ8mm\M27×2</t>
  </si>
  <si>
    <t>【安徽天康】热电阻\WZPK2-236S\双支\150mm\φ6mm\1/2NPT</t>
  </si>
  <si>
    <t>【安徽天康】热电阻\WZPK2-230\双支\1400×1250mm\φ16mm\M27×2</t>
  </si>
  <si>
    <t>【安徽天康】热电阻\WZPK2-236S\双支\180mm\φ6mm\G1/2</t>
  </si>
  <si>
    <t>【安徽天康】热电阻WZPM2-201SA\双支\1000×20mm\φ6mm\M20×1.5</t>
  </si>
  <si>
    <t>【安徽天康】热电阻\WZPK2-336A\双支\200mm\φ6mm\螺纹</t>
  </si>
  <si>
    <t>【安徽天康】热电阻\WZPM2-201SA\双支\10000mm\φ6mm\NPT1/2</t>
  </si>
  <si>
    <t>【安徽天康】热电阻\WZPL2-238\双支\10mm\φ6mm\M27×2</t>
  </si>
  <si>
    <t>【安徽天康】热电阻\WZPK2T-4316M-100\\100mm\φ6mm\M12×1.5</t>
  </si>
  <si>
    <t>【安徽天康】热电阻\WZPK2-338\双支\180mm\φ8mm\M18×2.5</t>
  </si>
  <si>
    <t>【安徽天康】热电阻\WZPK2-236S\双支\150mm\φ6mm\ZG1/2</t>
  </si>
  <si>
    <t>【安徽天康】热电阻\WZP2-2312\双支\250×100mm\φ10mm\M27×2</t>
  </si>
  <si>
    <t>【安徽天康】热电阻\WZP2-731\双支\400mm\φ12mm\M27×2</t>
  </si>
  <si>
    <t>【安徽天康】热电阻\WZPK2-235S\双支\350×310mm\φ5mm\M16×1.5</t>
  </si>
  <si>
    <t>【安徽天康】耐磨热电阻\WZP2N-230K\L=600×450mm\φ22\M27×2</t>
  </si>
  <si>
    <t>【安徽天康】全铠装热电阻\WZPK-3A\L=300mm\φ10\M20×1.5</t>
  </si>
  <si>
    <t>【安徽天康】全铠装热电阻\WZPK-3A\L=500mm\φ5\M20×1.5</t>
  </si>
  <si>
    <t>【安徽天康】热电阻\WZP2-200TS\双支\L=15000mm\φ6\无固定装置</t>
  </si>
  <si>
    <t>【安徽天康】热电阻\WZP2-200TS\L×l=15000×100mm\φ5\M20×1.</t>
  </si>
  <si>
    <t>【安徽天康】热电阻\WZP-221\L×l=300×150mm\φ12\M27×2</t>
  </si>
  <si>
    <t>【安徽天康】热电阻\WZP2-221\l=130mm\φ6\M20×1.5</t>
  </si>
  <si>
    <t>【安徽天康】热电阻\WZP2-230\双支\L=2100mm\φ6\M33×2\dllBT4</t>
  </si>
  <si>
    <t>【安徽天康】热电阻\WZP2-230\L=300×150mm\φ16\M27×2</t>
  </si>
  <si>
    <t>【安徽天康】热电阻\WZP2-2301\Ll=150×75mm\φ12\M27×2</t>
  </si>
  <si>
    <t>【安徽天康】热电阻\WZP2-230NM\L×l=320×170mm\φ5\M33×2</t>
  </si>
  <si>
    <t>【安徽天康】热电阻\WZP2-231(K)\双支\l=250mm\φ16\M27×2</t>
  </si>
  <si>
    <t>【安徽天康】热电阻\WZP2-231\L×l=200×150mm\φ5\M27×2</t>
  </si>
  <si>
    <t>【安徽天康】热电阻\WZP2-2312A\L×l=300×150mm\φ5\M27×2</t>
  </si>
  <si>
    <t>【安徽天康】热电阻\WZP2-2312A\双支\L×l=500×400mm\φ6\M27×2</t>
  </si>
  <si>
    <t>【安徽天康】热电阻\WZP2-231T\l=350mm\φ16\M27×2</t>
  </si>
  <si>
    <t>【安徽天康】热电阻\WZP-230F\L×l=13500×12000mm\φ3\M60×3</t>
  </si>
  <si>
    <t>【安徽天康】热电阻\WZP2-4306\L=1360mm\φ16\GB DN40 PN0.6</t>
  </si>
  <si>
    <t>【安徽天康】热电阻\WZP2-440K\L×l=400×200mm\φ16</t>
  </si>
  <si>
    <t>【安徽天康】热电阻\WZP2-JXB\L×l=32000×70mm\φ8\M8×0.75</t>
  </si>
  <si>
    <t>【安徽天康】热电阻\WZP2M-201\双支\L=38mm\φ5\M10×1\dllBT4</t>
  </si>
  <si>
    <t>【安徽天康】热电阻\WZPK-208\L×l=10000×160mm\φ8\M8×0.75</t>
  </si>
  <si>
    <t>【安徽天康】热电阻\WZPK2-180T\L×l=3000×60mm\φ5\M8×0.75</t>
  </si>
  <si>
    <t>【安徽天康】热电阻\WZPK2-236\双支\L=450mm\φ6\M16×1.5</t>
  </si>
  <si>
    <t>【安徽天康】热电阻\WZPK2-236S\双支\l=250mm\φ6\M16×1.5</t>
  </si>
  <si>
    <t>【安徽天康】热电阻\WZPK2-236S\L=4000mm\φ6\M16×1.5</t>
  </si>
  <si>
    <t>【安徽天康】热电阻\WZPK2-238S\L=300mm\φ8\M12×1.5\非防爆型</t>
  </si>
  <si>
    <t>【重庆川仪】热电阻\WZPK2-238S\L×l=280×250mm\φ8\M14×1.5</t>
  </si>
  <si>
    <t>重庆川仪自动化股份有限公司</t>
  </si>
  <si>
    <t>重庆川仪</t>
  </si>
  <si>
    <t>GNWZBP(TH)ZYCG2020-175</t>
  </si>
  <si>
    <t>2020年度北京配送（神华天泓）锅炉、汽轮机本体壁温元件长协采购商城铺货框架合同(重庆川仪）</t>
  </si>
  <si>
    <t>【重庆川仪】热电阻\WZPK2-333\l=400mm\φ5\M16×1.5</t>
  </si>
  <si>
    <t>【重庆川仪】热电阻\WZPK2-334\l=200mm\φ6\M18×1.5</t>
  </si>
  <si>
    <t>【重庆川仪】热电阻\WZPK2-335\双支\L=260mm\φ5\M16×1.5</t>
  </si>
  <si>
    <t>【重庆川仪】热电阻\WZPK2-391G\双支\L=3500mm\φ6\M16×1.5</t>
  </si>
  <si>
    <t>【重庆川仪】热电阻\WZPKT-236F\L=425mm\φ6\M27×2</t>
  </si>
  <si>
    <t>【重庆川仪】热电阻\WZPK2-4316\双支\500mm\φ16mm\活动法兰 80mm</t>
  </si>
  <si>
    <t>【重庆川仪】热电阻\WZPK2-100i\双支\30mm\φ9.5mm\M16X1.5</t>
  </si>
  <si>
    <t>【重庆川仪】热电阻\WZPK2-100i\双支\38mm\φ9.5mm\M16X1.5</t>
  </si>
  <si>
    <t>【重庆川仪】热电阻\WZPK-9716-A3P2JHNB4-W600H-HM27\双支</t>
  </si>
  <si>
    <t>【重庆川仪】热电阻\WZP2-220\双支\950mm\φ16mm\G1/2</t>
  </si>
  <si>
    <t>【重庆川仪】热电阻\WZP2-221\双支\100mm\φ10mm\G1/2</t>
  </si>
  <si>
    <t>【重庆川仪】热电阻\WZPK2-241\双支\300mm\φ5mm\M20×1.5</t>
  </si>
  <si>
    <t>【重庆川仪】热电阻\WZPM2-001D-A3K40-5000-M16×1.5\双支</t>
  </si>
  <si>
    <t>【重庆川仪】热电阻\WZPM2-001D-A3K10-5000-M16×1.5\双支</t>
  </si>
  <si>
    <t>【重庆川仪】热电阻\WZPK2-3501-150P\双支\150mm\φ10mm\M27×2</t>
  </si>
  <si>
    <t>【重庆川仪】热电阻\WZP2K-331B\双支\1000mm\φ12mm\M27×2</t>
  </si>
  <si>
    <t>【重庆川仪】热电阻\WZPK2-310\双支\200mm\φ5mm\M12×1.5</t>
  </si>
  <si>
    <t>【重庆川仪】热电阻\WZPK2-310\双支\150mm\φ5mm\M12×1.5</t>
  </si>
  <si>
    <t>【重庆川仪】热电阻\WZPK2-240\双支\910mm\φ6mm\卡套</t>
  </si>
  <si>
    <t>【重庆川仪】热电阻\WZPK2-240\双支\300mm\φ8mm\卡套\EExibⅡCT4</t>
  </si>
  <si>
    <t>【重庆川仪】热电阻\WZPK2-398\双支\300mm\φ8mm\M18×1.5</t>
  </si>
  <si>
    <t>【重庆川仪】热电阻\WZPK2-196\双支\490mm\φ6mm\卡套</t>
  </si>
  <si>
    <t>【重庆川仪】热电阻\WRKK2-190\双支\590mm\φ6mm\1/2NPT</t>
  </si>
  <si>
    <t>【重庆川仪】热电阻\WZP-230\L×l=500×350mm\φ16\M27×2</t>
  </si>
  <si>
    <t>【重庆川仪】热电阻\WZPM2-001\双支\8000×18mm\φ6mm\压簧式</t>
  </si>
  <si>
    <t>【重庆川仪】热电阻\WZP2-240\双支\L×l=1050×900mm\φ3.5\M33×</t>
  </si>
  <si>
    <t>【重庆川仪】双支铂电阻\WZPK2-236S\双支\200mm\φ6\ZG1/2</t>
  </si>
  <si>
    <t>【重庆川仪】双支端面铂热电阻\WZPM2\L=10000mm\φ6\M8×0.75</t>
  </si>
  <si>
    <t>【重庆川仪】双支端面铂热电阻\WZPM2\L=5000mm\φ6\M8×0.75</t>
  </si>
  <si>
    <t>【重庆川仪】双支端面铂热电阻\WZPM2-001S\L=10000mm\φ5</t>
  </si>
  <si>
    <t>【重庆川仪】双支端面铂热电阻\WZPM2-001S\L=13000mm\φ4</t>
  </si>
  <si>
    <t>【重庆川仪】双支端面铂热电阻\WZPM2-201\L=4000mm\φ5\M8×0.75</t>
  </si>
  <si>
    <t>【重庆川仪】双支端面铂热电阻\WZPM2-328S\L=105mm\φ6\M18×1.5</t>
  </si>
  <si>
    <t>【重庆川仪】双支铠装热电阻\WZPK2-160\L=870mm\φ16\G2〃</t>
  </si>
  <si>
    <t>【重庆川仪】双支铠装热电阻\WZPK2-231T\L=500mm\φ12\M27×2</t>
  </si>
  <si>
    <t>【重庆川仪】双支铠装热电阻\WZPK2-231T\L×l=500×290mm\φ16\M27</t>
  </si>
  <si>
    <t>【重庆川仪】双支铠装热电阻\WZPK2-269T\L=5000mm\φ12\G1/2</t>
  </si>
  <si>
    <t>【重庆川仪】双支热电阻\WZP2-2312A\L×l=500×250mm\φ12\M27×2</t>
  </si>
  <si>
    <t>【重庆川仪】双支热电阻\WZP2-2312A\L×l=500×400mm\φ12\M27×2</t>
  </si>
  <si>
    <t>【重庆川仪】双支热电阻\WZP2-2312A\L×l=550×400mm\φ12\M27×2</t>
  </si>
  <si>
    <t>【重庆川仪】双支热电阻\WZP2-24SA\L×l=225×75mm\φ16\M27×2</t>
  </si>
  <si>
    <t>【重庆川仪】双支热电阻\WZPK2-2236D\L×l=400×200mm\φ10\M27×</t>
  </si>
  <si>
    <t>【重庆川仪】双支装配式热电阻\WZP2-2328\L×l=780×630mm\φ28\ZG2</t>
  </si>
  <si>
    <t>【重庆川仪】套管式铠装热电阻\WZPK-336-20\200mm\φ6\M16×1.5</t>
  </si>
  <si>
    <t>【重庆川仪】套管式热电阻\WZP2-2328\L=1280mm\φ28\ZG2</t>
  </si>
  <si>
    <t>【重庆川仪】轴瓦温度热电阻\WZP2M-001A\L×l=3000×18mm\φ6</t>
  </si>
  <si>
    <t>【重庆川仪】热电阻\WZP2-12NM/316L\双支\L×l=1380×1130mm</t>
  </si>
  <si>
    <t>【重庆川仪】热电阻\WZPMK-033A\L×l=1500×1000mm\φ3.2</t>
  </si>
  <si>
    <t>【重庆川仪】热电阻\WZPK2-336S\双支\L×l=200×70\φ6\M16×1.5</t>
  </si>
  <si>
    <t>【重庆川仪】热电阻\WZPM2-201\双支\热电阻长度15mm 引线长度2000mm</t>
  </si>
  <si>
    <t>【重庆川仪】热电阻\WZP2-230\双支\L×l=900×750mm\φ16\M27×2</t>
  </si>
  <si>
    <t>【重庆川仪】热电阻\WZP2-101\双支\l=400mm\φ5mm\M27×2</t>
  </si>
  <si>
    <t>【重庆川仪】热电阻\WZPB-221\双支\L×l=240×100mm\φ5mm\M27×2</t>
  </si>
  <si>
    <t>【重庆川仪】热电阻\WZP2-236S\L×l=150×100mm\φ8mm\M16X1.5</t>
  </si>
  <si>
    <t>【重庆川仪】热电阻\WZP2-440-B/A3\双支\L=1500mm\φ6\M20×1.5</t>
  </si>
  <si>
    <t>【重庆川仪】热电阻\WZPK2-136\双支\L=170mm\φ6mm\无固定</t>
  </si>
  <si>
    <t>【重庆川仪】防爆型热电阻\IT-WZPRJ-440\350mm\16mm\ExiaⅡCT5</t>
  </si>
  <si>
    <t>【重庆川仪】热电阻\WZPM2-001\双支\L=8000mm\φ6mm\M18×1.5</t>
  </si>
  <si>
    <t>【重庆川仪】热电阻\WZPK2-233\双支\L×l=450×300mm\φ5\M27×2</t>
  </si>
  <si>
    <t>【重庆川仪】热电阻\WZPM2-001S\双支\150mm\φ6mm\M20×1.5</t>
  </si>
  <si>
    <t>【重庆川仪】热电阻\WZGPK2-73N\双支\l=500\φ8\M8×1.25\A级</t>
  </si>
  <si>
    <t>【重庆川仪】热电阻\WZPK2-233\双支\l=400mm\φ5mm\M16×1.5</t>
  </si>
  <si>
    <t>【重庆川仪】热电阻\WZPK2-391\双支\2000mm\φ6mm\活动卡套螺纹</t>
  </si>
  <si>
    <t>【重庆川仪】热电阻\WZPK-210\双支\l=65mm\φ5mm\G1/2\A级</t>
  </si>
  <si>
    <t>【重庆川仪】热电阻\WZP2-631\双支\L×l=250×50mm\φ6mm\M33×2</t>
  </si>
  <si>
    <t>【重庆川仪】热电阻\WZPK2-2312\双支\L×l=150×50mm\φ6mm</t>
  </si>
  <si>
    <t>【重庆川仪】热电阻\WZPK2-2516\双支\250mm\φ5mm\M27×2</t>
  </si>
  <si>
    <t>【重庆川仪】热电阻\WZPKD2-05\双支\300mm\φ16mm\M33x2</t>
  </si>
  <si>
    <t>【重庆川仪】热电阻\WZPK2-236\450mm\φ6mm\M16×1.5活动卡套螺纹</t>
  </si>
  <si>
    <t>【重庆川仪】热电阻\WZPK2-2516-A3P2HGM-WH250</t>
  </si>
  <si>
    <t>【重庆川仪】热电阻\WZPM2-231\双支\15mm\φ3.2mm\M20×1.5</t>
  </si>
  <si>
    <t>【重庆川仪】热电阻\WZPK2-013D\双支\300mm\φ6mm\M27×2</t>
  </si>
  <si>
    <t>【重庆川仪】热电阻\WZP2R1-4322F-600\双支\2500mm\φ16mm\M27</t>
  </si>
  <si>
    <t>【重庆川仪】热电阻\WZP2-230\双支\2316×2150mm\φ5mm\M33×2</t>
  </si>
  <si>
    <t>【重庆川仪】热电阻\WZP2-231\双支\300×70mm\φ12mm\M27×2</t>
  </si>
  <si>
    <t>【重庆川仪】热电阻\WZP2-08\双支\100mm\φ6mm\M27×2</t>
  </si>
  <si>
    <t>【重庆川仪】热电阻\WZPK2-240\双支\10000mm\φ5mm\M22×1.5</t>
  </si>
  <si>
    <t>【重庆川仪】热电阻\WZPM2-41TS-1XW\双支\5000mm\φ6mm\埋入式</t>
  </si>
  <si>
    <t>【重庆川仪】热电阻\WZP2-24SA\双支\460mm\φ10mm</t>
  </si>
  <si>
    <t>【重庆川仪】热电阻\WZPM2-002\双支\25mm\φ5mm\螺纹</t>
  </si>
  <si>
    <t>【重庆川仪】热电阻\WZP2-231KT\双支\380mm\φ12mm\螺纹</t>
  </si>
  <si>
    <t>【重庆川仪】一体化热电阻\SBWZ-(西)H0-200-WZPK-2522-AL400</t>
  </si>
  <si>
    <t>【重庆川仪】热电阻\WZPK-336-20\l=250mm\φ6\M16×1.5</t>
  </si>
  <si>
    <t>【重庆川仪】热电偶集热块\WRKT-11A-1H20000/PD-B-5R(31.5)</t>
  </si>
  <si>
    <t>【重庆川仪】热电偶集热块\WRKT-11A-1H20000/PD-B-5R(28.5)</t>
  </si>
  <si>
    <t>【重庆川仪】热电偶集热块\WRKT-11A-1H20000/PD-B-5R(30)</t>
  </si>
  <si>
    <t>【重庆川仪】热电偶集热块\WRKT-11A-1H20000/PD-B-5R(25.5)</t>
  </si>
  <si>
    <t>【重庆川仪】热电偶集热块\WRKT-11A-1H20000/PD-B-5R(19)</t>
  </si>
  <si>
    <t>【重庆川仪】热电偶\WRKK2-620-1HG20000\双支\20000mm\φ20mm\无固定装置</t>
  </si>
  <si>
    <t>【重庆川仪】热电偶\WRNK-331M\单支\16000mm\φ6mm\集热块</t>
  </si>
  <si>
    <t>【重庆川仪】热电偶\WRNK-331M\单支\8000mm\φ6mm\集热块</t>
  </si>
  <si>
    <t>【重庆川仪】热电偶\WRNK2-191M\双支\300000mm\φ6mm\集热块</t>
  </si>
  <si>
    <t>【重庆川仪】热电偶\WRNK2-191M\双支\250000mm\φ6mm\集热块</t>
  </si>
  <si>
    <t>【重庆川仪】热电偶\WRNK2-191M\双支\200000mm\φ6mm\集热块</t>
  </si>
  <si>
    <t>【重庆川仪】热电偶\WRNK2-191M\双支\150000mm\φ6mm\集热块</t>
  </si>
  <si>
    <t>【重庆川仪】热电偶\WRNK2-191M\双支\10000mm\φ6mm\集热块</t>
  </si>
  <si>
    <t>【重庆川仪】热电偶\WRNK2-191M\双支\5000mm\φ6mm\集热块</t>
  </si>
  <si>
    <t>【重庆川仪】热电偶\WRNK-331\单支\10000mm\φ6mm\集热块</t>
  </si>
  <si>
    <t>【重庆川仪】热电阻WZPK2-6318\双支\150mm\φ18mm\M33×2</t>
  </si>
  <si>
    <t>【重庆川仪】热电阻WZPK2-4316\双支\750mm\φ16mm\活动法兰80mm</t>
  </si>
  <si>
    <t>【重庆川仪】热电阻\WZPK2-7309-TH03\双支\150mm\φ9mm\螺纹</t>
  </si>
  <si>
    <t>【重庆川仪】热电阻\WZPM2-001S\双支\15000mm\φ6mm\螺纹</t>
  </si>
  <si>
    <t>【重庆川仪】热电阻\WZP2F-631\双支\1650×1500mm\φ12mm\螺纹</t>
  </si>
  <si>
    <t>【重庆川仪】热电阻\WZPK2-2316M\双支\1000×940mm\φ12mm\螺纹</t>
  </si>
  <si>
    <t>【重庆川仪】热电阻\WZP2F-430\双支\1500mm\φ16mm\法兰</t>
  </si>
  <si>
    <t>【重庆川仪】热电阻\WZP2-2312A\双支\450×300mm\φ6mm\M27×2</t>
  </si>
  <si>
    <t>【重庆川仪】热电阻\WZPM2-208\双支\150mm\φ4mm\1/2NPT</t>
  </si>
  <si>
    <t>【重庆川仪】热电阻\WZPNM2-4312\双支\1500mm\φ28mm\RF</t>
  </si>
  <si>
    <t>【重庆川仪】热电阻\WZPN2-230\双支\750mm\φ16mm\M33×2</t>
  </si>
  <si>
    <t>【重庆川仪】热电阻\WZPK2-236\双支\250mm\φ6mm\M27×2</t>
  </si>
  <si>
    <t>【重庆川仪】热电阻\WZPK2-231\双支\200mm\φ12mm\M27×2</t>
  </si>
  <si>
    <t>【重庆川仪】热电阻\WZPM-201\双支\5000mm\φ5mm\M8×0.75</t>
  </si>
  <si>
    <t>【重庆川仪】热电阻\WZPK2-338Z\双支\260mm\φ8mm\M20×1.5</t>
  </si>
  <si>
    <t>【重庆川仪】热电阻\WZPK2-338Z\双支\350mm\φ8mm\M12×1</t>
  </si>
  <si>
    <t>【重庆川仪】热电阻\WZPM2-206Z\双支\2000mm\φ3mm\M20×1.5</t>
  </si>
  <si>
    <t>【重庆川仪】端面热电阻\WZPM-201\L×l=5000×130mm\φ6\M8×0.75</t>
  </si>
  <si>
    <t>【重庆川仪】铠装铂热电阻\WZPK-336\l=350mm\φ6\M16×1.5</t>
  </si>
  <si>
    <t>【重庆川仪】铠装铂热电阻\WZPK-336\L=450mm\φ6\M16×1.5</t>
  </si>
  <si>
    <t>【重庆川仪】铠装热电阻\WZPK-236\L=640mm\φ6\M16×1.5</t>
  </si>
  <si>
    <t>【重庆川仪】双支铠装热电阻\WZPK2-13W\L×l=150×110mm\φ22\M33×</t>
  </si>
  <si>
    <t>【重庆川仪】热电阻\WZP2-231\双支\L×l=350×200mm\φ6mm\M27×2</t>
  </si>
  <si>
    <t>【重庆川仪】热电阻\WZP2-230NM\双支\L×l=700×500\φ16\M2×2</t>
  </si>
  <si>
    <t>【重庆川仪】热电阻\WZP2-2312A\双支\L×l=1400×1250mm\φ12mm</t>
  </si>
  <si>
    <t>【重庆川仪】热电阻\WZP2-2312A\双支\L×l=360×210mm\φ5mm</t>
  </si>
  <si>
    <t>【重庆川仪】热电阻\WZPK2-2312F\L×l=600×500\φ15\M27×1.5</t>
  </si>
  <si>
    <t>【重庆川仪】热电阻WZPK2-4316\双支\1250mm\φ16mm\活动法兰80mm</t>
  </si>
  <si>
    <t>【重庆川仪】端面热电阻WZPM2-001D-A3K\30mm\φ8mm\M16×1.5</t>
  </si>
  <si>
    <t>【重庆川仪】热电阻WZPK2-4316\双支\1000mm\φ16mm\活动法兰80mm</t>
  </si>
  <si>
    <t>【重庆川仪】热电偶WRKKD2-01A-1M-470A120双支120mm\φ40mm焊接</t>
  </si>
  <si>
    <t>【重庆川仪】热电阻WLG-73SGG/BF02A-S-16HYC550-E\双支</t>
  </si>
  <si>
    <t>【重庆川仪】热电偶\WRP2-243\双支\300mm\φ20mm</t>
  </si>
  <si>
    <t>【重庆川仪】热电阻WZPK-750\200mm\φ6mm\螺纹M27×2</t>
  </si>
  <si>
    <t>【重庆川仪】热电阻WZPK-750\250mm\φ6mm\螺纹M27×2</t>
  </si>
  <si>
    <t>【重庆川仪】热电阻\WZP2-231-K PT100\双支\l=300\φ6mm\M27×2</t>
  </si>
  <si>
    <t>【重庆川仪】热电阻\WZP230-300M\双支\300mm\φ12mm\M27×2</t>
  </si>
  <si>
    <t>【重庆川仪】热电阻\WZP2-6300\双支\l=350mm\φ6mm\M16×1.5</t>
  </si>
  <si>
    <t>【重庆川仪】热电阻WAPK2-010\双支\4mm\φ4mm\埋入式L=5000mm</t>
  </si>
  <si>
    <t>【重庆川仪】热电阻\WZPK-236\l=200mm\φ6mm\M16×1.5</t>
  </si>
  <si>
    <t>【重庆川仪】热电阻\WZP2-221A\双支\350×200mm\φ5mm\螺纹</t>
  </si>
  <si>
    <t>【重庆川仪】端面热电阻\WZPM-201\3000mm\φ5\M8×0.75</t>
  </si>
  <si>
    <t>【重庆川仪】端面热电阻\WZPM-201\L×l=5000×100mm\φ6\M8×0.75</t>
  </si>
  <si>
    <t>【重庆川仪】热电阻\WZP2N-230\双支\500×350mm\φ8mm\M27×2</t>
  </si>
  <si>
    <t>【重庆川仪】热电阻\WZP2-231\双支\3000mm\φ6mm\M27×2</t>
  </si>
  <si>
    <t>【重庆川仪】热电阻\WZP2N-230\双支\500×350mm\φ16mm\M27×2</t>
  </si>
  <si>
    <t>【重庆川仪】热电阻\WZP2-2312A\双支\650mm\φ6mm\卡套</t>
  </si>
  <si>
    <t>【重庆川仪】热电阻WZPK2-323\200×100mm\φ6mm\M16×1.5 活动卡套</t>
  </si>
  <si>
    <t>【重庆川仪】热电阻\WZPK2-335\双支\450mm\φ5mm\M16×1.5</t>
  </si>
  <si>
    <t>【重庆川仪】热电阻\WZPK2-235\双支\8000mm\φ5mm\卡套式</t>
  </si>
  <si>
    <t>【重庆川仪】热电阻\WZP2-631\双支\640mm\φ5mm\M27×2</t>
  </si>
  <si>
    <t>【重庆川仪】热电阻\WZP2-631K\双支\550×400mm\φ5mm\M33×2</t>
  </si>
  <si>
    <t>【重庆川仪】热电阻\WZP2-231\双支\200×80mm\φ8mm\卡套式</t>
  </si>
  <si>
    <t>【重庆川仪】热电阻\WZP2-7310(K)\双支\300mm\φ10mm\G1/2</t>
  </si>
  <si>
    <t>【重庆川仪】热电阻\WZP2-190\双支\100mm\φ8mm\M5×1</t>
  </si>
  <si>
    <t>【重庆川仪】热电阻\WZPM-201\双支\30000×150mm\φ6mm\卡套\非防爆</t>
  </si>
  <si>
    <t>【重庆川仪】热电阻\WZPK2-430\双支\1500mm\φ14mm\DN50</t>
  </si>
  <si>
    <t>【重庆川仪】热电阻\WZPK2-396\双支\300mm\φ6mm\M16×1.5</t>
  </si>
  <si>
    <t>【重庆川仪】热电阻\WZPK2-236S\L×l=250×150\φ20\M20×1.5</t>
  </si>
  <si>
    <t>【重庆川仪】热电阻\WZPB-10-2-3-16-6-250\φ6mm\ExiaⅡCT6</t>
  </si>
  <si>
    <t>【重庆川仪】热电阻\H-WZPK2-740i\双支\l=220mm\φ8mm\1-1/2"</t>
  </si>
  <si>
    <t>【重庆川仪】热电阻H-WZPK2-740i\双支\l=300mm\φ8mm\法兰1-1/2"</t>
  </si>
  <si>
    <t>【重庆川仪】热电阻\WZP2-320K\双支\L=650mm\φ16mm\φ70活动法兰</t>
  </si>
  <si>
    <t>【重庆川仪】热电阻\H-WZPK2-740i\双支\l=400\φ8\1-1/2" 600#</t>
  </si>
  <si>
    <t>【重庆川仪】热电阻H-WZPK2-740i\双支\l=450mm\φ8mm\法兰1-1/2"</t>
  </si>
  <si>
    <t>【重庆川仪】热电阻\WZP2-221\双支\75mm\φ6mm\M27×2</t>
  </si>
  <si>
    <t>【重庆川仪】热电阻\WZGPK2-131-HBS5000M100A\双支\18mm\φ3mm</t>
  </si>
  <si>
    <t>【重庆川仪】热电阻\WZPK2-270\双支\75mm\φ6mm\M16×1.5</t>
  </si>
  <si>
    <t>【重庆川仪】热电阻\WZP2-221\双支\75mm\φ20mm\M27×2</t>
  </si>
  <si>
    <t>【重庆川仪】热电阻\WZP2-240\双支\100mm\φ20mm\M27×2</t>
  </si>
  <si>
    <t>【重庆川仪】铠装热电阻\WZPK2-336\双支\150mm\φ6mm\M16×1.5</t>
  </si>
  <si>
    <t>【重庆川仪】铠装热电阻\WZPK2-336 Pt100\双支\150\φ6\M16×1.5</t>
  </si>
  <si>
    <t>【重庆川仪】热电阻\WZP2-231L300\双支\150mm\φ12mm\M27×2</t>
  </si>
  <si>
    <t>【重庆川仪】热电阻\WZPK2-334\双支\90mm\φ4mm\螺纹</t>
  </si>
  <si>
    <t>【重庆川仪】热电阻\WZP2-001\双支\2000mm\φ6mm\卡子连接</t>
  </si>
  <si>
    <t>【重庆川仪】热电阻\WZP-430 316L PTFE\500mm\φ16mm\3/4"RF</t>
  </si>
  <si>
    <t>【重庆川仪】热电阻\WZPM2-001\双支\l=6000mm\φ5×20mm\压簧压片</t>
  </si>
  <si>
    <t>【重庆川仪】热电阻\WZP-231\双支\l=400mm\φ12mm\M27×2</t>
  </si>
  <si>
    <t>【重庆川仪】热电阻\WZP2-221\双支\200mm\φ12mm\M27×2</t>
  </si>
  <si>
    <t>【重庆川仪】热电阻\WZPK2-231\双支\l=300mm\φ12mm\M27×2</t>
  </si>
  <si>
    <t>【重庆川仪】热电阻\WZPK2-231-225\双支\75mm\φ6mm\M27×2</t>
  </si>
  <si>
    <t>【重庆川仪】热电阻\WZPK2-231-400\双支\250mm\φ6mm\M27×2</t>
  </si>
  <si>
    <t>【重庆川仪】热电阻\WZPK2-231-500\双支\350mm\φ6mm\M27×2</t>
  </si>
  <si>
    <t>【重庆川仪】热电阻\WZPK2-233-G1\双支\300mm\φ6mm\G1</t>
  </si>
  <si>
    <t>【重庆川仪】热电阻\WZPK2-2516-A3P2HGM-WH500</t>
  </si>
  <si>
    <t>【重庆川仪】热电阻\WZPK2-2516-A3P2HGM-WH450</t>
  </si>
  <si>
    <t>【重庆川仪】热电阻\WZP2-231\双支\200×175mm\φ6mm</t>
  </si>
  <si>
    <t>【重庆川仪】热电阻\WZP-440K\双支\200mm\φ3mm\螺纹\ExdⅡBT4</t>
  </si>
  <si>
    <t>【重庆川仪】热电阻\WZPM2-201\双支\1500×18mm\φ6mm</t>
  </si>
  <si>
    <t>【重庆川仪】热电阻\WZPK2-325\双支\2200×250mm\φ5mm\M16×1.5</t>
  </si>
  <si>
    <t>【重庆川仪】热电阻\WZP2-431NM\双支\1650×1500mm\φ5mm\法兰</t>
  </si>
  <si>
    <t>【重庆川仪】热电阻\WZP2-240\双支\1150×1000mm\φ16mm\M27×2</t>
  </si>
  <si>
    <t>【重庆川仪】铂热电阻\WZPM-201\Ll=2000×25mm\φ5\M8×0.75</t>
  </si>
  <si>
    <t>【重庆川仪】铠装铂热电阻\WZPK-335\l=350mm\φ5\M20×1.5</t>
  </si>
  <si>
    <t>【重庆川仪】端面热电阻\WZPM-201\L×l=3000×20mm\φ3\M8×0.75</t>
  </si>
  <si>
    <t>【重庆川仪】端面热电阻\WZPM-201\L×l=3000×20mm\φ5\M8×0.75</t>
  </si>
  <si>
    <t>【重庆川仪】端面热电阻\WZPM-201\L×l=3000×30mm\φ8\M8×0.75</t>
  </si>
  <si>
    <t>【重庆川仪】端面热电阻\WZPM-201\L×l=4000×20mm\φ5\M8×0.75</t>
  </si>
  <si>
    <t>【重庆川仪】端面热电阻\WZPM2-201\3000mm\φ6\M8×0.75</t>
  </si>
  <si>
    <t>【重庆川仪】端面热电阻\WZPM2-201\L=5000mm\φ8\M16×1.5</t>
  </si>
  <si>
    <t>【重庆川仪】端面热电阻\WZPM2-201\L×l=3000×20mm\φ5\M8×0.75</t>
  </si>
  <si>
    <t>【重庆川仪】铠装铂热电阻\WZPK2-106\Ll=4m×340mm\φ12\M20×1.5</t>
  </si>
  <si>
    <t>【重庆川仪】铠装铂热电阻\WZPK-331\l=400mm\φ10\M20×1.5</t>
  </si>
  <si>
    <t>【重庆川仪】铠装铂热电阻\WZPK-331\L=750mm\φ3\M20×1.5</t>
  </si>
  <si>
    <t>【重庆川仪】铠装铂热电阻\WZPK-331\L=750mm\φ4\M20×1.5</t>
  </si>
  <si>
    <t>【重庆川仪】铠装铂热电阻\WZPK-335\L=300mm\φ5\M20×1.5</t>
  </si>
  <si>
    <t>【重庆川仪】铠装铂热电阻\WZPK-335\L=500mm\φ5\M20×1.5</t>
  </si>
  <si>
    <t>【重庆川仪】铠装铂热电阻\WZPK-336\l=350mm\φ6\M20×1.5</t>
  </si>
  <si>
    <t>【重庆川仪】铠装铂热电阻\WZPK-338\200mm\φ8\M20×1.5</t>
  </si>
  <si>
    <t>【重庆川仪】铠装铂热电阻\WZPK-338\L=450mm\φ8\M20×1.5</t>
  </si>
  <si>
    <t>【重庆川仪】铠装热电阻\WZP2K-269T\L=5000mm\φ16\G1/2</t>
  </si>
  <si>
    <t>【重庆川仪】铠装热电阻\WZPE2-2416N\L=500×350mm\φ16\M27×2</t>
  </si>
  <si>
    <t>【重庆川仪】铠装热电阻\WZPK-160T\L×l=1230×1120mm\φ22\M33×</t>
  </si>
  <si>
    <t>【重庆川仪】铠装热电阻\WZPK2-296\L×l=15m×100mm\φ6\M20×1.5</t>
  </si>
  <si>
    <t>【重庆川仪】铠装热电阻\WZPK2-338\L=180mm\φ8\M20×1.5</t>
  </si>
  <si>
    <t>【重庆川仪】铠装热电阻\WZPK2-338\l=400mm\φ8\M20×1.5</t>
  </si>
  <si>
    <t>【重庆川仪】铠装热电阻\WZPK-236\L=450mm\φ6\M16×1.5</t>
  </si>
  <si>
    <t>【重庆川仪】铠装热电阻\WZPK-335\L=500mm\φ5\M20×1.5</t>
  </si>
  <si>
    <t>【重庆川仪】热电偶\WREK2-331\双支\L=500mm\φ6\M20×1\dllBT4</t>
  </si>
  <si>
    <t>【重庆川仪】热电偶\WRN2-0301T\多支\L=550mm\φ6mm\M20×1.5</t>
  </si>
  <si>
    <t>【重庆川仪】热电偶\WRNR2-01\双支\L=480mm\φ5mm\M20×1.5</t>
  </si>
  <si>
    <t>【重庆川仪】热电偶\WRNT-11\单支\15000mm\φ4mm\M16×1.5</t>
  </si>
  <si>
    <t>【重庆川仪】热电偶\WRNT-11\单支\5000mm\φ4mm\固定贴片</t>
  </si>
  <si>
    <t>【重庆川仪】热电偶\WRNT-11\单支\8000mm\φ4mm\固定贴片</t>
  </si>
  <si>
    <t>【重庆川仪】热电偶\WRNT-11\双支\3000mm\φ6mm\M16×1.5\IP65</t>
  </si>
  <si>
    <t>【重庆川仪】铠装热电偶\WRKT2-11A\双支\30000mm\φ6mm\M20x1</t>
  </si>
  <si>
    <t>【重庆川仪】铠装热电偶\WRKT2-11A\20000mm\φ6mm\M20×1</t>
  </si>
  <si>
    <t>【重庆川仪】热电偶\WRKKD2-03A-1M-B430\双支\150mm\φ22mm\焊接</t>
  </si>
  <si>
    <t>【重庆川仪】热电偶\WRNK2-191M\双支\25000mm\φ6mm\焊接</t>
  </si>
  <si>
    <t>【重庆川仪】热电偶\WRKKL2-4C525K\双支\1280mm\φ6mm</t>
  </si>
  <si>
    <t>【重庆川仪】热电偶\WRKT2-11A\双支\25000mm\φ5mm\集热块连接</t>
  </si>
  <si>
    <t>【重庆川仪】热电偶\WRNK2-73\双支\1165mm\φ5mm\M20×1.5</t>
  </si>
  <si>
    <t>【重庆川仪】铠装热电偶\WRNT2-11\双支\20000mm\φ5mm\焊接\dllBT4</t>
  </si>
  <si>
    <t>【重庆川仪】铠装热电偶\WRNT2-11\双支\L=25000mm\φ5\焊接\dllBT4</t>
  </si>
  <si>
    <t>【重庆川仪】铠装热电偶\WRNT2-11\双支\L=192mm\φ8\焊接\dllBT4</t>
  </si>
  <si>
    <t>【重庆川仪】铠装热电偶\WRNT2-11\L=30000mm\φ5\M20×1.5</t>
  </si>
  <si>
    <t>【重庆川仪】热电偶\WRGKK2-134HBS500E6450B\双支\L=6m\φ5</t>
  </si>
  <si>
    <t>【重庆川仪】热电偶\WRK2-6300\L×l=300×150mm\φ27\M27×2</t>
  </si>
  <si>
    <t>【重庆川仪】热电偶\WRKKD-03-I-920(A335 P91)740\L×l=380×</t>
  </si>
  <si>
    <t>【重庆川仪】热电偶\WRKKD2-02-I\L×l=1380×1130mm\φ28\ZG2</t>
  </si>
  <si>
    <t>【重庆川仪】热电偶\WRKR2-12H\L×l=880×630mm\φ28\M33×2</t>
  </si>
  <si>
    <t>【重庆川仪】热电偶\WRKR2-13H\L×l=1600×165mm\φ32\焊接</t>
  </si>
  <si>
    <t>【重庆川仪】热电偶\WRKR2-13H\L×l=3100×203mm\φ32\焊接</t>
  </si>
  <si>
    <t>【重庆川仪】热电偶\WRKR2-13H\L×l=3100×254mm\φ32\焊接</t>
  </si>
  <si>
    <t>【重庆川仪】热电偶\WRNR2-12 \Ll=1380×1130mm\φ28\ZG2〞</t>
  </si>
  <si>
    <t>【重庆川仪】热电偶\WRNR2-13H\L×l=480×150mm\φ322\焊接</t>
  </si>
  <si>
    <t>【重庆川仪】热电偶\WRNT-11\单支\L=15000mm\φ4\焊接\dllBT4</t>
  </si>
  <si>
    <t>【重庆川仪】双支铠装热电偶\WRNK2-221\20000mm\φ6\M20×1</t>
  </si>
  <si>
    <t>【重庆川仪】热电偶\WRNK2-231\20000mm\φ6\M20×1</t>
  </si>
  <si>
    <t>【重庆川仪】双支热电偶\WRNK2-131M\15000mm\φ6\焊接</t>
  </si>
  <si>
    <t>【重庆川仪】热电偶\WRNK2-221\双支\2000mm\φ5mm\M16×1.0</t>
  </si>
  <si>
    <t>【重庆川仪】热电偶\WRNK2-331\双支\L=500mm\φ5mm\M16×1.5</t>
  </si>
  <si>
    <t>【重庆川仪】热电偶\WRNK2-391\双支\15000mm\φ6mm\M16×1.5</t>
  </si>
  <si>
    <t>【重庆川仪】热电偶\WRN2-231\双支\L×l=300×150mm\φ12\M27×2</t>
  </si>
  <si>
    <t>【重庆川仪】热电偶\WRNK2-221\双支\L=5000mm\φ5mm\M16×1.5</t>
  </si>
  <si>
    <t>【重庆川仪】热电偶\WRER2-13 E\双支\150mm\φ6mm\M16×1.5</t>
  </si>
  <si>
    <t>【重庆川仪】热电偶\WRER2-15\双支\100mm\φ27mm\M33×2</t>
  </si>
  <si>
    <t>【重庆川仪】热电偶\WRNR2-12\双支\L×l=1380×1130mm\φ20mm\螺纹</t>
  </si>
  <si>
    <t>【重庆川仪】热电偶\WRNK2-191M\双支\15000mm\φ6mm\焊接</t>
  </si>
  <si>
    <t>【重庆川仪】热电偶\WRN2-2216\双支\2100×1950mm\φ16mm\M33×2</t>
  </si>
  <si>
    <t>【重庆川仪】热电偶\WRNK2-221\双支\30000mm\φ6mm\插入式</t>
  </si>
  <si>
    <t>【重庆川仪】热电偶\WRKK2-191\双支\1000mm\φ5mm\线缆式</t>
  </si>
  <si>
    <t>【重庆川仪】热电偶\WREK2-321\双支\2000mm\φ5mm\M20×1.5</t>
  </si>
  <si>
    <t>【重庆川仪】热电偶\WREKD2-03-I500A180\φ16mm\M33×2</t>
  </si>
  <si>
    <t>【重庆川仪】热电偶\WREKD2-03-I530A280\双支\150mm\φ16mm</t>
  </si>
  <si>
    <t>【重庆川仪】热电偶\WRER2-13\双支\400mm\φ5mm\M16×1.5</t>
  </si>
  <si>
    <t>【重庆川仪】热电偶\WRKKD2-03\双支\260mm\φ20mm\M27×2</t>
  </si>
  <si>
    <t>【重庆川仪】热电偶\WREK2-331\双支\1200mm\φ5mm\M20×1</t>
  </si>
  <si>
    <t>【重庆川仪】热电偶\WRNK2-3316\双支\6500mm\φ5mm\螺纹</t>
  </si>
  <si>
    <t>【重庆川仪】热电偶\WREK2-331\双支\1400mm\φ5mm\螺纹</t>
  </si>
  <si>
    <t>【重庆川仪】热电偶\WRN2-231\双支\380×230mm\φ17mm\M33×2</t>
  </si>
  <si>
    <t>【重庆川仪】热电偶\WRNK2-321M\双支\1329mm\φ5mm\M20×1</t>
  </si>
  <si>
    <t>【重庆川仪】热电偶\WRN2-625\双支\480×100mm\φ6mm\螺纹</t>
  </si>
  <si>
    <t>【重庆川仪】热电偶\WRNK2-321\双支\482mm\φ5mm\M20×1.5</t>
  </si>
  <si>
    <t>【重庆川仪】热电偶\WRNK2-11\双支\35000mm\φ5mm\无固定装置</t>
  </si>
  <si>
    <t>【重庆川仪】热电偶\WRNR2-13\双支\415mm\φ6mm\M27×2</t>
  </si>
  <si>
    <t>【重庆川仪】热电偶\WRNT2-41\双支\6000mm\φ4mm\M20×1.5</t>
  </si>
  <si>
    <t>【重庆川仪】热电偶\WRN2-330\双支\1640mm\φ5mm\M16×1.5</t>
  </si>
  <si>
    <t>【重庆川仪】热电偶\WRNK2-321\双支\609mm\φ5mm\M16×1.5</t>
  </si>
  <si>
    <t>【重庆川仪】热电偶\WRNT2-41201\双支\6000mm\φ4.8mm\插入式</t>
  </si>
  <si>
    <t>【重庆川仪】热电偶\WRTM1Y3-271HD\三支\30mm\φ5.4mm\插入式</t>
  </si>
  <si>
    <t>【重庆川仪】热电偶\WRNT2-12\双支\555mm\φ5mm\螺纹</t>
  </si>
  <si>
    <t>【重庆川仪】热电偶\WRNK2-291\双支\1000mm\φ3mm\M14×1.5</t>
  </si>
  <si>
    <t>【重庆川仪】热电偶\WREKD2-03\双支\510mm\φ5mm\M33×2</t>
  </si>
  <si>
    <t>【重庆川仪】热电偶\WRNK3-1/1A\三支\25mm\φ7mm\M14×1</t>
  </si>
  <si>
    <t>【重庆川仪】热电偶\WRNK2-195B\双支\10000×8000mm\φ5mm</t>
  </si>
  <si>
    <t>【重庆川仪】热电偶\WRNK2-331A\双支\500mm\φ6mm\M16×1.5</t>
  </si>
  <si>
    <t>【重庆川仪】热电偶\WRNK2-231\双支\550mm\φ5mm\M16×1.5</t>
  </si>
  <si>
    <t>【重庆川仪】热电偶\WRNK2-231\双支\800mm\φ5mm\M16×1.5</t>
  </si>
  <si>
    <t>【重庆川仪】热电偶\WRNT-11\单支\15000mm\φ5mm\集热块</t>
  </si>
  <si>
    <t>【重庆川仪】热电偶\WRKKD2-03-ⅠA\1380×1130mm\φ32mm\法兰</t>
  </si>
  <si>
    <t>【重庆川仪】热电偶\WRER2-13\L×l=430×100mm\φ32\M20×1</t>
  </si>
  <si>
    <t>【重庆川仪】热电偶\WRKK2-3033-HBS1000-IH20000\L×l=20000</t>
  </si>
  <si>
    <t>【重庆川仪】铠装热电偶\WRNK2-133\双支\10000mm\φ=5mm\标准\非防爆</t>
  </si>
  <si>
    <t>【重庆川仪】热电偶\WRNM-330K\双支\L=550mm\φ18mm\M20×1.5</t>
  </si>
  <si>
    <t>【重庆川仪】热电偶\WRER2-12\双支\L=510mm\φ5mm\M20×1.5</t>
  </si>
  <si>
    <t>【重庆川仪】热电偶\WRER2-12\双支\L×l=880×630mm\φ28mm\ZG2"</t>
  </si>
  <si>
    <t>【重庆川仪】热电偶\WRER2-13\双支\300×50mm\φ12mm\M20×1.5</t>
  </si>
  <si>
    <t>【重庆川仪】热电偶\WRNK2-191M\双支\15000mm\φ5mm\M20×1.5</t>
  </si>
  <si>
    <t>【重庆川仪】热电偶\WRNR2-12\1380×1130mm\φ32mm\ZG2"</t>
  </si>
  <si>
    <t>【重庆川仪】热电偶\WRNK2-13-K\双支\150mm\φ5mm\M27×2</t>
  </si>
  <si>
    <t>【重庆川仪】热电偶\WRNR2-13\双支\l=100mm\φ5mm\M27×2</t>
  </si>
  <si>
    <t>【重庆川仪】热电偶\WRER2-15\双支\L×l=280×100mm\φ25mm</t>
  </si>
  <si>
    <t>【重庆川仪】热电偶\WRER2-14\双支\L×l=380×150mm\φ25mm</t>
  </si>
  <si>
    <t>【重庆川仪】热电偶\WRER2-13\双支\L×l=330×50mm\φ25mm</t>
  </si>
  <si>
    <t>【重庆川仪】热电偶\WRER2-13\双支\l=70mm\φ6mm\M16×1.5</t>
  </si>
  <si>
    <t>【重庆川仪】热电偶\WREK2-12\双支\L×l=1380×1130mm\φ25mm\法兰</t>
  </si>
  <si>
    <t>【重庆川仪】热电偶\WRNK2-233\L×l=880×630mm\φ10mm\M60×3</t>
  </si>
  <si>
    <t>【重庆川仪】热电偶\WRER2-12\双支\L×I=1380×1130mm\φ5mm</t>
  </si>
  <si>
    <t>【重庆川仪】热电偶\WRNR2-13\双支\I=250mm\φ28mm\焊接</t>
  </si>
  <si>
    <t>【重庆川仪】热电偶\WRNT2-11\双支\20000mm\φ6mm\卡套式</t>
  </si>
  <si>
    <t>【重庆川仪】热电偶\WRNK2-230NM\双支\L×l=1350×1200mm</t>
  </si>
  <si>
    <t>【重庆川仪】热电偶\WRNN-631\L×I=880×630mm\φ25mm\M48×1.5</t>
  </si>
  <si>
    <t>【重庆川仪】热电偶\WRNN-631\LxI=1500x500mm\M48×1.5</t>
  </si>
  <si>
    <t>【重庆川仪】热电偶\WRN2-631\双支\L×l=750×500mm</t>
  </si>
  <si>
    <t>【重庆川仪】热电偶\WREK2-391T\双支\120mm\φ6mm\NPT1/4</t>
  </si>
  <si>
    <t>【重庆川仪】热电偶\WRNK2-331\双支\10000mm\φ5mm\M16×1.5</t>
  </si>
  <si>
    <t>【重庆川仪】热电偶\WRNK2-331\双支\20000mm\φ5mm\M16×1.5</t>
  </si>
  <si>
    <t>【重庆川仪】热电阻\WZPM2-001\100mm\φ6mm\M20×1.5 活动卡套接头</t>
  </si>
  <si>
    <t>【重庆川仪】热电偶\WRKL-433\双支\900mm\φ25mm\法兰</t>
  </si>
  <si>
    <t>【重庆川仪】铠装热电偶\WRNR2-01\双支\16000mm\φ4mm\M27×2</t>
  </si>
  <si>
    <t>【重庆川仪】热电偶\WRNK2-191M 曲面R=29mm\\20000mm\φ4mm\焊接</t>
  </si>
  <si>
    <t>【重庆川仪】热电偶WRN2-4325NM\1000x850mm\φ18 l=230mm\法兰</t>
  </si>
  <si>
    <t>【重庆川仪】热电偶\WRN2-4332NM\双支\800×600mm\φ25mm\法兰</t>
  </si>
  <si>
    <t>【重庆川仪】热电偶\WRN2-4332NM\双支\930×730mm\φ25mm\法兰</t>
  </si>
  <si>
    <t>【重庆川仪】热电偶\WRNNK-12\双支\100mm\φ32mm\ZG2"</t>
  </si>
  <si>
    <t>【重庆川仪】热电偶\WRNK2-291\双支\5000mm\φ5mm\M16×1.5</t>
  </si>
  <si>
    <t>【重庆川仪】热电偶\WRNK2-291\双支\15000mm\φ5mm\M16×1.5</t>
  </si>
  <si>
    <t>【重庆川仪】热电偶\WREK2-001\双支\15000mm\φ5mm\压簧式</t>
  </si>
  <si>
    <t>【重庆川仪】热电偶\WRNK2-11\双支\15000mm\φ6mm\固定贴片+螺纹</t>
  </si>
  <si>
    <t>【重庆川仪】热电偶\WRNT2-11\双支\30000mm\φ6mm\卡套式</t>
  </si>
  <si>
    <t>【重庆川仪】热电偶\WRER2-12\双支\430mm\φ6mm\螺纹</t>
  </si>
  <si>
    <t>【重庆川仪】热电偶\WRER2-13\双支\380×100mm\φ6mm\M27×2</t>
  </si>
  <si>
    <t>【重庆川仪】热电偶\WREX2-001\双支\7000×55mm\φ6mm\压簧式</t>
  </si>
  <si>
    <t>【重庆川仪】热电偶\WREK2-331\双支\20000mm\φ5mm\M16×1.5</t>
  </si>
  <si>
    <t>【重庆川仪】热电偶\HD-WRNR2-12\双支\1380×1150mm\φ6mm\G1/2</t>
  </si>
  <si>
    <t>【重庆川仪】热电偶\WRNR2-12\双支\1380×1130mm\φ6mm\M33×2</t>
  </si>
  <si>
    <t>【重庆川仪】热电偶\WRNK2-331M\双支\5000mm\φ5mm\G1/2</t>
  </si>
  <si>
    <t>【重庆川仪】热电偶\WRNK2-13\双支\450mm\φ6mm\G1/2</t>
  </si>
  <si>
    <t>【重庆川仪】热电偶\WRNR2-4328\双支\1200mm\φ28mm\M60×3</t>
  </si>
  <si>
    <t>【重庆川仪】热电偶\WRNK2-13\多支\450mm\φ6mm\1/2NPT(M)</t>
  </si>
  <si>
    <t>【重庆川仪】热电偶\WRNK-2461\双支\6000mm\φ3mm\螺纹</t>
  </si>
  <si>
    <t>【重庆川仪】热电偶\WRNK2-191\双支\640mm\φ6mm\M27×2</t>
  </si>
  <si>
    <t>【重庆川仪】热电偶\WKR2101P1111\双支\150mm\φ8mm\M16×1.5</t>
  </si>
  <si>
    <t>【重庆川仪】热电偶\WRNK2-331\双支\1000mm\φ6mm\M20×1</t>
  </si>
  <si>
    <t>【重庆川仪】热电偶\WREK2-13\双支\480×150mm\φ6mm\螺纹</t>
  </si>
  <si>
    <t>【重庆川仪】热电偶\WRNK2-321\双支\382mm\φ5mm\M20×1.5</t>
  </si>
  <si>
    <t>【重庆川仪】热电偶\WRN2-13-010\双支\460mm\φ6mm\插入式</t>
  </si>
  <si>
    <t>【重庆川仪】热电偶\WRNT2-31\双支\300mm\φ6mm\1/2NPT</t>
  </si>
  <si>
    <t>【重庆川仪】热电偶\WRNT2-001\双支\390mm\φ6mm\1/2NPT</t>
  </si>
  <si>
    <t>【重庆川仪】热电偶\WRNK2-231\双支\4000mm\φ3mm\M14×1.5</t>
  </si>
  <si>
    <t>【重庆川仪】热电偶\WREK2-331\双支\6000mm\φ5mm\R1/2</t>
  </si>
  <si>
    <t>【重庆川仪】热电偶\WRNK2-231\双支\3000mm\φ6mm\R1/4</t>
  </si>
  <si>
    <t>【重庆川仪】热电偶\WREK2-331\双支\10000mm\φ5mm\M16×1.5</t>
  </si>
  <si>
    <t>【重庆川仪】热电偶\WRNK2-230\双支\100mm\φ16mm\螺纹</t>
  </si>
  <si>
    <t>【重庆川仪】热电偶\WREK2-331A\双支\12000×203mm\φ5mm\螺纹</t>
  </si>
  <si>
    <t>【重庆川仪】热电偶\WRNT2-11\双支\35000×20000mm\φ5mm\集热块</t>
  </si>
  <si>
    <t>【重庆川仪】热电偶\WREK2-331A\双支\1100mm\φ5mm\螺纹</t>
  </si>
  <si>
    <t>【重庆川仪】热电偶\WRNT2-31\双支\250mm\φ6mm\NPT1/2\国产</t>
  </si>
  <si>
    <t>【重庆川仪】热电偶\WRNK2-2193\双支\3000mm\φ6mm\M20×1.5</t>
  </si>
  <si>
    <t>【重庆川仪】热电偶\WREK2-231\双支\25000mm\φ6mm\R1/4</t>
  </si>
  <si>
    <t>【重庆川仪】热电偶\WRNK2-231\双支\8000×200mm\φ6mm\NPT1/2</t>
  </si>
  <si>
    <t>【重庆川仪】热电偶\WRNK2-231\双支\12000×200mm\φ6mm\NPT1/2</t>
  </si>
  <si>
    <t>【重庆川仪】热电偶\WRNK2-231\双支\6000×200mm\φ6mm\NPT1/2</t>
  </si>
  <si>
    <t>【重庆川仪】热电偶\WRNK2-231\双支\10000×200mm\φ6mm\NPT1/2</t>
  </si>
  <si>
    <t>【重庆川仪】热电偶\WRNK2-191\双支\1000mm\φ3mm\卡套</t>
  </si>
  <si>
    <t>【重庆川仪】热电偶\WRNR2-13\双支\300×100mm\φ5mm\M20×1.5</t>
  </si>
  <si>
    <t>【重庆川仪】热电偶\WRNR2-13\双支\400×250mm\φ5mm\M20×1.5</t>
  </si>
  <si>
    <t>【重庆川仪】热电偶\WRN2-601\双支\500×195mm\φ4mm\M20×1.5</t>
  </si>
  <si>
    <t>【重庆川仪】热电偶\WRNR2-12\双支\800×650mm\φ25-16mm\M33×2</t>
  </si>
  <si>
    <t>【重庆川仪】热电偶\WRKKL2-4S520\双支\1200mm\φ20mm\法兰</t>
  </si>
  <si>
    <t>【重庆川仪】热电偶\WREK2-321\双支\L=5000mm\φ5mm\M27×2</t>
  </si>
  <si>
    <t>【重庆川仪】热电偶\WRNM2-32\双支\1000mm\φ28mm\活动法兰</t>
  </si>
  <si>
    <t>【重庆川仪】热电偶\WRKK2-334\双支\489mm\φ5mm\M20×1.5</t>
  </si>
  <si>
    <t>【重庆川仪】热电偶\WREK2-231010E\双支\40mm\φ5mm\螺纹</t>
  </si>
  <si>
    <t>【重庆川仪】热电偶\WREK2-2355/E\双支\376mm\φ5mm\插入式</t>
  </si>
  <si>
    <t>【重庆川仪】热电偶\WRNT-11-K\双支\1000mm\φ5mm\卡套式</t>
  </si>
  <si>
    <t>【重庆川仪】热电偶\WRNK2-291\L=10000m\φ5\M16×1.5</t>
  </si>
  <si>
    <t>【重庆川仪】热电偶\WRER2-12E\L×l=2250×1500mm\φ6mm\M33×2</t>
  </si>
  <si>
    <t>【重庆川仪】热电偶\WREK2-230NM\双支\L×l=1650×1500mm</t>
  </si>
  <si>
    <t>【重庆川仪】热电偶\WRNK2-230NM\双支\L×l=1650×1500mm</t>
  </si>
  <si>
    <t>【重庆川仪】热电偶\WREK2-230NM\双支\L×l=1350×1200mm</t>
  </si>
  <si>
    <t>【重庆川仪】热电偶\WREK2-331E\双支\20000mm\φ6mm\M16×1.5</t>
  </si>
  <si>
    <t>【重庆川仪】热电偶\WREK2-331E\双支\15000mm\φ6mm\M16×1.5</t>
  </si>
  <si>
    <t>【重庆川仪】热电偶\WRNK2-233\双支\230mm\φ6mm\螺纹</t>
  </si>
  <si>
    <t>【重庆川仪】热电偶\WREK2-291E\双支\15000×2000mm\φ4.8mm</t>
  </si>
  <si>
    <t>【重庆川仪】热电偶\WREK2-291E\双支\10000×2000mm\φ4.8mm</t>
  </si>
  <si>
    <t>【重庆川仪】热电偶\WRR2-431B\双支\1500mm\φ25mm\M20×1.5</t>
  </si>
  <si>
    <t>【重庆川仪】热电偶\WREKD2-03\双支\535×335mm\φ6mm\M33×2</t>
  </si>
  <si>
    <t>【重庆川仪】热电偶\WREK2-106\双支\500mm\φ5mm\插入式</t>
  </si>
  <si>
    <t>【重庆川仪】热电偶\WRR2-431B\双支\1650mm\φ25mm\固定法兰</t>
  </si>
  <si>
    <t>【重庆川仪】热电偶\WRER2-12\双支\2000×1500mm\φ25mm\M60×3</t>
  </si>
  <si>
    <t>【重庆川仪】热电偶\WRER2-12\双支\1200×200mm\φ5mm\M60×3</t>
  </si>
  <si>
    <t>【重庆川仪】热电偶\WRN2-430/T-75\双支\400mm\φ16mm\法兰</t>
  </si>
  <si>
    <t>【重庆川仪】热电偶\WRBT-4425-PMA-1200S\双支\1200mm</t>
  </si>
  <si>
    <t>【重庆川仪】热电偶\WRBT-4425-PMA-900S-700\双支\700mm</t>
  </si>
  <si>
    <t>【重庆川仪】热电偶\WRNK-331 K分度\双支\1500mm\φ6mm\M16×1.5</t>
  </si>
  <si>
    <t>【重庆川仪】热电偶\WRNK-4G30\280\6\RF DN40PN50\ExiaⅡCT4</t>
  </si>
  <si>
    <t>【重庆川仪】热电偶WRGKK-53SHBM-400-600LB-1.5\250mm\φ5mm</t>
  </si>
  <si>
    <t>【重庆川仪】热电偶\WZPK2-4420D3-TK\多支\880mm\φ33.4mm\法兰</t>
  </si>
  <si>
    <t>【重庆川仪】热电偶\WZPK2-4420D3-TK\多支\815mm\φ33.4mm\法兰</t>
  </si>
  <si>
    <t>【重庆川仪】热电偶\WRNK-331\双支\5000mm\φ5mm\M16×1.5</t>
  </si>
  <si>
    <t>【重庆川仪】热电偶\WRNR-01T\双支\70 150mm\φ6mm\焊接</t>
  </si>
  <si>
    <t>【重庆川仪】热电偶\WRN-01\双支\75mm\φ6mm\焊接</t>
  </si>
  <si>
    <t>【重庆川仪】热电偶\WRNK-331\1500mm\φ6\M20×1.5</t>
  </si>
  <si>
    <t>【重庆川仪】热电偶\WRNN2-436\双支\l=600mm\φ6mm\M16×1.5</t>
  </si>
  <si>
    <t>【重庆川仪】热电偶\WRNN2-436NM\双支\L×l=1200×900mm\φ25mm</t>
  </si>
  <si>
    <t>【重庆川仪】热电偶\WRNK2-291\双支\12000mm\φ4mm\螺纹</t>
  </si>
  <si>
    <t>【重庆川仪】热电偶\WRNK-221 0-800℃\双支\L=7000\φ5\M16×1.5</t>
  </si>
  <si>
    <t>【重庆川仪】热电偶\WRNK-221 0-800℃\双支\3000\φ5\M16×1.5</t>
  </si>
  <si>
    <t>【重庆川仪】热电偶\WRNK-2\双支\400×200mm\φ26mm\M33×2</t>
  </si>
  <si>
    <t>【重庆川仪】热电偶\WRKK-350-DZ3039X\单\1000mm\φ6mm\M27×2</t>
  </si>
  <si>
    <t>【重庆川仪】热电偶\WRKK2-140\双支\5000mm\φ6mm\内螺纹\进口</t>
  </si>
  <si>
    <t>【重庆川仪】热电偶\WRKK2-140\双支\500mm\φ6mm\内螺纹\进口</t>
  </si>
  <si>
    <t>【重庆川仪】热电偶\WRNK-4303\3支\1920 2120 2320mm</t>
  </si>
  <si>
    <t>【重庆川仪】热电偶\H-WRJK-440i-Y\双支\220mm\φ20mm\DN25</t>
  </si>
  <si>
    <t>【重庆川仪】热电偶\WRK2-2316\双支\800mm\φ20mm\M27×2</t>
  </si>
  <si>
    <t>【重庆川仪】热电偶\WRN-230\双支\l=450mm\φ30mm\标准</t>
  </si>
  <si>
    <t>【重庆川仪】热电偶\WRN2-131-K\双支\1800mm\φ6mm\插入式</t>
  </si>
  <si>
    <t>【重庆川仪】热电偶\WRN2-230\双支\300mm\φ8mm\M27x2</t>
  </si>
  <si>
    <t>【重庆川仪】热电偶\WRN-130(K) 铠装\单\1000mm\φ20mm\螺纹</t>
  </si>
  <si>
    <t>【重庆川仪】热电偶\WRNN-230K\双支\750mm\φ22mm\M27×2</t>
  </si>
  <si>
    <t>【重庆川仪】热电偶\WRKK-140\单\15000mm\φ6mm\法兰\EExibⅡCT4</t>
  </si>
  <si>
    <t>【重庆川仪】热电偶\WRKK2-140-HZ\双支\1100mm\φ6mm\螺纹</t>
  </si>
  <si>
    <t>【重庆川仪】热电偶\WZPK2-330\双支\700mm\φ6mm\M16×1.5</t>
  </si>
  <si>
    <t>【重庆川仪】热电偶\WRKK2-340\双支\4000mm\φ5mm\活动卡套</t>
  </si>
  <si>
    <t>【重庆川仪】热电偶\WRNK-2531\多支\2500mm\φ20mm\RF\国产</t>
  </si>
  <si>
    <t>【重庆川仪】热电偶\WRN-446D3-644HA\多支\5465 6445 7425mm</t>
  </si>
  <si>
    <t>【重庆川仪】热电偶\WRN-446D3-248HA\多支\5425 6405 7385mm</t>
  </si>
  <si>
    <t>【重庆川仪】热电偶\WRN2-341NM\双支\2500mm\φ20mm\RF</t>
  </si>
  <si>
    <t>【重庆川仪】热电偶\WRN2-74\双支\250mm\φ6mm\NPT1/2</t>
  </si>
  <si>
    <t>【重庆川仪】热电偶\WRN2-74\双支\300mm\φ6mm\NPT1/2</t>
  </si>
  <si>
    <t>【重庆川仪】热电偶\WRN2-74\双支\400mm\φ6mm\NPT1/2</t>
  </si>
  <si>
    <t>【重庆川仪】热电偶\WRN2-74-TH01E\双支\200mm\φ6mm\NPT1/2</t>
  </si>
  <si>
    <t>【重庆川仪】热电偶\WRNK2-331\双支\4000mm\φ6mm\卡套</t>
  </si>
  <si>
    <t>【重庆川仪】热电偶\WRN-641i-TH02D\双支\2680mm\φ20mm\RF</t>
  </si>
  <si>
    <t>【重庆川仪】热电偶\WRN2-010\双支\600mm\φ6mm\螺纹\国产</t>
  </si>
  <si>
    <t>【重庆川仪】热电偶\WRNK2-201\双支\850mm\φ6mm\螺纹</t>
  </si>
  <si>
    <t>【重庆川仪】热电偶\WRKK2J-380\双支\980mm\φ6mm\螺纹</t>
  </si>
  <si>
    <t>【重庆川仪】热电偶\ZHTC06-C1WWWB1P2SC31.8L945\双支</t>
  </si>
  <si>
    <t>【重庆川仪】热电偶\WRN-330 K分度 0~1300℃ L=400mm</t>
  </si>
  <si>
    <t>【重庆川仪】热电偶\WRNM2-32\双支\1050mm\φ25mm\活动法兰</t>
  </si>
  <si>
    <t>【重庆川仪】热电偶\WRNM2-32\双支\1050mm\φ28mm\活动法兰</t>
  </si>
  <si>
    <t>【重庆川仪】热电偶\WRNK-331\单支\15000mm\φ6mm\集热块连接</t>
  </si>
  <si>
    <t>【重庆川仪】热电偶\WRNK-331\单支\25000mm\φ6mm\集热块连接</t>
  </si>
  <si>
    <t>【重庆川仪】热电偶\WRNK-331\单支\20000mm\φ6mm\集热块连接</t>
  </si>
  <si>
    <t>【重庆川仪】热电偶\WRGKK2-53-1J500H-N-3HM16\双支\400mm\螺纹</t>
  </si>
  <si>
    <t>【重庆川仪】热电偶\WRNK2-291\双支\3000mm\φ5mm\M16×1.5</t>
  </si>
  <si>
    <t>【重庆川仪】热电偶\WRNK2-291\双支\8000mm\φ5mm\M16×1.5</t>
  </si>
  <si>
    <t>【重庆川仪】双支端面铂热电阻\WZPM2\双支\L=5000mm\φ8\M10×1</t>
  </si>
  <si>
    <t>【重庆川仪】热电阻\WZPM2-206W\双支\6000mm\φ4mm\螺纹</t>
  </si>
  <si>
    <t>【重庆川仪】热电阻\WZP2-631K\双支\350×150mm\φ5mm\M33×2</t>
  </si>
  <si>
    <t>【重庆川仪】热电阻\WZPK2-630\双支\200mm\φ8mm\M20×1.5</t>
  </si>
  <si>
    <t>【重庆川仪】热电阻\WZPM2-201\双支\100mm\φ6mm\M20×1.5</t>
  </si>
  <si>
    <t>【重庆川仪】热电阻\WZPK2-236T\双支\150mm\φ14mm\螺纹</t>
  </si>
  <si>
    <t>【重庆川仪】热电阻\WZP2-241G\双支\150mm\φ6mm\M8×0.75</t>
  </si>
  <si>
    <t>【重庆川仪】热电阻\WZP2-A1-14\双支\250mm\φ4mm\1/2NPT</t>
  </si>
  <si>
    <t>【重庆川仪】热电阻\WZPN2-7430\双支\1600mm\φ8mm\卡套</t>
  </si>
  <si>
    <t>【重庆川仪】热电阻\WZPK2-1312\双支\350mm\φ5mm\螺纹</t>
  </si>
  <si>
    <t>【重庆川仪】热电阻\WZPK2-196\双支\18mm\φ6mm\螺纹</t>
  </si>
  <si>
    <t>【重庆川仪】热电阻\WZPK2-336T-H\双支\350mm\φ5mm\卡套</t>
  </si>
  <si>
    <t>【重庆川仪】热电阻\WZPKL2-233\双支\800mm\φ6mm\M33×2</t>
  </si>
  <si>
    <t>【重庆川仪】热电阻\WZPK2-438\双支\1500mm\φ6mm\法兰</t>
  </si>
  <si>
    <t>【重庆川仪】热电阻\WZPK2-36T\双支\500mm\φ6mm\M27×1.5</t>
  </si>
  <si>
    <t>【重庆川仪】热电阻\WZPK2-166-40\双支\892mm\φ10mm\插入式</t>
  </si>
  <si>
    <t>【重庆川仪】热电阻\WZP-44SA\三支\250mm\φ10mm\M27×2</t>
  </si>
  <si>
    <t>【重庆川仪】热电阻\WZPK2-236S\双支\150mm\φ5mm\M16×1.5</t>
  </si>
  <si>
    <t>【重庆川仪】热电阻\WZPK2-236S\双支\150mm\φ6mm\M27×2</t>
  </si>
  <si>
    <t>【重庆川仪】热电阻\WZP2-231\双支\L=550mm\φ12mm\M27×2</t>
  </si>
  <si>
    <t>【重庆川仪】热电阻\WZP2-231\双支\100mm\φ12mm\M27×2</t>
  </si>
  <si>
    <t>【重庆川仪】热电阻\WZP2-231-K\双支\100mm\φ6mm\M27×2</t>
  </si>
  <si>
    <t>【重庆川仪】端面热电阻\WZPM-201\L×l=5000×35mm\φ6\M8×0.75</t>
  </si>
  <si>
    <t>【重庆川仪】铠装铂热电阻\WZPK2-336\l=250mm\φ6\M20×1.5</t>
  </si>
  <si>
    <t>【重庆川仪】铠装铂热电阻\WZPK-335\150mm\φ10\M20×1.5</t>
  </si>
  <si>
    <t>【重庆川仪】铠装铂热电阻\WZPK-335\l=400mm\φ5\M16×1.5</t>
  </si>
  <si>
    <t>【重庆川仪】热电阻\WZPKL2-235A2\L×l=200×50mm\φ5\M16×1.5</t>
  </si>
  <si>
    <t>【重庆川仪】热电阻\WZPM2-M18\双支\3000mm\φ6mm\M18×1.5</t>
  </si>
  <si>
    <t>【重庆川仪】热电阻\WZP-231\双支\L×l=150×400mm\φ12mm\M27×2</t>
  </si>
  <si>
    <t>【重庆川仪】热电阻\WZP2-630\双支\150mm\φ16mm\M27×2</t>
  </si>
  <si>
    <t>【重庆川仪】热电阻\WZP2-221\双支\L×l=225×75mm\φ6mm\M27×2</t>
  </si>
  <si>
    <t>【重庆川仪】热电阻\WZPK2-336S\双支\L×l=400×300\φ6\M16×1.5</t>
  </si>
  <si>
    <t>【重庆川仪】热电阻\WZPK-336S\双支\150mm\φ6mm\M27×2</t>
  </si>
  <si>
    <t>【重庆川仪】热电阻\WZP2-230NM\双支\L×l=250×150\φ16\M27×2</t>
  </si>
  <si>
    <t>【重庆川仪】热电阻\WZPM2-295-Pt100\双支\l=220\φ6\M27×2</t>
  </si>
  <si>
    <t>【重庆川仪】热电阻\WZP2-430\双支\L×l=1380×100mm\M16X1.5</t>
  </si>
  <si>
    <t>【重庆川仪】热电阻\WZPK2-336\双支\L=130mm\φ6mm\M16×1.5</t>
  </si>
  <si>
    <t>【重庆川仪】热电阻\WZPM2-201\双支\L×l=15×4000\φ6\M8×0.75</t>
  </si>
  <si>
    <t>【重庆川仪】热电阻\WZP2-231-(K)\双支\L=500mm\φ12mm\M27×2</t>
  </si>
  <si>
    <t>【重庆川仪】热电阻\WZP2-230\双支\L=300mm\φ6mm\M27×2</t>
  </si>
  <si>
    <t>【重庆川仪】热电阻\WRN2-230 K分度\双支\L×l=300×150mm\φ28mm</t>
  </si>
  <si>
    <t>【重庆川仪】热电阻\WZPK2-230\双支\I=100mm\φ16mm\M27×2</t>
  </si>
  <si>
    <t>【重庆川仪】热电阻\WZPM2-08-075-M18-S\双支\I=75mm\φ8mm\螺纹</t>
  </si>
  <si>
    <t>【重庆川仪】热电阻\WZPM2-001\双支\L×I=8000×175mm\φ5mm\压簧式</t>
  </si>
  <si>
    <t>【重庆川仪】热电阻\WZPK2-330\双支\1500mm\φ20mm\螺纹</t>
  </si>
  <si>
    <t>【重庆川仪】热电阻\WZP-430N-PT100\双支\650mm\φ20mm\插入式</t>
  </si>
  <si>
    <t>【重庆川仪】热电阻\WZPM2-201-PT100\双支\1000mm\φ10mm</t>
  </si>
  <si>
    <t>【重庆川仪】热电阻\WZPK2-236S\150mm\φ6mm\M16x1.5 活动卡套接头</t>
  </si>
  <si>
    <t>【重庆川仪】热电阻\WZPM2-001Q-A3J97-10000\3000mm\ZG1/8</t>
  </si>
  <si>
    <t>【重庆川仪】热电阻WZPM2-001Q-A3J35-10000\3000mmφ6\ZG1/8</t>
  </si>
  <si>
    <t>【重庆川仪】热电阻\WZP02-336\双支\550mm\φ6mm\活动卡套 NPT1/2</t>
  </si>
  <si>
    <t>【重庆川仪】热电阻\WZP2-640\双支\300mm\φ8mm\M27×2\ExdⅡBT4</t>
  </si>
  <si>
    <t>【重庆川仪】热电阻\WZP2-231\双支\500mm\φ6mm\M33×2</t>
  </si>
  <si>
    <t>【重庆川仪】热电阻\WZP2-230\双支\3500×3000mm\φ6mm\M27×2</t>
  </si>
  <si>
    <t>【重庆川仪】热电阻\WZPK2-396\双支\117mm\φ6mm\M8×1.0</t>
  </si>
  <si>
    <t>【重庆川仪】热电阻\WZPK2-238\双支\554mm\φ8mm\M20×1.5</t>
  </si>
  <si>
    <t>【重庆川仪】热电阻\WZP2-235\双支\250mm\φ5mm\M16×1.5</t>
  </si>
  <si>
    <t>【重庆川仪】热电阻\WZP2-238\双支\250mm\φ8mm\卡套</t>
  </si>
  <si>
    <t>【重庆川仪】热电阻\WZP2-236\双支\400mm\φ6mm\1/2NPT</t>
  </si>
  <si>
    <t>【重庆川仪】热电阻\WZPKL2-1316-AJG3M\双支\1150×1000\φ16</t>
  </si>
  <si>
    <t>【重庆川仪】热电阻\WZPN2-230\双支\800×650mm\φ22mm\M33×2</t>
  </si>
  <si>
    <t>【重庆川仪】热电阻\WZP2-230K\双支\380×250mm\φ16mm\M33×2</t>
  </si>
  <si>
    <t>【重庆川仪】热电阻\WZPK2-343-A6M-150×30\双支\φ6mm\NPT1/2</t>
  </si>
  <si>
    <t>【重庆川仪】热电阻\WZPK2-343-A6M-500×30\双支\φ6mm\NPT1/2</t>
  </si>
  <si>
    <t>【重庆川仪】热电阻\WZPK2-196\双支\270mm\φ6mm\卡套</t>
  </si>
  <si>
    <t>【重庆川仪】热电阻\WZPK2-236\双支\1200mm\φ12mm\M27×2</t>
  </si>
  <si>
    <t>【重庆川仪】热电阻\WZP2-230\双支\1650×1450mm\φ6mm\M27×2</t>
  </si>
  <si>
    <t>【重庆川仪】热电阻\WZPK-338\双支\120mm\φ8mm\螺纹</t>
  </si>
  <si>
    <t>【重庆川仪】热电阻\WZPKB-246-PT100\双支\240mm\φ25mm\螺纹</t>
  </si>
  <si>
    <t>【重庆川仪】热电阻\WZPM2-00124F/A6L6000S\双支\0mm\φ10mm</t>
  </si>
  <si>
    <t>【重庆川仪】热电阻\WZP2-231\双支\150mm\φ12mm\M27x2</t>
  </si>
  <si>
    <t>【重庆川仪】热电阻\WZPK2-106\双支\870mm\φ5mm\M12×1.5 卡套接头</t>
  </si>
  <si>
    <t>【重庆川仪】热电阻\WZPK-24S\双支\100mm\φ8mm\M27×2</t>
  </si>
  <si>
    <t>【重庆川仪】热电阻\WZPK2-236S\双支\150mm\φ6mm\1/2NPT</t>
  </si>
  <si>
    <t>【重庆川仪】热电阻\WZPK2-230\双支\1400×1250mm\φ16mm\M27×2</t>
  </si>
  <si>
    <t>【重庆川仪】热电阻\WZPK2-236S\双支\180mm\φ6mm\G1/2</t>
  </si>
  <si>
    <t>【重庆川仪】热电阻WZPM2-201SA\双支\1000×20mm\φ6mm\M20×1.5</t>
  </si>
  <si>
    <t>【重庆川仪】热电阻\WZPK2-336A\双支\200mm\φ6mm\螺纹</t>
  </si>
  <si>
    <t>【重庆川仪】热电阻\WZPM2-201SA\双支\10000mm\φ6mm\NPT1/2</t>
  </si>
  <si>
    <t>【重庆川仪】热电阻\WZPL2-238\双支\10mm\φ6mm\M27×2</t>
  </si>
  <si>
    <t>【重庆川仪】热电阻\WZPK2T-4316M-100\\100mm\φ6mm\M12×1.5</t>
  </si>
  <si>
    <t>【重庆川仪】热电阻\WZPK2-338\双支\180mm\φ8mm\M18×2.5</t>
  </si>
  <si>
    <t>【重庆川仪】热电阻\WZPK2-236S\双支\150mm\φ6mm\ZG1/2</t>
  </si>
  <si>
    <t>【重庆川仪】热电阻\WZP2-2312\双支\250×100mm\φ10mm\M27×2</t>
  </si>
  <si>
    <t>【重庆川仪】热电阻\WZP2-731\双支\400mm\φ12mm\M27×2</t>
  </si>
  <si>
    <t>【重庆川仪】热电阻\WZPK2-235S\双支\350×310mm\φ5mm\M16×1.5</t>
  </si>
  <si>
    <t>【重庆川仪】耐磨热电阻\WZP2N-230K\L=600×450mm\φ22\M27×2</t>
  </si>
  <si>
    <t>【重庆川仪】全铠装热电阻\WZPK-3A\L=300mm\φ10\M20×1.5</t>
  </si>
  <si>
    <t>【重庆川仪】全铠装热电阻\WZPK-3A\L=500mm\φ5\M20×1.5</t>
  </si>
  <si>
    <t>【重庆川仪】热电阻\WZP2-200TS\双支\L=15000mm\φ6\无固定装置</t>
  </si>
  <si>
    <t>【重庆川仪】热电阻\WZP2-200TS\L×l=15000×100mm\φ5\M20×1.</t>
  </si>
  <si>
    <t>【重庆川仪】热电阻\WZP-221\L×l=300×150mm\φ12\M27×2</t>
  </si>
  <si>
    <t>【重庆川仪】热电阻\WZP2-221\l=130mm\φ6\M20×1.5</t>
  </si>
  <si>
    <t>【重庆川仪】热电阻\WZP2-230\双支\L=2100mm\φ6\M33×2\dllBT4</t>
  </si>
  <si>
    <t>【重庆川仪】热电阻\WZP2-230\L=300×150mm\φ16\M27×2</t>
  </si>
  <si>
    <t>【重庆川仪】热电阻\WZP2-2301\Ll=150×75mm\φ12\M27×2</t>
  </si>
  <si>
    <t>【重庆川仪】热电阻\WZP2-230NM\L×l=320×170mm\φ5\M33×2</t>
  </si>
  <si>
    <t>【重庆川仪】热电阻\WZP2-231(K)\双支\l=250mm\φ16\M27×2</t>
  </si>
  <si>
    <t>【重庆川仪】热电阻\WZP2-231\L×l=200×150mm\φ5\M27×2</t>
  </si>
  <si>
    <t>【重庆川仪】热电阻\WZP2-2312A\L×l=300×150mm\φ5\M27×2</t>
  </si>
  <si>
    <t>【重庆川仪】热电阻\WZP2-2312A\双支\L×l=500×400mm\φ6\M27×2</t>
  </si>
  <si>
    <t>【重庆川仪】热电阻\WZP2-231T\l=350mm\φ16\M27×2</t>
  </si>
  <si>
    <t>【重庆川仪】热电阻\WZP-230F\L×l=13500×12000mm\φ3\M60×3</t>
  </si>
  <si>
    <t>【重庆川仪】热电阻\WZP2-4306\L=1360mm\φ16\GB DN40 PN0.6</t>
  </si>
  <si>
    <t>【重庆川仪】热电阻\WZP2-440K\L×l=400×200mm\φ16</t>
  </si>
  <si>
    <t>【重庆川仪】热电阻\WZP2-JXB\L×l=32000×70mm\φ8\M8×0.75</t>
  </si>
  <si>
    <t>【重庆川仪】热电阻\WZP2M-201\双支\L=38mm\φ5\M10×1\dllBT4</t>
  </si>
  <si>
    <t>【重庆川仪】热电阻\WZPK-208\L×l=10000×160mm\φ8\M8×0.75</t>
  </si>
  <si>
    <t>【重庆川仪】热电阻\WZPK2-180T\L×l=3000×60mm\φ5\M8×0.75</t>
  </si>
  <si>
    <t>【重庆川仪】热电阻\WZPK2-236\双支\L=450mm\φ6\M16×1.5</t>
  </si>
  <si>
    <t>【重庆川仪】热电阻\WZPK2-236S\双支\l=250mm\φ6\M16×1.5</t>
  </si>
  <si>
    <t>【重庆川仪】热电阻\WZPK2-236S\L=4000mm\φ6\M16×1.5</t>
  </si>
  <si>
    <t>【重庆川仪】热电阻\WZPK2-238S\L=300mm\φ8\M12×1.5\非防爆型</t>
  </si>
  <si>
    <t>【神武山珍】羊肚菌\100g</t>
  </si>
  <si>
    <t>【神武山珍】银耳\150g</t>
  </si>
  <si>
    <t>【神武山珍】房县农副产品礼盒\1500g\羊肚菌100g*2+银耳150g*2+椴木白花菇500g+椴木黑木耳500g</t>
  </si>
  <si>
    <t>【余晓明】宣恩农副产品礼盒\(黄豆腐竹220g×2袋)*2件(腊肉500g×2袋)*2件(原味腊肠500g×2袋)*1件</t>
  </si>
  <si>
    <t>国家能源e购商城2020年度北京配送宣恩农副产品礼盒商城铺货长协采购框架合同</t>
  </si>
  <si>
    <t>【铁建重工】爆炸硬化锰钢辙叉\,60kg/m,9,m,dm\木</t>
  </si>
  <si>
    <t>中国铁建重工集团股份有限公司</t>
  </si>
  <si>
    <t>铁建重工</t>
  </si>
  <si>
    <t>GNWZBP(TH)ZECG2020-040</t>
  </si>
  <si>
    <t>国家能源e购商城铁建重工道岔配件府谷站商城铺货长协采购框架合同</t>
  </si>
  <si>
    <t>【铁建重工】爆炸硬化锰钢辙叉\,50kg/m,9,m,dm\砼</t>
  </si>
  <si>
    <t>【铁建重工】爆炸硬化锰钢辙叉\,50kg/m,9,m,dm\木</t>
  </si>
  <si>
    <t>【铁建重工】爆炸硬化锰钢辙叉\,75kg/m,12,m,dm\砼</t>
  </si>
  <si>
    <t>【铁建重工】爆炸硬化锰钢辙叉\,60kg/m,12,m,dm\砼</t>
  </si>
  <si>
    <t>【铁建重工】爆炸硬化锰钢辙叉\,60kg/m,12,m,dm\木</t>
  </si>
  <si>
    <t>【铁建重工】尖轨\,50kg/m,9,m,dm\木</t>
  </si>
  <si>
    <t>【铁建重工】尖轨\,50kg/m,12,m,dm\木</t>
  </si>
  <si>
    <t>【铁建重工】基本轨\,50kg/m,12,m,dm\木</t>
  </si>
  <si>
    <t>【铁建重工】基本轨\,43kg/m,12,m,dm\木</t>
  </si>
  <si>
    <t>【铁建重工】护轨\,60kg/m,9,m,dm\砼</t>
  </si>
  <si>
    <t>【铁建重工】护轨\,60kg/m,9,m,dm</t>
  </si>
  <si>
    <t>【铁建重工】护轨\,50kg/m,9,m,dm\砼</t>
  </si>
  <si>
    <t>【铁建重工】护轨\,50kg/m,9,m,dm\木</t>
  </si>
  <si>
    <t>【铁建重工】护轨\,60kg/m,12,m,dm\砼</t>
  </si>
  <si>
    <t>【铁建重工】基本轨\,60kg/m,18,m,dm\砼</t>
  </si>
  <si>
    <t>【铁建重工】尖轨\,60kg/m,18,m,dm\砼</t>
  </si>
  <si>
    <t>【铁建重工】活动心轨\,50kg/m,12,m,dm\砼</t>
  </si>
  <si>
    <t>【铁建重工】护轨\,60kg/m,18,m,dm\砼</t>
  </si>
  <si>
    <t>【铁建重工】锰钢辙叉\,60kg/m,18,m,dm\砼</t>
  </si>
  <si>
    <t>【铁建重工】基本轨\,60kg/m,9,m,dm\砼</t>
  </si>
  <si>
    <t>【铁建重工】基本轨\,60kg/m,9,m,dm\木</t>
  </si>
  <si>
    <t>【铁建重工】基本轨\,50kg/m,9,m,dm\砼</t>
  </si>
  <si>
    <t>【铁建重工】基本轨\,50kg/m,9,m,dm</t>
  </si>
  <si>
    <t>【铁建重工】基本轨\,50kg/m,9,m,dm\木</t>
  </si>
  <si>
    <t>【铁建重工】基本轨\,60kg/m,12,m,dm\木</t>
  </si>
  <si>
    <t>【铁建重工】护轨\,60kg/m,12,m,dm\木</t>
  </si>
  <si>
    <t>【铁建重工】护轨\,50kg/m,12,m,dm\砼</t>
  </si>
  <si>
    <t>【铁建重工】护轨\,50kg/m,12,m,dm\木</t>
  </si>
  <si>
    <t>【铁建重工】导轨\,60kg/m,9,m,dm\木</t>
  </si>
  <si>
    <t>【铁建重工】锰钢辙叉\,60kg/m,9,m,dm\砼</t>
  </si>
  <si>
    <t>【铁建重工】锰钢辙叉\,75kg/m,12,m,dm\砼</t>
  </si>
  <si>
    <t>【铁建重工】锰钢辙叉\,50kg/m,12,m,dm\木</t>
  </si>
  <si>
    <t>【铁建重工】锰钢辙叉\,43kg/m,12,m,dm\木</t>
  </si>
  <si>
    <t>【铁建重工】尖轨\,60kg/m,9,m,dm\木</t>
  </si>
  <si>
    <t>【铁建重工】翼轨\,75kg/m,18,m,dm\砼</t>
  </si>
  <si>
    <t>【铁建重工】短心轨\,75kg/m,18,m,dm\砼</t>
  </si>
  <si>
    <t>【铁建重工】尖轨\,75kg/m,18,m,dm\砼</t>
  </si>
  <si>
    <t>【铁建重工】长心轨\,75kg/m,18,m,dm\砼</t>
  </si>
  <si>
    <t>【铁建重工】尖轨\,50kg/m,6,m,dm\木</t>
  </si>
  <si>
    <t>【铁建重工】锰钢辙叉\,50kg/m,9,m,dm\砼</t>
  </si>
  <si>
    <t>【铁建重工】基本轨\,43kg/m,9,m,dm\木</t>
  </si>
  <si>
    <t>【铁建重工】基本轨\,75kg/m,12,m,dm\砼</t>
  </si>
  <si>
    <t>【铁建重工】尖轨\,43kg/m,9,m,dm\木</t>
  </si>
  <si>
    <t>【铁建重工】尖轨\,75kg/m,12,m,dm\砼</t>
  </si>
  <si>
    <t>【铁建重工】尖轨\,60kg/m,12,m,dm\木</t>
  </si>
  <si>
    <t>【铁建重工】尖轨\,50kg/m,12,m,dm\砼</t>
  </si>
  <si>
    <t>【铁建重工】尖轨\,43kg/m,12,m,dm\木</t>
  </si>
  <si>
    <t>【铁建重工】护轨总成\,50kg/m,9,m,dm\木</t>
  </si>
  <si>
    <t>【铁建重工】异型钢轨\75-60kg/m\12.50m\无孔\PG4</t>
  </si>
  <si>
    <t>【铁建重工】护轨\,50kg/m,6,m,dm\木</t>
  </si>
  <si>
    <t>【铁建重工】导轨\,50kg/m,9,m,dm\砼</t>
  </si>
  <si>
    <t>【铁建重工】伸缩器尖轨\,60kg/m,,m,dm\左</t>
  </si>
  <si>
    <t>【铁建重工】伸缩器尖轨\,60kg/m,,m,dm\右</t>
  </si>
  <si>
    <t>【铁建重工】伸缩器基本轨\,60kg/m,,m,dm\左</t>
  </si>
  <si>
    <t>【铁建重工】伸缩器基本轨\,60kg/m,,m,dm\右</t>
  </si>
  <si>
    <t>【铁建重工】锰钢辙叉\,60kg/m,9,m,dm\木</t>
  </si>
  <si>
    <t>【铁建重工】护轨\,60kg/m,9,m,dm\木</t>
  </si>
  <si>
    <t>【铁建重工】导轨\,50kg/m,12,m,dm\木</t>
  </si>
  <si>
    <t>【铁建重工】基本轨\,50kg/m,6,m,dm\木</t>
  </si>
  <si>
    <t>【铁建重工】基本轨\,50kg/m,12,m,dm\砼</t>
  </si>
  <si>
    <t>【铁建重工】V形基本轨\,50kg/m,9,m,dm\砼</t>
  </si>
  <si>
    <t>【铁建重工】V形基本轨\,50kg/m,12,m,dm\木</t>
  </si>
  <si>
    <t>【铁建重工】锰钢辙叉\,43kg/m,9,m,dm\木</t>
  </si>
  <si>
    <t>【铁建重工】锰钢辙叉\,60kg/m,12,m,dm\木</t>
  </si>
  <si>
    <t>【铁建重工】护轨\,75kg/m,12,m,dm\砼</t>
  </si>
  <si>
    <t>【铁建重工】等离子尖轨\,50kg/m,9,m,dm\砼</t>
  </si>
  <si>
    <t>【铁建重工】等离子尖轨\,60kg/m,,m,dm\砼</t>
  </si>
  <si>
    <t>【铁建重工】等离子尖轨\,60kg/m,12,m,dm\砼</t>
  </si>
  <si>
    <t>【铁建重工】锰钢辙叉\,60kg/m,12,m,dm\砼</t>
  </si>
  <si>
    <t>【铁建重工】基本轨\,60kg/m,12,m,dm\砼</t>
  </si>
  <si>
    <t>【铁建重工】活动心轨\,60kg/m,9,m,dm\砼</t>
  </si>
  <si>
    <t>【铁建重工】活动心轨\,50kg/m,9,m,dm\砼</t>
  </si>
  <si>
    <t>【铁建重工】活动心轨\,60kg/m,9,m,dm\木</t>
  </si>
  <si>
    <t>【铁建重工】活动心轨\,50kg/m,9,m,dm\木</t>
  </si>
  <si>
    <t>【铁建重工】活动心轨\,60kg/m,12,m,dm\木</t>
  </si>
  <si>
    <t>【铁建重工】尖轨\,60kg/m,12,m,dm\砼</t>
  </si>
  <si>
    <t>【铁建重工】活动心轨\,60kg/m,12,m,dm\砼</t>
  </si>
  <si>
    <t>【铁建重工】导轨\,50kg/m,9,m,dm\木</t>
  </si>
  <si>
    <t>【铁建重工】导轨\,60kg/m,12,m,dm\木</t>
  </si>
  <si>
    <t>【铁建重工】锰钢辙叉\,50kg/m,6,m,dm\砼</t>
  </si>
  <si>
    <t>【铁建重工】翼轨镶嵌式合金钢辙叉\,50kg/m,,m,dm\砼</t>
  </si>
  <si>
    <t>【铁建重工】翼轨镶嵌式合金钢辙叉\,60kg/m,12,m,dm\砼</t>
  </si>
  <si>
    <t>【铁建重工】锰钢辙叉\,50kg/m,12,m,dm\砼</t>
  </si>
  <si>
    <t>【铁建重工】V形基本轨\,50kg/m,12,m,dm\砼</t>
  </si>
  <si>
    <t>【铁建重工】V形基本轨\,60kg/m,12,m,dm\砼</t>
  </si>
  <si>
    <t>【铁建重工】导轨\,50kg/m,12,m,dm\砼</t>
  </si>
  <si>
    <t>【铁建重工】短心轨\,60kg/m,18,m,dm\砼</t>
  </si>
  <si>
    <t>【铁建重工】长心轨\,75kg/m,12,m,dm\砼</t>
  </si>
  <si>
    <t>【铁建重工】翼轨\,75kg/m,12,m,dm\砼</t>
  </si>
  <si>
    <t>【铁建重工】短心轨\,75kg/m,12,m,dm\砼</t>
  </si>
  <si>
    <t>【铁建重工】叉跟尖轨\,75kg/m,12,m,dm\砼</t>
  </si>
  <si>
    <t>【铁建重工】护轨\,75kg/m,18,m,dm\砼</t>
  </si>
  <si>
    <t>【铁建重工】尖轨\,50kg/m,9,m,dm\砼</t>
  </si>
  <si>
    <t>【铁建重工】合金钢辙叉\,60kg/m,12,m,dm\砼</t>
  </si>
  <si>
    <t>【铁建重工】导轨\,60kg/m,9,m,dm\砼</t>
  </si>
  <si>
    <t>【铁建重工】合金钢辙叉\,75kg/m,12,m,dm\砼</t>
  </si>
  <si>
    <t>【铁建重工】加长嵌入式钢锰辙叉\,75kg/m,12,m,dm\砼</t>
  </si>
  <si>
    <t>【铁建重工】导轨\,60kg/m,12,m,dm\砼</t>
  </si>
  <si>
    <t>【铁建重工】导轨\,50kg/m,9,m,dm</t>
  </si>
  <si>
    <t>【铁建重工】辙叉\,60kg/m,9,m,dm\砼</t>
  </si>
  <si>
    <t>【铁建重工】锰钢辙叉\,50kg/m,9,m,dm\木</t>
  </si>
  <si>
    <t>【铁建重工】V形基本轨\,60kg/m,9,m,dm\砼</t>
  </si>
  <si>
    <t>【铁建重工】护轨\,43kg/m,9,m,dm\木</t>
  </si>
  <si>
    <t>【铁建重工】温调尖轨\,60kg/m,,m,dm\砼</t>
  </si>
  <si>
    <t>【铁建重工】迎轮护轨\,75kg/m,12,m,dm</t>
  </si>
  <si>
    <t>【铁建重工】尖轨\,60kg/m,9,m,dm\砼</t>
  </si>
  <si>
    <t>【铁建重工】V形基本轨\,50kg/m,9,m,dm\木</t>
  </si>
  <si>
    <t>【铁建重工】胶接钢轨\60kg/m\16.00m\无孔\U75V</t>
  </si>
  <si>
    <t>【铁建重工】胶接钢轨\60kg/m\12.50m\无孔\U75V</t>
  </si>
  <si>
    <t>【铁建重工】胶接钢轨\75kg/m\8.00m\无孔\U75V</t>
  </si>
  <si>
    <t>【铁建重工】胶接钢轨\75kg/m\10.00m\无孔\U75V</t>
  </si>
  <si>
    <t>【铁建重工】胶接钢轨\60kg/m\12.50m\无孔\U76CrRe</t>
  </si>
  <si>
    <t>【铁建重工】胶接钢轨\75kg/m\25.00m\无孔\U75V</t>
  </si>
  <si>
    <t>【铁建重工】胶接钢轨\75kg/m\12.50m\有孔\U75V</t>
  </si>
  <si>
    <t>【铁建重工】胶接钢轨\60kg/m\8.00m\无孔\U71Mn</t>
  </si>
  <si>
    <t>【铁建重工】胶接钢轨\60kg/m\25.00m\无孔\U75V</t>
  </si>
  <si>
    <t>【铁建重工】胶接钢轨\60kg/m\12.50m\有孔\U75V</t>
  </si>
  <si>
    <t>【铁建重工】胶接钢轨\60kg/m\12.50m\无孔\U71Mn</t>
  </si>
  <si>
    <t>【铁建重工】胶接钢轨\60kg/m\9.00m\无孔\U75V</t>
  </si>
  <si>
    <t>【铁建重工】胶接钢轨\60kg/m\12.00m\无孔\U75V</t>
  </si>
  <si>
    <t>【铁建重工】胶接钢轨\75kg/m\12.50m\无孔\U75V</t>
  </si>
  <si>
    <t>【铁建重工】胶接钢轨\60kg/m\7.00m\无孔\U71Mn</t>
  </si>
  <si>
    <t>【铁建重工】胶接钢轨\75kg/m\7.00m\无孔\U75V</t>
  </si>
  <si>
    <t>【铁建重工】异型钢轨\50-43kg/m\12.50m\有孔\U75V</t>
  </si>
  <si>
    <t>【铁建重工】异型钢轨\60-50kg/m\12.50m\有孔\U75V</t>
  </si>
  <si>
    <t>【铁建重工】异型钢轨\60-50kg/m\6.25m\有孔\U71Mn</t>
  </si>
  <si>
    <t>【铁建重工】异型钢轨\60-50kg/m\12.50m\有孔\U71Mn</t>
  </si>
  <si>
    <t>【铁建重工】叉跟尖轨\,75kg/m,18,m,dm\砼</t>
  </si>
  <si>
    <t>【铁建重工】基本轨\,75kg/m,18,m,dm\砼</t>
  </si>
  <si>
    <t>【铁建重工】异型钢轨\75-60kg/m\6.25m\无孔\U71Mn</t>
  </si>
  <si>
    <t>【铁建重工】异型钢轨\75-60kg/m\12.50m\有孔\U75V</t>
  </si>
  <si>
    <t>【铁建重工】异型钢轨\75-60kg/m\12.50m\无孔\U71Mn</t>
  </si>
  <si>
    <t>【铁建重工】异型钢轨\60-50kg/m\12.50m\无孔\U71Mn</t>
  </si>
  <si>
    <t>【铁建重工】翼轨\,60kg/m,18,m,dm\砼</t>
  </si>
  <si>
    <t>【铁建重工】爆炸硬化锰钢辙叉\,60kg/m,9,m,dm\砼</t>
  </si>
  <si>
    <t>【铁建重工】基本轨\,60kg/m,12,m,dm</t>
  </si>
  <si>
    <t>【PENAD】液压压床\IPH1240</t>
  </si>
  <si>
    <t>杭州派迪机械有限公司</t>
  </si>
  <si>
    <t>PENAD</t>
  </si>
  <si>
    <t>GNWZBP(TH)ZECG2020-014</t>
  </si>
  <si>
    <t>国家能源e购商城液压工具及配件商城铺货长协采购合同 （天泓8810008302协议变更）</t>
  </si>
  <si>
    <t>天津恒诺通科技发展有限公司</t>
  </si>
  <si>
    <t>【PENAD】液压压床\IPH3080</t>
  </si>
  <si>
    <t>【PENAD】液压压床\IPE5060</t>
  </si>
  <si>
    <t>【顶集】钢制手动泵\P462\0m3/h\0m\0r/min</t>
  </si>
  <si>
    <t>上海顶集液压工具有限公司</t>
  </si>
  <si>
    <t>顶集</t>
  </si>
  <si>
    <t>【顶集】双速轻型手动泵\P842\2.47m3/h\0m\0r/min</t>
  </si>
  <si>
    <t>【柳州泰克】气管\2205180300\螺杆式压缩机\LU系列\国产</t>
  </si>
  <si>
    <t>柳州泰克机械设备有限公司上海分公司</t>
  </si>
  <si>
    <t>柳州泰克</t>
  </si>
  <si>
    <t>GNWZBP(TH)ZYCG2020-169（170）</t>
  </si>
  <si>
    <t>国家能源e购商城西北配送陕西区域2020年度柳州泰克空压机配件区域级长协采购</t>
  </si>
  <si>
    <t>【柳州泰克】气管\2205159700\螺杆式压缩机\LU系列\国产</t>
  </si>
  <si>
    <t>【柳州泰克】压缩机油\2205499907;1×209L\Liutech</t>
  </si>
  <si>
    <t>【柳州泰克】压缩机油\2205195929;1×20L\Liutech</t>
  </si>
  <si>
    <t>【柳州泰克】减荷阀维修包\2906056300\螺杆式压缩机\LU系列\国产</t>
  </si>
  <si>
    <t>【柳州泰克】单向阀维修包\2906009300\螺杆式压缩机\LU系列\国产</t>
  </si>
  <si>
    <t>【柳州泰克】止油阀维修包\2205529371\螺杆式压缩机\LU系列\国产</t>
  </si>
  <si>
    <t>【柳州泰克】最小压力阀维修包\2906020100\螺杆式压缩机\LU系列\国产</t>
  </si>
  <si>
    <t>【柳州泰克】温控阀维修包\2205490593\螺杆式压缩机\LU系列\国产</t>
  </si>
  <si>
    <t>【柳州泰克】油精分器\2205490416\螺杆式压缩机\LU系列\国产</t>
  </si>
  <si>
    <t>【柳州泰克】电机润滑脂\2205529530;1×0.4KG\Liutech</t>
  </si>
  <si>
    <t>【柳州泰克】油过滤器\2205431902\螺杆式压缩机\LU系列\国产</t>
  </si>
  <si>
    <t>【柳州泰克】空气滤芯\2205433806\螺杆式压缩机\LU系列\国产</t>
  </si>
  <si>
    <t>【柳州泰克】减荷阀\1614900883\螺杆式压缩机\LU系列\国产</t>
  </si>
  <si>
    <t>【柳州泰克】水管\2205180960\螺杆式压缩机\LU系列\国产</t>
  </si>
  <si>
    <t>【柳州泰克】接头\564330901\螺杆式压缩机\LU系列\国产</t>
  </si>
  <si>
    <t>【柳州泰克】水管\2205450602\螺杆式压缩机\LU系列\国产</t>
  </si>
  <si>
    <t>【柳州泰克】水管\2205450615\螺杆式压缩机\LU系列\国产</t>
  </si>
  <si>
    <t>【柳州泰克】油管\2205139381\螺杆式压缩机\LU系列\国产</t>
  </si>
  <si>
    <t>【柳州泰克】油管\2205123980\螺杆式压缩机\LU系列\国产</t>
  </si>
  <si>
    <t>【柳州泰克】气管\2205190602\螺杆式压缩机\LU系列\国产</t>
  </si>
  <si>
    <t>【柳州泰克】气管\2205138880\螺杆式压缩机\LU系列\国产</t>
  </si>
  <si>
    <t>【柳州泰克】气管\2205120400\螺杆式压缩机\LU系列\国产</t>
  </si>
  <si>
    <t>【柳州泰克】压差发讯器\2205260640\螺杆式压缩机\LU系列\国产</t>
  </si>
  <si>
    <t>【柳州泰克】压差发讯器\2205260641\螺杆式压缩机\LU系列\国产</t>
  </si>
  <si>
    <t>【柳州泰克】压差发讯器\2205462100\螺杆式压缩机\LU系列\国产</t>
  </si>
  <si>
    <t>【柳州泰克】压力表\2205439800\螺杆式压缩机\LU系列\国产</t>
  </si>
  <si>
    <t>【柳州泰克】回油单向阀\2205151401\螺杆式压缩机\LU系列\国产</t>
  </si>
  <si>
    <t>【柳州泰克】安全阀\2205400409\螺杆式压缩机\LU系列\国产</t>
  </si>
  <si>
    <t>【柳州泰克】流量开关\2205444200\螺杆式压缩机\LU系列\国产</t>
  </si>
  <si>
    <t>【柳州泰克】波纹管\2205151501\螺杆式压缩机\LU系列\国产</t>
  </si>
  <si>
    <t>【柳州泰克】组合阀\1623181080\螺杆式压缩机\LU系列\国产</t>
  </si>
  <si>
    <t>【柳州泰克】电磁阀\1089062110\螺杆式压缩机\LU系列\国产</t>
  </si>
  <si>
    <t>【柳州泰克】风扇电机\2205410502\螺杆式压缩机\LU系列\国产</t>
  </si>
  <si>
    <t>【柳州泰克】停油单向阀\3001172000\螺杆式压缩机\LU系列\国产</t>
  </si>
  <si>
    <t>【柳州泰克】温控阀\2205190900\螺杆式压缩机\LU系列\国产</t>
  </si>
  <si>
    <t>【柳州泰克】油位指示器\1614918400\螺杆式压缩机\LU系列\国产</t>
  </si>
  <si>
    <t>【柳州泰克】放油端盖\1092011200\螺杆式压缩机\LU系列\国产</t>
  </si>
  <si>
    <t>【柳州泰克】油滤座\2205130000\螺杆式压缩机\LU系列\国产</t>
  </si>
  <si>
    <t>【柳州泰克】抽油管\2205267826\螺杆式压缩机\LU系列\国产</t>
  </si>
  <si>
    <t>【柳州泰克】压差发讯器座\2205489201\螺杆式压缩机\LU系列\国产</t>
  </si>
  <si>
    <t>【柳州泰克】最小压力阀\2205490585\螺杆式压缩机\LU系列\国产</t>
  </si>
  <si>
    <t>【柳州泰克】压差发讯器\2205489200\螺杆式压缩机\LU系列\国产</t>
  </si>
  <si>
    <t>【柳州泰克】过滤器\2205442901\螺杆式压缩机\LU系列\国产</t>
  </si>
  <si>
    <t>【柳州泰克】排污定时器\2205442402\螺杆式压缩机\LU系列\国产</t>
  </si>
  <si>
    <t>【柳州泰克】排污电磁阀\2205404301\螺杆式压缩机\LU系列\国产</t>
  </si>
  <si>
    <t>【柳州泰克】联轴器\2255019604\螺杆式压缩机\LU系列\国产</t>
  </si>
  <si>
    <t>【柳州泰克】联轴器\2255019613\螺杆式压缩机\LU系列\国产</t>
  </si>
  <si>
    <t>【柳州泰克】弹性块\1614873900\螺杆式压缩机\LU系列\国产</t>
  </si>
  <si>
    <t>【柳州泰克】冷却器\2205125103\螺杆式压缩机\LU系列\国产</t>
  </si>
  <si>
    <t>【柳州泰克】风扇支撑\2205154480\螺杆式压缩机\LU系列\国产</t>
  </si>
  <si>
    <t>【柳州泰克】风扇叶片\2205154280\螺杆式压缩机\LU系列\国产</t>
  </si>
  <si>
    <t>【柳州泰克】风扇轴节\2205154300\螺杆式压缩机\LU系列\国产</t>
  </si>
  <si>
    <t>【柳州泰克】机头\1616725691\螺杆式压缩机\LU系列\国产</t>
  </si>
  <si>
    <t>【柳州泰克】电机\2205260562\螺杆式压缩机\LU系列\国产</t>
  </si>
  <si>
    <t>【柳州泰克】双机头\2205550620\螺杆式压缩机\LU系列\国产</t>
  </si>
  <si>
    <t>【柳州泰克】数据线\2205481249\螺杆式压缩机\LU系列\国产</t>
  </si>
  <si>
    <t>【柳州泰克】控制器\1900520082\螺杆式压缩机\LU系列\国产</t>
  </si>
  <si>
    <t>【柳州泰克】温度传感器\2205414002\螺杆式压缩机\LU系列\国产</t>
  </si>
  <si>
    <t>【柳州泰克】压力传感器\2205410100\螺杆式压缩机\LU系列\国产</t>
  </si>
  <si>
    <t>【柳州泰克】温度模拟量模块\2205481211\螺杆式压缩机\LU系列\国产</t>
  </si>
  <si>
    <t>【柳州泰克】压力模拟量模块\2205481210\螺杆式压缩机\LU系列\国产</t>
  </si>
  <si>
    <t>【柳州泰克】铂热电阻\2205414003\螺杆式压缩机\LU系列\国产</t>
  </si>
  <si>
    <t>【柳州泰克】空气滤芯\2205131201\螺杆式压缩机\LU系列\国产</t>
  </si>
  <si>
    <t>【柳州泰克】冷却器垫片\2205260603\螺杆式压缩机\LU系列\国产</t>
  </si>
  <si>
    <t>【柳州泰克】冷却器分离器\2205129980\螺杆式压缩机\LU系列\国产</t>
  </si>
  <si>
    <t>【柳州泰克】冷却器密封\2205260604\螺杆式压缩机\LU系列\国产</t>
  </si>
  <si>
    <t>【柳州泰克】冷却器外壳\2205129780\螺杆式压缩机\LU系列\国产</t>
  </si>
  <si>
    <t>【柳州泰克】冷却器芯\2205129890\螺杆式压缩机\LU系列\国产</t>
  </si>
  <si>
    <t>【柳州泰克】冷却器封头\2205128880\螺杆式压缩机\LU系列\国产</t>
  </si>
  <si>
    <t>【柳州泰克】油罐\2205125865\螺杆式压缩机\LU系列\国产</t>
  </si>
  <si>
    <t>【柳州泰克】主机维修模块\2205492388\螺杆式压缩机\LU系列\国产</t>
  </si>
  <si>
    <t>【柳州泰克】主机维修模块\2205491232\螺杆式压缩机\LU系列\国产</t>
  </si>
  <si>
    <t>【柳州泰克】接头\2205134200\螺杆式压缩机\LU系列\国产</t>
  </si>
  <si>
    <t>【柳州泰克】密封圈\2205135000\螺杆式压缩机\LU系列\国产</t>
  </si>
  <si>
    <t>【柳州泰克】气管\2205134000\螺杆式压缩机\LU系列\国产</t>
  </si>
  <si>
    <t>【柳州泰克】气管\2205133600\螺杆式压缩机\LU系列\国产</t>
  </si>
  <si>
    <t>【柳州泰克】皮带轮\2205132305\螺杆式压缩机\LU系列\国产</t>
  </si>
  <si>
    <t>【柳州泰克】皮带轮\2205132302\螺杆式压缩机\LU系列\国产</t>
  </si>
  <si>
    <t>【柳州泰克】皮带\2205454521\螺杆式压缩机\LU系列\国产</t>
  </si>
  <si>
    <t>【柳州泰克】空压机油\1630145018;1×18L\Liutech</t>
  </si>
  <si>
    <t>【柳州泰克】油过滤器\2205490403\螺杆式压缩机\LU系列\国产</t>
  </si>
  <si>
    <t>【柳州泰克】油滤芯\6211473550\螺杆式压缩机\LU系列\国产</t>
  </si>
  <si>
    <t>【柳州泰克】温控阀维修包\2205490591\螺杆式压缩机\LU系列\国产</t>
  </si>
  <si>
    <t>【柳州泰克】温控阀\2205462800\螺杆式压缩机\LU系列\国产</t>
  </si>
  <si>
    <t>【柳州泰克】安全阀\2205400216\螺杆式压缩机\LU系列\国产</t>
  </si>
  <si>
    <t>【柳州泰克】减荷阀控制模块维修包\2205490431\螺杆式压缩机\LU系列\国产</t>
  </si>
  <si>
    <t>【柳州泰克】减荷阀阀体维修包\2205490430\螺杆式压缩机\LU系列\国产</t>
  </si>
  <si>
    <t>【柳州泰克】电磁阀\1631016400\螺杆式压缩机\LU系列\国产</t>
  </si>
  <si>
    <t>【柳州泰克】减荷阀\2205135800\螺杆式压缩机\LU系列\国产</t>
  </si>
  <si>
    <t>【柳州泰克】油管\2205133800\螺杆式压缩机\LU系列\国产</t>
  </si>
  <si>
    <t>【柳州泰克】接头\2205437700\螺杆式压缩机\LU系列\国产</t>
  </si>
  <si>
    <t>【柳州泰克】油管\2205133900\螺杆式压缩机\LU系列\国产</t>
  </si>
  <si>
    <t>【柳州泰克】视镜铜垫\2205117457\螺杆式压缩机\LU系列\国产</t>
  </si>
  <si>
    <t>【柳州泰克】视镜\2200759910\螺杆式压缩机\LU系列\国产</t>
  </si>
  <si>
    <t>【柳州泰克】O型密封圈\2205431407\螺杆式压缩机\LU系列\国产</t>
  </si>
  <si>
    <t>【柳州泰克】加油口堵头\2205130600\螺杆式压缩机\LU系列\国产</t>
  </si>
  <si>
    <t>【柳州泰克】压力表\2200600103\螺杆式压缩机\LU系列\国产</t>
  </si>
  <si>
    <t>【柳州泰克】回油单向阀\823005009\螺杆式压缩机\LU系列\国产</t>
  </si>
  <si>
    <t>【柳州泰克】最小压力阀维修包\2205490597\螺杆式压缩机\LU系列\国产</t>
  </si>
  <si>
    <t>【柳州泰克】最小压力阀\2205469300\螺杆式压缩机\LU系列\国产</t>
  </si>
  <si>
    <t>【柳州泰克】温度传感器\2205483203\螺杆式压缩机\LU系列\国产</t>
  </si>
  <si>
    <t>【柳州泰克】压力传感器\2205410109\螺杆式压缩机\LU系列\国产</t>
  </si>
  <si>
    <t>【柳州泰克】控制器\2205481301\螺杆式压缩机\LU系列\国产</t>
  </si>
  <si>
    <t>【柳州泰克】控制器\2203013501\螺杆式压缩机\LU系列\国产</t>
  </si>
  <si>
    <t>【柳州泰克】空气滤网\2205137200\螺杆式压缩机\LU系列\国产</t>
  </si>
  <si>
    <t>【柳州泰克】扇叶\2205134700\螺杆式压缩机\LU系列\国产</t>
  </si>
  <si>
    <t>【柳州泰克】风扇轴节\2205133100\螺杆式压缩机\LU系列\国产</t>
  </si>
  <si>
    <t>【柳州泰克】减振垫\1613675218\螺杆式压缩机\LU系列\国产</t>
  </si>
  <si>
    <t>【柳州泰克】油路管\2205116600\螺杆式压缩机\LU系列\国产</t>
  </si>
  <si>
    <t>【柳州泰克】放油阀\2200760110\螺杆式压缩机\LU系列\国产</t>
  </si>
  <si>
    <t>【柳州泰克】温控阀维修包\2205251540\螺杆式压缩机\LU系列\国产</t>
  </si>
  <si>
    <t>【柳州泰克】空气滤芯\1625165490\螺杆式压缩机\LU系列\国产</t>
  </si>
  <si>
    <t>【柳州泰克】机头\2989015800\螺杆式压缩机\LU系列\国产</t>
  </si>
  <si>
    <t>【柳州泰克】主机维修模块\2205491255\螺杆式压缩机\LU系列\国产</t>
  </si>
  <si>
    <t>【柳州泰克】电机\2205220761\螺杆式压缩机\LU系列\国产</t>
  </si>
  <si>
    <t>【柳州泰克】电机\2205110117\螺杆式压缩机\LU系列\国产</t>
  </si>
  <si>
    <t>【柳州泰克】冷却器\2205130200\螺杆式压缩机\LU系列\国产</t>
  </si>
  <si>
    <t>【柳州泰克】交流接触器\2205419125\螺杆式压缩机\LU系列\国产</t>
  </si>
  <si>
    <t>【柳州泰克】交流接触器\2205419135\螺杆式压缩机\LU系列\国产</t>
  </si>
  <si>
    <t>【柳州泰克】空气开关\2205415701\螺杆式压缩机\LU系列\国产</t>
  </si>
  <si>
    <t>【柳州泰克】吸气橡胶软管\2205260507\螺杆式压缩机\LU系列\国产</t>
  </si>
  <si>
    <t>【柳州泰克】减荷阀维修包\2906095800\螺杆式压缩机\LU系列\国产</t>
  </si>
  <si>
    <t>【柳州泰克】断油阀维修包\1625183081\螺杆式压缩机\LU系列\国产</t>
  </si>
  <si>
    <t>【柳州泰克】最小压力阀维修包\2205490685\螺杆式压缩机\LU系列\国产</t>
  </si>
  <si>
    <t>【柳州泰克】油管\2205251590\螺杆式压缩机\LU系列\国产</t>
  </si>
  <si>
    <t>【柳州泰克】油管\2205251588\螺杆式压缩机\LU系列\国产</t>
  </si>
  <si>
    <t>【柳州泰克】气管\2205178565\螺杆式压缩机\LU系列\国产</t>
  </si>
  <si>
    <t>【柳州泰克】气管\2205251572\螺杆式压缩机\LU系列\国产</t>
  </si>
  <si>
    <t>【柳州泰克】导向管\1625183025\螺杆式压缩机\LU系列\国产</t>
  </si>
  <si>
    <t>【柳州泰克】气管\2205198025\螺杆式压缩机\LU系列\国产</t>
  </si>
  <si>
    <t>【柳州泰克】油位指示器\1625178232\螺杆式压缩机\LU系列\国产</t>
  </si>
  <si>
    <t>【柳州泰克】压差发讯器\2205460800\螺杆式压缩机\LU系列\国产</t>
  </si>
  <si>
    <t>【柳州泰克】最小压力阀\2205489592\螺杆式压缩机\LU系列\国产</t>
  </si>
  <si>
    <t>【柳州泰克】进水管\2205251427\螺杆式压缩机\LU系列\国产</t>
  </si>
  <si>
    <t>【柳州泰克】安全阀\2205198741\螺杆式压缩机\LU系列\国产</t>
  </si>
  <si>
    <t>【柳州泰克】温控阀\2205251539\螺杆式压缩机\LU系列\国产</t>
  </si>
  <si>
    <t>【柳州泰克】电磁阀\1089062156\螺杆式压缩机\LU系列\国产</t>
  </si>
  <si>
    <t>【柳州泰克】减荷阀\2205198450\螺杆式压缩机\LU系列\国产</t>
  </si>
  <si>
    <t>【柳州泰克】油管\1625181326\螺杆式压缩机\LU系列\国产</t>
  </si>
  <si>
    <t>【柳州泰克】油管\1625181327\螺杆式压缩机\LU系列\国产</t>
  </si>
  <si>
    <t>【柳州泰克】油罐\1625181863\螺杆式压缩机\LU系列\国产</t>
  </si>
  <si>
    <t>【柳州泰克】机头\1616734582\螺杆式压缩机\LU系列\国产</t>
  </si>
  <si>
    <t>【柳州泰克】电机\1625183425\螺杆式压缩机\LU系列\国产</t>
  </si>
  <si>
    <t>【柳州泰克】齿轮\2205190850\螺杆式压缩机\LU系列\国产</t>
  </si>
  <si>
    <t>【柳州泰克】齿轮\2205190847\螺杆式压缩机\LU系列\国产</t>
  </si>
  <si>
    <t>【柳州泰克】齿轮箱\2205198453\螺杆式压缩机\LU系列\国产</t>
  </si>
  <si>
    <t>【柳州泰克】联轴器\1625183407\螺杆式压缩机\LU系列\国产</t>
  </si>
  <si>
    <t>【柳州泰克】联轴器\1625183409\螺杆式压缩机\LU系列\国产</t>
  </si>
  <si>
    <t>【柳州泰克】弹性块\1625183408\螺杆式压缩机\LU系列\国产</t>
  </si>
  <si>
    <t>【柳州泰克】油冷却器\2205260699\螺杆式压缩机\LU系列\国产</t>
  </si>
  <si>
    <t>【柳州泰克】主机维修模块\2205491233\螺杆式压缩机\LU系列\国产</t>
  </si>
  <si>
    <t>【柳州泰克】主机维修模块\2205492070\螺杆式压缩机\LU系列\国产</t>
  </si>
  <si>
    <t>【顶集】钢制手动泵\P80\2.46m3/h\0m\0r/min</t>
  </si>
  <si>
    <t>【顶集】钢制手动泵\P464\4.75m3/h\0m\0r/min</t>
  </si>
  <si>
    <t>【PENAD】超高压手动泵套件\P2282×2500\0.61m3/h\0m\0r/min</t>
  </si>
  <si>
    <t>【顶集】液压螺母破切器\NC6075\国产</t>
  </si>
  <si>
    <t>【顶集】液压螺母破切器\NC3241\国产</t>
  </si>
  <si>
    <t>【PENAD】套装液压扳手\S3000\国产</t>
  </si>
  <si>
    <t>【PENAD】液压扳手方驱头\SDA30-22 S3000\国产</t>
  </si>
  <si>
    <t>【PENAD】液压扳手方驱头\SDA30-27 S3000\国产</t>
  </si>
  <si>
    <t>【PENAD】液压扳手方驱头\SDA60-22 S6000\国产</t>
  </si>
  <si>
    <t>【PENAD】液压扳手方驱头\SDA60-27 S6000\国产</t>
  </si>
  <si>
    <t>【PENAD】中空液压扳手驱动头\W4000\国产</t>
  </si>
  <si>
    <t>【PENAD】中空液压扳手驱动头\W8000\国产</t>
  </si>
  <si>
    <t>【PENAD】液压扳手驱动盒\W4203\国产</t>
  </si>
  <si>
    <t>【PENAD】液压扳手驱动盒\W4209\国产</t>
  </si>
  <si>
    <t>【PENAD】液压扳手驱动盒\W8212\国产</t>
  </si>
  <si>
    <t>【PENAD】液压扳手驱动盒\W8302\国产</t>
  </si>
  <si>
    <t>【PENAD】液压扭矩扳手\10PDTA 15516N.m\国产</t>
  </si>
  <si>
    <t>【PENAD】钢制液压扭矩扳手\8PDTA 10780N.m\国产</t>
  </si>
  <si>
    <t>【顶集】单作用液压油缸\RC-1006\95t\168mm</t>
  </si>
  <si>
    <t>【顶集】簿型液压油缸\RCS-302\30t\62mm</t>
  </si>
  <si>
    <t>【顶集】中空柱塞液压油缸\RCH-202\20t\49mm</t>
  </si>
  <si>
    <t>【顶集】中空柱塞液压油缸\RCH-306\30t\155mm</t>
  </si>
  <si>
    <t>【顶集】簿型液压油缸\RCS-101\10t\38mm</t>
  </si>
  <si>
    <t>【顶集】中空柱塞液压油缸\RCH-1003\95t\76mm</t>
  </si>
  <si>
    <t>【顶集】中空柱塞液压油缸\RCH-302\30t\64mm</t>
  </si>
  <si>
    <t>【顶集】中空柱塞液压油缸\RCH-606\60t\153mm</t>
  </si>
  <si>
    <t>【顶集】中空柱塞液压油缸\RCH-603\60t\76mm</t>
  </si>
  <si>
    <t>【顶集】薄型液压千斤顶\RCS-201\20t\45mm</t>
  </si>
  <si>
    <t>【顶集】千斤顶\RCS1002\100t\57mm</t>
  </si>
  <si>
    <t>【顶集】千斤顶\RSM-500\50t\21mm</t>
  </si>
  <si>
    <t>【顶集】液压千斤顶\RSM-100\10t\12mm</t>
  </si>
  <si>
    <t>【顶集】液压千斤顶\RSM-1000\100t\16mm</t>
  </si>
  <si>
    <t>【顶集】分体式液压千斤顶\RC-254\25t\102mm</t>
  </si>
  <si>
    <t>【顶集】分体式液压千斤顶\RC-504\50t\101mm</t>
  </si>
  <si>
    <t>【顶集】分体式液压千斤顶\RACH-1006\100t\150mm</t>
  </si>
  <si>
    <t>【顶集】分体式液压千斤顶\RACH-604\60t\100mm</t>
  </si>
  <si>
    <t>【顶集】分体式液压千斤顶\RC-2512\25t\311mm</t>
  </si>
  <si>
    <t>【顶集】超高压千斤顶\RTC-05010\50t\10mm</t>
  </si>
  <si>
    <t>【顶集】分体式液压千斤顶\RR-506\50t\156mm</t>
  </si>
  <si>
    <t>【顶集】分体式液压千斤顶\RR-1006\100t\168mm</t>
  </si>
  <si>
    <t>【顶集】分体式液压千斤顶\CLRG-1004\100t\100mm</t>
  </si>
  <si>
    <t>【顶集】分体式液压千斤顶\CLRG-2006\200t\150mm</t>
  </si>
  <si>
    <t>【顶集】液压安全龙式拔轮器\EPHR-116 行程336mm\50t\国产</t>
  </si>
  <si>
    <t>【顶集】液压安全龙式拔轮器\EPHR-113 行程362mm\25t\国产</t>
  </si>
  <si>
    <t>【PENAD】拔轮器标准套件\BHP-251G\20t\国产</t>
  </si>
  <si>
    <t>【PENAD】拔轮器标准套件\BHP-351G\30t\国产</t>
  </si>
  <si>
    <t>【PENAD】拔轮器标准套件\BHP-551G\50t\国产</t>
  </si>
  <si>
    <t>【PENAD】拔轮器标准套件\BHP-5751G\50t\国产</t>
  </si>
  <si>
    <t>【PENAD】液压拉马套件\BHP-2751G\20t\国产</t>
  </si>
  <si>
    <t>【顶集】棒式手动力矩倍增器\E393</t>
  </si>
  <si>
    <t>【顶集】快速接头\CR-4003/8"NPT A/C/F</t>
  </si>
  <si>
    <t>【顶集】液压法兰分离器\FSH-14</t>
  </si>
  <si>
    <t>【顶集】棒式力矩倍增器\DJ-392</t>
  </si>
  <si>
    <t>【顶集】液压油缸\RR-308\73.2\101\54.1mm\209mm\70MPa</t>
  </si>
  <si>
    <t>【顶集】薄型液压油缸\RSM-1500\215×190mm\158.8mm</t>
  </si>
  <si>
    <t>【顶集】单作用薄型油缸\DJ-502\127mm\79.5mm\51mm\70MPa</t>
  </si>
  <si>
    <t>【顶集】快速接头\C604 接口尺寸:3/8 最大工作压力:700bar\RCS-502</t>
  </si>
  <si>
    <t>【顶集】压力表座\GA3\液压缸\RCS-502</t>
  </si>
  <si>
    <t>【顶集】软管\HC7206 3/8"NPT L1.83M DN6.35mm700bar</t>
  </si>
  <si>
    <t>【顶集】高压软管\HC7220 φ6.4×6100mm</t>
  </si>
  <si>
    <t>【顶集】高压液压软管\DJ-7210\国产</t>
  </si>
  <si>
    <t>【顶集】液压快速接头\DJ-604\国产</t>
  </si>
  <si>
    <t>【可赛新】可赛新\1587\0.62kg/支</t>
  </si>
  <si>
    <t>北京天山新材料技术股份有限公司</t>
  </si>
  <si>
    <t>可赛新</t>
  </si>
  <si>
    <t>GNWZBP(TH)ZECG2020-015</t>
  </si>
  <si>
    <t>国家能源e购商城密封胶辅料商城铺货长协采购合同（天泓8810007780协议变更）</t>
  </si>
  <si>
    <t>陕西博之源机电有限公司</t>
  </si>
  <si>
    <t>【可赛新】可赛新高温耐磨修补剂\TS246\10kg/桶</t>
  </si>
  <si>
    <t>【可赛新】瞬干胶\1495 可赛新\20g/瓶</t>
  </si>
  <si>
    <t>【可赛新】快干胶\TS801 可赛新\100ml/瓶</t>
  </si>
  <si>
    <t>【可赛新】高温密封胶\1592 可赛新\500ml/瓶</t>
  </si>
  <si>
    <t>【可赛新】平面密封胶\可赛新 801\550g/支</t>
  </si>
  <si>
    <t>【可赛新】高强度胶\可赛新TS802\85g/套</t>
  </si>
  <si>
    <t>【可赛新】手动胶枪\171104 可赛新</t>
  </si>
  <si>
    <t>【可赛新】快补灵\TS528 可赛新\500g/盒</t>
  </si>
  <si>
    <t>【可赛新】平面密封胶\1596 天山可赛新\310ml/支</t>
  </si>
  <si>
    <t>【可赛新】平面密封胶\1596 天山可赛新\100ml/支</t>
  </si>
  <si>
    <t>【可赛新】圆柱零件固持剂\可赛新1660\50ml/支</t>
  </si>
  <si>
    <t>【可赛新】松动润滑剂\1750 1×400mL\可赛新</t>
  </si>
  <si>
    <t>【可赛新】可赛新密封胶\FastSteel\114g/支</t>
  </si>
  <si>
    <t>【可赛新】油面紧急修补剂\TS528快补灵;42g/盒×2;可赛新</t>
  </si>
  <si>
    <t>【可赛新】松动润滑剂\1750;24×400mL\可赛新</t>
  </si>
  <si>
    <t>【可赛新】瞬干胶\1406 可赛新牌\20g/瓶</t>
  </si>
  <si>
    <t>【可赛新】皮带修补胶\919 可赛新\500g/套\国产\-</t>
  </si>
  <si>
    <t>【可赛新】橡胶粘接剂\可赛新 PS808\1kg/罐</t>
  </si>
  <si>
    <t>罐</t>
  </si>
  <si>
    <t>【可赛新】可赛新金属修补剂\TS112\500g/瓶</t>
  </si>
  <si>
    <t>【代尔塔】连体雨衣\XS-XXXL\通用\军绿</t>
  </si>
  <si>
    <t>代尔塔(中国)安全防护有限公司</t>
  </si>
  <si>
    <t>代尔塔</t>
  </si>
  <si>
    <t>GNWZBP(TH)ZECG2020-021</t>
  </si>
  <si>
    <t>国家能源e购商城防护雨衣物资商城铺货长协采购合同（天泓8810007231协议变更）</t>
  </si>
  <si>
    <t>神木市启宸科技有限公司</t>
  </si>
  <si>
    <t>【代尔塔】分身雨衣</t>
  </si>
  <si>
    <t>【代尔塔】棉服雨衣\均码\男女通用\蓝黑色</t>
  </si>
  <si>
    <t>【代尔塔】雨衣\大衣式\通用\藏青色</t>
  </si>
  <si>
    <t>【PENAD】高压油管\THQ706T\链轨压力机\WTC6/16\国产</t>
  </si>
  <si>
    <t>【顶集】轻型手动泵\P-392</t>
  </si>
  <si>
    <t>【可赛新】金属除锈剂\1740 可赛新\250g\-</t>
  </si>
  <si>
    <t>【可赛新】重油污清洗剂\YH-368 1KG/瓶可赛新\-</t>
  </si>
  <si>
    <t>【可赛新】精密电子仪器清洗剂\YH-35 可赛新\500mL/瓶</t>
  </si>
  <si>
    <t>【可赛新】强力油污清洗剂\YH-367 天山银河\5kg/袋</t>
  </si>
  <si>
    <t>【可赛新】电器设备清洗剂\YH-25 天山银河\450ml/桶\-</t>
  </si>
  <si>
    <t>【可赛新】精密电子仪器清洗剂\YH-40 天山银河\450ml/桶</t>
  </si>
  <si>
    <t>【可赛新】平面密封胶\TS228 天山\2kg/瓶</t>
  </si>
  <si>
    <t>【可赛新】平面密封胶\TS215 天山\500g/瓶</t>
  </si>
  <si>
    <t>【可赛新】平面密封胶\1740 天山\250g/瓶</t>
  </si>
  <si>
    <t>【可赛新】平面密封胶\1683 天山\50ml/瓶</t>
  </si>
  <si>
    <t>【可赛新】平面密封胶\1648 天山\50ml/瓶</t>
  </si>
  <si>
    <t>【可赛新】平面密封胶\1641 天山\50ml/瓶</t>
  </si>
  <si>
    <t>【可赛新】平面密封胶\1620 天山\50ml/瓶\-</t>
  </si>
  <si>
    <t>【可赛新】平面密封胶\1609 天山\50ml/瓶</t>
  </si>
  <si>
    <t>【可赛新】平面密封胶\1603 天山\50ml/瓶</t>
  </si>
  <si>
    <t>【可赛新】平面密封胶\1598H 天山\310ml/瓶</t>
  </si>
  <si>
    <t>【可赛新】平面密封胶\1596 天山\310ml/瓶</t>
  </si>
  <si>
    <t>【可赛新】平面密封胶\1593 天山\300ml/瓶</t>
  </si>
  <si>
    <t>【可赛新】平面密封胶\1590 天山\300ml/瓶\-</t>
  </si>
  <si>
    <t>【可赛新】平面密封胶\1577 天山\50ml/瓶</t>
  </si>
  <si>
    <t>【可赛新】平面密封胶\1567 天山\50ml/瓶</t>
  </si>
  <si>
    <t>【可赛新】平面密封胶\1545 天山\50ml/瓶</t>
  </si>
  <si>
    <t>【可赛新】平面密封胶\1518 天山\310ml/瓶</t>
  </si>
  <si>
    <t>【可赛新】平面密封胶\1515 天山\310ml/瓶</t>
  </si>
  <si>
    <t>【可赛新】平面密封胶\1510 天山\310ml/瓶</t>
  </si>
  <si>
    <t>【可赛新】平面密封胶\1496 天山\20g/瓶</t>
  </si>
  <si>
    <t>【可赛新】平面密封胶\1495 天山\20g/瓶</t>
  </si>
  <si>
    <t>【可赛新】平面密封胶\1401 天山\20g/瓶</t>
  </si>
  <si>
    <t>【可赛新】平面密封胶\1290 天山\50ml/瓶</t>
  </si>
  <si>
    <t>【可赛新】平面密封胶\1277 天山\50ml/瓶</t>
  </si>
  <si>
    <t>【可赛新】平面密封胶\1271 天山\50ml/瓶</t>
  </si>
  <si>
    <t>【可赛新】平面密封胶\1261 天山\50ml/瓶</t>
  </si>
  <si>
    <t>【可赛新】平面密封胶\1262 天山\50ml/瓶</t>
  </si>
  <si>
    <t>【可赛新】平面密封胶\1527Wl 天山\50ml/瓶</t>
  </si>
  <si>
    <t>【可赛新】平面密封胶\1495 天山\100g/瓶</t>
  </si>
  <si>
    <t>【可赛新】天山高效清洗剂\1755EF环保型\400g/瓶</t>
  </si>
  <si>
    <t>【可赛新】耐磨陶瓷修补剂\TS27688\10kg/套</t>
  </si>
  <si>
    <t>【可赛新】瞬干胶\TS480\20g/瓶</t>
  </si>
  <si>
    <t>【可赛新】阻燃型高强度输送带粘接剂\TS808FR\600g/桶\国产</t>
  </si>
  <si>
    <t>【可赛新】橡胶修补剂\TS917 修补型\0.42kg/袋</t>
  </si>
  <si>
    <t>【可赛新】耐磨涂层颗粒胶\TS286\10kg/桶</t>
  </si>
  <si>
    <t>【可赛新】橡胶修补剂\TS85930\3.0kg/桶\国产</t>
  </si>
  <si>
    <t>【可赛新】氧化锌脱硫剂\TS-1\天然气制氢装置</t>
  </si>
  <si>
    <t>【可赛新】重载地面防滑涂层\96211 3.78L/桶</t>
  </si>
  <si>
    <t>【可赛新】平面密封胶\ND207\300ml/桶</t>
  </si>
  <si>
    <t>【可赛新】防腐涂层\TS476\蓝色\500g/瓶</t>
  </si>
  <si>
    <t>【可赛新】快固耐磨涂层\TS26699 A主剂 B固化剂\10kg/套</t>
  </si>
  <si>
    <t>【可赛新】清洗剂\TS-608 25kg/桶</t>
  </si>
  <si>
    <t>【可赛新】耐磨陶瓷片环氧结构胶\TS818\15kg/套</t>
  </si>
  <si>
    <t>【可赛新】颗粒胶\TS236\10kg/套</t>
  </si>
  <si>
    <t>【可赛新】皮带修补剂\TS9191\295g/套\国产</t>
  </si>
  <si>
    <t>【可赛新】快固耐磨涂层\TS236 A主剂 B固化剂\10kg/套</t>
  </si>
  <si>
    <t>【可赛新】快固耐磨涂层\TS238 A主剂 B固化剂\10kg/套</t>
  </si>
  <si>
    <t>【可赛新】快固耐磨涂层\TS226 A主剂 B固化剂\10kg/套</t>
  </si>
  <si>
    <t>【可赛新】快固耐磨涂层\TS228 A主剂 B固化剂\10kg/套</t>
  </si>
  <si>
    <t>【可赛新】快固耐磨涂层\TS226 A主剂 B固化剂\2kg/套</t>
  </si>
  <si>
    <t>【可赛新】快固耐磨涂层\TS228 A主剂 B固化剂\2kg/套</t>
  </si>
  <si>
    <t>【可赛新】快固耐磨涂层\TS236 A主剂 B固化剂\500g/套</t>
  </si>
  <si>
    <t>【可赛新】橡胶金属粘接剂\TS853\1.1kg/套</t>
  </si>
  <si>
    <t>【可赛新】高性能橡胶修补剂\TS919N 超级橡胶\500g/套</t>
  </si>
  <si>
    <t>【可赛新】油面紧急修补剂\TS112 快补钢\500g/套</t>
  </si>
  <si>
    <t>【可赛新】耐磨修补剂\TS216 倍造耐\500g/套</t>
  </si>
  <si>
    <t>【可赛新】脱膜剂\TS1731\300ml/套</t>
  </si>
  <si>
    <t>【可赛新】聚氨脂密封剂\TS1923\25L/套</t>
  </si>
  <si>
    <t>【可赛新】碗型塞密封固持剂\TS1608\1L/套</t>
  </si>
  <si>
    <t>【可赛新】耐酸修补剂\TS416\250g/套</t>
  </si>
  <si>
    <t>【可赛新】预涂螺纹锁固剂\TS1204\500g/套</t>
  </si>
  <si>
    <t>【可赛新】皮带粘接剂\TS808\550g/套\国产</t>
  </si>
  <si>
    <t>【可赛新】皮带粘接剂\TS801\1.1kg/瓶\国产</t>
  </si>
  <si>
    <t>【可赛新】高温密封剂\TS737\250g/套</t>
  </si>
  <si>
    <t>【可赛新】湿面修补剂\TS626 水下补\250g/套</t>
  </si>
  <si>
    <t>【可赛新】超低温紧急修补剂\TS518\250g/套</t>
  </si>
  <si>
    <t>【可赛新】减磨修补剂\TS312\500g/套</t>
  </si>
  <si>
    <t>【可赛新】耐磨涂层\TS218 倍造耐\10kg/套</t>
  </si>
  <si>
    <t>【可赛新】铜质修补剂\TS2111\250g/套</t>
  </si>
  <si>
    <t>【可赛新】铝质修补剂\TS112\500g/套</t>
  </si>
  <si>
    <t>【可赛新】冷补胶\TS919\500g/瓶\国产</t>
  </si>
  <si>
    <t>【可赛新】耐磨修补剂\TS101\500g/套</t>
  </si>
  <si>
    <t>【可赛新】水中固化环氧修补剂\TS626\500g/瓶</t>
  </si>
  <si>
    <t>【可赛新】气动耐磨防护剂\TS236\500g/瓶</t>
  </si>
  <si>
    <t>【可赛新】皮带修补剂\TS9191\500g/瓶\国产</t>
  </si>
  <si>
    <t>【可赛新】耐化学介质防护剂\TS416\250g/瓶</t>
  </si>
  <si>
    <t>【可赛新】平面密封胶\TS256\1kg/瓶</t>
  </si>
  <si>
    <t>【可赛新】平面密封胶\TS518\250g/瓶</t>
  </si>
  <si>
    <t>【可赛新】重载地面防滑涂层\TS99\2kg/桶</t>
  </si>
  <si>
    <t>【可赛新】平面密封胶\TS215\500g/瓶</t>
  </si>
  <si>
    <t>【可赛新】快速固化环氧修补剂\TS528\250g/瓶</t>
  </si>
  <si>
    <t>【可赛新】修补剂\TS802\500g/桶</t>
  </si>
  <si>
    <t>【可赛新】耐磨修补剂\TS228\2kg/套</t>
  </si>
  <si>
    <t>【可赛新】橡胶底剂\TS1748\橡胶专用附着力促进剂</t>
  </si>
  <si>
    <t>【可赛新】快速橡胶修补剂\TS921\400g/套</t>
  </si>
  <si>
    <t>【可赛新】皮带胶粘材料\TS809 AB组\600g/组\国产</t>
  </si>
  <si>
    <t>【可赛新】高温修补剂\TS767\500g/瓶</t>
  </si>
  <si>
    <t>【可赛新】高强度橡胶修补剂\TS919N\500g/套\国产</t>
  </si>
  <si>
    <t>【可赛新】铜质修补剂\TS814\500g/桶</t>
  </si>
  <si>
    <t>【可赛新】粘合剂\TS515\50ml/瓶</t>
  </si>
  <si>
    <t>【可赛新】湿面修补剂\TS626\500g/组</t>
  </si>
  <si>
    <t>【可赛新】螺纹锁固密封剂\TS1243\50ml/瓶</t>
  </si>
  <si>
    <t>【可赛新】聚氨酯密封剂\TS1924\310ml/桶</t>
  </si>
  <si>
    <t>【可赛新】电子电气专用密封剂\TS1593\3100ml/桶</t>
  </si>
  <si>
    <t>【可赛新】工业修补剂\TS568\500ml\桶</t>
  </si>
  <si>
    <t>【可赛新】圆柱零件固持剂\TS1680\50ml/瓶</t>
  </si>
  <si>
    <t>【可赛新】圆柱零件固持剂\TS1660\50ml/支</t>
  </si>
  <si>
    <t>【可赛新】厌氧型平面密封剂\TS1518\50ml/支</t>
  </si>
  <si>
    <t>【可赛新】减磨涂层 超滑金属\TS312\1Kg/套</t>
  </si>
  <si>
    <t>【可赛新】金属粘接专用底剂\TS1761\250ml/瓶</t>
  </si>
  <si>
    <t>【可赛新】减磨涂层 超滑金属\TS316\1Kg/套</t>
  </si>
  <si>
    <t>【可赛新】耐酸修补剂(聚合陶瓷)\TS436\500g/套</t>
  </si>
  <si>
    <t>【可赛新】碗形塞密封固持剂\TS1608\1Kg/瓶</t>
  </si>
  <si>
    <t>【可赛新】聚合铝(世纪之光)\TS133\200g/套</t>
  </si>
  <si>
    <t>【可赛新】铸造缺陷修补剂\TS102\250g/套</t>
  </si>
  <si>
    <t>【可赛新】减摩修补剂\TS311\500g/桶</t>
  </si>
  <si>
    <t>【可赛新】冷焊高强度结构胶\TS805\400g/套</t>
  </si>
  <si>
    <t>【可赛新】高温结构胶\TS812\250g/套</t>
  </si>
  <si>
    <t>【可赛新】石油管路密封剂\TS1570\250mL/桶</t>
  </si>
  <si>
    <t>【可赛新】铸铁修补剂\TS111\500g/套</t>
  </si>
  <si>
    <t>【可赛新】高温修补剂(聚合钢)\TS737\250g/套</t>
  </si>
  <si>
    <t>【可赛新】超级金属修补剂\TS2111\500g/套</t>
  </si>
  <si>
    <t>【可赛新】紫外光固化胶\TS1866\250g/瓶</t>
  </si>
  <si>
    <t>【可赛新】高性能橡胶修补剂(超级橡胶)\TS920\500g/套</t>
  </si>
  <si>
    <t>【可赛新】橡胶增韧型型瞬干胶\TS1480\20g/瓶</t>
  </si>
  <si>
    <t>【可赛新】低白化瞬干胶\TS1408\20g/瓶</t>
  </si>
  <si>
    <t>【可赛新】耐高温瞬干胶\TS1382\20g/支</t>
  </si>
  <si>
    <t>【可赛新】高温密封剂\TS747\250g/套</t>
  </si>
  <si>
    <t>【可赛新】厌氧型管螺纹密封剂\TS1569\500ml/桶</t>
  </si>
  <si>
    <t>【可赛新】耐磨涂层 倍造耐\TS312 500g/套</t>
  </si>
  <si>
    <t>【可赛新】促进剂\TS1764 300mL/瓶</t>
  </si>
  <si>
    <t>【可赛新】预涂干膜螺纹密封剂\TS1516\2Kg/桶</t>
  </si>
  <si>
    <t>【可赛新】铜质修补剂\TS114\250ml/瓶</t>
  </si>
  <si>
    <t>【可赛新】铝质修补剂\TS113\250g/套</t>
  </si>
  <si>
    <t>【可赛新】平面密封剂\TS1545\310ml/桶</t>
  </si>
  <si>
    <t>【可赛新】表面不敏感型密封胶\TS1454\20g/桶</t>
  </si>
  <si>
    <t>【可赛新】耐化学介质防护剂\TS426\5.45kg/桶</t>
  </si>
  <si>
    <t>【可赛新】钢质修补剂\TS112 500g/套</t>
  </si>
  <si>
    <t>【可赛新】金属粘接型瞬干胶\TS1493\20g/瓶</t>
  </si>
  <si>
    <t>【可赛新】渗透剂 滴透\TS121 250ml/瓶</t>
  </si>
  <si>
    <t>【可赛新】硅橡胶密封剂\TS1598\310ml/桶</t>
  </si>
  <si>
    <t>【可赛新】硅橡胶密封胶\TS1587\100g/桶</t>
  </si>
  <si>
    <t>【可赛新】通用型瞬干胶\TS1420\20g/瓶</t>
  </si>
  <si>
    <t>【可赛新】通用型瞬干胶\TS1414\20g/瓶</t>
  </si>
  <si>
    <t>【可赛新】耐磨修补剂(倍造耐)\TS218\500g/套</t>
  </si>
  <si>
    <t>【可赛新】螺纹锁固密封剂\TS1243 TS1243\250ml/瓶</t>
  </si>
  <si>
    <t>【可赛新】硅橡胶平面密封剂\TS1587\310ml/筒</t>
  </si>
  <si>
    <t>【可赛新】耐磨修复剂\TS216\500g/套</t>
  </si>
  <si>
    <t>【可赛新】清洗剂\ND755\340g/桶</t>
  </si>
  <si>
    <t>【可赛新】平面密封胶\ND596\300ml/桶</t>
  </si>
  <si>
    <t>【可赛新】螺纹锁固胶\ND271\50ml/瓶</t>
  </si>
  <si>
    <t>【可赛新】芯胶\6000×500×2.0mm TS867\10kg/卷\国产</t>
  </si>
  <si>
    <t>【可赛新】面胶\5000×500×3mm TS868\10kg/卷\国产</t>
  </si>
  <si>
    <t>【可赛新】胶浆\TS855\3kg/桶\国产</t>
  </si>
  <si>
    <t>【可赛新】芯胶\20000×330×1mm TS866\10kg/卷\国产</t>
  </si>
  <si>
    <t>【木龙寨】木龙寨宣恩贡米\5000g/袋</t>
  </si>
  <si>
    <t>恩施州久泽商贸有限责任公司</t>
  </si>
  <si>
    <t>木龙寨</t>
  </si>
  <si>
    <t>GNWZBP(TH)ZECG2020-026</t>
  </si>
  <si>
    <t>国家能源e购商城2020年度北京配送久泽农副产品铺货采购框架合同</t>
  </si>
  <si>
    <t>【木龙寨】木龙寨硒香贡米\5000g/袋</t>
  </si>
  <si>
    <t>宣恩马尔科土豆\2500g/袋</t>
  </si>
  <si>
    <t>【大派】大派五花腊肉\500g/袋</t>
  </si>
  <si>
    <t>大派</t>
  </si>
  <si>
    <t>【大派】大派土家腊肉\500g/袋</t>
  </si>
  <si>
    <t>【大派】大派精制香肠\500g/袋</t>
  </si>
  <si>
    <t>【大派】大派手提火腿\4000g/盒</t>
  </si>
  <si>
    <t>土鸡蛋\30个/盒</t>
  </si>
  <si>
    <t>【西谷】核桃\2kg/盒</t>
  </si>
  <si>
    <t>宣恩县润美电子商务有限公司</t>
  </si>
  <si>
    <t>西谷</t>
  </si>
  <si>
    <t>GNWZBP(TH)ZECG2020-028</t>
  </si>
  <si>
    <t>国家能源e购商城2020年度北京配送西谷农副产品铺货采购框架合同</t>
  </si>
  <si>
    <t>【西谷】菜籽油\5L/桶</t>
  </si>
  <si>
    <t>【西谷】核桃油\250ml*2/盒</t>
  </si>
  <si>
    <t>【西谷】核桃调和油(核桃油+菜籽油)\5L/桶</t>
  </si>
  <si>
    <t>【西谷】高山杂粮礼盒2\七种谷物随意搭(约2.4KG)</t>
  </si>
  <si>
    <t>【西谷】核桃调和油(核桃油+大豆油)\5L/桶</t>
  </si>
  <si>
    <t>【慢土豆】土豆酱\180g*24/件</t>
  </si>
  <si>
    <t>慢土豆</t>
  </si>
  <si>
    <t>【慢土豆】土豆面条\475g*20/件</t>
  </si>
  <si>
    <t>【长鹿】1/2"系列气动接杆\5"\ISO9001</t>
  </si>
  <si>
    <t>山东长鹿工具有限公司</t>
  </si>
  <si>
    <t>长鹿</t>
  </si>
  <si>
    <t>国家能源e购商城手动工具（机工类及配件）商城铺货长协采购合同（天泓8810007998协议变更）</t>
  </si>
  <si>
    <t>【长鹿】3/4"系列气动接杆\10"\ISO9001</t>
  </si>
  <si>
    <t>【长鹿】3/8"系列气动接杆\6"\ISO9001</t>
  </si>
  <si>
    <t>【长鹿】气动万向接头\3/8"\200N.m\国产</t>
  </si>
  <si>
    <t>【长鹿】1/2"系列六角风动套筒\11mm\国产</t>
  </si>
  <si>
    <t>【长鹿】1/2"系列六角风动套筒\13mm\国产</t>
  </si>
  <si>
    <t>【长鹿】1/2"系列六角风动套筒\15mm\国产</t>
  </si>
  <si>
    <t>【长鹿】1/2"系列六角风动套筒\21mm\国产</t>
  </si>
  <si>
    <t>【长鹿】1/2"系列六角风动长套筒\21mm\国产</t>
  </si>
  <si>
    <t>【长鹿】3/4"系列六角风动套筒\18mm\国产</t>
  </si>
  <si>
    <t>【长鹿】3/4"系列六角风动长套筒\18mm\国产</t>
  </si>
  <si>
    <t>【长鹿】3/4"系列六角风动长套筒\22mm\国产</t>
  </si>
  <si>
    <t>【长鹿】3/8"系列气动公制套筒\10mm\国产</t>
  </si>
  <si>
    <t>【长鹿】3/8"系列气动公制套筒\14mm\国产</t>
  </si>
  <si>
    <t>【长鹿】3/8"系列气动公制套筒\15mm\国产</t>
  </si>
  <si>
    <t>【长鹿】3/8"系列气动公制套筒\17mm\国产</t>
  </si>
  <si>
    <t>【长鹿】3/8"系列气动公制套筒\18mm\国产</t>
  </si>
  <si>
    <t>【长鹿】3/8"系列气动公制套筒\7mm\国产</t>
  </si>
  <si>
    <t>【长鹿】3/8"系列气动公制套筒\9mm\国产</t>
  </si>
  <si>
    <t>【长鹿】1/2"系列气动接杆\10"\ISO9001</t>
  </si>
  <si>
    <t>【长鹿】3/4"系列气动接杆\4"\ISO9001</t>
  </si>
  <si>
    <t>【长鹿】3/4"系列气动接杆\8"\ISO9001</t>
  </si>
  <si>
    <t>【长鹿】3/8"系列气动接杆\3"\ISO9001</t>
  </si>
  <si>
    <t>【长鹿】气动万向接头\1/2"\500N.m\国产</t>
  </si>
  <si>
    <t>【长鹿】气动万向接头\3/4"\1000N.m\国产</t>
  </si>
  <si>
    <t>【长鹿】气动转接头\1/2"×3/4"\500N.m\国产</t>
  </si>
  <si>
    <t>【长鹿】气动转接头\1/2"×3/8"\500N.m\国产</t>
  </si>
  <si>
    <t>【长鹿】气动转接头\3/4"×1/2"\1000N.m\国产</t>
  </si>
  <si>
    <t>【长鹿】气动转接头\3/8"×1/2"\200N.m\国产</t>
  </si>
  <si>
    <t>【长鹿】气动转接头\3/8"×1/4"\200N.m\国产</t>
  </si>
  <si>
    <t>【长鹿】维修级气动扳手\1/2"\国产</t>
  </si>
  <si>
    <t>【长鹿】工业级复合材料气动扳手\1/2"\国产</t>
  </si>
  <si>
    <t>【长鹿】工业级复合材料气动扳手\3/4"\国产</t>
  </si>
  <si>
    <t>【长鹿】工业级复合材料气动扳手\3/8"\国产</t>
  </si>
  <si>
    <t>【长鹿】1/2"系列六角风动套筒\10mm\国产</t>
  </si>
  <si>
    <t>【长鹿】1/2"系列六角风动套筒\12mm\国产</t>
  </si>
  <si>
    <t>【长鹿】1/2"系列六角风动套筒\14mm\国产</t>
  </si>
  <si>
    <t>【长鹿】1/2"系列六角风动套筒\16mm\国产</t>
  </si>
  <si>
    <t>【长鹿】1/2"系列六角风动套筒\17mm\国产</t>
  </si>
  <si>
    <t>【长鹿】1/2"系列六角风动套筒\18mm\国产</t>
  </si>
  <si>
    <t>【长鹿】1/2"系列六角风动套筒\19mm\国产</t>
  </si>
  <si>
    <t>【长鹿】1/2"系列六角风动套筒\22mm\国产</t>
  </si>
  <si>
    <t>【长鹿】1/2"系列六角风动套筒\23mm\国产</t>
  </si>
  <si>
    <t>【长鹿】1/2"系列六角风动套筒\24mm\国产</t>
  </si>
  <si>
    <t>【长鹿】1/2"系列六角风动套筒\27mm\国产</t>
  </si>
  <si>
    <t>【长鹿】1/2"系列六角风动套筒\30mm\国产</t>
  </si>
  <si>
    <t>【长鹿】1/2"系列六角风动套筒\32mm\国产</t>
  </si>
  <si>
    <t>【长鹿】1/2"系列六角风动长套筒\10mm\国产</t>
  </si>
  <si>
    <t>【长鹿】1/2"系列六角风动长套筒\11mm\国产</t>
  </si>
  <si>
    <t>【长鹿】1/2"系列六角风动长套筒\12mm\国产</t>
  </si>
  <si>
    <t>【长鹿】1/2"系列六角风动长套筒\13mm\国产</t>
  </si>
  <si>
    <t>【长鹿】1/2"系列六角风动长套筒\14mm\国产</t>
  </si>
  <si>
    <t>【长鹿】1/2"系列六角风动长套筒\15mm\国产</t>
  </si>
  <si>
    <t>【长鹿】1/2"系列六角风动长套筒\16mm\国产</t>
  </si>
  <si>
    <t>【长鹿】1/2"系列六角风动长套筒\17mm\国产</t>
  </si>
  <si>
    <t>【长鹿】1/2"系列六角风动长套筒\18mm\国产</t>
  </si>
  <si>
    <t>【长鹿】1/2"系列六角风动长套筒\19mm\国产</t>
  </si>
  <si>
    <t>【长鹿】1/2"系列六角风动长套筒\22mm\国产</t>
  </si>
  <si>
    <t>【长鹿】1/2"系列六角风动长套筒\24mm\国产</t>
  </si>
  <si>
    <t>【长鹿】1/2"系列六角风动长套筒\27mm\国产</t>
  </si>
  <si>
    <t>【长鹿】1/2"系列六角风动长套筒\30mm\国产</t>
  </si>
  <si>
    <t>【长鹿】1/2"系列六角风动长套筒\32mm\国产</t>
  </si>
  <si>
    <t>【长鹿】3/4"系列六角风动套筒\17mm\国产</t>
  </si>
  <si>
    <t>【长鹿】3/4"系列六角风动套筒\19mm\国产</t>
  </si>
  <si>
    <t>【长鹿】3/4"系列六角风动套筒\21mm\国产</t>
  </si>
  <si>
    <t>【长鹿】3/4"系列六角风动套筒\22mm\国产</t>
  </si>
  <si>
    <t>【长鹿】3/4"系列六角风动套筒\23mm\国产</t>
  </si>
  <si>
    <t>【长鹿】3/4"系列六角风动套筒\24mm\国产</t>
  </si>
  <si>
    <t>【长鹿】3/4"系列六角风动套筒\26mm\国产</t>
  </si>
  <si>
    <t>【长鹿】3/4"系列六角风动套筒\27mm\国产</t>
  </si>
  <si>
    <t>【长鹿】3/4"系列六角风动套筒\29mm\国产</t>
  </si>
  <si>
    <t>【长鹿】3/4"系列六角风动套筒\30mm\国产</t>
  </si>
  <si>
    <t>【长鹿】3/4"系列六角风动套筒\32mm\国产</t>
  </si>
  <si>
    <t>【长鹿】3/4"系列六角风动套筒\33mm\国产</t>
  </si>
  <si>
    <t>【长鹿】3/4"系列六角风动套筒\34mm\国产</t>
  </si>
  <si>
    <t>【长鹿】3/4"系列六角风动套筒\36mm\国产</t>
  </si>
  <si>
    <t>【长鹿】3/4"系列六角风动套筒\38mm\国产</t>
  </si>
  <si>
    <t>【长鹿】3/4"系列六角风动套筒\41mm\国产</t>
  </si>
  <si>
    <t>【长鹿】3/4"系列六角风动套筒\42mm\国产</t>
  </si>
  <si>
    <t>【长鹿】3/4"系列六角风动套筒\46mm\国产</t>
  </si>
  <si>
    <t>【长鹿】3/4"系列六角风动套筒\50mm\国产</t>
  </si>
  <si>
    <t>【长鹿】3/4"系列六角风动套筒\55mm\国产</t>
  </si>
  <si>
    <t>【长鹿】3/4"系列六角风动套筒\60mm\国产</t>
  </si>
  <si>
    <t>【长鹿】3/4"系列六角风动套筒\65mm\国产</t>
  </si>
  <si>
    <t>【长鹿】3/4"系列六角风动长套筒\17mm\国产</t>
  </si>
  <si>
    <t>【长鹿】3/4"系列六角风动长套筒\19mm\国产</t>
  </si>
  <si>
    <t>【长鹿】3/4"系列六角风动长套筒\24mm\国产</t>
  </si>
  <si>
    <t>【长鹿】3/4"系列六角风动长套筒\27mm\国产</t>
  </si>
  <si>
    <t>【长鹿】3/4"系列六角风动长套筒\30mm\国产</t>
  </si>
  <si>
    <t>【长鹿】3/4"系列六角风动长套筒\32mm\国产</t>
  </si>
  <si>
    <t>【长鹿】3/4"系列六角风动长套筒\34mm\国产</t>
  </si>
  <si>
    <t>【长鹿】3/4"系列六角风动长套筒\36mm\国产</t>
  </si>
  <si>
    <t>【长鹿】3/4"系列六角风动长套筒\41mm\国产</t>
  </si>
  <si>
    <t>【长鹿】3/4"系列六角风动长套筒\46mm\国产</t>
  </si>
  <si>
    <t>【长鹿】3/4"系列六角风动长套筒\50mm\国产</t>
  </si>
  <si>
    <t>【长鹿】3/4"系列六角风动长套筒\55mm\国产</t>
  </si>
  <si>
    <t>【长鹿】3/8"系列气动公制套筒\11mm\国产</t>
  </si>
  <si>
    <t>【长鹿】3/8"系列气动公制套筒\12mm\国产</t>
  </si>
  <si>
    <t>【长鹿】3/8"系列气动公制套筒\13mm\国产</t>
  </si>
  <si>
    <t>【长鹿】3/8"系列气动公制套筒\16mm\国产</t>
  </si>
  <si>
    <t>【长鹿】3/8"系列气动公制套筒\19mm\国产</t>
  </si>
  <si>
    <t>【长鹿】3/8"系列气动公制套筒\8mm\国产</t>
  </si>
  <si>
    <t>【长鹿】3/8"系列气动公制长套筒\8mm\国产</t>
  </si>
  <si>
    <t>【长鹿】3/8"系列气动公制长套筒\9mm\国产</t>
  </si>
  <si>
    <t>【长鹿】3/8"系列气动公制长套筒\10mm\国产</t>
  </si>
  <si>
    <t>【长鹿】3/8"系列气动公制长套筒\11mm\国产</t>
  </si>
  <si>
    <t>【长鹿】3/8"系列气动公制长套筒\12mm\国产</t>
  </si>
  <si>
    <t>【长鹿】3/8"系列气动公制长套筒\13mm\国产</t>
  </si>
  <si>
    <t>【长鹿】3/8"系列气动公制长套筒\14mm\国产</t>
  </si>
  <si>
    <t>【长鹿】3/8"系列气动公制长套筒\15mm\国产</t>
  </si>
  <si>
    <t>【长鹿】3/8"系列气动公制长套筒\16mm\国产</t>
  </si>
  <si>
    <t>【长鹿】3/8"系列气动公制长套筒\17mm\国产</t>
  </si>
  <si>
    <t>【长鹿】3/8"系列气动公制长套筒\18mm\国产</t>
  </si>
  <si>
    <t>【长鹿】3/8"系列气动公制长套筒\19mm\国产</t>
  </si>
  <si>
    <t>【长鹿】注塑型绝缘延长接杆\1/2×125mm 单色\ISO9001</t>
  </si>
  <si>
    <t>【长鹿】注塑型绝缘延长接杆\3/8×125mm 单色\ISO9001</t>
  </si>
  <si>
    <t>【长鹿】注塑型绝缘延长接杆\3/8×250mm 单色\ISO9001</t>
  </si>
  <si>
    <t>【长鹿】注塑型双色绝缘护套式直平型电缆刀\50×180mm</t>
  </si>
  <si>
    <t>【长鹿】注塑型双色绝缘直平可换式电缆刀\18×150mm</t>
  </si>
  <si>
    <t>【长鹿】注塑型双色绝缘直平型电缆刀\50×180mm</t>
  </si>
  <si>
    <t>【长鹿】注塑型绝缘活扳手\8" 双色\国产</t>
  </si>
  <si>
    <t>【长鹿】注塑型绝缘活扳手\10" 双色\国产</t>
  </si>
  <si>
    <t>【长鹿】活扳手\12'' 绝缘\国产</t>
  </si>
  <si>
    <t>【长鹿】注塑型绝缘延长接杆\1/2×250mm 单色\ISO9001</t>
  </si>
  <si>
    <t>【长鹿】注塑型绝缘棘轮式电缆钳剪\240mm 双色\国产</t>
  </si>
  <si>
    <t>【长鹿】注塑型绝缘棘轮式电缆钳剪\380mm 双色\国产</t>
  </si>
  <si>
    <t>【长鹿】十字绝缘螺丝刀\PH2×100mm\国产</t>
  </si>
  <si>
    <t>【长鹿】绝缘一字螺丝批\4.0×100mm 双色柄 神华\国产</t>
  </si>
  <si>
    <t>【长鹿】三色柄一字螺丝刀\5×150mm 神华\GB/T10639\国产</t>
  </si>
  <si>
    <t>【长鹿】绝缘尖嘴钳\6" 神华\国产</t>
  </si>
  <si>
    <t>【长鹿】绝缘尖嘴钳\8" 神华\国产</t>
  </si>
  <si>
    <t>【长鹿】钢丝钳\8" 绝缘 神华\国产</t>
  </si>
  <si>
    <t>【长鹿】斜嘴钳\8" 绝缘 神华\国产</t>
  </si>
  <si>
    <t>【长鹿】注塑型绝缘电缆钳剪\150mm 双色\国产</t>
  </si>
  <si>
    <t>【长鹿】注塑型绝缘电缆钳剪\250mm 双色\国产</t>
  </si>
  <si>
    <t>【长鹿】卡簧钳组套\5件\国产</t>
  </si>
  <si>
    <t>【长鹿】卡簧钳组合\4件\国产</t>
  </si>
  <si>
    <t>【长鹿】德式轴用直口卡簧钳\7″\国产</t>
  </si>
  <si>
    <t>【长鹿】德式孔用直口卡簧钳\9″\国产</t>
  </si>
  <si>
    <t>【长鹿】德式轴用直口卡簧钳\9″\国产</t>
  </si>
  <si>
    <t>【长鹿】德式孔用直口卡簧钳\7″\国产</t>
  </si>
  <si>
    <t>【长鹿】德式孔用直口卡簧钳\5″\国产</t>
  </si>
  <si>
    <t>【长鹿】德式孔用曲口卡簧钳\5″\国产</t>
  </si>
  <si>
    <t>【长鹿】德式轴用曲口卡簧钳\7″\国产</t>
  </si>
  <si>
    <t>【长鹿】美式孔用曲口卡簧钳\5″\国产</t>
  </si>
  <si>
    <t>【长鹿】美式孔用曲口卡簧钳\7″\国产</t>
  </si>
  <si>
    <t>【长鹿】美式孔用曲口卡簧钳\9″\国产</t>
  </si>
  <si>
    <t>【长鹿】美式孔用曲口卡簧钳\13″\国产</t>
  </si>
  <si>
    <t>【长鹿】美式孔用直口卡簧钳\5″\国产</t>
  </si>
  <si>
    <t>【长鹿】美式孔用直口卡簧钳\7″\国产</t>
  </si>
  <si>
    <t>【长鹿】美式孔用直口卡簧钳\9″\国产</t>
  </si>
  <si>
    <t>【长鹿】美式孔用直口卡簧钳\13″\国产</t>
  </si>
  <si>
    <t>【长鹿】美式轴用曲口卡簧钳\5″\国产</t>
  </si>
  <si>
    <t>【长鹿】美式轴用曲口卡簧钳\9″\国产</t>
  </si>
  <si>
    <t>【长鹿】美式轴用曲口卡簧钳\13″\国产</t>
  </si>
  <si>
    <t>【长鹿】德式轴用弯嘴卡簧钳\9" 神华\国产</t>
  </si>
  <si>
    <t>【长鹿】美式轴用直口卡簧钳\7″\国产</t>
  </si>
  <si>
    <t>【长鹿】美式轴用直口卡簧钳\9″\国产</t>
  </si>
  <si>
    <t>【长鹿】美式轴用直口卡簧钳\13″\国产</t>
  </si>
  <si>
    <t>【长鹿】焊接用大力钳\10"\国产</t>
  </si>
  <si>
    <t>【长鹿】弧齿大力钳\7"\国产</t>
  </si>
  <si>
    <t>【长鹿】弧齿大力钳\10"\国产</t>
  </si>
  <si>
    <t>【长鹿】直齿大力钳\10"\国产</t>
  </si>
  <si>
    <t>【长鹿】大力钳\11" C型\国产</t>
  </si>
  <si>
    <t>【长鹿】大力钳\19" 链条式\国产</t>
  </si>
  <si>
    <t>【长鹿】重型管子台虎钳\2"\国产</t>
  </si>
  <si>
    <t>【长鹿】高档美式钢丝钳\8"\国产</t>
  </si>
  <si>
    <t>【长鹿】高档美式斜嘴钳\6"\国产</t>
  </si>
  <si>
    <t>【长鹿】尖嘴带刃大力钳\6.5"\国产</t>
  </si>
  <si>
    <t>【长鹿】尖嘴带刃大力钳\9"\国产</t>
  </si>
  <si>
    <t>【长鹿】鲤鱼钳\6" 麻柄\国产</t>
  </si>
  <si>
    <t>【长鹿】鲤鱼钳\8" 麻柄\国产</t>
  </si>
  <si>
    <t>【长鹿】水泵钳\10" 麻柄\国产</t>
  </si>
  <si>
    <t>【长鹿】水泵钳\8″\国产</t>
  </si>
  <si>
    <t>【长鹿】钢丝钳\6"\国产</t>
  </si>
  <si>
    <t>【长鹿】尖嘴钳\6" 双色柄 神华\国产</t>
  </si>
  <si>
    <t>【长鹿】专利型重型省力偏心钢丝钳\8"\国产</t>
  </si>
  <si>
    <t>【长鹿】专利型重型省力偏心尖嘴钳\8"\国产</t>
  </si>
  <si>
    <t>【长鹿】专利型重型省力偏心斜嘴钳\8"\国产</t>
  </si>
  <si>
    <t>【长鹿】美式斜嘴钳\5" 神华\国产</t>
  </si>
  <si>
    <t>【长鹿】手动电缆钳\10" 60mm2\国产</t>
  </si>
  <si>
    <t>【长鹿】水泵钳\10"\国产</t>
  </si>
  <si>
    <t>【长鹿】水泵钳\12" 麻柄\国产</t>
  </si>
  <si>
    <t>【长鹿】德式轴用曲口卡簧钳\5″\国产</t>
  </si>
  <si>
    <t>【长鹿】德式孔用曲口卡簧钳\7″\国产</t>
  </si>
  <si>
    <t>【长鹿】德式孔用曲口卡簧钳\9″\国产</t>
  </si>
  <si>
    <t>【长鹿】德式轴用曲口卡簧钳\9″\国产</t>
  </si>
  <si>
    <t>【长鹿】斜嘴钳\5" 高档美式\国产</t>
  </si>
  <si>
    <t>【长鹿】德式轴用直口卡簧钳\5″\国产</t>
  </si>
  <si>
    <t>【长鹿】美式轴用曲口卡簧钳\7″\国产</t>
  </si>
  <si>
    <t>【长鹿】美式轴用直口卡簧钳\5″\国产</t>
  </si>
  <si>
    <t>【长鹿】塑料铆钉专用拆卸钳\10"\国产</t>
  </si>
  <si>
    <t>【长鹿】铁皮大力钳\8"\国产</t>
  </si>
  <si>
    <t>【长鹿】直齿大力钳\7"\国产</t>
  </si>
  <si>
    <t>【长鹿】液压断线钳\40mm\国产</t>
  </si>
  <si>
    <t>【长鹿】液压压线钳\16-400mm²\国产</t>
  </si>
  <si>
    <t>【长鹿】液压拉马\30T\30t\国产</t>
  </si>
  <si>
    <t>【长鹿】液压拉马\8T\8t\国产</t>
  </si>
  <si>
    <t>【长鹿】液压拉马\20T\20t\国产</t>
  </si>
  <si>
    <t>【长鹿】专业级可调式扭力扳手\10mm 10-60N.m\国产</t>
  </si>
  <si>
    <t>【长鹿】专业级可调式扭力扳手\19mm 160-800N.m\国产</t>
  </si>
  <si>
    <t>【长鹿】全钢型预制式专业级扭力扳手\6.3mm 4-20N.m\国产</t>
  </si>
  <si>
    <t>【长鹿】10mm系列公制六角旋具套筒\3mm\进口</t>
  </si>
  <si>
    <t>【长鹿】10mm系列公制六角长套筒\20mm\国产</t>
  </si>
  <si>
    <t>【长鹿】10mm系列公制一字型旋具套筒\4mm\进口</t>
  </si>
  <si>
    <t>【长鹿】10mm系列公制一字型旋具套筒\5.5mm\进口</t>
  </si>
  <si>
    <t>【长鹿】10mm系列公制一字型旋具套筒\6.5mm\进口</t>
  </si>
  <si>
    <t>【长鹿】10mm系列公制一字型旋具套筒\8mm\进口</t>
  </si>
  <si>
    <t>【长鹿】10mm系列花形套筒\E10\国产</t>
  </si>
  <si>
    <t>【长鹿】10mm系列花形套筒\E11\国产</t>
  </si>
  <si>
    <t>【长鹿】10mm系列花形套筒\E12\国产</t>
  </si>
  <si>
    <t>【长鹿】10mm系列花形套筒\E14\国产</t>
  </si>
  <si>
    <t>【长鹿】10mm系列花形套筒\E16\国产</t>
  </si>
  <si>
    <t>【长鹿】10mm系列花形套筒\E18\国产</t>
  </si>
  <si>
    <t>【长鹿】10mm系列花形套筒\E8\国产</t>
  </si>
  <si>
    <t>【长鹿】10mm系列六角标准套筒\20mm\国产</t>
  </si>
  <si>
    <t>【长鹿】10mm系列六角标准套筒\6mm\国产</t>
  </si>
  <si>
    <t>【长鹿】10mm系列六角标准套筒\7mm\国产</t>
  </si>
  <si>
    <t>【长鹿】10mm系列六角标准套筒\9mm\国产</t>
  </si>
  <si>
    <t>【长鹿】10mm系列六角火花塞套筒\21mm\国产</t>
  </si>
  <si>
    <t>【长鹿】10mm系列米字型旋具套筒\1PT\进口</t>
  </si>
  <si>
    <t>【长鹿】10mm系列米字型旋具套筒\2PT\进口</t>
  </si>
  <si>
    <t>【长鹿】10mm系列米字型旋具套筒\3PT\进口</t>
  </si>
  <si>
    <t>【长鹿】10mm系列十字型旋具套筒\2PT\进口</t>
  </si>
  <si>
    <t>【长鹿】10mm系列十字型旋具套筒\3PT\进口</t>
  </si>
  <si>
    <t>【长鹿】12.5mm系列100mm长花型旋具套筒\T20\国产</t>
  </si>
  <si>
    <t>【长鹿】12.5mm系列100mm长花型旋具套筒\T25\国产</t>
  </si>
  <si>
    <t>【长鹿】12.5mm系列100mm长花型旋具套筒\T27\国产</t>
  </si>
  <si>
    <t>【长鹿】12.5mm系列100mm长花型旋具套筒\T60\国产</t>
  </si>
  <si>
    <t>【长鹿】12.5mm系列100mm长十二角旋具套筒\m-10\进口</t>
  </si>
  <si>
    <t>【长鹿】12.5mm系列100mm长十二角旋具套筒\m-12\进口</t>
  </si>
  <si>
    <t>【长鹿】12.5mm系列100mm长十二角旋具套筒\m-6\进口</t>
  </si>
  <si>
    <t>【长鹿】12.5mm系列100mm长十二角旋具套筒\m-8\进口</t>
  </si>
  <si>
    <t>【长鹿】12.5mm系列公制六角标准套筒\23mm\国产</t>
  </si>
  <si>
    <t>【长鹿】12.5mm系列公制六角标准套筒\9mm\国产</t>
  </si>
  <si>
    <t>【长鹿】12.5mm系列公制六角长旋具套筒\10mm\进口</t>
  </si>
  <si>
    <t>【长鹿】12.5mm系列公制六角长旋具套筒\5mm\进口</t>
  </si>
  <si>
    <t>【长鹿】12.5mm系列公制六角长旋具套筒\6mm\进口</t>
  </si>
  <si>
    <t>【长鹿】12.5mm系列公制六角长旋具套筒\7mm\进口</t>
  </si>
  <si>
    <t>【长鹿】12.5mm系列公制六角长旋具套筒\8mm\进口</t>
  </si>
  <si>
    <t>【长鹿】12.5mm系列六角火花塞套筒\16mm\国产</t>
  </si>
  <si>
    <t>【长鹿】12.5mm系列六角火花塞套筒\21mm\国产</t>
  </si>
  <si>
    <t>【长鹿】12.5mm系列十二标准套筒\12mm\国产</t>
  </si>
  <si>
    <t>【长鹿】12.5mm系列十二标准套筒\20mm\国产</t>
  </si>
  <si>
    <t>【长鹿】12.5mm系列十二标准套筒\21mm\国产</t>
  </si>
  <si>
    <t>【长鹿】12.5mm系列十二标准套筒\26mm\国产</t>
  </si>
  <si>
    <t>【长鹿】12.5mm系列十二角标准套筒\8mm\国产</t>
  </si>
  <si>
    <t>【长鹿】12.5mm系列十二角长套筒\12mm\国产</t>
  </si>
  <si>
    <t>【长鹿】12.5mm系列英制12角套筒\1"\国产</t>
  </si>
  <si>
    <t>【长鹿】12.5mm系列英制12角套筒\1/2"\国产</t>
  </si>
  <si>
    <t>【长鹿】12.5mm系列英制12角套筒\1/4"\国产</t>
  </si>
  <si>
    <t>【长鹿】12.5mm系列英制12角套筒\11/16"\国产</t>
  </si>
  <si>
    <t>【长鹿】12.5mm系列英制12角套筒\1-1/16"\国产</t>
  </si>
  <si>
    <t>【长鹿】12.5mm系列英制12角套筒\1-1/4"\国产</t>
  </si>
  <si>
    <t>【长鹿】12.5mm系列英制12角套筒\1-1/8"\国产</t>
  </si>
  <si>
    <t>【长鹿】12.5mm系列英制12角套筒\1-3/16"\国产</t>
  </si>
  <si>
    <t>【长鹿】12.5mm系列英制12角套筒\15/16"\国产</t>
  </si>
  <si>
    <t>【长鹿】12.5mm系列英制12角套筒\19/32"\国产</t>
  </si>
  <si>
    <t>【长鹿】12.5mm系列英制12角套筒\25/32"\国产</t>
  </si>
  <si>
    <t>【长鹿】12.5mm系列英制12角套筒\3/4"\国产</t>
  </si>
  <si>
    <t>【长鹿】12.5mm系列英制12角套筒\3/8"\国产</t>
  </si>
  <si>
    <t>【长鹿】12.5mm系列英制12角套筒\5/16"\国产</t>
  </si>
  <si>
    <t>【长鹿】12.5mm系列英制12角套筒\5/8"\国产</t>
  </si>
  <si>
    <t>【长鹿】12.5mm系列英制12角套筒\7/16"\国产</t>
  </si>
  <si>
    <t>【长鹿】12.5mm系列英制12角套筒\7/8"\国产</t>
  </si>
  <si>
    <t>【长鹿】12.5mm系列英制12角套筒\9/16"\国产</t>
  </si>
  <si>
    <t>【长鹿】12.5mm系列长花型旋具套筒\T-30 100mm\进口</t>
  </si>
  <si>
    <t>【长鹿】12.5mm系列长花型旋具套筒\T-40 100mm\进口</t>
  </si>
  <si>
    <t>【长鹿】12.5mm系列长花型旋具套筒\T-45 100mm\进口</t>
  </si>
  <si>
    <t>【长鹿】12.5mm系列长花型旋具套筒\T-50 100mm\进口</t>
  </si>
  <si>
    <t>【长鹿】12.5mm系列长花型旋具套筒\T-55 100mm\进口</t>
  </si>
  <si>
    <t>【长鹿】6.3mm系列六角标准套筒\11mm\国产</t>
  </si>
  <si>
    <t>【长鹿】6.3mm系列六角标准套筒\12mm\国产</t>
  </si>
  <si>
    <t>【长鹿】6.3mm系列六角标准套筒\13mm\国产</t>
  </si>
  <si>
    <t>【长鹿】6.3mm系列六角标准套筒\4mm\国产</t>
  </si>
  <si>
    <t>【长鹿】6.3mm系列六角标准套筒\5mm\国产</t>
  </si>
  <si>
    <t>【长鹿】6.3mm系列六角标准套筒\9mm\国产</t>
  </si>
  <si>
    <t>【长鹿】6.3mm系列六角旋具套筒\3mm\进口</t>
  </si>
  <si>
    <t>【长鹿】6.3mm系列六角旋具套筒\4mm\进口</t>
  </si>
  <si>
    <t>【长鹿】6.3mm系列六角旋具套筒\6mm\进口</t>
  </si>
  <si>
    <t>【长鹿】6.3mm系列六角旋具套筒\10mm\进口</t>
  </si>
  <si>
    <t>【长鹿】6.3mm系列六角旋具套筒\H8\国产</t>
  </si>
  <si>
    <t>【长鹿】6.3mm系列六角长套筒\4mm\国产</t>
  </si>
  <si>
    <t>【长鹿】6.3mm系列六角长套筒\5mm\国产</t>
  </si>
  <si>
    <t>【长鹿】6.3mm系列六角长套筒\7mm\国产</t>
  </si>
  <si>
    <t>【长鹿】6.3mm系列六角长套筒\8mm\国产</t>
  </si>
  <si>
    <t>【长鹿】6.3mm系列六角长套筒\9mm\国产</t>
  </si>
  <si>
    <t>【长鹿】6.3mm系列十字型旋具套筒\1PT\进口</t>
  </si>
  <si>
    <t>【长鹿】6.3mm系列十字型旋具套筒\2PT\进口</t>
  </si>
  <si>
    <t>【长鹿】6.3mm系列十字型旋具套筒\4mm\进口</t>
  </si>
  <si>
    <t>【长鹿】6.3mm系列一字型旋具套筒\5.5mm\进口</t>
  </si>
  <si>
    <t>【长鹿】9×12mm系列可换棘轮头\1/2"</t>
  </si>
  <si>
    <t>【长鹿】24×32mm系列可换棘轮头\3/4"</t>
  </si>
  <si>
    <t>【长鹿】专业级可调式扭力扳手\10mm 25-125N.m\国产</t>
  </si>
  <si>
    <t>【长鹿】专业级可调式扭力扳手\12.5mm 40-200N.m\国产</t>
  </si>
  <si>
    <t>【长鹿】专业级可调式扭力扳手\19mm 100-500N.m\国产</t>
  </si>
  <si>
    <t>【长鹿】专业级可调式扭力扳手\19mm 200-1000N.m\国产</t>
  </si>
  <si>
    <t>【长鹿】油管扳手\9×11mm\国产</t>
  </si>
  <si>
    <t>【长鹿】10mm系列公制六角旋具套筒\10mm\进口</t>
  </si>
  <si>
    <t>【长鹿】10mm系列公制六角旋具套筒\4mm\进口</t>
  </si>
  <si>
    <t>【长鹿】10mm系列公制六角旋具套筒\5mm\进口</t>
  </si>
  <si>
    <t>【长鹿】10mm系列公制六角旋具套筒\6mm\进口</t>
  </si>
  <si>
    <t>【长鹿】10mm系列公制六角旋具套筒\7mm\进口</t>
  </si>
  <si>
    <t>【长鹿】10mm系列公制六角旋具套筒\8mm\进口</t>
  </si>
  <si>
    <t>【长鹿】10mm系列公制六角长套筒\11mm\国产</t>
  </si>
  <si>
    <t>【长鹿】10mm系列公制六角长套筒\15mm\国产</t>
  </si>
  <si>
    <t>【长鹿】10mm系列公制六角长套筒\16mm\国产</t>
  </si>
  <si>
    <t>【长鹿】10mm系列公制六角长套筒\18mm\国产</t>
  </si>
  <si>
    <t>【长鹿】10mm系列公制六角长套筒\21mm\国产</t>
  </si>
  <si>
    <t>【长鹿】10mm系列公制六角长套筒\22mm\国产</t>
  </si>
  <si>
    <t>【长鹿】10mm系列花形套筒\E20\国产</t>
  </si>
  <si>
    <t>【长鹿】10mm系列六角标准套筒\11mm\国产</t>
  </si>
  <si>
    <t>【长鹿】10mm系列六角标准套筒\15mm\国产</t>
  </si>
  <si>
    <t>【长鹿】10mm系列六角标准套筒\16mm\国产</t>
  </si>
  <si>
    <t>【长鹿】10mm系列六角标准套筒\17mm\国产</t>
  </si>
  <si>
    <t>【长鹿】10mm系列六角标准套筒\18mm\国产</t>
  </si>
  <si>
    <t>【长鹿】10mm系列六角标准套筒\21mm\国产</t>
  </si>
  <si>
    <t>【长鹿】10mm系列六角标准套筒\24mm\国产</t>
  </si>
  <si>
    <t>【长鹿】10mm系列六角标准套筒\8mm\国产</t>
  </si>
  <si>
    <t>【长鹿】10mm系列六角长套筒\10mm\国产</t>
  </si>
  <si>
    <t>【长鹿】10mm系列十字型旋具套筒\1PT\进口</t>
  </si>
  <si>
    <t>【长鹿】12.5mm系列公制六角标准套筒\10mm\国产</t>
  </si>
  <si>
    <t>【长鹿】12.5mm系列公制六角标准套筒\11mm\国产</t>
  </si>
  <si>
    <t>【长鹿】12.5mm系列公制六角标准套筒\12mm\国产</t>
  </si>
  <si>
    <t>【长鹿】12.5mm系列公制六角标准套筒\15mm\国产</t>
  </si>
  <si>
    <t>【长鹿】12.5mm系列公制六角标准套筒\16mm\国产</t>
  </si>
  <si>
    <t>【长鹿】12.5mm系列公制六角标准套筒\20mm\国产</t>
  </si>
  <si>
    <t>【长鹿】12.5mm系列公制六角标准套筒\21mm\国产</t>
  </si>
  <si>
    <t>【长鹿】12.5mm系列公制六角标准套筒\27mm\国产</t>
  </si>
  <si>
    <t>【长鹿】12.5mm系列公制六角标准套筒\32mm\国产</t>
  </si>
  <si>
    <t>【长鹿】12.5mm系列公制六角标准套筒\34mm\国产</t>
  </si>
  <si>
    <t>【长鹿】12.5mm系列公制六角标准套筒\8mm\国产</t>
  </si>
  <si>
    <t>【长鹿】12.5mm系列公制六角旋具套筒\10mm\进口</t>
  </si>
  <si>
    <t>【长鹿】12.5mm系列公制六角旋具套筒\12mm\进口</t>
  </si>
  <si>
    <t>【长鹿】12.5mm系列公制六角旋具套筒\14mm\进口</t>
  </si>
  <si>
    <t>【长鹿】12.5mm系列公制六角旋具套筒\17mm\进口</t>
  </si>
  <si>
    <t>【长鹿】12.5mm系列公制六角旋具套筒\5mm\进口</t>
  </si>
  <si>
    <t>【长鹿】12.5mm系列公制六角旋具套筒\8mm\进口</t>
  </si>
  <si>
    <t>【长鹿】12.5mm系列公制六角长旋具套筒\12mm\进口</t>
  </si>
  <si>
    <t>【长鹿】12.5mm系列公制六角长旋具套筒\14mm\进口</t>
  </si>
  <si>
    <t>【长鹿】12.5mm系列六角标准套筒\14mm\国产</t>
  </si>
  <si>
    <t>【长鹿】12.5mm系列六角标准套筒\17mm\国产</t>
  </si>
  <si>
    <t>【长鹿】12.5mm系列六角标准套筒\19mm\国产</t>
  </si>
  <si>
    <t>【长鹿】12.5mm系列六角长套筒\13mm\国产</t>
  </si>
  <si>
    <t>【长鹿】12.5mm系列六角长套筒\14mm\国产</t>
  </si>
  <si>
    <t>【长鹿】12.5mm系列六角长套筒\15mm\国产</t>
  </si>
  <si>
    <t>【长鹿】12.5mm系列六角长套筒\16mm\国产</t>
  </si>
  <si>
    <t>【长鹿】12.5mm系列六角长套筒\18mm\国产</t>
  </si>
  <si>
    <t>【长鹿】12.5mm系列六角长套筒\20mm\国产</t>
  </si>
  <si>
    <t>【长鹿】12.5mm系列六角长套筒\21mm\国产</t>
  </si>
  <si>
    <t>【长鹿】12.5mm系列十二标准套筒\10mm\国产</t>
  </si>
  <si>
    <t>【长鹿】12.5mm系列十二标准套筒\15mm\国产</t>
  </si>
  <si>
    <t>【长鹿】12.5mm系列十二标准套筒\17mm\国产</t>
  </si>
  <si>
    <t>【长鹿】12.5mm系列十二标准套筒\18mm\国产</t>
  </si>
  <si>
    <t>【长鹿】12.5mm系列十二标准套筒\23mm\国产</t>
  </si>
  <si>
    <t>【长鹿】12.5mm系列十二标准套筒\24mm\国产</t>
  </si>
  <si>
    <t>【长鹿】12.5mm系列十二标准套筒\25mm\国产</t>
  </si>
  <si>
    <t>【长鹿】12.5mm系列十二角标准套筒\19mm\国产</t>
  </si>
  <si>
    <t>【长鹿】12.5mm系列十二角长套筒\10mm\国产</t>
  </si>
  <si>
    <t>【长鹿】12.5mm系列十二角长套筒\13mm\国产</t>
  </si>
  <si>
    <t>【长鹿】12.5mm系列十二角长套筒\14mm\国产</t>
  </si>
  <si>
    <t>【长鹿】12.5mm系列十二角长套筒\17mm\国产</t>
  </si>
  <si>
    <t>【长鹿】12.5mm系列十二角长套筒\19mm\国产</t>
  </si>
  <si>
    <t>【长鹿】12.5mm系列英制12角套筒\13/16"\国产</t>
  </si>
  <si>
    <t>【长鹿】19mm系列L型套筒扳杆\460mm\合金钢\国标</t>
  </si>
  <si>
    <t>【长鹿】19mm系列公制十二角标准套筒\27mm\国产</t>
  </si>
  <si>
    <t>【长鹿】19mm系列公制十二角标准套筒\29mm\国产</t>
  </si>
  <si>
    <t>【长鹿】19mm系列公制十二角标准套筒\34mm\国产</t>
  </si>
  <si>
    <t>【长鹿】19mm系列公制十二角标准套筒\38mm\国产</t>
  </si>
  <si>
    <t>【长鹿】19mm系列公制十二角标准套筒\50mm\国产</t>
  </si>
  <si>
    <t>【长鹿】19mm系列公制十二角标准套筒\55mm\国产</t>
  </si>
  <si>
    <t>【长鹿】19mm系列公制十二角标准套筒\60mm\国产</t>
  </si>
  <si>
    <t>【长鹿】19mm系列十二角标准套筒\19mm\国产</t>
  </si>
  <si>
    <t>【长鹿】19mm系列十二角标准套筒\21mm\国产</t>
  </si>
  <si>
    <t>【长鹿】6.3mm系列六角标准套筒\10mm\国产</t>
  </si>
  <si>
    <t>【长鹿】6.3mm系列六角标准套筒\14mm\国产</t>
  </si>
  <si>
    <t>【长鹿】6.3mm系列六角标准套筒\4.5mm\国产</t>
  </si>
  <si>
    <t>【长鹿】6.3mm系列六角标准套筒\5.5mm\国产</t>
  </si>
  <si>
    <t>【长鹿】6.3mm系列六角标准套筒\6mm\国产</t>
  </si>
  <si>
    <t>【长鹿】6.3mm系列六角标准套筒\7mm\国产</t>
  </si>
  <si>
    <t>【长鹿】6.3mm系列六角标准套筒\8mm\国产</t>
  </si>
  <si>
    <t>【长鹿】6.3mm系列六角旋具套筒\5mm\进口</t>
  </si>
  <si>
    <t>【长鹿】6.3mm系列六角旋具套筒\7mm\进口</t>
  </si>
  <si>
    <t>【长鹿】6.3mm系列六角长套筒\10mm\国产</t>
  </si>
  <si>
    <t>【长鹿】6.3mm系列六角长套筒\11mm\国产</t>
  </si>
  <si>
    <t>【长鹿】6.3mm系列六角长套筒\12mm\国产</t>
  </si>
  <si>
    <t>【长鹿】6.3mm系列六角长套筒\13mm\国产</t>
  </si>
  <si>
    <t>【长鹿】6.3mm系列六角长套筒\6mm\国产</t>
  </si>
  <si>
    <t>【长鹿】6.3mm系列套筒\64件\国产</t>
  </si>
  <si>
    <t>【长鹿】6.3mm系列一字型旋具套筒\6.5mm\进口</t>
  </si>
  <si>
    <t>【长鹿】L型套筒扳杆\12.5mm\合金钢\国标</t>
  </si>
  <si>
    <t>【长鹿】公制T型套筒\10mm\进口</t>
  </si>
  <si>
    <t>【长鹿】公制T型套筒\13mm\进口</t>
  </si>
  <si>
    <t>【长鹿】公制T型套筒\17mm\进口</t>
  </si>
  <si>
    <t>【长鹿】公制T型套筒\8mm\进口</t>
  </si>
  <si>
    <t>【长鹿】10mm系列T型滑杆\200mm</t>
  </si>
  <si>
    <t>【长鹿】10mm系列接杆\10"\合金钢\国标</t>
  </si>
  <si>
    <t>【长鹿】10mm系列接杆\3"\合金钢\国标</t>
  </si>
  <si>
    <t>【长鹿】12.5mm系列接杆\10"\合金钢\国标</t>
  </si>
  <si>
    <t>【长鹿】12.5mm系列接杆\5"\合金钢\国标</t>
  </si>
  <si>
    <t>【长鹿】19mm系列接杆\8"\合金钢\国标</t>
  </si>
  <si>
    <t>【长鹿】6.3mm系列T型滑杆\115mm</t>
  </si>
  <si>
    <t>【长鹿】6.3mm系列接杆\4"\合金钢\GB/T20335</t>
  </si>
  <si>
    <t>【长鹿】12.5mm系列万向接头\68.5mm\国产</t>
  </si>
  <si>
    <t>【长鹿】6.3mm系列万向接头\34mm</t>
  </si>
  <si>
    <t>【长鹿】12.5mm系列起子变换头\5 16"</t>
  </si>
  <si>
    <t>【长鹿】14×18mm系列可换棘轮头\1/2"</t>
  </si>
  <si>
    <t>【长鹿】9×12mm系列可换棘轮头\1/4"</t>
  </si>
  <si>
    <t>【长鹿】9×12mm系列可换棘轮头\3/8"</t>
  </si>
  <si>
    <t>【长鹿】6.3mm系列起子变换头\1/4"</t>
  </si>
  <si>
    <t>【长鹿】10mm系列六角标准套筒\10mm\国产</t>
  </si>
  <si>
    <t>【长鹿】10mm系列六角标准套筒\12mm\国产</t>
  </si>
  <si>
    <t>【长鹿】10mm系列六角标准套筒\13mm\国产</t>
  </si>
  <si>
    <t>【长鹿】10mm系列六角标准套筒\14mm\国产</t>
  </si>
  <si>
    <t>【长鹿】10mm系列六角标准套筒\19mm\国产</t>
  </si>
  <si>
    <t>【长鹿】10mm系列六角标准套筒\22mm\国产</t>
  </si>
  <si>
    <t>【长鹿】10mm系列六角长套筒\12mm\国产</t>
  </si>
  <si>
    <t>【长鹿】10mm系列六角长套筒\13mm\国产</t>
  </si>
  <si>
    <t>【长鹿】10mm系列六角长套筒\14mm\国产</t>
  </si>
  <si>
    <t>【长鹿】10mm系列六角长套筒\17mm\国产</t>
  </si>
  <si>
    <t>【长鹿】10mm系列六角长套筒\19mm\国产</t>
  </si>
  <si>
    <t>【长鹿】10mm系列六角长套筒\8mm\国产</t>
  </si>
  <si>
    <t>【长鹿】12.5mm系列六角标准套筒\13mm\国产</t>
  </si>
  <si>
    <t>【长鹿】12.5mm系列六角标准套筒\18mm\国产</t>
  </si>
  <si>
    <t>【长鹿】12.5mm系列六角标准套筒\22mm\国产</t>
  </si>
  <si>
    <t>【长鹿】12.5mm系列六角标准套筒\24mm\国产</t>
  </si>
  <si>
    <t>【长鹿】12.5mm系列六角标准套筒\30mm\国产</t>
  </si>
  <si>
    <t>【长鹿】12.5mm系列六角旋具套筒\6mm\国产</t>
  </si>
  <si>
    <t>【长鹿】12.5mm系列六角长套筒\10mm\国产</t>
  </si>
  <si>
    <t>【长鹿】12.5mm系列六角长套筒\12mm\国产</t>
  </si>
  <si>
    <t>【长鹿】12.5mm系列六角长套筒\17mm\国产</t>
  </si>
  <si>
    <t>【长鹿】12.5mm系列六角长套筒\19mm\国产</t>
  </si>
  <si>
    <t>【长鹿】12.5mm系列六角长套筒\22mm\国产</t>
  </si>
  <si>
    <t>【长鹿】12.5mm系列六角长套筒\24mm\国产</t>
  </si>
  <si>
    <t>【长鹿】12.5mm系列六角长套筒\27mm\国产</t>
  </si>
  <si>
    <t>【长鹿】12.5mm系列十二角标准套筒\11mm\国产</t>
  </si>
  <si>
    <t>【长鹿】12.5mm系列十二角标准套筒\13mm\国产</t>
  </si>
  <si>
    <t>【长鹿】12.5mm系列十二角标准套筒\14mm\国产</t>
  </si>
  <si>
    <t>【长鹿】12.5mm系列十二角标准套筒\16mm\国产</t>
  </si>
  <si>
    <t>【长鹿】12.5mm系列十二角标准套筒\22mm\国产</t>
  </si>
  <si>
    <t>【长鹿】12.5mm系列十二角标准套筒\27mm\国产</t>
  </si>
  <si>
    <t>【长鹿】12.5mm系列十二角标准套筒\30mm\国产</t>
  </si>
  <si>
    <t>【长鹿】19mm系列十二角标准套筒\22mm\国产</t>
  </si>
  <si>
    <t>【长鹿】19mm系列十二角标准套筒\24mm\国产</t>
  </si>
  <si>
    <t>【长鹿】19mm系列十二角标准套筒\30mm\国产</t>
  </si>
  <si>
    <t>【长鹿】19mm系列十二角标准套筒\32mm\国产</t>
  </si>
  <si>
    <t>【长鹿】19mm系列十二角标准套筒\36mm\国产</t>
  </si>
  <si>
    <t>【长鹿】19mm系列十二角标准套筒\41mm\国产</t>
  </si>
  <si>
    <t>【长鹿】19mm系列十二角标准套筒\46mm\国产</t>
  </si>
  <si>
    <t>【长鹿】T型套筒\12mm\国产</t>
  </si>
  <si>
    <t>【长鹿】T型套筒\14mm\国产</t>
  </si>
  <si>
    <t>【长鹿】10mm系列钢柄快脱棘轮扳手\3/8"\国产</t>
  </si>
  <si>
    <t>【长鹿】6.3mm系列棘轮扳手\157mm A24.5mm H22.3mm h13\国产</t>
  </si>
  <si>
    <t>【长鹿】扳手组合\29件\国产</t>
  </si>
  <si>
    <t>【长鹿】单头开口扳手\30mm\国产</t>
  </si>
  <si>
    <t>【长鹿】单头开口扳手\46mm\国产</t>
  </si>
  <si>
    <t>【长鹿】单头开口扳手\50mm\国产</t>
  </si>
  <si>
    <t>【长鹿】单头开口扳手\60mm\国产</t>
  </si>
  <si>
    <t>【长鹿】单头开口扳手\65mm\国产</t>
  </si>
  <si>
    <t>【长鹿】单头开口扳手\70mm\国产</t>
  </si>
  <si>
    <t>【长鹿】两用大扳手\35mm\国产</t>
  </si>
  <si>
    <t>【长鹿】两用大扳手\38mm\国产</t>
  </si>
  <si>
    <t>【长鹿】两用大扳手\50mm\国产</t>
  </si>
  <si>
    <t>【长鹿】两用长扳手\16mm\国产</t>
  </si>
  <si>
    <t>【长鹿】两用长扳手\21mm\国产</t>
  </si>
  <si>
    <t>【长鹿】两用长扳手\22mm\国产</t>
  </si>
  <si>
    <t>【长鹿】两用长扳手\23mm\国产</t>
  </si>
  <si>
    <t>【长鹿】两用长扳手\32mm\国产</t>
  </si>
  <si>
    <t>【长鹿】欧式凹筋两用扳手\10mm\国产</t>
  </si>
  <si>
    <t>【长鹿】欧式凹筋两用扳手\11mm\国产</t>
  </si>
  <si>
    <t>【长鹿】欧式凹筋两用扳手\12mm\国产</t>
  </si>
  <si>
    <t>【长鹿】欧式凹筋两用扳手\13mm\国产</t>
  </si>
  <si>
    <t>【长鹿】欧式凹筋两用扳手\14mm\国产</t>
  </si>
  <si>
    <t>【长鹿】欧式凹筋两用扳手\15mm\国产</t>
  </si>
  <si>
    <t>【长鹿】欧式凹筋两用扳手\16mm\国产</t>
  </si>
  <si>
    <t>【长鹿】欧式凹筋两用扳手\17mm\国产</t>
  </si>
  <si>
    <t>【长鹿】欧式凹筋两用扳手\18mm\国产</t>
  </si>
  <si>
    <t>【长鹿】欧式凹筋两用扳手\19mm\国产</t>
  </si>
  <si>
    <t>【长鹿】欧式凹筋两用扳手\20mm\国产</t>
  </si>
  <si>
    <t>【长鹿】欧式凹筋两用扳手\21mm\国产</t>
  </si>
  <si>
    <t>【长鹿】欧式凹筋两用扳手\22mm\国产</t>
  </si>
  <si>
    <t>【长鹿】欧式凹筋两用扳手\23mm\国产</t>
  </si>
  <si>
    <t>【长鹿】欧式凹筋两用扳手\24mm\国产</t>
  </si>
  <si>
    <t>【长鹿】欧式凹筋两用扳手\25mm\国产</t>
  </si>
  <si>
    <t>【长鹿】欧式凹筋两用扳手\27mm\国产</t>
  </si>
  <si>
    <t>【长鹿】欧式凹筋两用扳手\30mm\国产</t>
  </si>
  <si>
    <t>【长鹿】欧式凹筋两用扳手\32mm\国产</t>
  </si>
  <si>
    <t>【长鹿】欧式凹筋两用扳手\6mm\国产</t>
  </si>
  <si>
    <t>【长鹿】欧式凹筋两用扳手\7mm\国产</t>
  </si>
  <si>
    <t>【长鹿】欧式凹筋两用扳手\8mm\国产</t>
  </si>
  <si>
    <t>【长鹿】欧式凹筋两用扳手\9mm\国产</t>
  </si>
  <si>
    <t>【长鹿】欧式凹筋两用扳手组套\21件\国产</t>
  </si>
  <si>
    <t>【长鹿】敲击开口扳手\41mm\国产</t>
  </si>
  <si>
    <t>【长鹿】敲击开口扳手\80mm\国产</t>
  </si>
  <si>
    <t>【长鹿】敲击开口扳手\85mm\国产</t>
  </si>
  <si>
    <t>【长鹿】梅花敲击扳手\80mm\国产</t>
  </si>
  <si>
    <t>【长鹿】敲击梅花扳手\95mm\国产</t>
  </si>
  <si>
    <t>【长鹿】双开口扳手\13×16mm\国产</t>
  </si>
  <si>
    <t>【长鹿】双开口扳手\23mm×26mm\国产</t>
  </si>
  <si>
    <t>【长鹿】双开口扳手\27×30mm\国产</t>
  </si>
  <si>
    <t>【长鹿】双开口扳手\32×36mm\国产</t>
  </si>
  <si>
    <t>【长鹿】双开口扳手\34×36mm\国产</t>
  </si>
  <si>
    <t>【长鹿】双开口扳手\36×41mm\国产</t>
  </si>
  <si>
    <t>【长鹿】双开口扳手\6mm×7mm\国产</t>
  </si>
  <si>
    <t>【长鹿】双梅花扳手\10×12mm\国产</t>
  </si>
  <si>
    <t>【长鹿】双梅花扳手\16×18mm\国产</t>
  </si>
  <si>
    <t>【长鹿】双梅花扳手\21×23mm\国产</t>
  </si>
  <si>
    <t>【长鹿】双梅花扳手\23×26mm\国产</t>
  </si>
  <si>
    <t>【长鹿】双梅花扳手\32×36mm\国产</t>
  </si>
  <si>
    <t>【长鹿】双梅花扳手\36×41mm\国产</t>
  </si>
  <si>
    <t>【长鹿】双梅花扳手\6×7mm\国产</t>
  </si>
  <si>
    <t>【长鹿】英制全抛光两用扳手\1-1/16"\国产</t>
  </si>
  <si>
    <t>【长鹿】英制全抛光两用扳手\1-1/8"\国产</t>
  </si>
  <si>
    <t>【长鹿】英制全抛光两用扳手\13/16"\国产</t>
  </si>
  <si>
    <t>【长鹿】英制全抛光两用扳手\3/4"\国产</t>
  </si>
  <si>
    <t>【长鹿】英制全抛光两用扳手\3/8"\国产</t>
  </si>
  <si>
    <t>【长鹿】英制全抛光两用扳手\5/8"\国产</t>
  </si>
  <si>
    <t>【长鹿】英制全抛光两用扳手\9/16"\国产</t>
  </si>
  <si>
    <t>【长鹿】活头棘开两用快扳\8mm\进口</t>
  </si>
  <si>
    <t>【长鹿】活头棘开两用快扳\9mm\进口</t>
  </si>
  <si>
    <t>【长鹿】活头棘开两用快扳\12mm\进口</t>
  </si>
  <si>
    <t>【长鹿】活头棘开两用快扳\13mm\进口</t>
  </si>
  <si>
    <t>【长鹿】活头棘开两用快扳\14mm\进口</t>
  </si>
  <si>
    <t>【长鹿】活头棘开两用快扳\15mm\进口</t>
  </si>
  <si>
    <t>【长鹿】活头棘开两用快扳\16mm\进口</t>
  </si>
  <si>
    <t>【长鹿】活头棘开两用快扳\17mm\进口</t>
  </si>
  <si>
    <t>【长鹿】活头棘开两用快扳\18mm\进口</t>
  </si>
  <si>
    <t>【长鹿】活头棘开两用快扳\19mm\进口</t>
  </si>
  <si>
    <t>【长鹿】快扳\8mm\进口</t>
  </si>
  <si>
    <t>【长鹿】双向棘开两用快扳\10mm\进口</t>
  </si>
  <si>
    <t>【长鹿】双向棘开两用快扳\12mm\进口</t>
  </si>
  <si>
    <t>【长鹿】双向棘开两用快扳\13mm\进口</t>
  </si>
  <si>
    <t>【长鹿】双向棘开两用快扳\14mm\进口</t>
  </si>
  <si>
    <t>【长鹿】双向棘开两用快扳\16mm\进口</t>
  </si>
  <si>
    <t>【长鹿】双向棘开两用快扳\17mm\进口</t>
  </si>
  <si>
    <t>【长鹿】双向棘开两用快扳\19mm\进口</t>
  </si>
  <si>
    <t>【长鹿】双向棘开两用快扳\21mm\进口</t>
  </si>
  <si>
    <t>【长鹿】双向棘开两用快扳\22mm\进口</t>
  </si>
  <si>
    <t>【长鹿】双向棘开两用快扳\24mm\进口</t>
  </si>
  <si>
    <t>【长鹿】双向棘开两用快扳\27mm\进口</t>
  </si>
  <si>
    <t>【长鹿】双向棘开两用快扳\32mm\进口</t>
  </si>
  <si>
    <t>【长鹿】棘开两用长快扳\8mm\进口</t>
  </si>
  <si>
    <t>【长鹿】棘开两用长快扳\9mm\进口</t>
  </si>
  <si>
    <t>【长鹿】棘开两用长快扳\10mm\进口</t>
  </si>
  <si>
    <t>【长鹿】棘开两用长快扳\11mm\进口</t>
  </si>
  <si>
    <t>【长鹿】棘开两用长快扳\12mm\进口</t>
  </si>
  <si>
    <t>【长鹿】棘开两用长快扳\13mm\进口</t>
  </si>
  <si>
    <t>【长鹿】棘开两用长快扳\14mm\进口</t>
  </si>
  <si>
    <t>【长鹿】棘开两用长快扳\15mm\进口</t>
  </si>
  <si>
    <t>【长鹿】棘开两用长快扳\16mm\进口</t>
  </si>
  <si>
    <t>【长鹿】棘开两用长快扳\17mm\进口</t>
  </si>
  <si>
    <t>【长鹿】棘开两用长快扳\18mm\进口</t>
  </si>
  <si>
    <t>【长鹿】棘开两用长快扳\19mm\进口</t>
  </si>
  <si>
    <t>【长鹿】棘开两用长快扳\22mm\进口</t>
  </si>
  <si>
    <t>【长鹿】棘开两用长快扳\24mm\进口</t>
  </si>
  <si>
    <t>【长鹿】棘开两用长快扳\30mm\进口</t>
  </si>
  <si>
    <t>【长鹿】棘开两用长快扳\32mm\进口</t>
  </si>
  <si>
    <t>【长鹿】棘轮两用快扳吹塑盒组套\12件\进口</t>
  </si>
  <si>
    <t>【长鹿】基本维修组套\16件\国产</t>
  </si>
  <si>
    <t>【长鹿】通用工具套装\20件\国产</t>
  </si>
  <si>
    <t>【长鹿】英制套筒组套\1/2" 25件\国产</t>
  </si>
  <si>
    <t>【长鹿】12.5mm系列综合组套\25件\国产</t>
  </si>
  <si>
    <t>【长鹿】通用工具套装\25件\国产</t>
  </si>
  <si>
    <t>【长鹿】综合性组套\42件\国产</t>
  </si>
  <si>
    <t>【长鹿】机械维修组套\61件\国产</t>
  </si>
  <si>
    <t>【长鹿】综合性组套\79件\国产</t>
  </si>
  <si>
    <t>【长鹿】综合性组套\120件\国产</t>
  </si>
  <si>
    <t>【长鹿】综合性组套工具\150件\国产</t>
  </si>
  <si>
    <t>【长鹿】10mm系列梨型头快速脱落胶柄棘轮扳手\10mm\国产</t>
  </si>
  <si>
    <t>【长鹿】12.5mm系列梨型头快速脱落胶柄棘轮扳手\12.5mm\国产</t>
  </si>
  <si>
    <t>【长鹿】19mm系列棘轮扳手\19mm\国产</t>
  </si>
  <si>
    <t>【长鹿】单头开口扳手\41mm\国产</t>
  </si>
  <si>
    <t>【长鹿】单头开口扳手\55mm\国产</t>
  </si>
  <si>
    <t>【长鹿】公制精抛光双开口扳手\13件神华\国产</t>
  </si>
  <si>
    <t>【长鹿】公制精抛光双开口扳手\17×19mm 神华\国产</t>
  </si>
  <si>
    <t>【长鹿】精抛光两用长扳手\14件\国产</t>
  </si>
  <si>
    <t>【长鹿】精抛光两用长扳手\19mm\国产</t>
  </si>
  <si>
    <t>【长鹿】精抛光两用长扳手\20mm\国产</t>
  </si>
  <si>
    <t>【长鹿】精抛光两用长扳手\23件\国产</t>
  </si>
  <si>
    <t>【长鹿】精抛光两用长扳手\24mm\国产</t>
  </si>
  <si>
    <t>【长鹿】精抛光两用长扳手\27mm\国产</t>
  </si>
  <si>
    <t>【长鹿】精抛光两用长扳手\30mm\国产</t>
  </si>
  <si>
    <t>【长鹿】精抛光两用长柄扳手\14mm\国产</t>
  </si>
  <si>
    <t>【长鹿】精抛光两用长柄扳手\17mm\国产</t>
  </si>
  <si>
    <t>【长鹿】精抛光两用长柄扳手\18mm\国产</t>
  </si>
  <si>
    <t>【长鹿】精抛光双开口扳手\10×12mm 神华\国产</t>
  </si>
  <si>
    <t>【长鹿】精抛光双开口扳手\12×14mm\国产</t>
  </si>
  <si>
    <t>【长鹿】精抛光双开口扳手\14×17mm 神华\国产</t>
  </si>
  <si>
    <t>【长鹿】精抛光双开口扳手\22×24mm 神华\国产</t>
  </si>
  <si>
    <t>【长鹿】精抛光双开口扳手\30×32mm 神华\国产</t>
  </si>
  <si>
    <t>【长鹿】精抛光双开口扳手\8×10mm 神华\国产</t>
  </si>
  <si>
    <t>【长鹿】精抛光双梅花扳手\11×13mm 神华\国产</t>
  </si>
  <si>
    <t>【长鹿】精抛光双梅花扳手\12×14mm 神华\国产</t>
  </si>
  <si>
    <t>【长鹿】精抛光双梅花扳手\14×17mm 神华\国产</t>
  </si>
  <si>
    <t>【长鹿】链条扳手\15"\国产</t>
  </si>
  <si>
    <t>【长鹿】两用大扳手\34mm\国产</t>
  </si>
  <si>
    <t>【长鹿】两用大扳手\36mm\国产</t>
  </si>
  <si>
    <t>【长鹿】两用大扳手\41mm\国产</t>
  </si>
  <si>
    <t>【长鹿】两用大扳手\46mm\国产</t>
  </si>
  <si>
    <t>【长鹿】梅花锤击扳手\50mm\国产</t>
  </si>
  <si>
    <t>【长鹿】梅花锤击扳手\70mm\国产</t>
  </si>
  <si>
    <t>【长鹿】敲击开口扳手\30mm\国产</t>
  </si>
  <si>
    <t>【长鹿】敲击开口扳手\32mm\国产</t>
  </si>
  <si>
    <t>【长鹿】敲击开口扳手\36mm\国产</t>
  </si>
  <si>
    <t>【长鹿】敲击开口扳手\46mm\国产</t>
  </si>
  <si>
    <t>【长鹿】敲击开口扳手\50mm\国产</t>
  </si>
  <si>
    <t>【长鹿】敲击开口扳手\55mm\国产</t>
  </si>
  <si>
    <t>【长鹿】敲击开口扳手\65mm\国产</t>
  </si>
  <si>
    <t>【长鹿】敲击开口扳手\75mm\国产</t>
  </si>
  <si>
    <t>【长鹿】敲击梅花扳手\27mm\国产</t>
  </si>
  <si>
    <t>【长鹿】敲击梅花扳手\30mm\国产</t>
  </si>
  <si>
    <t>【长鹿】敲击梅花扳手\32mm\国产</t>
  </si>
  <si>
    <t>【长鹿】敲击梅花扳手\36mm\国产</t>
  </si>
  <si>
    <t>【长鹿】敲击梅花扳手\41mm\国产</t>
  </si>
  <si>
    <t>【长鹿】敲击梅花扳手\46mm\国产</t>
  </si>
  <si>
    <t>【长鹿】敲击梅花扳手\55mm\国产</t>
  </si>
  <si>
    <t>【长鹿】敲击梅花扳手\60mm\国产</t>
  </si>
  <si>
    <t>【长鹿】敲击梅花扳手\65mm\国产</t>
  </si>
  <si>
    <t>【长鹿】敲击梅花扳手\75mm\国产</t>
  </si>
  <si>
    <t>【长鹿】敲击梅花扳手\85mm\国产</t>
  </si>
  <si>
    <t>【长鹿】全抛光英制两用扳手\14件\国产</t>
  </si>
  <si>
    <t>【长鹿】双开口扳手\10×12mm\国产</t>
  </si>
  <si>
    <t>【长鹿】双开口扳手\11×13mm 神华\国产</t>
  </si>
  <si>
    <t>【长鹿】双开口扳手\11×13mm\国产</t>
  </si>
  <si>
    <t>【长鹿】双开口扳手\13×15mm\国产</t>
  </si>
  <si>
    <t>【长鹿】双开口扳手\14×17mm\国产</t>
  </si>
  <si>
    <t>【长鹿】双开口扳手\16×18mm\国产</t>
  </si>
  <si>
    <t>【长鹿】双开口扳手\17×19mm\国产</t>
  </si>
  <si>
    <t>【长鹿】双开口扳手\19×22mm 神华\国产</t>
  </si>
  <si>
    <t>【长鹿】双开口扳手\21×23mm\国产</t>
  </si>
  <si>
    <t>【长鹿】双开口扳手\22×24mm\国产</t>
  </si>
  <si>
    <t>【长鹿】双开口扳手\24×27mm 神华\国产</t>
  </si>
  <si>
    <t>【长鹿】双开口扳手\24×27mm\国产</t>
  </si>
  <si>
    <t>【长鹿】双梅花扳手\13×15mm\国产</t>
  </si>
  <si>
    <t>【长鹿】双梅花扳手\14×17mm\国产</t>
  </si>
  <si>
    <t>【长鹿】双梅花扳手\17×19mm 神华\国产</t>
  </si>
  <si>
    <t>【长鹿】双梅花扳手\17×19mm\国产</t>
  </si>
  <si>
    <t>【长鹿】双梅花扳手\19×21mm\国产</t>
  </si>
  <si>
    <t>【长鹿】双梅花扳手\19×22mm\国产</t>
  </si>
  <si>
    <t>【长鹿】双梅花扳手\22×24mm 神华\国产</t>
  </si>
  <si>
    <t>【长鹿】双梅花扳手\22×24mm\国产</t>
  </si>
  <si>
    <t>【长鹿】双梅花扳手\24×27mm 神华\国产</t>
  </si>
  <si>
    <t>【长鹿】双梅花扳手\24×27mm\国产</t>
  </si>
  <si>
    <t>【长鹿】双梅花扳手\27×30mm\国产</t>
  </si>
  <si>
    <t>【长鹿】双梅花扳手\30×32mm 神华\国产</t>
  </si>
  <si>
    <t>【长鹿】双梅花扳手\8×10mm\国产</t>
  </si>
  <si>
    <t>【长鹿】双梅花扳手组合\11件\国产</t>
  </si>
  <si>
    <t>【长鹿】双头呆扳手\30-32mm\国产</t>
  </si>
  <si>
    <t>【长鹿】套柄铬钒钢活扳手\10"\国产</t>
  </si>
  <si>
    <t>【长鹿】套柄铬钒钢活扳手\12"\国产</t>
  </si>
  <si>
    <t>【长鹿】套柄铬钒钢活扳手\6"\国产</t>
  </si>
  <si>
    <t>【长鹿】套柄铬钒钢活扳手\8"\国产</t>
  </si>
  <si>
    <t>【长鹿】油管扳手\8×10mm\国产</t>
  </si>
  <si>
    <t>【长鹿】油管扳手\10×12mm\国产</t>
  </si>
  <si>
    <t>【长鹿】油管扳手\13×14mm\国产</t>
  </si>
  <si>
    <t>【长鹿】重型铬钒钢活扳手\8"\国产</t>
  </si>
  <si>
    <t>【长鹿】重型铬钒钢活扳手\12"\国产</t>
  </si>
  <si>
    <t>【长鹿】重型活扳手\10" 神华\国产</t>
  </si>
  <si>
    <t>【长鹿】重型活扳手\12"神华\国产</t>
  </si>
  <si>
    <t>【长鹿】活扳手\18"\国产</t>
  </si>
  <si>
    <t>【长鹿】沾塑柄活络扳手\24" 神华\国产</t>
  </si>
  <si>
    <t>【长鹿】专利型防滑两用扳手\17mm\国产</t>
  </si>
  <si>
    <t>【长鹿】活头棘开两用快扳\10mm\国产</t>
  </si>
  <si>
    <t>【长鹿】活头棘开两用快扳\11mm\国产</t>
  </si>
  <si>
    <t>【长鹿】活头棘轮快扳吹塑盒组套\7件\国产</t>
  </si>
  <si>
    <t>【长鹿】双梅花快扳\16mm×18mm\国产</t>
  </si>
  <si>
    <t>【长鹿】双梅花快扳\17mm×19mm\国产</t>
  </si>
  <si>
    <t>【长鹿】双向棘开两用快扳\30mm 神华\国产</t>
  </si>
  <si>
    <t>【长鹿】双向棘开两用快扳\30mm\国产</t>
  </si>
  <si>
    <t>【长鹿】综合性组套\28件\国产</t>
  </si>
  <si>
    <t>【长鹿】12.5mm系列组套\20件\国产</t>
  </si>
  <si>
    <t>【长鹿】19mm系列组套\15件\国产</t>
  </si>
  <si>
    <t>【长鹿】6.3mm系列组套\38件\国产</t>
  </si>
  <si>
    <t>【长鹿】基本维修套装\8件\国产</t>
  </si>
  <si>
    <t>【长鹿】精抛光棘开两用长快扳组套\8件\国产</t>
  </si>
  <si>
    <t>【长鹿】两用长扳手\13mm\国产</t>
  </si>
  <si>
    <t>【长鹿】两用长扳手\15mm\国产</t>
  </si>
  <si>
    <t>【长鹿】两用长扳手\25mm\国产</t>
  </si>
  <si>
    <t>【长鹿】两用长扳手\5.5mm\国产</t>
  </si>
  <si>
    <t>【长鹿】两用长扳手\6mm\国产</t>
  </si>
  <si>
    <t>【长鹿】两用长扳手\7mm\国产</t>
  </si>
  <si>
    <t>【长鹿】两用长扳手\8mm\国产</t>
  </si>
  <si>
    <t>【长鹿】两用长扳手\9mm\国产</t>
  </si>
  <si>
    <t>【长鹿】敲击开口扳手\100mm\国产</t>
  </si>
  <si>
    <t>【长鹿】敲击开口扳手\105mm\国产</t>
  </si>
  <si>
    <t>【长鹿】敲击开口扳手\90mm\国产</t>
  </si>
  <si>
    <t>【长鹿】敲击开口扳手\95mm\国产</t>
  </si>
  <si>
    <t>【长鹿】敲击梅花扳手\100mm\国产</t>
  </si>
  <si>
    <t>【长鹿】敲击梅花扳手\105mm\国产</t>
  </si>
  <si>
    <t>【长鹿】敲击梅花扳手\110mm\国产</t>
  </si>
  <si>
    <t>【长鹿】敲击梅花扳手\115mm\国产</t>
  </si>
  <si>
    <t>【长鹿】敲击梅花扳手\120mm\国产</t>
  </si>
  <si>
    <t>【长鹿】敲击梅花扳手\90mm\国产</t>
  </si>
  <si>
    <t>【长鹿】双开口扳手\7mm×9mm\国产</t>
  </si>
  <si>
    <t>【长鹿】双梅花扳手\6件\国产</t>
  </si>
  <si>
    <t>【长鹿】重型铬钒钢活扳手\6"\国产</t>
  </si>
  <si>
    <t>【长鹿】专利型防滑两用扳手\7mm\国产</t>
  </si>
  <si>
    <t>【长鹿】双梅花快扳\12mm×13mm\进口</t>
  </si>
  <si>
    <t>【长鹿】双梅花快扳\14mm×15mm\进口</t>
  </si>
  <si>
    <t>【长鹿】双梅花快扳\8mm×10mm\进口</t>
  </si>
  <si>
    <t>【长鹿】双向棘开两用快扳\18mm\进口</t>
  </si>
  <si>
    <t>【长鹿】棘开两用长快扳\27mm\进口</t>
  </si>
  <si>
    <t>【长鹿】多用旋具组套\16件\国产</t>
  </si>
  <si>
    <t>【长鹿】全抛光双梅花快扳组套\5件\国产</t>
  </si>
  <si>
    <t>【长鹿】英制全抛光两用扳手\1"\国产</t>
  </si>
  <si>
    <t>【长鹿】英制全抛光两用扳手\1/2"\国产</t>
  </si>
  <si>
    <t>【长鹿】英制全抛光两用扳手\1/4"\国产</t>
  </si>
  <si>
    <t>【长鹿】英制全抛光两用扳手\11/16"\国产</t>
  </si>
  <si>
    <t>【长鹿】英制全抛光两用扳手\1-1/4"\国产</t>
  </si>
  <si>
    <t>【长鹿】英制全抛光两用扳手\15/16"\国产</t>
  </si>
  <si>
    <t>【长鹿】英制全抛光两用扳手\5/16"\国产</t>
  </si>
  <si>
    <t>【长鹿】英制全抛光两用扳手\7/16"\国产</t>
  </si>
  <si>
    <t>【长鹿】英制全抛光两用扳手\7/8"\国产</t>
  </si>
  <si>
    <t>【长鹿】精抛光两用长扳手\11件\国产</t>
  </si>
  <si>
    <t>【长鹿】精抛光两用长柄扳手\10mm\国产</t>
  </si>
  <si>
    <t>【长鹿】精抛光两用长柄扳手\11×13mm\国产</t>
  </si>
  <si>
    <t>【长鹿】精抛光两用长柄扳手\12mm\国产</t>
  </si>
  <si>
    <t>【长鹿】精抛光双梅花扳手\12×14mm\国产</t>
  </si>
  <si>
    <t>【长鹿】敲击开口扳手\60mm\国产</t>
  </si>
  <si>
    <t>【长鹿】敲击开口扳手\70mm\国产</t>
  </si>
  <si>
    <t>【长鹿】双开口扳手\19×22mm\国产</t>
  </si>
  <si>
    <t>【长鹿】双开口扳手\8×10mm\国产</t>
  </si>
  <si>
    <t>【长鹿】双梅花扳手\11×13mm\国产</t>
  </si>
  <si>
    <t>【长鹿】双梅花扳手\12×14mm\国产</t>
  </si>
  <si>
    <t>【长鹿】棘开两用加长快扳\8件\国产</t>
  </si>
  <si>
    <t>【长鹿】棘开两用长快扳\21mm\国产</t>
  </si>
  <si>
    <t>【长鹿】单头开口扳手\32mm\国产</t>
  </si>
  <si>
    <t>【长鹿】单头开口扳手\34mm\国产</t>
  </si>
  <si>
    <t>【长鹿】单头开口扳手\36mm\国产</t>
  </si>
  <si>
    <t>【长鹿】T型球形内六角扳手\10mm\国产</t>
  </si>
  <si>
    <t>【长鹿】T型球形内六角扳手\4mm\国产</t>
  </si>
  <si>
    <t>【长鹿】T型球形内六角扳手\5mm\国产</t>
  </si>
  <si>
    <t>【长鹿】T型球形内六角扳手\6mm\国产</t>
  </si>
  <si>
    <t>【长鹿】T型球形内六角扳手\8mm\国产</t>
  </si>
  <si>
    <t>【长鹿】标长内六角扳手\2mm\国产</t>
  </si>
  <si>
    <t>【长鹿】标长内六角扳手\2.5mm\国产</t>
  </si>
  <si>
    <t>【长鹿】标长内六角扳手\5mm\国产</t>
  </si>
  <si>
    <t>【长鹿】内六角扳手\T型 2.5mm\国产</t>
  </si>
  <si>
    <t>【长鹿】内六角扳手\T型 2mm\国产</t>
  </si>
  <si>
    <t>【长鹿】内六角扳手\T型 4mm\国产</t>
  </si>
  <si>
    <t>【长鹿】内六角扳手\T型 5mm\国产</t>
  </si>
  <si>
    <t>【长鹿】内六角扳手\T型 8mm\国产</t>
  </si>
  <si>
    <t>【长鹿】球头内六角扳手\3mm\国产</t>
  </si>
  <si>
    <t>【长鹿】球头内六角扳手\4mm\国产</t>
  </si>
  <si>
    <t>【长鹿】球头内六角扳手\6mm\国产</t>
  </si>
  <si>
    <t>【长鹿】球头内六角扳手\9件\国产</t>
  </si>
  <si>
    <t>【长鹿】球形长内六角扳手\10mm\国产</t>
  </si>
  <si>
    <t>【长鹿】球形长内六角扳手\2mm\国产</t>
  </si>
  <si>
    <t>【长鹿】特长内六角扳手\1.5mm\国产</t>
  </si>
  <si>
    <t>【长鹿】特长内六角扳手\2.5mm\国产</t>
  </si>
  <si>
    <t>【长鹿】特长内六角扳手\2mm\国产</t>
  </si>
  <si>
    <t>【长鹿】特长内六角扳手\3mm\国产</t>
  </si>
  <si>
    <t>【长鹿】特长内六角扳手\5mm\国产</t>
  </si>
  <si>
    <t>【长鹿】英制加长内六角扳手\12件\国产</t>
  </si>
  <si>
    <t>【长鹿】英制长球形内六角扳手\1/16"\国产</t>
  </si>
  <si>
    <t>【长鹿】英制长球形内六角扳手\1/4"\国产</t>
  </si>
  <si>
    <t>【长鹿】英制长球形内六角扳手\3/16"\国产</t>
  </si>
  <si>
    <t>【长鹿】英制长球形内六角扳手\3/8"\国产</t>
  </si>
  <si>
    <t>【长鹿】英制长球形内六角扳手\5/16"\国产</t>
  </si>
  <si>
    <t>【长鹿】英制长球形内六角扳手\5/32\国产</t>
  </si>
  <si>
    <t>【长鹿】英制长球形内六角扳手\7/32\国产</t>
  </si>
  <si>
    <t>【长鹿】英制长球形内六角扳手\7/64\国产</t>
  </si>
  <si>
    <t>【长鹿】英制长球形内六角扳手\9/64\国产</t>
  </si>
  <si>
    <t>【长鹿】长L型扳手\T6-T25\国产</t>
  </si>
  <si>
    <t>【长鹿】长L型带中孔花形扳手\T10\国产</t>
  </si>
  <si>
    <t>【长鹿】长L型带中孔花形扳手\T20\国产</t>
  </si>
  <si>
    <t>【长鹿】长L型带中孔花形扳手\T25\国产</t>
  </si>
  <si>
    <t>【长鹿】长内六角扳手\1.5mm\国产</t>
  </si>
  <si>
    <t>【长鹿】折叠式公制球头内六角扳手\8件\国产</t>
  </si>
  <si>
    <t>【长鹿】长球头内六角扳手\10件\国产</t>
  </si>
  <si>
    <t>【长鹿】长球头内六角扳手\12件\国产</t>
  </si>
  <si>
    <t>【长鹿】T型内六角扳手\10mm\国产</t>
  </si>
  <si>
    <t>【长鹿】T型内六角扳手\6mm\国产</t>
  </si>
  <si>
    <t>【长鹿】公制加长内六角扳手\22mm\国产</t>
  </si>
  <si>
    <t>【长鹿】公制特长内六角扳手\9件 神华\国产</t>
  </si>
  <si>
    <t>【长鹿】加长内六角扳手\9件\国产</t>
  </si>
  <si>
    <t>【长鹿】球形内六角扳手\5mm\国产</t>
  </si>
  <si>
    <t>【长鹿】球形长内六角扳手\5mm\国产</t>
  </si>
  <si>
    <t>【长鹿】特长球头内六角扳手\S050011 9件\国产</t>
  </si>
  <si>
    <t>【长鹿】长内六角扳手\10件\国产</t>
  </si>
  <si>
    <t>【长鹿】长内六角扳手\12mm 神华\国产</t>
  </si>
  <si>
    <t>【长鹿】长内六角扳手\14mm\国产</t>
  </si>
  <si>
    <t>【长鹿】长内六角扳手\16mm\国产</t>
  </si>
  <si>
    <t>【长鹿】长内六角扳手\17mm\国产</t>
  </si>
  <si>
    <t>【长鹿】长内六角扳手\18mm\国产</t>
  </si>
  <si>
    <t>【长鹿】长内六角扳手\19mm\国产</t>
  </si>
  <si>
    <t>【长鹿】长内六角扳手\22mm\国产</t>
  </si>
  <si>
    <t>【长鹿】长内六角扳手\24mm\国产</t>
  </si>
  <si>
    <t>【长鹿】长内六角扳手\27mm\国产</t>
  </si>
  <si>
    <t>【长鹿】长内六角扳手\5mm\国产</t>
  </si>
  <si>
    <t>【长鹿】折叠式内六角扳手\8件\国产</t>
  </si>
  <si>
    <t>【长鹿】内六角扳手\T型 3mm\国产</t>
  </si>
  <si>
    <t>【长鹿】内六角扳手\T型 7mm\国产</t>
  </si>
  <si>
    <t>【长鹿】球头内六角扳手\1.5mm\国产</t>
  </si>
  <si>
    <t>【长鹿】球头内六角扳手\2.5mm\国产</t>
  </si>
  <si>
    <t>【长鹿】球头内六角扳手\2mm\国产</t>
  </si>
  <si>
    <t>【长鹿】球形长内六角扳手\1.5mm\国产</t>
  </si>
  <si>
    <t>【长鹿】球形长内六角扳手\2.5mm\国产</t>
  </si>
  <si>
    <t>【长鹿】球形长内六角扳手\3mm\国产</t>
  </si>
  <si>
    <t>【长鹿】球形长内六角扳手\4mm\国产</t>
  </si>
  <si>
    <t>【长鹿】球形长内六角扳手\5.5mm\国产</t>
  </si>
  <si>
    <t>【长鹿】球形长内六角扳手\6mm\国产</t>
  </si>
  <si>
    <t>【长鹿】球形长内六角扳手\8mm\国产</t>
  </si>
  <si>
    <t>【长鹿】特长内六角扳手\7mm\国产</t>
  </si>
  <si>
    <t>【长鹿】特长球头内六角扳手\2mm\国产</t>
  </si>
  <si>
    <t>【长鹿】特长球头内六角扳手\3mm\国产</t>
  </si>
  <si>
    <t>【长鹿】长L型带中孔花形扳手\T15\国产</t>
  </si>
  <si>
    <t>【长鹿】长L型带中孔花形扳手\T27\国产</t>
  </si>
  <si>
    <t>【长鹿】长L型带中孔花形扳手\T30\国产</t>
  </si>
  <si>
    <t>【长鹿】长L型带中孔花形扳手\T40\国产</t>
  </si>
  <si>
    <t>【长鹿】长L型带中孔花形扳手\T45\国产</t>
  </si>
  <si>
    <t>【长鹿】长L型带中孔花形扳手\T50\国产</t>
  </si>
  <si>
    <t>【长鹿】长L型带中孔花形扳手\T55\国产</t>
  </si>
  <si>
    <t>【长鹿】长L型带中孔花形扳手\T6\国产</t>
  </si>
  <si>
    <t>【长鹿】长L型带中孔花形扳手\T7\国产</t>
  </si>
  <si>
    <t>【长鹿】长L型带中孔花形扳手\T8\国产</t>
  </si>
  <si>
    <t>【长鹿】长L型带中孔花形扳手\T9\国产</t>
  </si>
  <si>
    <t>【长鹿】长内六角扳手\2.5mm\国产</t>
  </si>
  <si>
    <t>【长鹿】长内六角扳手\3mm\国产</t>
  </si>
  <si>
    <t>【包钢（万水泉站）】钢轨\50kg/m\25.00m\有孔\U71Mn</t>
  </si>
  <si>
    <t>内蒙古包钢钢联股份有限公司</t>
  </si>
  <si>
    <t>包钢</t>
  </si>
  <si>
    <t>GNWZBP(TH)ZECG2020-045</t>
  </si>
  <si>
    <t>国家能源e购商城包钢钢轨配件万水泉站商城铺货长协采购框架合同</t>
  </si>
  <si>
    <t>【包钢（万水泉站）】钢轨\50kg/m\12.50m\有孔\U71Mn</t>
  </si>
  <si>
    <t>【包钢（万水泉站）】淬火钢轨\60kg/m\350.00m\无孔\U75V</t>
  </si>
  <si>
    <t>【包钢（万水泉站）】淬火钢轨\60kg/m\25.00m\一端孔\U75V</t>
  </si>
  <si>
    <t>【包钢（万水泉站）】钢轨\60kg/m\12.50m\有孔\U71Mn</t>
  </si>
  <si>
    <t>【包钢（万水泉站）】钢轨\新廓形60N\500.00m\无孔\U75V</t>
  </si>
  <si>
    <t>【包钢（万水泉站）】钢轨\60kg/m\12.50m\有孔\U75V</t>
  </si>
  <si>
    <t>【包钢（万水泉站）】钢轨\75kg/m\25.00m\有孔\U75V</t>
  </si>
  <si>
    <t>【包钢（万水泉站）】钢轨\50kg/m\25.00m\一端孔\U71Mn</t>
  </si>
  <si>
    <t>【包钢（万水泉站）】钢轨\75kg/m\12.50m\有孔\U75V</t>
  </si>
  <si>
    <t>【包钢（万水泉站）】钢轨\60kg/m\25.00m\一端孔\U71Mn</t>
  </si>
  <si>
    <t>【包钢（万水泉站）】淬火钢轨\新廓形60N\500.00m\无孔\U75V</t>
  </si>
  <si>
    <t>【包钢（万水泉站）】钢轨\60kg/m\500.00m\无孔\U76CrRe</t>
  </si>
  <si>
    <t>【包钢（万水泉站）】淬火钢轨\60kg/m\25.00m\有孔\U75V</t>
  </si>
  <si>
    <t>【包钢（万水泉站）】钢轨\60kg/m\24.96m\有孔\U71Mn</t>
  </si>
  <si>
    <t>【包钢（万水泉站）】淬火钢轨\60kg/m\450.00m\无孔\U75V</t>
  </si>
  <si>
    <t>【包钢（万水泉站）】钢轨\新廓形60N\25.00m\无孔\U75V</t>
  </si>
  <si>
    <t>【包钢（万水泉站）】淬火钢轨\60kg/m\300.00m\无孔\U75V</t>
  </si>
  <si>
    <t>【包钢（万水泉站）】钢轨\60kg/m\25.00m\一端孔\U75V</t>
  </si>
  <si>
    <t>【包钢（万水泉站）】淬火钢轨\75kg/m\百米轨\无孔\U75V</t>
  </si>
  <si>
    <t>【包钢（万水泉站）】钢轨\50kg/m\25.00m\有孔\U75V</t>
  </si>
  <si>
    <t>【包钢（万水泉站）】淬火钢轨\75kg/m\25.00m\无孔\U75V</t>
  </si>
  <si>
    <t>【包钢（万水泉站）】钢轨\60kg/m\25.00m\无孔\U76CrRe</t>
  </si>
  <si>
    <t>【包钢（万水泉站）】钢轨\60kg/m\25.00m\有孔\U76CrRe</t>
  </si>
  <si>
    <t>【包钢（万水泉站）】钢轨\75kg/m\25.00m\无孔\U75V</t>
  </si>
  <si>
    <t>【包钢（万水泉站）】淬火钢轨\50kg/m\25.00m\有孔\U71Mn</t>
  </si>
  <si>
    <t>【包钢（万水泉站）】淬火钢轨\50kg/m\25.00m\一端孔\U71Mn</t>
  </si>
  <si>
    <t>【包钢（万水泉站）】淬火钢轨\60kg/m\24.92m\有孔\U75V</t>
  </si>
  <si>
    <t>【包钢（万水泉站）】钢轨\50kg/m\24.92m\有孔\U71Mn</t>
  </si>
  <si>
    <t>【包钢（万水泉站）】钢轨\新廓形75N\500.00m\无孔\U75V</t>
  </si>
  <si>
    <t>【包钢（万水泉站）】淬火钢轨\75kg/m\25.00m\一端孔\U75V</t>
  </si>
  <si>
    <t>【包钢（万水泉站）】钢轨\60kg/m\24.84m\有孔\U71Mn</t>
  </si>
  <si>
    <t>【包钢（万水泉站）】淬火钢轨\60kg/m\400.00m\无孔\U75V</t>
  </si>
  <si>
    <t>【包钢（万水泉站）】钢轨\60kg/m\25.00m\无孔\U71Mn</t>
  </si>
  <si>
    <t>【包钢（万水泉站）】淬火钢轨\60kg/m\500.00m\无孔\U75V</t>
  </si>
  <si>
    <t>【包钢（万水泉站）】钢轨\50kg/m\25.00m\无孔\U71Mn</t>
  </si>
  <si>
    <t>【包钢（万水泉站）】钢轨\60kg/m\500.00m\无孔\U75V</t>
  </si>
  <si>
    <t>【包钢（万水泉站）】钢轨\50kg/m\12.50m\无孔\U71Mn</t>
  </si>
  <si>
    <t>【包钢（万水泉站）】钢轨\60kg/m\25.00m\有孔\U71Mn</t>
  </si>
  <si>
    <t>【包钢（万水泉站）】淬火钢轨\60kg/m\24.96m\有孔\U75V</t>
  </si>
  <si>
    <t>【包钢（万水泉站）】钢轨\50kg/m\24.92m\有孔\U75V</t>
  </si>
  <si>
    <t>【包钢（万水泉站）】钢轨\60kg/m\24.84m\有孔\U75V</t>
  </si>
  <si>
    <t>【包钢（万水泉站）】钢轨\50kg/m\24.84m\有孔\U71Mn</t>
  </si>
  <si>
    <t>【包钢（万水泉站）】钢轨\60kg/m\24.96m\有孔\U75V</t>
  </si>
  <si>
    <t>【包钢（万水泉站）】钢轨\50kg/m\24.96m\有孔\U71Mn</t>
  </si>
  <si>
    <t>【包钢（万水泉站）】淬火钢轨\60kg/m\25.00m\无孔\U75V</t>
  </si>
  <si>
    <t>【包钢（万水泉站）】钢轨\60kg/m\25.00m\有孔\U75V</t>
  </si>
  <si>
    <t>【包钢（万水泉站）】钢轨\60kg/m\24.92m\有孔\U75V</t>
  </si>
  <si>
    <t>【包钢（万水泉站）】钢轨\60kg/m\25.00m\无孔\U75V</t>
  </si>
  <si>
    <t>【长鹿】长内六角扳手\5.5mm\国产</t>
  </si>
  <si>
    <t>【长鹿】折叠式花形内六角扳手\8件\国产</t>
  </si>
  <si>
    <t>【长鹿】英制长球形内六角扳手\1/18"\国产</t>
  </si>
  <si>
    <t>【长鹿】英制长球形内六角扳手\3/32\国产</t>
  </si>
  <si>
    <t>【长鹿】英制长球形内六角扳手\5/64\国产</t>
  </si>
  <si>
    <t>【长鹿】公制内六角扳手\6mm 神华\国产</t>
  </si>
  <si>
    <t>【长鹿】内六角扳手\6mm\国产</t>
  </si>
  <si>
    <t>【长鹿】长内六角扳手\2mm\国产</t>
  </si>
  <si>
    <t>【长鹿】长内六角扳手\5mm 神华\国产</t>
  </si>
  <si>
    <t>【长鹿】T型球头内六角扳手\2.5mm\国产</t>
  </si>
  <si>
    <t>【长鹿】T型球形内六角扳手\2mm\国产</t>
  </si>
  <si>
    <t>【长鹿】T型球形内六角扳手\3mm\国产</t>
  </si>
  <si>
    <t>【长鹿】T型球形内六角扳手\7mm\国产</t>
  </si>
  <si>
    <t>【长鹿】标长内六角扳手\1.5mm\国产</t>
  </si>
  <si>
    <t>【长鹿】标长内六角扳手\3mm\国产</t>
  </si>
  <si>
    <t>【长鹿】多功能长球头内六角扳手\9合1\国产</t>
  </si>
  <si>
    <t>【长鹿】螺丝刀\8件\国产</t>
  </si>
  <si>
    <t>【长鹿】螺丝批\吊卡式 2件\国产</t>
  </si>
  <si>
    <t>【长鹿】螺丝批组合\14件\国标\国产</t>
  </si>
  <si>
    <t>【长鹿】平行一字螺丝批\3.0×100mm 双色柄\国产</t>
  </si>
  <si>
    <t>【长鹿】平行一字螺丝批\3.0×75mm 双色柄\国产</t>
  </si>
  <si>
    <t>【长鹿】平行一字螺丝批\4.0×150mm 双色柄\国产</t>
  </si>
  <si>
    <t>【长鹿】平行一字螺丝批\4.0×300mm 双色柄\国产</t>
  </si>
  <si>
    <t>【长鹿】平行一字螺丝批\5.0×200mm 双色柄\国产</t>
  </si>
  <si>
    <t>【长鹿】平行一字螺丝批\5.0×250mm 双色柄\国产</t>
  </si>
  <si>
    <t>【长鹿】平行一字螺丝批\6.0×150mm 双色柄\国产</t>
  </si>
  <si>
    <t>【长鹿】平行一字螺丝批\6.0×200mm 双色柄\国产</t>
  </si>
  <si>
    <t>【长鹿】平行一字螺丝批\6.0×300mm 双色柄\国产</t>
  </si>
  <si>
    <t>【长鹿】十字螺丝刀\0#×100mm 彩条柄\国产</t>
  </si>
  <si>
    <t>【长鹿】十字螺丝刀\0#×100mm 双色柄\国产</t>
  </si>
  <si>
    <t>【长鹿】十字螺丝刀\0#×150mm 双色柄\国产</t>
  </si>
  <si>
    <t>【长鹿】十字螺丝刀\0#×200mm 彩条柄\国产</t>
  </si>
  <si>
    <t>【长鹿】十字螺丝刀\0#×200mm 双色柄\国产</t>
  </si>
  <si>
    <t>【长鹿】十字螺丝刀\0#×50mm 双色柄\国产</t>
  </si>
  <si>
    <t>【长鹿】十字螺丝刀\1#×100mm 彩条柄\国产</t>
  </si>
  <si>
    <t>【长鹿】十字螺丝刀\1#×125mm 双色柄\国产</t>
  </si>
  <si>
    <t>【长鹿】十字螺丝刀\1#×150mm 彩条柄\国产</t>
  </si>
  <si>
    <t>【长鹿】十字螺丝刀\1#×150mm 双色柄\国产</t>
  </si>
  <si>
    <t>【长鹿】十字螺丝刀\1#×250mm 双色柄\国产</t>
  </si>
  <si>
    <t>【长鹿】十字螺丝刀\1#×75mm 彩条柄\国产</t>
  </si>
  <si>
    <t>【长鹿】十字螺丝刀\1×100mm 三色柄\国产</t>
  </si>
  <si>
    <t>【长鹿】十字螺丝刀\1×150mm 三色柄\国产</t>
  </si>
  <si>
    <t>【长鹿】十字螺丝刀\2#×100mm 彩条柄\国产</t>
  </si>
  <si>
    <t>【长鹿】十字螺丝刀\2#×150mm 彩条柄\国产</t>
  </si>
  <si>
    <t>【长鹿】十字螺丝刀\2#×200mm 彩条柄\国产</t>
  </si>
  <si>
    <t>【长鹿】十字螺丝刀\2#×250mm 彩条柄\国产</t>
  </si>
  <si>
    <t>【长鹿】十字螺丝刀\2#×38mm 彩条柄\国产</t>
  </si>
  <si>
    <t>【长鹿】十字螺丝刀\2×100mm 三色柄\国产</t>
  </si>
  <si>
    <t>【长鹿】十字螺丝刀\3#×200mm 彩条柄\国产</t>
  </si>
  <si>
    <t>【长鹿】十字螺丝刀\3#×250mm 双色柄\国产</t>
  </si>
  <si>
    <t>【长鹿】十字螺丝刀\3×200mm 三色柄\国产</t>
  </si>
  <si>
    <t>【长鹿】十字通体螺丝刀\2×100mm\国产</t>
  </si>
  <si>
    <t>【长鹿】双头螺丝刀\PH2 6×150mm\国产</t>
  </si>
  <si>
    <t>【长鹿】一字螺丝刀\3×100mm 三色柄\国产</t>
  </si>
  <si>
    <t>【长鹿】一字螺丝刀\3×150mm 彩条柄\国产</t>
  </si>
  <si>
    <t>【长鹿】一字螺丝刀\3×150mm 双色柄\国产</t>
  </si>
  <si>
    <t>【长鹿】一字螺丝刀\3×200mm 彩条柄\国产</t>
  </si>
  <si>
    <t>【长鹿】一字螺丝刀\3×200mm 双色柄\国产</t>
  </si>
  <si>
    <t>【长鹿】一字螺丝刀\5×100mm 彩条柄\国产</t>
  </si>
  <si>
    <t>【长鹿】一字螺丝刀\5×100mm 三色柄\国产</t>
  </si>
  <si>
    <t>【长鹿】一字螺丝刀\5×100mm 双色柄\国产</t>
  </si>
  <si>
    <t>【长鹿】一字螺丝刀\5×150mm 彩条柄\国产</t>
  </si>
  <si>
    <t>【长鹿】一字螺丝刀\5×200mm 彩条柄\国产</t>
  </si>
  <si>
    <t>【长鹿】一字螺丝刀\5×200mm 双色柄\国产</t>
  </si>
  <si>
    <t>【长鹿】一字螺丝刀\5×75mm 彩条柄\国产</t>
  </si>
  <si>
    <t>【长鹿】一字螺丝刀\5×75mm 三色柄\国产</t>
  </si>
  <si>
    <t>【长鹿】一字螺丝刀\6.5×100mm 彩条柄\国产</t>
  </si>
  <si>
    <t>【长鹿】一字螺丝刀\6.5×150mm 彩条柄\国产</t>
  </si>
  <si>
    <t>【长鹿】一字螺丝刀\6.5×200mm 彩条柄\国产</t>
  </si>
  <si>
    <t>【长鹿】一字螺丝刀\6.5×250mm 彩条柄\国产</t>
  </si>
  <si>
    <t>【长鹿】一字螺丝刀\6×200mm 三色柄\国产</t>
  </si>
  <si>
    <t>【长鹿】一字螺丝刀\8×150mm 彩条柄\国产</t>
  </si>
  <si>
    <t>【长鹿】一字螺丝刀\8×150mm 三色柄\国产</t>
  </si>
  <si>
    <t>【长鹿】一字螺丝刀\8×150mm 双色柄\国产</t>
  </si>
  <si>
    <t>【长鹿】精密螺丝刀\6件\国产</t>
  </si>
  <si>
    <t>【长鹿】螺丝批组套\6件\国产</t>
  </si>
  <si>
    <t>【长鹿】超值装螺丝刀\8件\国产</t>
  </si>
  <si>
    <t>【长鹿】十字螺丝刀\0×100mm 三色柄\国产</t>
  </si>
  <si>
    <t>【长鹿】十字螺丝刀\0×75mm\国产</t>
  </si>
  <si>
    <t>【长鹿】十字螺丝刀\1×100mm 大三角柄 神华\国产</t>
  </si>
  <si>
    <t>【长鹿】十字螺丝刀\1×200mm 双色柄\国产</t>
  </si>
  <si>
    <t>【长鹿】十字螺丝刀\1×75mm 大三角柄 神华\国产</t>
  </si>
  <si>
    <t>【长鹿】十字螺丝刀\2×100mm 大三角柄\神华\国产</t>
  </si>
  <si>
    <t>【长鹿】十字螺丝刀\2×125mm\国产</t>
  </si>
  <si>
    <t>【长鹿】十字螺丝刀\2×150mm 双色柄\国产</t>
  </si>
  <si>
    <t>【长鹿】十字螺丝刀\2×200mm 三色柄\国产</t>
  </si>
  <si>
    <t>【长鹿】十字螺丝刀\2×300mm\国产</t>
  </si>
  <si>
    <t>【长鹿】十字螺丝刀\2×45mm 大三角柄 神华\GB/T10639\国产</t>
  </si>
  <si>
    <t>【长鹿】十字螺丝刀\3×150mm 三色柄\国产</t>
  </si>
  <si>
    <t>【长鹿】十字螺丝刀\3×150mm 双色柄 神华\国产</t>
  </si>
  <si>
    <t>【长鹿】十字螺丝刀\3×300mm 大三角柄\神华\国产</t>
  </si>
  <si>
    <t>【长鹿】十字螺丝批\2×250mm 双色柄 神华\国产</t>
  </si>
  <si>
    <t>【长鹿】十字螺丝批\PH0×100mm 三色柄 神华\国产</t>
  </si>
  <si>
    <t>【长鹿】十字螺丝批\PH1×75mm 双色柄\国产</t>
  </si>
  <si>
    <t>【长鹿】十字螺丝批\PH2×150mm 三色柄 神华\国产</t>
  </si>
  <si>
    <t>【长鹿】十字螺丝批\PH2×200mm 三色柄 神华\国产</t>
  </si>
  <si>
    <t>【长鹿】十字螺丝批\PH2×200mm 双色柄 神华\国产</t>
  </si>
  <si>
    <t>【长鹿】十字通体螺丝刀\2×150mm\国产</t>
  </si>
  <si>
    <t>【长鹿】十字通体螺丝刀\3×200mm\国产</t>
  </si>
  <si>
    <t>【长鹿】十字通体螺丝刀\3×250mm 神华\国产</t>
  </si>
  <si>
    <t>【长鹿】十字通体螺丝刀\3×250mm\国产</t>
  </si>
  <si>
    <t>【长鹿】十字通体螺丝批\2×150mm 神华\国产</t>
  </si>
  <si>
    <t>【长鹿】十字通体螺丝批\3×200mm 神华\国产</t>
  </si>
  <si>
    <t>【长鹿】十字头螺丝刀\2×200mm 双色柄\GB/T10639\国产</t>
  </si>
  <si>
    <t>【长鹿】一字绝缘螺丝刀\4.0×100mm\国产</t>
  </si>
  <si>
    <t>【长鹿】一字绝缘螺丝刀\5.5×125mm\国产</t>
  </si>
  <si>
    <t>【长鹿】一字绝缘螺丝刀\6.5×150mm\国产</t>
  </si>
  <si>
    <t>【长鹿】一字螺丝刀\3×100mm 彩条柄\国产</t>
  </si>
  <si>
    <t>【长鹿】一字螺丝刀\3×100mm 双色柄 神华\国产</t>
  </si>
  <si>
    <t>【长鹿】一字螺丝刀\3×200mm 大三角柄 神华\国产</t>
  </si>
  <si>
    <t>【长鹿】一字螺丝刀\3×50mm 双色柄\国产</t>
  </si>
  <si>
    <t>【长鹿】一字螺丝刀\3×75mm 彩条柄\国产</t>
  </si>
  <si>
    <t>【长鹿】一字螺丝刀\3×75mm 大三角柄 神华\GB/T10639\国产</t>
  </si>
  <si>
    <t>【长鹿】一字螺丝刀\3×75mm 三色柄\国产</t>
  </si>
  <si>
    <t>【长鹿】一字螺丝刀\3×75mm 双色柄\国产</t>
  </si>
  <si>
    <t>【长鹿】一字螺丝刀\5×125mm 大三角柄 神华\国产</t>
  </si>
  <si>
    <t>【长鹿】一字螺丝刀\5×125mm\国产</t>
  </si>
  <si>
    <t>【长鹿】一字螺丝刀\5×250mm\国产</t>
  </si>
  <si>
    <t>【长鹿】一字螺丝刀\5×75mm 大三角柄 神华\国产</t>
  </si>
  <si>
    <t>【长鹿】一字螺丝刀\6×100mm 大三角柄 神华\GB/T10639\国产</t>
  </si>
  <si>
    <t>【长鹿】一字螺丝刀\6×100mm 三色柄\国产</t>
  </si>
  <si>
    <t>【长鹿】一字螺丝刀\6×100mm 双色柄\国产</t>
  </si>
  <si>
    <t>【长鹿】一字螺丝刀\6×125mm\国产</t>
  </si>
  <si>
    <t>【长鹿】一字螺丝刀\6×150mm 三色柄 神华\GB/T10639\国产</t>
  </si>
  <si>
    <t>【长鹿】一字螺丝刀\6×150mm 三色柄\国产</t>
  </si>
  <si>
    <t>【长鹿】一字螺丝刀\6×150mm 双色柄\国产</t>
  </si>
  <si>
    <t>【长鹿】一字螺丝刀\6×200mm 大三角柄 神华\国产</t>
  </si>
  <si>
    <t>【长鹿】一字螺丝刀\6×200mm\国产</t>
  </si>
  <si>
    <t>【长鹿】一字螺丝刀\6×300mm 大三角柄 神华\国产</t>
  </si>
  <si>
    <t>【长鹿】一字螺丝刀\6×300mm 双色柄\国产</t>
  </si>
  <si>
    <t>【长鹿】一字螺丝刀\8×200mm 三色柄 神华\GB/T10639\国产</t>
  </si>
  <si>
    <t>【长鹿】一字螺丝刀\8×200mm 双色柄\国产</t>
  </si>
  <si>
    <t>【长鹿】一字螺丝刀\8×250mm 大三角柄 神华\国产</t>
  </si>
  <si>
    <t>【长鹿】一字螺丝刀\8×250mm 双色柄\国产</t>
  </si>
  <si>
    <t>【长鹿】一字螺丝刀\8×300mm 大三角柄 神华\GB/T10639\国产</t>
  </si>
  <si>
    <t>【长鹿】一字螺丝批\5×150mm 双色柄 神华\国产</t>
  </si>
  <si>
    <t>【长鹿】一字螺丝批\6×150mm 双色柄 神华\国产</t>
  </si>
  <si>
    <t>【长鹿】一字螺丝批\6×40mm 双色柄 神华\国产</t>
  </si>
  <si>
    <t>【长鹿】一字双色绝缘螺丝批\4×100mm\国产</t>
  </si>
  <si>
    <t>【长鹿】一字双色绝缘螺丝批\5.5×125mm\国产</t>
  </si>
  <si>
    <t>【长鹿】一字双色绝缘螺丝批\6.5×150mm\国产</t>
  </si>
  <si>
    <t>【长鹿】一字通体螺丝刀\6×150mm 神华\国产</t>
  </si>
  <si>
    <t>【长鹿】一字通体螺丝刀\6×150mm\国产</t>
  </si>
  <si>
    <t>【长鹿】一字通体螺丝刀\8×150mm\国产</t>
  </si>
  <si>
    <t>【长鹿】一字通体螺丝刀\8×200mm\国产</t>
  </si>
  <si>
    <t>【长鹿】一字通体螺丝刀\8×250mm\国产</t>
  </si>
  <si>
    <t>【长鹿】一字通体螺丝批\8×200mm 神华\国产</t>
  </si>
  <si>
    <t>【长鹿】一字通体螺丝批\8×250mm 神华\国产</t>
  </si>
  <si>
    <t>【长鹿】超值装螺丝刀\6件\国产</t>
  </si>
  <si>
    <t>【长鹿】棘轮铝合金手螺丝刀\多用\国产</t>
  </si>
  <si>
    <t>【长鹿】平行一字螺丝批\4.0×100mm 双色柄\国产</t>
  </si>
  <si>
    <t>【长鹿】平行一字螺丝批\4.0×200mm 双色柄\国产</t>
  </si>
  <si>
    <t>【长鹿】平行一字螺丝批\5.0×100mm 双色柄\国产</t>
  </si>
  <si>
    <t>【长鹿】平行一字螺丝批\5.0×150mm 双色柄\国产</t>
  </si>
  <si>
    <t>【长鹿】平行一字螺丝批\5.0×300mm 双色柄\国产</t>
  </si>
  <si>
    <t>【长鹿】十字螺丝刀\0#×150mm 彩条柄\国产</t>
  </si>
  <si>
    <t>【长鹿】十字螺丝刀\0#×75mm 彩条柄\国产</t>
  </si>
  <si>
    <t>【长鹿】十字螺丝刀\0×75mm 三色柄\国产</t>
  </si>
  <si>
    <t>【长鹿】十字螺丝刀\1#×200mm 彩条柄\国产</t>
  </si>
  <si>
    <t>【长鹿】十字螺丝刀\1#×250mm 彩条柄\国产</t>
  </si>
  <si>
    <t>【长鹿】十字螺丝刀\1×75mm 三色柄\国产</t>
  </si>
  <si>
    <t>【长鹿】双头螺丝刀\PH1 5×100mm\国产</t>
  </si>
  <si>
    <t>【长鹿】双头螺丝刀\PH2 6×100mm\国产</t>
  </si>
  <si>
    <t>【长鹿】一字螺丝刀\5×250mm 彩条柄\国产</t>
  </si>
  <si>
    <t>【长鹿】一字螺丝刀\8×200mm 彩条柄\国产</t>
  </si>
  <si>
    <t>【长鹿】一字螺丝刀\8×300mm 双色柄\国产</t>
  </si>
  <si>
    <t>【长鹿】三色柄一字螺丝刀\6×100mm 神华\GB/T10639\国产</t>
  </si>
  <si>
    <t>【长鹿】十字螺丝刀\2×100mm\国产</t>
  </si>
  <si>
    <t>【长鹿】双色柄一字头螺丝刀\6×250mm\GB/T10639\国产</t>
  </si>
  <si>
    <t>【长鹿】一字螺丝刀\5×150mm 大三角柄 神华\国产</t>
  </si>
  <si>
    <t>【长鹿】一字螺丝刀\5×150mm 三色柄\国产</t>
  </si>
  <si>
    <t>【长鹿】一字螺丝刀\5×75mm\国产</t>
  </si>
  <si>
    <t>【长鹿】一字螺丝刀\8×200mm 三色柄\国产</t>
  </si>
  <si>
    <t>【长鹿】一字螺丝批\6.5×150mm 双色柄 绝缘 神华\国产</t>
  </si>
  <si>
    <t>【长鹿】一字螺丝批\6×250mm 双色柄 神华\国产</t>
  </si>
  <si>
    <t>【长鹿】十字螺丝刀\3#×300mm 双色柄\国产</t>
  </si>
  <si>
    <t>【长鹿】拉铆枪\10"</t>
  </si>
  <si>
    <t>【长鹿】铝合金拉铆枪\10"</t>
  </si>
  <si>
    <t>【长鹿】轻型双把手拉铆枪\3.2,4.0,4.8,6.0,6.4,</t>
  </si>
  <si>
    <t>【长鹿】重型硅胶枪\9"</t>
  </si>
  <si>
    <t>【长鹿】硅胶枪\9"</t>
  </si>
  <si>
    <t>【美国DeconSeven】D7消毒液\42.01KG/个</t>
  </si>
  <si>
    <t>美国DeconSeven</t>
  </si>
  <si>
    <t>WZSCCG-2020-BJ-2092</t>
  </si>
  <si>
    <t>国家能源e购商城D7消毒液日用品长协采购铺货采购合同（原协议拆分）</t>
  </si>
  <si>
    <t>上海胜联饲料贸易有限公司</t>
  </si>
  <si>
    <t>【雅梵】智能降温保温水杯\容量：201-300ml</t>
  </si>
  <si>
    <t>东莞市雅梵日用品有限公司</t>
  </si>
  <si>
    <t>雅梵</t>
  </si>
  <si>
    <t>WZSCCG-2020-BJ-2062</t>
  </si>
  <si>
    <t>国家能源e购商城保温杯长协采购铺货采购合同</t>
  </si>
  <si>
    <t>【长鹿】立式液压千斤顶\2.3kg\2t\158-308mm</t>
  </si>
  <si>
    <t>GNWZBP(TH)ZECG2020-009</t>
  </si>
  <si>
    <t>国家能源e购商城手动工具商城铺货长协采购合同（天泓8810007997协议变更）</t>
  </si>
  <si>
    <t>天津市安泰和合科技发展有限公司</t>
  </si>
  <si>
    <t>【长鹿】立式液压千斤顶\3.3kg\3t\195-380mm</t>
  </si>
  <si>
    <t>【长鹿】立式液压千斤顶\4.4kg\5t\197-382mm</t>
  </si>
  <si>
    <t>【长鹿】立式液压千斤顶\5.4kg\8t\205-390mm</t>
  </si>
  <si>
    <t>【长鹿】立式液压千斤顶\6kg\10t\205-390mm</t>
  </si>
  <si>
    <t>【长鹿】立式液压千斤顶\8.5kg\15t\225-425mm</t>
  </si>
  <si>
    <t>【长鹿】立式液压千斤顶\11.5kg\20t\244-449mm</t>
  </si>
  <si>
    <t>【长鹿】立式液压千斤顶\7.2kg\12t\215-400mm</t>
  </si>
  <si>
    <t>【长鹿】重型卧式液压千斤顶\30.5kg\3t\133-465mm</t>
  </si>
  <si>
    <t>【长鹿】万向火花塞套筒\16mm\国产</t>
  </si>
  <si>
    <t>【长鹿】万向火花塞套筒\21mm\国产</t>
  </si>
  <si>
    <t>【长鹿】欧式球头取出器\22mm\5t\国产</t>
  </si>
  <si>
    <t>【长鹿】轴承拆卸器\30-50mm\6t\国产</t>
  </si>
  <si>
    <t>【长鹿】轴承拆卸器\50-75mm\8t\国产</t>
  </si>
  <si>
    <t>【长鹿】轴承分离器套装\30-75mm\SKF</t>
  </si>
  <si>
    <t>【长鹿】三爪拉马\10" 250mm\10t\国产</t>
  </si>
  <si>
    <t>【长鹿】三爪拉马\12"/300mm\4.9t\国产</t>
  </si>
  <si>
    <t>【长鹿】三爪拉马\3" 75mm\3t\国产</t>
  </si>
  <si>
    <t>【长鹿】三爪拉马\6" 150mm\6t\国产</t>
  </si>
  <si>
    <t>【长鹿】三爪拉马\8" 200mm\8t\国产</t>
  </si>
  <si>
    <t>【长鹿】三爪拉马\4"/100mm\1.1t\国产</t>
  </si>
  <si>
    <t>【长鹿】快修店专用套装\64件\国产</t>
  </si>
  <si>
    <t>【长鹿】修车板\36"</t>
  </si>
  <si>
    <t>【长鹿】断丝取出器\5件\国产</t>
  </si>
  <si>
    <t>【长鹿】手用黄油枪\400cc 专业级\国产</t>
  </si>
  <si>
    <t>【长鹿】手用黄油枪\00cc带12"软管 专业级\国产</t>
  </si>
  <si>
    <t>【长鹿】黄油枪用尖油嘴\97216\国产</t>
  </si>
  <si>
    <t>【长鹿】手用黄油枪油嘴\97211\国产</t>
  </si>
  <si>
    <t>【长鹿】手用黄油枪软管\12"\国产</t>
  </si>
  <si>
    <t>【长鹿】手用黄油枪软管\18"\国产</t>
  </si>
  <si>
    <t>【长鹿】10mm系列公制六角火花塞套筒\16mm\国产</t>
  </si>
  <si>
    <t>【长鹿】10mm系列六角火花塞套筒\14mm\国产</t>
  </si>
  <si>
    <t>【长鹿】多用途锂基简装黄油\S111014;14oz/400cc;2只装\钢盾</t>
  </si>
  <si>
    <t>【长鹿】汽车测电笔\140mm 6V-12V-24V\国产</t>
  </si>
  <si>
    <t>【长鹿】手提工具箱\14" 360×150×115mm</t>
  </si>
  <si>
    <t>【长鹿】手提工具箱\14" 360×156×160mm</t>
  </si>
  <si>
    <t>【长鹿】手提工具箱\17" 435×156×160mm</t>
  </si>
  <si>
    <t>【长鹿】手提工具箱\17"420×175×140mm</t>
  </si>
  <si>
    <t>【长鹿】手提工具箱\20"505×220×245mm</t>
  </si>
  <si>
    <t>【长鹿】工具箱\410×200×240mm 3翻斗</t>
  </si>
  <si>
    <t>【长鹿】工具腰包\255×270mm</t>
  </si>
  <si>
    <t>【长鹿】工具箱\495×200×290mm 5翻斗</t>
  </si>
  <si>
    <t>【长鹿】工具箱\510×218×250mm 2抽屉</t>
  </si>
  <si>
    <t>【长鹿】工具箱\680×458×995mm 7抽屉</t>
  </si>
  <si>
    <t>【长鹿】17"工具包\415×210×210mm</t>
  </si>
  <si>
    <t>【长鹿】19"工具包\490×230×240mm</t>
  </si>
  <si>
    <t>【长鹿】工具腰带\1220×50mm\国产</t>
  </si>
  <si>
    <t>【长鹿】工具包\460×95×275mm</t>
  </si>
  <si>
    <t>【长鹿】电工工具包\220×215×390mm</t>
  </si>
  <si>
    <t>【长鹿】工具围裙\565×500mm</t>
  </si>
  <si>
    <t>【长鹿】工具车\688×458×885mm 6抽屉</t>
  </si>
  <si>
    <t>辆</t>
  </si>
  <si>
    <t>【长鹿】铝合金工具箱\455×320×150mm</t>
  </si>
  <si>
    <t>【长鹿】直柄麻花钻套装\含Co 25件\国产</t>
  </si>
  <si>
    <t>【长鹿】镀钛直柄麻花钻套装\13件\国产</t>
  </si>
  <si>
    <t>【长鹿】镀钛直柄麻花钻套装\19件\国产</t>
  </si>
  <si>
    <t>【长鹿】直柄麻花钻\1.0mm\镀钛高速钢\GB/T1438.1</t>
  </si>
  <si>
    <t>【长鹿】直柄麻花钻\1.0mm\高速钢含Co\BIN338</t>
  </si>
  <si>
    <t>【长鹿】直柄麻花钻\1.5mm\镀钛高速钢\GB/T1438.1</t>
  </si>
  <si>
    <t>【长鹿】直柄麻花钻\1.5mm\高速钢含Co\BIN338</t>
  </si>
  <si>
    <t>【长鹿】直柄麻花钻\10.2mm\镀钛高速钢\GB/T1438.1</t>
  </si>
  <si>
    <t>【长鹿】直柄麻花钻\10.5mm\镀钛高速钢\GB/T1438.1</t>
  </si>
  <si>
    <t>【长鹿】直柄麻花钻\10mm\镀钛高速钢\GB/T1438.1</t>
  </si>
  <si>
    <t>【长鹿】直柄麻花钻\11.0mm\镀钛高速钢\GB/T1438.1</t>
  </si>
  <si>
    <t>【长鹿】直柄麻花钻\11.5mm\镀钛高速钢\GB/T1438.1</t>
  </si>
  <si>
    <t>【长鹿】直柄麻花钻\11.5mm\高速钢含Co\BIN338</t>
  </si>
  <si>
    <t>【长鹿】直柄麻花钻\12.0mm\镀钛高速钢\GB/T1438.1</t>
  </si>
  <si>
    <t>【长鹿】直柄麻花钻\12.5mm\镀钛高速钢\GB/T1438.1</t>
  </si>
  <si>
    <t>【长鹿】直柄麻花钻\13mm\镀钛高速钢\GB/T1438.1</t>
  </si>
  <si>
    <t>【长鹿】直柄麻花钻\2.0mm\镀钛高速钢\GB/T1438.1</t>
  </si>
  <si>
    <t>【长鹿】直柄麻花钻\2.0mm\高速钢含Co\BIN338</t>
  </si>
  <si>
    <t>【长鹿】直柄麻花钻\2.2mm\镀钛高速钢\GB/T1438.1</t>
  </si>
  <si>
    <t>【长鹿】直柄麻花钻\2.5mm\镀钛高速钢\GB/T1438.1</t>
  </si>
  <si>
    <t>【长鹿】直柄麻花钻\2.5mm\高速钢含Co\BIN338</t>
  </si>
  <si>
    <t>【长鹿】直柄麻花钻\2.8mm\镀钛高速钢\GB/T1438.1</t>
  </si>
  <si>
    <t>【长鹿】直柄麻花钻\2.8mm\高速钢含Co\BIN338</t>
  </si>
  <si>
    <t>【长鹿】直柄麻花钻\3.0mm\镀钛高速钢\GB/T1438.1</t>
  </si>
  <si>
    <t>【长鹿】直柄麻花钻\3.2mm\镀钛高速钢\GB/T1438.1</t>
  </si>
  <si>
    <t>【长鹿】直柄麻花钻\3.2mm\高速钢含Co\BIN338</t>
  </si>
  <si>
    <t>【长鹿】直柄麻花钻\3.5mm\镀钛高速钢\GB/T1438.1</t>
  </si>
  <si>
    <t>【长鹿】直柄麻花钻\3.5mm\高速钢含Co\BIN338</t>
  </si>
  <si>
    <t>【长鹿】直柄麻花钻\3.8mm\镀钛高速钢\GB/T1438.1</t>
  </si>
  <si>
    <t>【长鹿】直柄麻花钻\4.2mm\镀钛高速钢\GB/T1438.1</t>
  </si>
  <si>
    <t>【长鹿】直柄麻花钻\4.5mm\镀钛高速钢\GB/T1438.1</t>
  </si>
  <si>
    <t>【长鹿】直柄麻花钻\4.5mm\高速钢含Co\BIN338</t>
  </si>
  <si>
    <t>【长鹿】直柄麻花钻\4.8mm\镀钛高速钢\GB/T1438.1</t>
  </si>
  <si>
    <t>【长鹿】直柄麻花钻\4.8mm\高速钢含Co\BIN338</t>
  </si>
  <si>
    <t>【长鹿】直柄麻花钻\4mm\镀钛高速钢\GB/T1438.1</t>
  </si>
  <si>
    <t>【长鹿】直柄麻花钻\5.2mm\镀钛高速钢\GB/T1438.1</t>
  </si>
  <si>
    <t>【长鹿】直柄麻花钻\5.2mm\高速钢含Co\BIN338</t>
  </si>
  <si>
    <t>【长鹿】直柄麻花钻\5.5mm\镀钛高速钢\GB/T1438.1</t>
  </si>
  <si>
    <t>【长鹿】直柄麻花钻\5.5mm\高速钢含Co\BIN338</t>
  </si>
  <si>
    <t>【长鹿】直柄麻花钻\5.8mm\镀钛高速钢\GB/T1438.1</t>
  </si>
  <si>
    <t>【长鹿】直柄麻花钻\5mm\镀钛高速钢\GB/T1438.1</t>
  </si>
  <si>
    <t>【长鹿】直柄麻花钻\6.2mm\镀钛高速钢\GB/T1438.1</t>
  </si>
  <si>
    <t>【长鹿】直柄麻花钻\6.5mm\镀钛高速钢\GB/T1438.1</t>
  </si>
  <si>
    <t>【长鹿】直柄麻花钻\6.5mm\高速钢含Co\BIN338</t>
  </si>
  <si>
    <t>【长鹿】直柄麻花钻\6.8mm\镀钛高速钢\GB/T1438.1</t>
  </si>
  <si>
    <t>【长鹿】直柄麻花钻\6mm\镀钛高速钢\GB/T1438.1</t>
  </si>
  <si>
    <t>【长鹿】直柄麻花钻\7.5mm\镀钛高速钢\GB/T1438.1</t>
  </si>
  <si>
    <t>【长鹿】直柄麻花钻\7mm\镀钛高速钢\GB/T1438.1</t>
  </si>
  <si>
    <t>【长鹿】直柄麻花钻\8.2mm\镀钛高速钢\GB/T1438.1</t>
  </si>
  <si>
    <t>【长鹿】直柄麻花钻\8.5mm\镀钛高速钢\GB/T1438.1</t>
  </si>
  <si>
    <t>【哈尔滨电气】1000MW汽轮发电机出线套管及中性点套管密封漏氢处理/密封漏氢处理1根出线套管或处理1根中性点套管为1项</t>
  </si>
  <si>
    <t>哈尔滨电气</t>
  </si>
  <si>
    <t>GNWZBP(TH)ZYCG2020-171</t>
  </si>
  <si>
    <t>2020年度集团级哈电发电机备件商城铺货长协采购框架协议补充合同（1000MW汽轮发电机出线套管及中性点套管密封漏氢处理）</t>
  </si>
  <si>
    <t>【长鹿】直柄麻花钻\8mm\镀钛高速钢\GB/T1438.1</t>
  </si>
  <si>
    <t>【长鹿】直柄麻花钻\9.0mm\高速钢含Co\BIN338</t>
  </si>
  <si>
    <t>【长鹿】直柄麻花钻\9.5mm\镀钛高速钢\GB/T1438.1</t>
  </si>
  <si>
    <t>【长鹿】直柄麻花钻\9.5mm\高速钢含Co\BIN338</t>
  </si>
  <si>
    <t>【长鹿】直柄麻花钻\9mm\镀钛高速钢\GB/T1438.1</t>
  </si>
  <si>
    <t>【长鹿】直柄麻花钻\4.0mm\高速钢含Co\BIN338</t>
  </si>
  <si>
    <t>【长鹿】直柄麻花钻\4.2mm\高速钢含Co\BIN338</t>
  </si>
  <si>
    <t>【长鹿】直柄麻花钻\6.8mm\高速钢含Co\BIN338</t>
  </si>
  <si>
    <t>【长鹿】直柄麻花钻\7.0mm\高速钢含Co\BIN338</t>
  </si>
  <si>
    <t>【长鹿】直柄麻花钻\8.0mm\高速钢含Co\BIN338</t>
  </si>
  <si>
    <t>【长鹿】直柄麻花钻\8.5mm\高速钢含Co\BIN338</t>
  </si>
  <si>
    <t>【长鹿】直柄麻花钻\10.0mm\高速钢含Co\BIN338</t>
  </si>
  <si>
    <t>【长鹿】直柄麻花钻\10.2mm\高速钢含Co\BIN338</t>
  </si>
  <si>
    <t>【长鹿】直柄麻花钻\10.5mm\高速钢含Co\BIN338</t>
  </si>
  <si>
    <t>【长鹿】直柄麻花钻\12.0mm\高速钢含Co\BIN338</t>
  </si>
  <si>
    <t>【长鹿】直柄麻花钻\12.5mm\高速钢含Co\BIN338</t>
  </si>
  <si>
    <t>【长鹿】板牙铰手\M3-M12\国产</t>
  </si>
  <si>
    <t>【长鹿】丝锥绞手\1/16"-1/2"</t>
  </si>
  <si>
    <t>【长鹿】高速钢全磨板牙\M4\国产</t>
  </si>
  <si>
    <t>【长鹿】丝锥组套\M3-12mm 21件\国产</t>
  </si>
  <si>
    <t>【长鹿】高速钢全磨板牙\M3\国产</t>
  </si>
  <si>
    <t>【长鹿】全磨丝锥\M3 高速钢\国产</t>
  </si>
  <si>
    <t>【长鹿】全磨丝锥\M4 高速钢\国产</t>
  </si>
  <si>
    <t>【长鹿】全磨丝锥\M5 高速钢\国产</t>
  </si>
  <si>
    <t>【长鹿】全磨丝锥\M6 高速钢\国产</t>
  </si>
  <si>
    <t>【长鹿】全磨丝锥\M8 高速钢\国产</t>
  </si>
  <si>
    <t>【长鹿】全磨丝锥\M10 高速钢\国产</t>
  </si>
  <si>
    <t>【长鹿】全磨丝锥\M12 高速钢\国产</t>
  </si>
  <si>
    <t>【长鹿】高速钢全磨板牙\M5\国产</t>
  </si>
  <si>
    <t>【长鹿】高速钢全磨板牙\M6\国产</t>
  </si>
  <si>
    <t>【长鹿】高速钢全磨板牙\M8\国产</t>
  </si>
  <si>
    <t>【长鹿】高速钢全磨板牙\M10\国产</t>
  </si>
  <si>
    <t>【长鹿】高速钢全磨板牙\M12\国产</t>
  </si>
  <si>
    <t>【长鹿】双向棘轮丝锥绞手\1#</t>
  </si>
  <si>
    <t>【长鹿】双向棘轮丝锥铰手\2#\国产</t>
  </si>
  <si>
    <t>【长鹿】切管器\3-22mm</t>
  </si>
  <si>
    <t>【长鹿】铝合金管钳\10"\国产</t>
  </si>
  <si>
    <t>【长鹿】铝合金管钳\14"\国产</t>
  </si>
  <si>
    <t>【长鹿】铝合金管钳\18"\国产</t>
  </si>
  <si>
    <t>【长鹿】铝合金管钳\24"\国产</t>
  </si>
  <si>
    <t>【长鹿】铝合金管钳\36"\国产</t>
  </si>
  <si>
    <t>【长鹿】铝合金管钳\48"\国产</t>
  </si>
  <si>
    <t>【长鹿】重型管子台虎钳\3"\国产</t>
  </si>
  <si>
    <t>【长鹿】管钳\10"\国产</t>
  </si>
  <si>
    <t>【长鹿】管钳\12"\国产</t>
  </si>
  <si>
    <t>【长鹿】管钳\14"\国产</t>
  </si>
  <si>
    <t>【长鹿】管钳\18"\国产</t>
  </si>
  <si>
    <t>【长鹿】管钳\24"\国产</t>
  </si>
  <si>
    <t>【长鹿】管钳\36"\国产</t>
  </si>
  <si>
    <t>【长鹿】管钳\48" 神华\国产</t>
  </si>
  <si>
    <t>【长鹿】管钳\8"\国产</t>
  </si>
  <si>
    <t>【长鹿】手扳锯\6T/7PT 16"\钢</t>
  </si>
  <si>
    <t>【长鹿】手扳锯\6T/7PT 18"\钢</t>
  </si>
  <si>
    <t>【长鹿】手扳锯\6T/7PT 20"\钢</t>
  </si>
  <si>
    <t>【长鹿】手动电缆剪\18"\国产</t>
  </si>
  <si>
    <t>【长鹿】手拉锯\12"\钢</t>
  </si>
  <si>
    <t>【长鹿】安全割刀刀片\18mm</t>
  </si>
  <si>
    <t>【长鹿】包塑美工刀\18mm</t>
  </si>
  <si>
    <t>【长鹿】不锈钢剪刀\210mm 双色</t>
  </si>
  <si>
    <t>【长鹿】钢斧\20oz\国产</t>
  </si>
  <si>
    <t>【长鹿】钢锯条\12"×18T\钢制</t>
  </si>
  <si>
    <t>【长鹿】带孔割刀刀片\18mm</t>
  </si>
  <si>
    <t>【长鹿】勾型割刀刀片\18mm</t>
  </si>
  <si>
    <t>【长鹿】固定式重型专业割刀\18mm</t>
  </si>
  <si>
    <t>【长鹿】快换式重型专业割刀\18mm</t>
  </si>
  <si>
    <t>【长鹿】迷你钢锯\6"\钢</t>
  </si>
  <si>
    <t>【长鹿】迷你型彩木不锈钢折叠刀\65mm</t>
  </si>
  <si>
    <t>【长鹿】铝柄钢索剪\24"\国产</t>
  </si>
  <si>
    <t>【长鹿】航空剪\10" 直头</t>
  </si>
  <si>
    <t>【长鹿】航空剪\10" 左弯头</t>
  </si>
  <si>
    <t>【长鹿】双色包塑美工刀\9mm</t>
  </si>
  <si>
    <t>【长鹿】塑带护套美工刀\9mm 长135mm</t>
  </si>
  <si>
    <t>【长鹿】铁皮剪\10"</t>
  </si>
  <si>
    <t>【长鹿】铁皮剪\7"</t>
  </si>
  <si>
    <t>【长鹿】锌合金割刀\18mm</t>
  </si>
  <si>
    <t>【长鹿】袖珍钢锯\8-3/4"\钢</t>
  </si>
  <si>
    <t>【长鹿】英式铁皮剪\10"</t>
  </si>
  <si>
    <t>【长鹿】英式铁皮剪\12"</t>
  </si>
  <si>
    <t>【长鹿】英式铁皮剪\14"</t>
  </si>
  <si>
    <t>【长鹿】英式铁皮剪\8"</t>
  </si>
  <si>
    <t>【长鹿】长直头航空剪\10"</t>
  </si>
  <si>
    <t>【长鹿】折叠刀\92mm</t>
  </si>
  <si>
    <t>【长鹿】折叠锯\250mm\钢</t>
  </si>
  <si>
    <t>【长鹿】重型割刀刀片\18mm 100片/盒</t>
  </si>
  <si>
    <t>【长鹿】重型割刀刀片\18mm 10片/包</t>
  </si>
  <si>
    <t>【长鹿】重型割刀刀片\9mm</t>
  </si>
  <si>
    <t>【长鹿】重型锌合金割刀\18mm</t>
  </si>
  <si>
    <t>【长鹿】自缩式安全割刀\18mm</t>
  </si>
  <si>
    <t>【长鹿】不锈钢单开刀\105mm</t>
  </si>
  <si>
    <t>【长鹿】不锈钢多功能刀\14合一</t>
  </si>
  <si>
    <t>【长鹿】胶柄锌合金割刀\18mm</t>
  </si>
  <si>
    <t>【长鹿】断线钳\12"\国产</t>
  </si>
  <si>
    <t>【长鹿】断线钳\14"\国产</t>
  </si>
  <si>
    <t>【长鹿】断线钳\18"\国产</t>
  </si>
  <si>
    <t>【长鹿】断线钳\24"\国产</t>
  </si>
  <si>
    <t>【长鹿】断线钳\36"\国产</t>
  </si>
  <si>
    <t>【长鹿】断线钳\8"\国产</t>
  </si>
  <si>
    <t>【长鹿】不锈钢剪刀\165mm 双色</t>
  </si>
  <si>
    <t>【长鹿】钢锯\465mm\钢</t>
  </si>
  <si>
    <t>【长鹿】钢锯条\12"×32T\钢制</t>
  </si>
  <si>
    <t>【长鹿】高级快换刀片型美工刀\18mm</t>
  </si>
  <si>
    <t>【长鹿】铝合金方管钢锯\12"\钢</t>
  </si>
  <si>
    <t>【长鹿】美工刀刀片\18mm</t>
  </si>
  <si>
    <t>【长鹿】美工刀刀片\9mm</t>
  </si>
  <si>
    <t>【长鹿】铁皮剪\12"</t>
  </si>
  <si>
    <t>【长鹿】手动电缆剪\24" 250mm2-0\国产</t>
  </si>
  <si>
    <t>【长鹿】手动电缆剪\240mm2-0 棘轮式\国产</t>
  </si>
  <si>
    <t>【长鹿】手动电缆剪\3250mm2-0 铝合金\国产</t>
  </si>
  <si>
    <t>【长鹿】手动电缆剪\400mm2-0棘轮式\国产</t>
  </si>
  <si>
    <t>【长鹿】PVC管子割刀\42mm</t>
  </si>
  <si>
    <t>【长鹿】航空剪\10" 右弯头</t>
  </si>
  <si>
    <t>【长鹿】可储刀片式折叠刀\100mm 双色柄</t>
  </si>
  <si>
    <t>【长鹿】锌合金实用刀\18mm</t>
  </si>
  <si>
    <t>【长鹿】锌合金实用刀\9mm</t>
  </si>
  <si>
    <t>【长鹿】自缩式纸箱专用安全割刀\工具</t>
  </si>
  <si>
    <t>【长鹿】PVC管子割刀刀片\42mm</t>
  </si>
  <si>
    <t>【长鹿】胶柄石工凿\25mm\国产</t>
  </si>
  <si>
    <t>【长鹿】尖凿\10mm\国产</t>
  </si>
  <si>
    <t>【长鹿】石工凿\10mm\国产</t>
  </si>
  <si>
    <t>【长鹿】石工凿\12mm\国产</t>
  </si>
  <si>
    <t>【长鹿】石工凿\16mm\国产</t>
  </si>
  <si>
    <t>【长鹿】石工凿\19mm\国产</t>
  </si>
  <si>
    <t>【长鹿】石工凿\22mm\国产</t>
  </si>
  <si>
    <t>【长鹿】石工凿\25mm 神华\国产</t>
  </si>
  <si>
    <t>【长鹿】石工凿\25mm\国产</t>
  </si>
  <si>
    <t>【长鹿】石工凿\3件\国产</t>
  </si>
  <si>
    <t>【长鹿】木工凿\12mm\国产</t>
  </si>
  <si>
    <t>【长鹿】木工凿\19mm\国产</t>
  </si>
  <si>
    <t>【长鹿】木工凿\25mm\国产</t>
  </si>
  <si>
    <t>【长鹿】木工凿\3件 12mm 19mm 25mm\国产</t>
  </si>
  <si>
    <t>【长鹿】圆柱冲\3mm\国产</t>
  </si>
  <si>
    <t>【长鹿】圆柱冲\6mm\国产</t>
  </si>
  <si>
    <t>【长鹿】圆柱冲\8mm\国产</t>
  </si>
  <si>
    <t>【长鹿】圆锥冲\2mm\国产</t>
  </si>
  <si>
    <t>【长鹿】防震橡皮锤\1.5LB\国产</t>
  </si>
  <si>
    <t>【长鹿】防震橡皮锤\42OZ 2.5LB\国产</t>
  </si>
  <si>
    <t>【长鹿】防震羊角锤\20oz\国产</t>
  </si>
  <si>
    <t>【长鹿】钢柄羊角锤\16oz\国产</t>
  </si>
  <si>
    <t>【长鹿】胶锤\16oz\国产</t>
  </si>
  <si>
    <t>【长鹿】木钳工锤\200g\国产</t>
  </si>
  <si>
    <t>【长鹿】木钳工锤\300g\国产</t>
  </si>
  <si>
    <t>【长鹿】纤维八角锤\2LB\国产</t>
  </si>
  <si>
    <t>【长鹿】纤维柄八角锤\12LB\国产</t>
  </si>
  <si>
    <t>【长鹿】纤维柄羊角锤\51-072/20oz\国产</t>
  </si>
  <si>
    <t>【长鹿】纤维圆头锤\16oz\国产</t>
  </si>
  <si>
    <t>【长鹿】硬木柄羊角锤\8oz\国产</t>
  </si>
  <si>
    <t>【长鹿】硬木羊角锤\12oz\国产</t>
  </si>
  <si>
    <t>【长鹿】硬木羊角锤\20oz\国产</t>
  </si>
  <si>
    <t>【长鹿】木柄圆头棰\12oz\国产</t>
  </si>
  <si>
    <t>【长鹿】中心冲\6mm\国产</t>
  </si>
  <si>
    <t>【长鹿】中心冲\8mm\国产</t>
  </si>
  <si>
    <t>【长鹿】胶水泥尖凿\19mm\国产</t>
  </si>
  <si>
    <t>【长鹿】样冲\5件\国产</t>
  </si>
  <si>
    <t>【长鹿】圆柱冲\4mm 神华\国产</t>
  </si>
  <si>
    <t>【长鹿】圆柱冲\5mm 神华\国产</t>
  </si>
  <si>
    <t>【长鹿】圆柱冲\6件\国产</t>
  </si>
  <si>
    <t>【长鹿】八角锤\14LB 纤维柄 神华\国产</t>
  </si>
  <si>
    <t>【长鹿】防震橡皮锤\0.510kg\国产</t>
  </si>
  <si>
    <t>【长鹿】防震橡皮锤\18OZ 1LB\国产</t>
  </si>
  <si>
    <t>【长鹿】胶锤\24oz\国产</t>
  </si>
  <si>
    <t>【长鹿】木柄钳工锤\1000g 神华\国产</t>
  </si>
  <si>
    <t>【长鹿】木柄钳工锤\500g 神华\国产</t>
  </si>
  <si>
    <t>【长鹿】木柄钳工锤\800g\国产</t>
  </si>
  <si>
    <t>【长鹿】木柄圆头锤\32oz 神华\国产</t>
  </si>
  <si>
    <t>【长鹿】木柄圆头锤\40oz 神华\国产</t>
  </si>
  <si>
    <t>【长鹿】木柄圆头棰\0.907kg\国产</t>
  </si>
  <si>
    <t>【长鹿】木柄圆头棰\1.134kg\国产</t>
  </si>
  <si>
    <t>【长鹿】纤维柄八角锤\10LB 神华\国产</t>
  </si>
  <si>
    <t>【长鹿】纤维柄八角锤\3LB\国产</t>
  </si>
  <si>
    <t>【长鹿】纤维柄八角锤\4LB\国产</t>
  </si>
  <si>
    <t>【长鹿】纤维柄八角锤\6LB\国产</t>
  </si>
  <si>
    <t>【长鹿】纤维柄八角锤\8LB\国产</t>
  </si>
  <si>
    <t>【长鹿】撬棍\1500mm</t>
  </si>
  <si>
    <t>【长鹿】冲凿系列\12件\国产</t>
  </si>
  <si>
    <t>【长鹿】防爆锤\1LB\铜制</t>
  </si>
  <si>
    <t>【长鹿】防爆锤\2LB\铜制</t>
  </si>
  <si>
    <t>【长鹿】防爆锤\3LB\铜制</t>
  </si>
  <si>
    <t>【长鹿】钢柄羊角锤\8oz\国产</t>
  </si>
  <si>
    <t>【长鹿】纤维柄羊角锤\16oz\国产</t>
  </si>
  <si>
    <t>【长鹿】木柄钳工锤\500g\国产</t>
  </si>
  <si>
    <t>【长鹿】木柄圆头锤\16oz S088416\国产</t>
  </si>
  <si>
    <t>【长鹿】木柄圆头锤\24oz S088424\国产</t>
  </si>
  <si>
    <t>【长鹿】不锈钢直尺\150mm\0.05mm\国产</t>
  </si>
  <si>
    <t>【长鹿】不锈钢直尺\12" 300mm\1/1000\国产</t>
  </si>
  <si>
    <t>【长鹿】不锈钢直尺\20"\0.05mm\国产</t>
  </si>
  <si>
    <t>【长鹿】不锈钢直尺\40"\0.05mm\国产</t>
  </si>
  <si>
    <t>【长鹿】直角尺\300×200mm\0.02mm\国产</t>
  </si>
  <si>
    <t>【长鹿】直角尺\600×400mm\0.02mm\国产</t>
  </si>
  <si>
    <t>【长鹿】活动直角尺\12"\0.05mm\国产</t>
  </si>
  <si>
    <t>【长鹿】橡塑卷尺\3.5m\TPR+ABS外壳 不锈钢尺带\国产</t>
  </si>
  <si>
    <t>【长鹿】橡塑卷尺\5.5m\TPR+ABS外壳 不锈钢尺带\国产</t>
  </si>
  <si>
    <t>【长鹿】橡塑卷尺\5m\TPR+ABS外壳 不锈钢尺带\国产</t>
  </si>
  <si>
    <t>【长鹿】橡塑卷尺\7.5m\TPR+ABS外壳 不锈钢尺带\国产</t>
  </si>
  <si>
    <t>【长鹿】架式长卷尺\30m\ABS外壳 高玻璃纤维尺带\国产</t>
  </si>
  <si>
    <t>【长鹿】架式长卷尺\50m\ABS外壳 高玻璃纤维尺带\国产</t>
  </si>
  <si>
    <t>【长鹿】钢卷尺\100m\国产</t>
  </si>
  <si>
    <t>【长鹿】百分表\5MT28 0-10mm WESTWARD\国产</t>
  </si>
  <si>
    <t>【长鹿】百分表\0-5\0-5mm\0.01mm\国产</t>
  </si>
  <si>
    <t>【长鹿】内径百分表\18-35mm\国产</t>
  </si>
  <si>
    <t>【长鹿】内径百分表\35-50mm\国产</t>
  </si>
  <si>
    <t>【长鹿】带公差百分表\312-162B\0-3mm\1mm\国产</t>
  </si>
  <si>
    <t>【长鹿】外径千分尺\O-25mm\0.01mm\国产</t>
  </si>
  <si>
    <t>【长鹿】外径千分尺\25-50mm\0.01mm\国产</t>
  </si>
  <si>
    <t>【长鹿】外径千分尺\50-75mm\0.01mm\国产</t>
  </si>
  <si>
    <t>【长鹿】外径千分尺\75-100mm\0.01mm\国产</t>
  </si>
  <si>
    <t>【长鹿】外径千分尺\100-125mm\0.01mm\国产</t>
  </si>
  <si>
    <t>【长鹿】外径千分尺\125-150mm\0.01mm\国产</t>
  </si>
  <si>
    <t>【长鹿】外径千分尺\150-175mm\0.01mm\国产</t>
  </si>
  <si>
    <t>【长鹿】外径千分尺\175-200mm\0.01mm\国产</t>
  </si>
  <si>
    <t>【长鹿】外径千分尺\200-225mm\0.01mm\国产</t>
  </si>
  <si>
    <t>【长鹿】外径千分尺\225-250mm\0.01mm\国产</t>
  </si>
  <si>
    <t>【长鹿】外径千分尺\250-275mm\0.01mm\国产</t>
  </si>
  <si>
    <t>【长鹿】外径千分尺\275-300mm\0.01mm\国产</t>
  </si>
  <si>
    <t>【长鹿】外径千分尺\300-400mm 304-094 上量\国产</t>
  </si>
  <si>
    <t>【长鹿】内径千分尺\25-50mm\国产</t>
  </si>
  <si>
    <t>【长鹿】内径千分尺\50-600\国产</t>
  </si>
  <si>
    <t>【长鹿】三水泡工字式水平尺\450mm\0.05mm\国产</t>
  </si>
  <si>
    <t>【长鹿】三水泡工字式水平尺\600mm\0.05mm\国产</t>
  </si>
  <si>
    <t>【长鹿】三水泡工字式水平尺\1000mm\0.05mm\国产</t>
  </si>
  <si>
    <t>【长鹿】三水泡工字式水平尺\1200mm\0.05mm\国产</t>
  </si>
  <si>
    <t>【长鹿】塞尺\32片 0.02-1mm 宽度10mm\国产</t>
  </si>
  <si>
    <t>【长鹿】数显卡尺\0-200mm\0.01mm\国产</t>
  </si>
  <si>
    <t>【长鹿】数显卡尺\500\国产</t>
  </si>
  <si>
    <t>【长鹿】游标卡尺\0-150mm\0.02mm\国产</t>
  </si>
  <si>
    <t>【长鹿】游标卡尺\0-200mm\0.05mm\国产</t>
  </si>
  <si>
    <t>【长鹿】游标卡尺\0-300mm\0.05mm\国产</t>
  </si>
  <si>
    <t>【长鹿】高度游标卡尺\0-200mm\0.02mm\国产</t>
  </si>
  <si>
    <t>【长鹿】高度游标卡尺\0-300mm\0.02mm\国产</t>
  </si>
  <si>
    <t>【长鹿】高度游标卡尺\0-500mm\0.05mm\国产</t>
  </si>
  <si>
    <t>【长鹿】深度游标卡尺;()\0-200mm\0.02mm\国产</t>
  </si>
  <si>
    <t>【长鹿】深度游标卡尺\0-300mm\0.05mm\国产</t>
  </si>
  <si>
    <t>【长鹿】划规(270902)\200mm</t>
  </si>
  <si>
    <t>【长鹿】划规(270902)\500mm</t>
  </si>
  <si>
    <t>【长鹿】划规\300mm\国产</t>
  </si>
  <si>
    <t>【长鹿】中心规\60度\国产</t>
  </si>
  <si>
    <t>【长鹿】螺纹规\55度\国产</t>
  </si>
  <si>
    <t>【长鹿】公制螺纹规\60度\国产</t>
  </si>
  <si>
    <t>【长鹿】粗齿三角锉\12"  双色手柄\国产</t>
  </si>
  <si>
    <t>【长鹿】粗齿三角锉\8" 双色手柄\国产</t>
  </si>
  <si>
    <t>【长鹿】细齿半圆锉\10"\国产</t>
  </si>
  <si>
    <t>【长鹿】细齿半圆锉\12"\国产</t>
  </si>
  <si>
    <t>【长鹿】细齿半圆锉\6"\国产</t>
  </si>
  <si>
    <t>【长鹿】细齿半圆锉\8"\国产</t>
  </si>
  <si>
    <t>【长鹿】半圆锉\12" 中齿\国产</t>
  </si>
  <si>
    <t>【长鹿】细齿方锉\8" 双色手柄\国产</t>
  </si>
  <si>
    <t>【长鹿】细齿方锉\10" 双色手柄\国产</t>
  </si>
  <si>
    <t>【长鹿】细齿方锉\12" 双色手柄\国产</t>
  </si>
  <si>
    <t>【长鹿】粗齿方锉\12"  双色手柄\国产</t>
  </si>
  <si>
    <t>【长鹿】细齿三角锉\10" 双色手柄\国产</t>
  </si>
  <si>
    <t>【长鹿】细齿三角锉\12" 双色手柄\国产</t>
  </si>
  <si>
    <t>【长鹿】细齿三角锉\6" 双色手柄\国产</t>
  </si>
  <si>
    <t>【长鹿】细齿三角锉\8" 双色手柄\国产</t>
  </si>
  <si>
    <t>【长鹿】中齿半圆锉\8"\国产</t>
  </si>
  <si>
    <t>【长鹿】中齿方锉\6"\国产</t>
  </si>
  <si>
    <t>【长鹿】中齿平锉\10"\国产</t>
  </si>
  <si>
    <t>【长鹿】粗齿平锉\10"\国产</t>
  </si>
  <si>
    <t>【长鹿】粗齿平锉\12"\国产</t>
  </si>
  <si>
    <t>【长鹿】粗齿平锉\6"\国产</t>
  </si>
  <si>
    <t>【长鹿】细齿平锉\12"\国产</t>
  </si>
  <si>
    <t>【长鹿】粗齿平锉\8"\国产</t>
  </si>
  <si>
    <t>【长鹿】平锉\12" 中齿\国产</t>
  </si>
  <si>
    <t>【长鹿】中齿三角锉\10"\国产</t>
  </si>
  <si>
    <t>【长鹿】中齿三角锉\12"\国产</t>
  </si>
  <si>
    <t>【长鹿】方锉\10" 中齿 双色手柄\国产</t>
  </si>
  <si>
    <t>【长鹿】方锉\12" 中齿 双色手柄\国产</t>
  </si>
  <si>
    <t>【长鹿】方锉\8" 中齿 双色手柄\国产</t>
  </si>
  <si>
    <t>【长鹿】锉刀组合\8件\国产</t>
  </si>
  <si>
    <t>【长鹿】粗齿半圆锉\10"\国产</t>
  </si>
  <si>
    <t>【长鹿】粗齿半圆锉\12"\国产</t>
  </si>
  <si>
    <t>【长鹿】粗齿半圆锉\6"\国产</t>
  </si>
  <si>
    <t>【长鹿】粗齿半圆锉\8"\国产</t>
  </si>
  <si>
    <t>【长鹿】粗齿方锉\10"\国产</t>
  </si>
  <si>
    <t>【长鹿】细齿方锉\6"\国产</t>
  </si>
  <si>
    <t>【长鹿】细齿平锉\10"\国产</t>
  </si>
  <si>
    <t>【长鹿】细齿平锉\6"\国产</t>
  </si>
  <si>
    <t>【长鹿】细齿平锉\8"\国产</t>
  </si>
  <si>
    <t>【长鹿】中齿半圆锉\10"\国产</t>
  </si>
  <si>
    <t>【长鹿】中齿半圆锉\6"\国产</t>
  </si>
  <si>
    <t>【长鹿】中齿平锉\6"\国产</t>
  </si>
  <si>
    <t>【长鹿】中齿平锉\8"\国产</t>
  </si>
  <si>
    <t>【长鹿】中齿三角锉\6"\国产</t>
  </si>
  <si>
    <t>【长鹿】中齿三角锉\8"\国产</t>
  </si>
  <si>
    <t>【长鹿】中齿圆锉\6"\国产</t>
  </si>
  <si>
    <t>【长鹿】中齿圆锉\8"\国产</t>
  </si>
  <si>
    <t>【长鹿】中齿圆锉\10"\国产</t>
  </si>
  <si>
    <t>【长鹿】中齿圆锉\12"\国产</t>
  </si>
  <si>
    <t>【长鹿】粗齿方锉\6"  双色手柄\国产</t>
  </si>
  <si>
    <t>【长鹿】粗齿方锉\8"  双色手柄\国产</t>
  </si>
  <si>
    <t>【长鹿】粗齿三角锉\10"  双色手柄\国产</t>
  </si>
  <si>
    <t>【长鹿】粗齿三角锉\6"  双色手柄\国产</t>
  </si>
  <si>
    <t>【长鹿】电讯工具组套\15件\国产</t>
  </si>
  <si>
    <t>【长鹿】电讯工具组套\23件\国产</t>
  </si>
  <si>
    <t>【长鹿】电讯工具组套\57件\国产</t>
  </si>
  <si>
    <t>【长鹿】测电螺丝刀\100-500VAC150mm\国标\国产</t>
  </si>
  <si>
    <t>【长鹿】测电螺丝刀\100-500VAC180mm\国标\国产</t>
  </si>
  <si>
    <t>【长鹿】棘轮螺丝刀紧固套装\25件\国产</t>
  </si>
  <si>
    <t>【长鹿】冲击螺丝批\18件\国产</t>
  </si>
  <si>
    <t>【长鹿】多用换头螺丝刀\10件\国产</t>
  </si>
  <si>
    <t>【长鹿】棘轮螺丝刀\27件\国产</t>
  </si>
  <si>
    <t>【长鹿】棘轮铝合金手螺丝刀\13合1\国产</t>
  </si>
  <si>
    <t>【长鹿】棘轮铝合金手螺丝刀\6合1\国产</t>
  </si>
  <si>
    <t>【长鹿】螺帽螺丝批\6×75mm 双色柄\国产</t>
  </si>
  <si>
    <t>【长鹿】电工剪\6" 150mm</t>
  </si>
  <si>
    <t>【长鹿】防静电碳纤维尖头镊子\130mm</t>
  </si>
  <si>
    <t>【长鹿】防静电碳纤维宽头镊子\130mm</t>
  </si>
  <si>
    <t>【长鹿】防静电碳纤维弯头镊子\130mm</t>
  </si>
  <si>
    <t>【长鹿】带刃口剥线钳\6" AWG12-22\国产</t>
  </si>
  <si>
    <t>【长鹿】带刃口剥线钳\6" AWG16-26\国产</t>
  </si>
  <si>
    <t>【长鹿】带刃口剥线钳\8"\国产</t>
  </si>
  <si>
    <t>【长鹿】断线钳\30"\国产</t>
  </si>
  <si>
    <t>【长鹿】钳子组合\4件\国产</t>
  </si>
  <si>
    <t>【长鹿】手动电缆钳\6"\国产</t>
  </si>
  <si>
    <t>【长鹿】台虎钳\7"\国产</t>
  </si>
  <si>
    <t>【长鹿】斜嘴钳\6" 绝缘\国产</t>
  </si>
  <si>
    <t>【长鹿】鹰嘴万用剥线钳\线径0.2-6mm\国产</t>
  </si>
  <si>
    <t>【长鹿】防静电酒精瓶\150ml</t>
  </si>
  <si>
    <t>【长鹿】防静电刷子\175mm</t>
  </si>
  <si>
    <t>【长鹿】防静电刷子\7" 3件\国产</t>
  </si>
  <si>
    <t>【长鹿】钢索剪\8" 3/16" /16"\国产</t>
  </si>
  <si>
    <t>【长鹿】高档数显测电笔\高档数显测电笔\12V-250V\国产</t>
  </si>
  <si>
    <t>【长鹿】高强度铝合金手电筒\3节1号电池20LED</t>
  </si>
  <si>
    <t>【长鹿】直刃电工刀\200mm</t>
  </si>
  <si>
    <t>【长鹿】宽头镊子\120mm</t>
  </si>
  <si>
    <t>【长鹿】全铝吸锡器\全铝吸锡器\国产</t>
  </si>
  <si>
    <t>【长鹿】数显测电笔\数显测电笔\小于500V\国产</t>
  </si>
  <si>
    <t>【长鹿】特尖头长镊子\135mm</t>
  </si>
  <si>
    <t>【长鹿】弯头镊子\118mm</t>
  </si>
  <si>
    <t>【长鹿】验电笔\3×70mm\国产</t>
  </si>
  <si>
    <t>【长鹿】助焊工具\6件\国产</t>
  </si>
  <si>
    <t>【长鹿】高压机油壶\MJ\国产</t>
  </si>
  <si>
    <t>【长鹿】塑胶风枪\10"\国产</t>
  </si>
  <si>
    <t>【长鹿】塑胶风枪\4"\国产</t>
  </si>
  <si>
    <t>【长鹿】筒装焊锡\5只</t>
  </si>
  <si>
    <t>【长鹿】剥线钳\1-3.2AWG 自动\国产</t>
  </si>
  <si>
    <t>【长鹿】电工绝缘胶带\红 19mm×9m</t>
  </si>
  <si>
    <t>【长鹿】电工绝缘胶带\黄 19mm×9m</t>
  </si>
  <si>
    <t>【长鹿】电工绝缘胶带\绿 19mm×9m</t>
  </si>
  <si>
    <t>【长鹿】弯刃电工刀\200mm</t>
  </si>
  <si>
    <t>【长鹿】尖头镊子\125mm</t>
  </si>
  <si>
    <t>【长鹿】可调试防静电手带\150mm 100v/500v</t>
  </si>
  <si>
    <t>【长鹿】起子变换头\10mm</t>
  </si>
  <si>
    <t>【长鹿】10mm系列接杆\6"\络钒钢</t>
  </si>
  <si>
    <t>【长鹿】12.5mm系列T型滑杆\250mm\络钒钢</t>
  </si>
  <si>
    <t>【长鹿】19mm系列T型滑杆\480mm\络钒钢</t>
  </si>
  <si>
    <t>【长鹿】19MM系列接杆\4"\络钒钢\ISO9001</t>
  </si>
  <si>
    <t>【长鹿】10mm系列大小接头\10mm×6.3mm</t>
  </si>
  <si>
    <t>【长鹿】10mm系列三用接头\10mm×12.5mm带孔</t>
  </si>
  <si>
    <t>【长鹿】10mm系列万向接头\54.2mm</t>
  </si>
  <si>
    <t>【长鹿】12.5mm系列大小接头\12.5mm×10mm</t>
  </si>
  <si>
    <t>【长鹿】万向接头\19mm</t>
  </si>
  <si>
    <t>【长鹿】旋柄\6.3mm</t>
  </si>
  <si>
    <t>【长鹿】10mm系列六角长套筒9MM\9mm\国产</t>
  </si>
  <si>
    <t>【长鹿】12.5mm系列十二角标准套筒\32mm\国产</t>
  </si>
  <si>
    <t>【长鹿】6.3mm系列接杆\2"\45#钢</t>
  </si>
  <si>
    <t>【长鹿】6.3mm系列大小接头\6.3mm×10mm</t>
  </si>
  <si>
    <t>【长鹿】6.3mm系列带珠接杆\25mm 5件\铬钒钢\ISO9001</t>
  </si>
  <si>
    <t>【长鹿】6.3mm系列带珠接杆\50mm 5件\铬钒钢\ISO9001</t>
  </si>
  <si>
    <t>【长鹿】带珠接杆\60mm 5件\铬钒钢\ISO9001</t>
  </si>
  <si>
    <t>【长鹿】弓型杆\12.5mm\合金钢\国标</t>
  </si>
  <si>
    <t>【月峰】涤纶缝口绳\3×3×0.8mm 0.2kg/卷mm</t>
  </si>
  <si>
    <t>临沂市月峰线绳厂</t>
  </si>
  <si>
    <t>月峰</t>
  </si>
  <si>
    <t>GNWZBP(TH)ZECG2020-019</t>
  </si>
  <si>
    <t>涤纶缝口绳物资物资商城铺货长协采购合同（天泓8810008380协议变更）</t>
  </si>
  <si>
    <t>神木县都源商贸有限公司</t>
  </si>
  <si>
    <t>【月峰】涤纶缝口绳\3×3×0.8mm 1kg/卷mm</t>
  </si>
  <si>
    <t>【西门子】接线盒\6ES7292-1AL30-0XA0</t>
  </si>
  <si>
    <t>【西门子】接线盒\6ES7292-1BF30-0XA0</t>
  </si>
  <si>
    <t>【西门子】翻盖\6ES7291-1AA30-0XA0</t>
  </si>
  <si>
    <t>【西门子】翻盖\6ES7291-1AB30-0XA0</t>
  </si>
  <si>
    <t>【西门子】电缆夹\6ES7290-3AA30-0XA0</t>
  </si>
  <si>
    <t>【西门子】翻盖\6ES7291-1AC30-0XA0</t>
  </si>
  <si>
    <t>【西门子】翻盖\6ES7291-1AD30-0XA0</t>
  </si>
  <si>
    <t>【西门子】接线盒\6ES7292-1AG40-0XA1</t>
  </si>
  <si>
    <t>【西门子】接线盒\6ES7292-1AG40-0XA2</t>
  </si>
  <si>
    <t>【西门子】接线盒\6ES7292-1AL40-0XA0</t>
  </si>
  <si>
    <t>【西门子】接线盒\6ES7292-1AH40-0XA0</t>
  </si>
  <si>
    <t>【西门子】接线盒\6ES7292-1AM40-0XA0</t>
  </si>
  <si>
    <t>【西门子】接线盒\6ES7292-1AV40-0XA0</t>
  </si>
  <si>
    <t>【西门子】接线盒\6ES7292-1BF30-0XB0</t>
  </si>
  <si>
    <t>【西门子】接线盒\6ES7292-1AK30-0XA0</t>
  </si>
  <si>
    <t>【西门子】接线盒\6ES7292-1AT30-0XA0</t>
  </si>
  <si>
    <t>【西门子】接线盒\6ES7292-1AG40-0XA0</t>
  </si>
  <si>
    <t>【西门子】接线盒\6ES7292-1AR30-0XA0</t>
  </si>
  <si>
    <t>【西门子】存储器\6ES7954-8LT03-0AA0\,,MB,A</t>
  </si>
  <si>
    <t>【西门子】接线盒\6ES7292-1BG30-0XA0</t>
  </si>
  <si>
    <t>【西门子】接线盒\6ES7292-1BL30-0XA0</t>
  </si>
  <si>
    <t>【西门子】翻盖\6ES7291-1CC30-0XA0</t>
  </si>
  <si>
    <t>【西门子】存储器\6ES7954-8LC03-0AA0\,,MB,A</t>
  </si>
  <si>
    <t>【西门子】接线盒\6ES7292-1AP40-0XA0</t>
  </si>
  <si>
    <t>【西门子】控制器\6ES7223-1BL32-0XB0</t>
  </si>
  <si>
    <t>【西门子】电源模块\6ES7505-0RA00-0AB0V/V,W</t>
  </si>
  <si>
    <t>【西门子】电源模块\6ES7507-0RA00-0AB0V/V,W</t>
  </si>
  <si>
    <t>【西门子】接口模块\6ES7591-3AA00-0AA0</t>
  </si>
  <si>
    <t>【西门子】控制板\6ES7677-2AA31-0EB0</t>
  </si>
  <si>
    <t>【西门子】控制板\6ES7677-2AA41-0FB0</t>
  </si>
  <si>
    <t>【西门子】控制板\6ES7677-2AA40-0AA0</t>
  </si>
  <si>
    <t>【西门子】控制板\6ES7677-2AA41-0FK0</t>
  </si>
  <si>
    <t>【西门子】控制板\6ES7677-2AA41-0FL0</t>
  </si>
  <si>
    <t>【西门子】控制板\6ES7677-2AA41-0FM0</t>
  </si>
  <si>
    <t>【西门子】控制板\6ES7677-2DB42-0GB0</t>
  </si>
  <si>
    <t>【西门子】控制板\6ES7677-2DB42-0GK0</t>
  </si>
  <si>
    <t>【西门子】控制板\6ES7677-2DB42-0GL0</t>
  </si>
  <si>
    <t>【西门子】控制板\6ES7677-2DB42-0GM0</t>
  </si>
  <si>
    <t>【西门子】连接器\6ES7194-4AP00-0AA0</t>
  </si>
  <si>
    <t>【西门子】控制板\6ES7823-0AA00-1AA0</t>
  </si>
  <si>
    <t>【西门子】控制板\6ES7823-0BA00-1BA0</t>
  </si>
  <si>
    <t>【西门子】控制板\6ES7823-0BA00-1CA0</t>
  </si>
  <si>
    <t>【西门子】控制板\6ES7823-0BA00-1DA0</t>
  </si>
  <si>
    <t>【西门子】控制板\6ES7823-0AA00-1DA0</t>
  </si>
  <si>
    <t>【西门子】控制板\6ES7500-4FP00-0AB0\,,MB,A</t>
  </si>
  <si>
    <t>【西门子】电子编码元素\6ES7592-6EF00-1AA0</t>
  </si>
  <si>
    <t>【西门子】控制板\6ES7672-7FC01-0YA0</t>
  </si>
  <si>
    <t>【西门子】控制板\6ES7500-0HP00-0AB0\,,MB,A</t>
  </si>
  <si>
    <t>【西门子】同步模块\6ES7960-1CB00-0AA5</t>
  </si>
  <si>
    <t>【西门子】同步模块\6ES7960-1FB00-0AA5</t>
  </si>
  <si>
    <t>【西门子】电缆\6ES7960-1BB00-5AA5</t>
  </si>
  <si>
    <t>【西门子】电缆\6ES7960-1BC00-5AA5</t>
  </si>
  <si>
    <t>【西门子】电缆\6ES7960-1CB00-5AA5</t>
  </si>
  <si>
    <t>【西门子】通信模块\6ES7528-0AA00-0AA0</t>
  </si>
  <si>
    <t>【西门子】通信模块\6ES7528-0AA00-7AA0</t>
  </si>
  <si>
    <t>【西门子】屏蔽套件\6ES7590-5CA00-0AA0</t>
  </si>
  <si>
    <t>【西门子】屏蔽套件\6ES7590-5CA10-0XA0</t>
  </si>
  <si>
    <t>【西门子】标签纸\6ES7592-1AX00-0AA0</t>
  </si>
  <si>
    <t>【西门子】标签纸\6ES7592-2CX00-0AA0</t>
  </si>
  <si>
    <t>【西门子】控制器\6ES7313-5BG04-0AB0\,,MB,A</t>
  </si>
  <si>
    <t>【西门子】插拔件工具\6ES5497-4UC11</t>
  </si>
  <si>
    <t>【西门子】电缆\6ES7368-3BF01-0AA0</t>
  </si>
  <si>
    <t>【西门子】存储器\6ES7953-8LM32-0AA0\,,MB,A</t>
  </si>
  <si>
    <t>【西门子】输入模块\6ES7321-1FF01-0AA0</t>
  </si>
  <si>
    <t>【西门子】数字量模块\6ES7322-8BF00-0AB0</t>
  </si>
  <si>
    <t>【西门子】触摸屏\6AV2123-2GA03-0AX0</t>
  </si>
  <si>
    <t>【西门子】数字量模块\6ES7431-7QH00-0AB0</t>
  </si>
  <si>
    <t>【西门子】电池盒\A5E00753961</t>
  </si>
  <si>
    <t>【西门子】标签\6ES7392-2XX20-0AA0</t>
  </si>
  <si>
    <t>【西门子】标签\6ES7392-2XY20-0AA0</t>
  </si>
  <si>
    <t>【西门子】中央处理器\6ES7154-8FX00-0AB0</t>
  </si>
  <si>
    <t>【西门子】通信模块\6DD1680-0BB0</t>
  </si>
  <si>
    <t>【西门子】导轨\6ES7195-1GF30-0XA0</t>
  </si>
  <si>
    <t>【西门子】接口模块\6ES7153-2AR03-0XA1</t>
  </si>
  <si>
    <t>【西门子】终端模块\6ES7193-4CL30-0AA0</t>
  </si>
  <si>
    <t>【西门子】终端模块\6ES7193-4CB30-0AA0</t>
  </si>
  <si>
    <t>【西门子】电子模块\6ES7135-4MB02-0AB0</t>
  </si>
  <si>
    <t>【西门子】电子模块\6ES7134-4NB01-0AB0</t>
  </si>
  <si>
    <t>【西门子】电子模块\6ES7134-4MB02-0AB0</t>
  </si>
  <si>
    <t>【西门子】数字量输出模块\6ES7132-4BF00-0AB0</t>
  </si>
  <si>
    <t>【西门子】电子模块\6ES7132-4BD32-0AA0</t>
  </si>
  <si>
    <t>【西门子】电子模块\6ES7132-4BB31-0AA0</t>
  </si>
  <si>
    <t>【西门子】电子模块\6ES7132-4BB01-0AA0</t>
  </si>
  <si>
    <t>【西门子】终端模块\6ES7193-4CA70-0AA0</t>
  </si>
  <si>
    <t>【西门子】终端模块\6ES7193-4CB60-0AA0</t>
  </si>
  <si>
    <t>【西门子】终端模块\6ES7193-4CB70-0AA0</t>
  </si>
  <si>
    <t>【西门子】数字量模块\6ES7195-1JA00-0XA0</t>
  </si>
  <si>
    <t>【西门子】数字量模块\6ES7142-4BF00-0AA0</t>
  </si>
  <si>
    <t>【西门子】数字量模块\6ES7142-4BD00-0AB0</t>
  </si>
  <si>
    <t>【西门子】数字量模块\6ES7142-4BD00-0AA0</t>
  </si>
  <si>
    <t>【西门子】数字量模块\6ES7141-4BF00-0AB0</t>
  </si>
  <si>
    <t>【西门子】接口模块\6ES7194-4HA00-0AA0</t>
  </si>
  <si>
    <t>【西门子】接口模块\6ES7194-4JD60-0AA0</t>
  </si>
  <si>
    <t>【西门子】接口模块\6ES7194-1AB01-0XA0</t>
  </si>
  <si>
    <t>【西门子】屏蔽端子\6ES7193-4GA00-0AA0</t>
  </si>
  <si>
    <t>【西门子】编码板\6ES7193-4LA20-0AA0</t>
  </si>
  <si>
    <t>【西门子】编码板\6ES7193-4LB20-0AA0</t>
  </si>
  <si>
    <t>【西门子】编码板\6ES7193-4LC20-0AA0</t>
  </si>
  <si>
    <t>【西门子】编码板\6ES7193-4LD20-0AA0</t>
  </si>
  <si>
    <t>【西门子】编码板\6ES7193-4LF20-0AA0</t>
  </si>
  <si>
    <t>【西门子】编码板\6ES7193-4LG20-0AA0</t>
  </si>
  <si>
    <t>【西门子】编码板\6ES7193-4LH20-0AA0</t>
  </si>
  <si>
    <t>【西门子】连接器\6ES7193-4JB00-0AA0</t>
  </si>
  <si>
    <t>【西门子】触摸屏\6AV2181-5AR80-0AX0</t>
  </si>
  <si>
    <t>【西门子】触摸屏\6AV2181-8AT00-0AX0</t>
  </si>
  <si>
    <t>【西门子】触摸屏\6AV3678-3XC30</t>
  </si>
  <si>
    <t>【西门子】触摸屏\6AV6574-1AA00-2BX0</t>
  </si>
  <si>
    <t>【西门子】触摸屏\6AV6574-1AA00-4AX0</t>
  </si>
  <si>
    <t>【西门子】触摸屏\6AV6574-1AA04-4AA0</t>
  </si>
  <si>
    <t>【西门子】触摸屏\6AV6671-1XA00-0AX0</t>
  </si>
  <si>
    <t>【西门子】触摸屏\6AV6671-2XA00-0AX0</t>
  </si>
  <si>
    <t>【西门子】触摸屏\6AV6671-3EA01-0AX0</t>
  </si>
  <si>
    <t>【西门子】触摸屏\6AV6671-3XA01-0AX0</t>
  </si>
  <si>
    <t>【西门子】触摸屏\6AV6671-3XY38-4AX0</t>
  </si>
  <si>
    <t>【西门子】触摸屏\6AV6671-3XY48-4AX0</t>
  </si>
  <si>
    <t>【西门子】触摸屏\6AV6671-3XY58-4AX0</t>
  </si>
  <si>
    <t>【西门子】触摸屏\6AV6671-4XA00-0AX0</t>
  </si>
  <si>
    <t>【西门子】触摸屏\6AV6671-5BF00-0AX0</t>
  </si>
  <si>
    <t>【西门子】触摸屏\6AV6671-8XA00-0AX0</t>
  </si>
  <si>
    <t>【西门子】触摸屏\6AV6671-8XD00-0AX0</t>
  </si>
  <si>
    <t>【西门子】触摸屏\6AV6671-8XE00-0AX0</t>
  </si>
  <si>
    <t>【西门子】触摸屏\6AV6671-8XJ00-0AX0</t>
  </si>
  <si>
    <t>【西门子】触摸屏\6AV6671-8XK00-0AX3</t>
  </si>
  <si>
    <t>【西门子】触摸屏\6XV1440-2AH32</t>
  </si>
  <si>
    <t>【西门子】电缆\6XV1440-2AH50</t>
  </si>
  <si>
    <t>【西门子】电缆\6XV1440-2AN10</t>
  </si>
  <si>
    <t>【西门子】触摸屏\6ES7648-2BF10-0XK1\,,MB,A</t>
  </si>
  <si>
    <t>【西门子】触摸屏\6AV6642-5EA10-0CG0</t>
  </si>
  <si>
    <t>【西门子】功率模块\6SL3210-1PE23-3UL0</t>
  </si>
  <si>
    <t>【西门子】功率模块\6SL3210-1PE31-8UL0</t>
  </si>
  <si>
    <t>【西门子】控制单元\6SL3244-0BB12-1BA1</t>
  </si>
  <si>
    <t>【西门子】控制单元\6SL3244-0BB00-1BA1</t>
  </si>
  <si>
    <t>【西门子】控制面板\6SL3255-0AA00-4CA1</t>
  </si>
  <si>
    <t>【西门子】控制面板\6SL3255-0AA00-4JA2</t>
  </si>
  <si>
    <t>【西门子】柜门安装组件\6SL3256-0AP00-0JA0</t>
  </si>
  <si>
    <t>【西门子】电抗器\6SL3203-0CE21-8AA0</t>
  </si>
  <si>
    <t>【西门子】控制板\6SL3200-0SK05-0AA0</t>
  </si>
  <si>
    <t>【西门子】控制板\6SL3200-0SK06-0AA0</t>
  </si>
  <si>
    <t>【西门子】控制板\6SL3200-0SK07-0AA0</t>
  </si>
  <si>
    <t>【西门子】控制板\6SL3200-0ST07-0AA0</t>
  </si>
  <si>
    <t>【西门子】控制板\6SL3266-1EA00-0KA0</t>
  </si>
  <si>
    <t>【西门子】控制板\6SL3266-1EB00-0KA0</t>
  </si>
  <si>
    <t>【西门子】控制板\6SL3266-1EC00-0DA0</t>
  </si>
  <si>
    <t>【西门子】控制板\6SL3266-1EC00-0KA0</t>
  </si>
  <si>
    <t>【西门子】控制板\6SL3266-1ER00-0KA0</t>
  </si>
  <si>
    <t>【西门子】控制单元\6SL3262-1AA00-0BA0</t>
  </si>
  <si>
    <t>【西门子】变频器\380-480 VkVA,kV,kV,IP20/UL</t>
  </si>
  <si>
    <t>【西门子】电源模块\6ES7288-0KD10-0AA0V/V,W</t>
  </si>
  <si>
    <t>【西门子】控制单元\6SL3040-1MA00-0AA0</t>
  </si>
  <si>
    <t>【西门子】变频器\6SL3120-1TE32-0AA4</t>
  </si>
  <si>
    <t>【西门子】变频器\6SL3130-7TE31-2AA3</t>
  </si>
  <si>
    <t>【西门子】端子套件\6SL3160-8CD10-0AA0</t>
  </si>
  <si>
    <t>【西门子】端子套件\6SL3160-8RB00-0AA0</t>
  </si>
  <si>
    <t>【西门子】端子套件\6SL3162-2AA01-0AA0</t>
  </si>
  <si>
    <t>【西门子】端子套件\6SL3162-3AF00-0AA1</t>
  </si>
  <si>
    <t>【西门子】端子套件\6SL3162-3AH00-0AA1</t>
  </si>
  <si>
    <t>【西门子】端子套件\6SL3163-1AF00-0AA0</t>
  </si>
  <si>
    <t>【西门子】端子套件\6SL3163-1AH00-0AA0</t>
  </si>
  <si>
    <t>【西门子】端子套件\6SL3163-1AM00-0AA0</t>
  </si>
  <si>
    <t>【西门子】端子套件\6SL3163-8KB00-0AA1</t>
  </si>
  <si>
    <t>【西门子】控制板\6SL3462-1CC00-0AA0</t>
  </si>
  <si>
    <t>【西门子】控制板\6SL3125-1UE32-2AD0</t>
  </si>
  <si>
    <t>【西门子】控制板\6SL3162-0AQ00-0AA0</t>
  </si>
  <si>
    <t>【西门子】控制板\6SL3162-0AR00-0AA0</t>
  </si>
  <si>
    <t>【西门子】制动单元\6SL3300-1AE32-5BA0</t>
  </si>
  <si>
    <t>【西门子】界面模块\6SL3300-7TE32-6AA1</t>
  </si>
  <si>
    <t>【西门子】界面模块\6SL3300-7TE33-8AA1</t>
  </si>
  <si>
    <t>【西门子】界面模块\6SL3300-7TE35-0AA1</t>
  </si>
  <si>
    <t>【西门子】电机模块\6SL3325-1TE33-1AA3</t>
  </si>
  <si>
    <t>【西门子】电抗器\6SL3000-0CH32-2AA0</t>
  </si>
  <si>
    <t>【西门子】电抗器\6SL3000-2AH31-8AA0</t>
  </si>
  <si>
    <t>【西门子】电机模块\6SL3325-1TE35-0AA3</t>
  </si>
  <si>
    <t>【西门子】控制板\6SL3353-7AH36-8AA0</t>
  </si>
  <si>
    <t>【西门子】变频器\6SL3330-7TE32-1AA3</t>
  </si>
  <si>
    <t>【西门子】变频器\6SL3330-7TE32-6AA3</t>
  </si>
  <si>
    <t>【西门子】变频器\6SL3330-7TE33-8AA3</t>
  </si>
  <si>
    <t>【西门子】变频器\6SL3330-7TE35-0AA3</t>
  </si>
  <si>
    <t>【西门子】电机模块\6SL3320-1TE32-1AA3</t>
  </si>
  <si>
    <t>【西门子】电机模块\6SL3320-1TE33-1AA3</t>
  </si>
  <si>
    <t>【西门子】变频器\6SL3320-1TE33-8AA3</t>
  </si>
  <si>
    <t>【西门子】电机模块\6SL3320-1TG28-5AA3</t>
  </si>
  <si>
    <t>【西门子】电机模块\6SL3320-1TG31-0AA3</t>
  </si>
  <si>
    <t>【西门子】电机模块\6SL3320-1TG31-2AA3</t>
  </si>
  <si>
    <t>【西门子】电机模块\6SL3320-1TG31-5AA3</t>
  </si>
  <si>
    <t>【西门子】电机模块\6SL3320-1TG31-8AA3</t>
  </si>
  <si>
    <t>【西门子】电机模块\6SL3320-1TG32-2AA3</t>
  </si>
  <si>
    <t>【西门子】电机模块\6SL3320-1TG32-6AA3</t>
  </si>
  <si>
    <t>【西门子】控制板\6SL3000-0DE28-0AA1</t>
  </si>
  <si>
    <t>【西门子】控制板\6SL3000-0GE21-0AA0</t>
  </si>
  <si>
    <t>【西门子】端子接口\6SL3055-0AA00-3AA1</t>
  </si>
  <si>
    <t>【西门子】电缆\6SL3064-1BB00-0AA0</t>
  </si>
  <si>
    <t>【西门子】电缆\6SL3064-2AB01-0AA0</t>
  </si>
  <si>
    <t>【西门子】功能手持\6SL3097-4AB00-0BP4</t>
  </si>
  <si>
    <t>【西门子】功能手持\6SL3097-4AB00-0RP4</t>
  </si>
  <si>
    <t>【西门子】设备手册\6SL3097-4AC00-0BP7</t>
  </si>
  <si>
    <t>【西门子】设备手册\6SL3097-4AC00-0RP7</t>
  </si>
  <si>
    <t>【西门子】调试手册\6SL3097-4AF00-0RP4</t>
  </si>
  <si>
    <t>【西门子】设备手册\6SL3097-4AH00-0BP5</t>
  </si>
  <si>
    <t>【西门子】设备手册\6SL3097-4AH00-0RP5</t>
  </si>
  <si>
    <t>【西门子】设备手册\6SL3097-4AL00-0BP4</t>
  </si>
  <si>
    <t>【西门子】设备手册\6SL3097-4AL00-0RP4</t>
  </si>
  <si>
    <t>【西门子】参数手册\6SL3097-4AP00-0RP4</t>
  </si>
  <si>
    <t>【西门子】连接器\6SL3162-2MA00-0AA0</t>
  </si>
  <si>
    <t>【西门子】连接器\6SL3162-2ME02-0AC0</t>
  </si>
  <si>
    <t>【西门子】隔离开关\3KL5030-1AB01V</t>
  </si>
  <si>
    <t>【西门子】隔离开关\3KL5030-1GB01V</t>
  </si>
  <si>
    <t>【西门子】隔离开关\3KL5040-1AB01V</t>
  </si>
  <si>
    <t>【西门子】隔离开关\3KL5040-1GB01V</t>
  </si>
  <si>
    <t>【西门子】隔离开关\3KL5230-1GB01V</t>
  </si>
  <si>
    <t>【西门子】隔离开关\3KL5240-1AB01V</t>
  </si>
  <si>
    <t>【西门子】隔离开关\3KL5240-1GB01V</t>
  </si>
  <si>
    <t>【西门子】隔离开关\3KL5330-1AB01V</t>
  </si>
  <si>
    <t>【西门子】隔离开关\3KL5330-1GB01V</t>
  </si>
  <si>
    <t>【西门子】隔离开关\3KL5340-1AB01V</t>
  </si>
  <si>
    <t>【西门子】隔离开关\3KL5340-1GB01V</t>
  </si>
  <si>
    <t>【西门子】隔离开关\3KL5530-1AB01V</t>
  </si>
  <si>
    <t>【西门子】隔离开关\3KL5530-1GB01V</t>
  </si>
  <si>
    <t>【西门子】隔离开关\3KL5540-1AB01V</t>
  </si>
  <si>
    <t>【西门子】隔离开关\3KL5540-1GB01V</t>
  </si>
  <si>
    <t>【西门子】隔离开关\3KL5730-1GB01V</t>
  </si>
  <si>
    <t>【西门子】隔离开关\3KL5740-1AB01V</t>
  </si>
  <si>
    <t>【西门子】隔离开关\3KL5740-1GB01V</t>
  </si>
  <si>
    <t>【西门子】隔离开关\3KL6130-1AB02V</t>
  </si>
  <si>
    <t>【西门子】隔离开关\3KL6130-1GB02V</t>
  </si>
  <si>
    <t>【西门子】隔离开关\3KL6140-1AB00V</t>
  </si>
  <si>
    <t>【西门子】隔离开关\3KL6140-1GB00V</t>
  </si>
  <si>
    <t>【西门子】隔离开关\3KL6230-1AB02V</t>
  </si>
  <si>
    <t>【西门子】隔离开关\3KL6230-1GB02V</t>
  </si>
  <si>
    <t>【西门子】触摸屏\6AV6671-5CA00-0AX1</t>
  </si>
  <si>
    <t>【西门子】触摸屏\6ES7272-1BF00-7AA0</t>
  </si>
  <si>
    <t>【西门子】触摸屏\6XV1440-2KH32</t>
  </si>
  <si>
    <t>【西门子】数字量输入模块\6ES7223-1BH22-0XA8</t>
  </si>
  <si>
    <t>【西门子】输入输出模块\6ES7231-7PC22-0XA0</t>
  </si>
  <si>
    <t>【西门子】输入输出模块\6ES7231-7PD22-0XA8</t>
  </si>
  <si>
    <t>【西门子】接线盒\6ES7290-2AA00-0XA0</t>
  </si>
  <si>
    <t>【西门子】接线盒\6ES7292-1AD20-0AA0</t>
  </si>
  <si>
    <t>【西门子】接线盒\6ES7292-1AE20-0AA0</t>
  </si>
  <si>
    <t>【西门子】端子\6ES7292-1AF20-0AA0</t>
  </si>
  <si>
    <t>【西门子】端子\6ES7292-1AG20-0AA0</t>
  </si>
  <si>
    <t>【西门子】仿真器模块\6ES7830-2BC00-0YX0</t>
  </si>
  <si>
    <t>【西门子】存储卡\6ES7291-8GH23-0XA0\,,MB,A</t>
  </si>
  <si>
    <t>【西门子】存储卡\6ES7297-1AA23-0XA0\,,MB,A</t>
  </si>
  <si>
    <t>【西门子】存储卡\6ES7290-6AA20-0XA0</t>
  </si>
  <si>
    <t>【西门子】控制器\6ES5750-2AA11</t>
  </si>
  <si>
    <t>【西门子】控制器\6ES5750-2AA21</t>
  </si>
  <si>
    <t>【西门子】连接模块\6ES7193-4BA10-0AA0</t>
  </si>
  <si>
    <t>【西门子】连接模块\6ES7193-4BB10-0AA0</t>
  </si>
  <si>
    <t>【西门子】连接模块\6ES7193-4BD10-0AA0</t>
  </si>
  <si>
    <t>【西门子】连接模块\6ES7193-4BH10-0AA0</t>
  </si>
  <si>
    <t>【西门子】操作系统\6ES5864-0MA04</t>
  </si>
  <si>
    <t>【西门子】操作系统\6ES5864-0MA04-0UD3</t>
  </si>
  <si>
    <t>【西门子】操作系统\6ES5864-0MA04-0UG4</t>
  </si>
  <si>
    <t>【西门子】操作系统\6ES5864-0MA04-0UG6</t>
  </si>
  <si>
    <t>【西门子】操作系统\6ES5894-0MA04</t>
  </si>
  <si>
    <t>【西门子】操作系统\6ES5894-0MA04-0UD3</t>
  </si>
  <si>
    <t>【西门子】操作系统\6ES5894-0MA04-0UG4</t>
  </si>
  <si>
    <t>【西门子】操作系统\6ES5894-0MA04-0UG6</t>
  </si>
  <si>
    <t>【西门子】数字量模块\6ES5848-7DA04</t>
  </si>
  <si>
    <t>【西门子】数字量模块\6ES5848-7DA04-0KL1</t>
  </si>
  <si>
    <t>【西门子】数字量模块\6ES5848-7DA04-0UG4</t>
  </si>
  <si>
    <t>【西门子】操作系统\6ES5894-1MA04</t>
  </si>
  <si>
    <t>【西门子】操作系统\6ES5894-1MA04-0UD3</t>
  </si>
  <si>
    <t>【西门子】操作系统\6ES5894-1MA04-0UG4</t>
  </si>
  <si>
    <t>【西门子】操作系统\6ES5894-1MA04-0UG6</t>
  </si>
  <si>
    <t>【西门子】操作系统\6ES5895-0BS22</t>
  </si>
  <si>
    <t>【西门子】操作系统\6ES5895-3SR13</t>
  </si>
  <si>
    <t>【西门子】操作系统\6ES5895-3SR23</t>
  </si>
  <si>
    <t>【西门子】操作系统\6ES5895-4SP01</t>
  </si>
  <si>
    <t>【西门子】操作系统\6ES5895-5SW01</t>
  </si>
  <si>
    <t>【西门子】操作系统\6ES5895-6SE03</t>
  </si>
  <si>
    <t>【西门子】操作系统\6ES5895-6SE03-0UG4</t>
  </si>
  <si>
    <t>【西门子】数字量模块\6ES5842-7CB01-0KL1</t>
  </si>
  <si>
    <t>【西门子】数字量模块\6ES5848-7AA02</t>
  </si>
  <si>
    <t>【西门子】数字量模块\6ES5848-7EA01</t>
  </si>
  <si>
    <t>【西门子】数字量模块\6ES5848-7EA01-0KL1</t>
  </si>
  <si>
    <t>【西门子】数字量模块\6ES5848-7MT01</t>
  </si>
  <si>
    <t>【西门子】数字量模块\6ES5848-7MT01-0KL1</t>
  </si>
  <si>
    <t>【西门子】数字量模块\6ES5897-3QA11</t>
  </si>
  <si>
    <t>【西门子】数字量模块\6ES5897-3QA21</t>
  </si>
  <si>
    <t>【西门子】控制软件\6AV6611-0AA00-0UL0</t>
  </si>
  <si>
    <t>【西门子】可编程控制器\6ES7214-2AD23-0XB8\,,MB,A</t>
  </si>
  <si>
    <t>【西门子】数字量模块\6ES5998-7WE02</t>
  </si>
  <si>
    <t>【西门子】通信模块\6ES7195-0BA02-0XA0</t>
  </si>
  <si>
    <t>【西门子】通信模块\6ES7195-0BA12-0XA0</t>
  </si>
  <si>
    <t>【西门子】通信模块\6ES7195-0BA32-0XA0</t>
  </si>
  <si>
    <t>【西门子】通信模块\6ES7195-0BH00-0XA0</t>
  </si>
  <si>
    <t>【西门子】通信模块\6ES7195-0BH10-0XA0</t>
  </si>
  <si>
    <t>【西门子】通信模块\6ES7195-0BH20-0XA0</t>
  </si>
  <si>
    <t>【西门子】通信模块\6ES7195-0BH30-0XA0</t>
  </si>
  <si>
    <t>【西门子】控制板\6ES5135-3UA42\,,MB,A</t>
  </si>
  <si>
    <t>【西门子】控制板\6ES5183-3UA13</t>
  </si>
  <si>
    <t>【西门子】控制板\6ES5183-3UA22</t>
  </si>
  <si>
    <t>【西门子】控制板\6ES5184-3UA21</t>
  </si>
  <si>
    <t>【西门子】控制板\6ES5185-3UA13</t>
  </si>
  <si>
    <t>【西门子】控制板\6ES5185-3UA23</t>
  </si>
  <si>
    <t>【西门子】控制板\6ES5185-3UA33</t>
  </si>
  <si>
    <t>【西门子】控制板\6ES5185-3UA43</t>
  </si>
  <si>
    <t>【西门子】控制板\6ES5187-5UA11</t>
  </si>
  <si>
    <t>【西门子】控制板\6ES5188-3UA12\,,MB,A</t>
  </si>
  <si>
    <t>【西门子】控制板\6ES5188-3UA22\,,MB,A</t>
  </si>
  <si>
    <t>【西门子】控制板\6ES5188-3UA32\,,MB,A</t>
  </si>
  <si>
    <t>【西门子】控制板\6ES5188-3UA52\,,MB,A</t>
  </si>
  <si>
    <t>【西门子】计数器模块\6ES5242-1AA32</t>
  </si>
  <si>
    <t>【西门子】计数器模块\6ES5242-1AA41</t>
  </si>
  <si>
    <t>【西门子】计数器模块\6ES5243-1AA13</t>
  </si>
  <si>
    <t>【西门子】计数器模块\6ES5244-3AB31</t>
  </si>
  <si>
    <t>【西门子】计数器模块\6ES5262-8MA13</t>
  </si>
  <si>
    <t>【西门子】计数器模块\6ES5262-8MB13</t>
  </si>
  <si>
    <t>【西门子】计数器模块\6ES5281-4UB12</t>
  </si>
  <si>
    <t>【西门子】计数器模块\6ES5281-4UP12</t>
  </si>
  <si>
    <t>【西门子】接口模块\6ES5300-3AB11</t>
  </si>
  <si>
    <t>【西门子】接口模块\6ES5300-5CA11</t>
  </si>
  <si>
    <t>【西门子】接口模块\6ES5301-3AB13</t>
  </si>
  <si>
    <t>【西门子】接口模块\6ES5312-3AB12</t>
  </si>
  <si>
    <t>【西门子】接口模块\6ES5312-3AB32</t>
  </si>
  <si>
    <t>【西门子】接口模块\6ES5312-5CA12</t>
  </si>
  <si>
    <t>【西门子】接口模块\6ES5312-5CA22</t>
  </si>
  <si>
    <t>【西门子】接口模块\6ES5314-3UA11</t>
  </si>
  <si>
    <t>【西门子】接口模块\6ES5314-3UR11</t>
  </si>
  <si>
    <t>【西门子】接口模块\6ES5318-3UA11</t>
  </si>
  <si>
    <t>【西门子】存储器\6ES5373-1AA41\,,MB,A</t>
  </si>
  <si>
    <t>【西门子】存储器\6ES5373-1AA61\,,MB,A</t>
  </si>
  <si>
    <t>【西门子】存储器\6ES5373-1AA81\,,MB,A</t>
  </si>
  <si>
    <t>【西门子】存储器\6ES5374-2AH21\,,MB,A</t>
  </si>
  <si>
    <t>【西门子】存储器\6ES5374-2KH21\,,MB,A</t>
  </si>
  <si>
    <t>【西门子】存储器\6ES5374-2KK21\,,MB,A</t>
  </si>
  <si>
    <t>【西门子】存储器\6ES5374-2KL21\,,MB,A</t>
  </si>
  <si>
    <t>【西门子】存储器\6ES5376-1AA11\,,MB,A</t>
  </si>
  <si>
    <t>【西门子】存储器\6ES5376-1AA21\,,MB,A</t>
  </si>
  <si>
    <t>【西门子】存储器\6ES5376-1AA31\,,MB,A</t>
  </si>
  <si>
    <t>【西门子】存储器\6ES5377-0AA11\,,MB,A</t>
  </si>
  <si>
    <t>【西门子】存储器\6ES5377-0AA21\,,MB,A</t>
  </si>
  <si>
    <t>【西门子】存储器\6ES5377-0AA32\,,MB,A</t>
  </si>
  <si>
    <t>【西门子】存储器\6ES5377-0AB21\,,MB,A</t>
  </si>
  <si>
    <t>【西门子】存储器\6ES5377-0AB41\,,MB,A</t>
  </si>
  <si>
    <t>【西门子】存储器\6ES5377-0BA31\,,MB,A</t>
  </si>
  <si>
    <t>【西门子】存储器\6ES5378-1AQ00\,,MB,A</t>
  </si>
  <si>
    <t>【西门子】存储器\6ES5390-0UA11\,,MB,A</t>
  </si>
  <si>
    <t>【西门子】输入输出模块\6ES5420-4UA14</t>
  </si>
  <si>
    <t>【西门子】输入输出模块\6ES5430-4UA14</t>
  </si>
  <si>
    <t>【西门子】输入输出模块\6ES5431-4UA12</t>
  </si>
  <si>
    <t>【西门子】输入输出模块\6ES5432-4UA12</t>
  </si>
  <si>
    <t>【西门子】输入输出模块\6ES5436-4UA12</t>
  </si>
  <si>
    <t>【西门子】输入输出模块\6ES5454-4UA14</t>
  </si>
  <si>
    <t>【西门子】输入输出模块\6ES5456-4UA12</t>
  </si>
  <si>
    <t>【西门子】输入输出模块\6ES5458-4UA13</t>
  </si>
  <si>
    <t>【西门子】输入输出模块\6ES5463-4UA13</t>
  </si>
  <si>
    <t>【西门子】输入输出模块\6ES5465-4UA13</t>
  </si>
  <si>
    <t>【西门子】输入输出模块\6ES5470-4UA13</t>
  </si>
  <si>
    <t>【西门子】输入输出模块\6ES5470-4UB13</t>
  </si>
  <si>
    <t>【西门子】输入输出模块\6ES5470-4UC13</t>
  </si>
  <si>
    <t>【西门子】输入输出模块\6ES5482-4UA20</t>
  </si>
  <si>
    <t>【西门子】连接器\6ES5497-4UA12</t>
  </si>
  <si>
    <t>【西门子】连接器\6ES5497-4UB12</t>
  </si>
  <si>
    <t>【西门子】连接器\6ES5497-4UB22</t>
  </si>
  <si>
    <t>【西门子】连接器\6ES5497-4UB31</t>
  </si>
  <si>
    <t>【西门子】连接器\6ES5497-4UD11</t>
  </si>
  <si>
    <t>【西门子】连接器\6ES5497-4UL21</t>
  </si>
  <si>
    <t>【西门子】测量模块\6ES5498-1AA11</t>
  </si>
  <si>
    <t>【西门子】测量模块\6ES5498-1AA31</t>
  </si>
  <si>
    <t>【西门子】测量模块\6ES5498-1AA41</t>
  </si>
  <si>
    <t>【西门子】测量模块\6ES5498-1AA51</t>
  </si>
  <si>
    <t>【西门子】测量模块\6ES5498-1AA61</t>
  </si>
  <si>
    <t>【西门子】测量模块\6ES5498-1AA71</t>
  </si>
  <si>
    <t>【西门子】存储器\6ES5516-3UA11\,,MB,A</t>
  </si>
  <si>
    <t>【西门子】通信模块\6ES5524-3UA15</t>
  </si>
  <si>
    <t>【西门子】通信模块\6ES5544-3UA11</t>
  </si>
  <si>
    <t>【西门子】通信模块\6ES5544-3UB11</t>
  </si>
  <si>
    <t>【西门子】编程器\6ES5696-3AA11\,,MB,A</t>
  </si>
  <si>
    <t>【西门子】电缆\6ES5703-5CC00</t>
  </si>
  <si>
    <t>【西门子】电缆\6ES5703-5CC01</t>
  </si>
  <si>
    <t>【西门子】适配器\6ES5714-2AS01</t>
  </si>
  <si>
    <t>【西门子】适配器\6ES5714-2AT01</t>
  </si>
  <si>
    <t>【西门子】适配器\6ES5714-2AV01</t>
  </si>
  <si>
    <t>【西门子】电缆\6ES5721-0BF00</t>
  </si>
  <si>
    <t>【西门子】电缆\6ES5721-0CB00</t>
  </si>
  <si>
    <t>【西门子】电缆\6ES5721-0CB60</t>
  </si>
  <si>
    <t>【西门子】电缆\6ES5721-0CD20</t>
  </si>
  <si>
    <t>【西门子】电缆\6ES5721-0CF00</t>
  </si>
  <si>
    <t>【西门子】电缆\6ES5721-0DB00</t>
  </si>
  <si>
    <t>【西门子】电缆\6ES5721-0DF00</t>
  </si>
  <si>
    <t>【西门子】电缆\6ES5721-5CB00</t>
  </si>
  <si>
    <t>【西门子】电缆\6ES5725-0AK00</t>
  </si>
  <si>
    <t>【西门子】接口模块\6ES5751-3AA12</t>
  </si>
  <si>
    <t>【西门子】接口模块\6ES5752-0AA12</t>
  </si>
  <si>
    <t>【西门子】接口模块\6ES5752-0AA23</t>
  </si>
  <si>
    <t>【西门子】接口模块\6ES5752-0AA43</t>
  </si>
  <si>
    <t>【西门子】接口模块\6ES5752-0AA53</t>
  </si>
  <si>
    <t>【西门子】接口模块\6ES5752-0LA12</t>
  </si>
  <si>
    <t>【西门子】接口模块\6ES5752-0LA23</t>
  </si>
  <si>
    <t>【西门子】接口模块\6ES5752-0LA52</t>
  </si>
  <si>
    <t>【西门子】接口模块\6ES5752-0LA62</t>
  </si>
  <si>
    <t>【西门子】电缆\6ES5757-0AA11</t>
  </si>
  <si>
    <t>【西门子】终端插头\6ES5760-0AA11</t>
  </si>
  <si>
    <t>【西门子】终端插头\6ES5760-0AB11</t>
  </si>
  <si>
    <t>【西门子】终端插头\6ES5760-0HA11</t>
  </si>
  <si>
    <t>【西门子】终端插头\6ES5760-1AA11</t>
  </si>
  <si>
    <t>【西门子】通信模块\6ES5858-0AA11</t>
  </si>
  <si>
    <t>【西门子】通信模块\6ES5923-3UC11\,,MB,A</t>
  </si>
  <si>
    <t>【西门子】通信模块\6ES5924-3SA12\,,MB,A</t>
  </si>
  <si>
    <t>【西门子】通信模块\6ES5925-3SA11\,,MB,A</t>
  </si>
  <si>
    <t>【西门子】通信模块\6ES5926-3SA12\,,MB,A</t>
  </si>
  <si>
    <t>【西门子】通信模块\6ES5927-3SA12\,,MB,A</t>
  </si>
  <si>
    <t>【西门子】通信模块\6ES5928-3UB21\,,MB,A</t>
  </si>
  <si>
    <t>【西门子】通信模块\6ES5948-3UA13\,,MB,A</t>
  </si>
  <si>
    <t>【西门子】通信模块\6ES5948-3UA23\,,MB,A</t>
  </si>
  <si>
    <t>【西门子】通信模块\6ES5948-3UR13\,,MB,A</t>
  </si>
  <si>
    <t>【西门子】通信模块\6ES5948-3UR53\,,MB,A</t>
  </si>
  <si>
    <t>【西门子】通信模块\6ES5955-3LC42V/V,W</t>
  </si>
  <si>
    <t>【西门子】通信模块\6ES5955-3LF44V/V,W</t>
  </si>
  <si>
    <t>【西门子】通信模块\6ES5955-3NC42V/V,W</t>
  </si>
  <si>
    <t>【西门子】电源模块\6ES5955-7NC12V/V,W</t>
  </si>
  <si>
    <t>【西门子】通信模块\6ES5980-0DA11V/V,W</t>
  </si>
  <si>
    <t>【西门子】通信模块\6ES5980-0NC11V/V,W</t>
  </si>
  <si>
    <t>【西门子】通信模块\6ES5981-0DA11V/V,W</t>
  </si>
  <si>
    <t>【西门子】通信模块\6ES5981-0EA11V/V,W</t>
  </si>
  <si>
    <t>【西门子】通信模块\6ES5981-0EA41V/V,W</t>
  </si>
  <si>
    <t>【西门子】通信模块\6ES5981-0FA11V/V,W</t>
  </si>
  <si>
    <t>【西门子】支架\6ES5981-0FA41V/V,W</t>
  </si>
  <si>
    <t>【西门子】插头\6ES5983-2AB11V/V,W</t>
  </si>
  <si>
    <t>【西门子】通信模块\6ES5985-1AA11V/V,W</t>
  </si>
  <si>
    <t>【西门子】散热风扇\6ES5988-3LB11V/V,W</t>
  </si>
  <si>
    <t>【西门子】散热风扇\6ES5988-3LB21V/V,W</t>
  </si>
  <si>
    <t>【西门子】散热风扇\6ES5988-3NA11V/V,W</t>
  </si>
  <si>
    <t>【西门子】散热风扇\6ES5988-3NB11V/V,W</t>
  </si>
  <si>
    <t>【西门子】散热风扇\6ES5988-3NB41V/V,W</t>
  </si>
  <si>
    <t>【西门子】通信模块\6ES7654-0YK00-0AB0</t>
  </si>
  <si>
    <t>【西门子】通信模块\6ES7654-0YS00-0AB0</t>
  </si>
  <si>
    <t>【西门子】通信模块\6DD1684-0GF0</t>
  </si>
  <si>
    <t>【西门子】通信模块\6ES5090-8MA01</t>
  </si>
  <si>
    <t>【西门子】通信模块\6ES5095-8MA05\,,MB,A</t>
  </si>
  <si>
    <t>【西门子】通信模块\6ES5095-8MB04\,,MB,A</t>
  </si>
  <si>
    <t>【西门子】通信模块\6ES5095-8MC03\,,MB,A</t>
  </si>
  <si>
    <t>【西门子】通信模块\6ES5095-8MD03\,,MB,A</t>
  </si>
  <si>
    <t>【西门子】通信模块\6ES5095-8ME03\,,MB,A</t>
  </si>
  <si>
    <t>【西门子】中央处理器\6ES5100-8MA02\,,MB,A</t>
  </si>
  <si>
    <t>【西门子】中央处理器\6ES5102-8MA02\,,MB,A</t>
  </si>
  <si>
    <t>【西门子】中央处理器\6ES5103-8MA03\,,MB,A</t>
  </si>
  <si>
    <t>【西门子】定位模块\6ES5263-8MA13</t>
  </si>
  <si>
    <t>【西门子】定位模块\6ES5264-8MA12</t>
  </si>
  <si>
    <t>【西门子】定位模块\6ES5265-8MA01</t>
  </si>
  <si>
    <t>【西门子】定位模块\6ES5266-8MA11</t>
  </si>
  <si>
    <t>【西门子】定位模块\6ES5267-8MA11</t>
  </si>
  <si>
    <t>【西门子】接口模块\6ES5315-8MA11</t>
  </si>
  <si>
    <t>【西门子】接口模块\6ES5316-8FA12</t>
  </si>
  <si>
    <t>【西门子】接口模块\6ES5316-8MA12</t>
  </si>
  <si>
    <t>【西门子】存储器\6ES5375-8LA12\,,MB,A</t>
  </si>
  <si>
    <t>【西门子】存储器\6ES5375-8LC11\,,MB,A</t>
  </si>
  <si>
    <t>【西门子】存储器\6ES5375-8LC21\,,MB,A</t>
  </si>
  <si>
    <t>【西门子】时间模块\6ES5380-8MA11</t>
  </si>
  <si>
    <t>【西门子】计数器模块\6ES5385-8MA11</t>
  </si>
  <si>
    <t>【西门子】计数器模块\6ES5385-8MB11</t>
  </si>
  <si>
    <t>【西门子】输入输出模块\6ES5420-8MA11</t>
  </si>
  <si>
    <t>【西门子】输入模块\6ES5421-8MA12</t>
  </si>
  <si>
    <t>【西门子】输入输出模块\6ES5422-8MA11</t>
  </si>
  <si>
    <t>【西门子】输入输出模块\6ES5430-8MB11</t>
  </si>
  <si>
    <t>【西门子】输入输出模块\6ES5430-8MC11</t>
  </si>
  <si>
    <t>【西门子】输入输出模块\6ES5430-8MD11</t>
  </si>
  <si>
    <t>【西门子】输入输出模块\6ES5431-8MA11</t>
  </si>
  <si>
    <t>【西门子】输入输出模块\6ES5431-8MC11</t>
  </si>
  <si>
    <t>【西门子】输入输出模块\6ES5431-8MD11</t>
  </si>
  <si>
    <t>【西门子】输入输出模块\6ES5433-8MA11</t>
  </si>
  <si>
    <t>【西门子】输入输出模块\6ES5437-8EA12</t>
  </si>
  <si>
    <t>【西门子】输入输出模块\6ES5440-8MA22</t>
  </si>
  <si>
    <t>【西门子】输出模块\6ES5441-8MA11</t>
  </si>
  <si>
    <t>【西门子】输入输出模块\6ES5450-8MB11</t>
  </si>
  <si>
    <t>【西门子】输入输出模块\6ES5451-8MA11</t>
  </si>
  <si>
    <t>【西门子】输入输出模块\6ES5451-8MD11</t>
  </si>
  <si>
    <t>【西门子】输入输出模块\6ES5451-8MR12</t>
  </si>
  <si>
    <t>【西门子】输入输出模块\6ES5452-8MR11</t>
  </si>
  <si>
    <t>【西门子】输入输出模块\6ES5453-8MA11</t>
  </si>
  <si>
    <t>【西门子】输入输出模块\6ES5461-8MA11</t>
  </si>
  <si>
    <t>【西门子】输入输出模块\6ES5464-8MA11</t>
  </si>
  <si>
    <t>【西门子】输入输出模块\6ES5464-8MA21</t>
  </si>
  <si>
    <t>【西门子】输入输出模块\6ES5464-8MB11</t>
  </si>
  <si>
    <t>【西门子】输入输出模块\6ES5464-8MC11</t>
  </si>
  <si>
    <t>【西门子】输入输出模块\6ES5464-8MD11</t>
  </si>
  <si>
    <t>【西门子】输入输出模块\6ES5464-8ME11</t>
  </si>
  <si>
    <t>【西门子】输入输出模块\6ES5464-8MF11</t>
  </si>
  <si>
    <t>【西门子】输入输出模块\6ES5464-8MF21</t>
  </si>
  <si>
    <t>【西门子】输入输出模块\6ES5466-8MC11</t>
  </si>
  <si>
    <t>【西门子】输入输出模块\6ES5470-8MA12</t>
  </si>
  <si>
    <t>【西门子】输入输出模块\6ES5470-8MB12</t>
  </si>
  <si>
    <t>【西门子】输入输出模块\6ES5470-8MC12</t>
  </si>
  <si>
    <t>【西门子】输入输出模块\6ES5482-8MA13</t>
  </si>
  <si>
    <t>【西门子】接口模块\6ES5490-8FB11</t>
  </si>
  <si>
    <t>【西门子】接口模块\6ES5490-8MA03</t>
  </si>
  <si>
    <t>【西门子】接口模块\6ES5490-8MA13</t>
  </si>
  <si>
    <t>【西门子】接口模块\6ES5490-8MB21</t>
  </si>
  <si>
    <t>【西门子】接口模块\6ES5497-8MB11</t>
  </si>
  <si>
    <t>【西门子】通信模块\6ES5521-8MA22</t>
  </si>
  <si>
    <t>【西门子】通信模块\6ES5521-8MB12</t>
  </si>
  <si>
    <t>【西门子】通信模块\6ES5700-8FA11</t>
  </si>
  <si>
    <t>【西门子】通信模块\6ES5700-8MA11</t>
  </si>
  <si>
    <t>【西门子】通信模块\6ES5700-8MA22</t>
  </si>
  <si>
    <t>【西门子】通信模块\6ES5700-8MB11</t>
  </si>
  <si>
    <t>【西门子】电缆\6ES5712-8AF00</t>
  </si>
  <si>
    <t>【西门子】通信模块\6ES5725-2AC01</t>
  </si>
  <si>
    <t>【西门子】通信模块\6ES5734-1BD20</t>
  </si>
  <si>
    <t>【西门子】通信模块\6ES5788-8MA11</t>
  </si>
  <si>
    <t>【西门子】存储器\6ES5840-4SH01\,,MB,A</t>
  </si>
  <si>
    <t>【西门子】电源模块\6ES5930-8MD11V/V,W</t>
  </si>
  <si>
    <t>【西门子】电源模块\6ES5931-8MD11V/V,W</t>
  </si>
  <si>
    <t>【西门子】电池\6ES5980-0MA11V/V,W</t>
  </si>
  <si>
    <t>【西门子】保险丝\6ES5980-3BC51V/V,W</t>
  </si>
  <si>
    <t>【西门子】保险丝\6ES5980-3BC61V/V,W</t>
  </si>
  <si>
    <t>【西门子】插头盖\6ES5981-8MA11V/V,W</t>
  </si>
  <si>
    <t>【西门子】存储器\6ES5981-8MB11V/V,W</t>
  </si>
  <si>
    <t>【西门子】计数器模块\6ES5240-1AA21</t>
  </si>
  <si>
    <t>【西门子】接口模块\6ES5305-7LA11</t>
  </si>
  <si>
    <t>【西门子】接口模块\6ES5305-7LB11</t>
  </si>
  <si>
    <t>【西门子】接口模块\6ES5306-7LA11</t>
  </si>
  <si>
    <t>【西门子】存储器\6ES5374-1KH21\,,MB,A</t>
  </si>
  <si>
    <t>【西门子】存储器\6ES5374-1KJ11\,,MB,A</t>
  </si>
  <si>
    <t>【西门子】存储器\6ES5374-1KK21\,,MB,A</t>
  </si>
  <si>
    <t>【西门子】存储器\6ES5375-0LC11\,,MB,A</t>
  </si>
  <si>
    <t>【西门子】存储器\6ES5375-0LC21\,,MB,A</t>
  </si>
  <si>
    <t>【西门子】存储器\6ES5375-0LC31\,,MB,A</t>
  </si>
  <si>
    <t>【西门子】存储器\6ES5375-0LC41\,,MB,A</t>
  </si>
  <si>
    <t>【西门子】存储器\6ES5375-0LC61\,,MB,A</t>
  </si>
  <si>
    <t>【西门子】存储器\6ES5375-0LD11\,,MB,A</t>
  </si>
  <si>
    <t>【西门子】存储器\6ES5375-0LD21\,,MB,A</t>
  </si>
  <si>
    <t>【西门子】存储器\6ES5375-0LD31\,,MB,A</t>
  </si>
  <si>
    <t>【西门子】存储器\6ES5375-1LA15\,,MB,A</t>
  </si>
  <si>
    <t>【西门子】存储器\6ES5375-1LA21\,,MB,A</t>
  </si>
  <si>
    <t>【西门子】存储器\6ES5375-1LA41\,,MB,A</t>
  </si>
  <si>
    <t>【西门子】存储器\6ES5375-1LA61\,,MB,A</t>
  </si>
  <si>
    <t>【西门子】存储器\6ES5375-1LA71\,,MB,A</t>
  </si>
  <si>
    <t>【西门子】开关量输入模块\6ES5420-7LA11</t>
  </si>
  <si>
    <t>【西门子】输入输出模块\6ES5430-7LA12</t>
  </si>
  <si>
    <t>【西门子】输入输出模块\6ES5431-7LA11</t>
  </si>
  <si>
    <t>【西门子】输入输出模块\6ES5432-7LA11</t>
  </si>
  <si>
    <t>【西门子】输入输出模块\6ES5434-7LA12</t>
  </si>
  <si>
    <t>【西门子】输入输出模块\6ES5435-7LA11</t>
  </si>
  <si>
    <t>【西门子】输入输出模块\6ES5435-7LB11</t>
  </si>
  <si>
    <t>【西门子】输入输出模块\6ES5436-7LA11</t>
  </si>
  <si>
    <t>【西门子】输入输出模块\6ES5436-7LB11</t>
  </si>
  <si>
    <t>【西门子】输入输出模块\6ES5441-7LA13</t>
  </si>
  <si>
    <t>【西门子】输入输出模块\6ES5451-7LA12</t>
  </si>
  <si>
    <t>【西门子】输入输出模块\6ES5451-7LA21</t>
  </si>
  <si>
    <t>【西门子】输入输出模块\6ES5453-7LA11</t>
  </si>
  <si>
    <t>【西门子】输入输出模块\6ES5454-7LA12</t>
  </si>
  <si>
    <t>【西门子】输入输出模块\6ES5454-7LB11</t>
  </si>
  <si>
    <t>【西门子】输入输出模块\6ES5455-7LA11</t>
  </si>
  <si>
    <t>【西门子】输入输出模块\6ES5456-7LA11</t>
  </si>
  <si>
    <t>【西门子】输入输出模块\6ES5456-7LB11</t>
  </si>
  <si>
    <t>【西门子】输入输出模块\6ES5458-7LA11</t>
  </si>
  <si>
    <t>【西门子】输入输出模块\6ES5458-7LA12</t>
  </si>
  <si>
    <t>【西门子】输入输出模块\6ES5458-7LB11</t>
  </si>
  <si>
    <t>【西门子】输入输出模块\6ES5460-7LA13</t>
  </si>
  <si>
    <t>【西门子】输入输出模块\6ES5465-7LA13</t>
  </si>
  <si>
    <t>【西门子】输入输出模块\6ES5466-4UA11</t>
  </si>
  <si>
    <t>【西门子】输入输出模块\6ES5470-7LA13</t>
  </si>
  <si>
    <t>【西门子】输入输出模块\6ES5470-7LB13</t>
  </si>
  <si>
    <t>【西门子】输入输出模块\6ES5470-7LC13</t>
  </si>
  <si>
    <t>【西门子】输入输出模块\6ES5482-7LA11</t>
  </si>
  <si>
    <t>【西门子】输入输出模块\6ES5482-7LF11</t>
  </si>
  <si>
    <t>【西门子】输入输出模块\6ES5482-7LF21</t>
  </si>
  <si>
    <t>【西门子】连接器\6ES5490-7LA11</t>
  </si>
  <si>
    <t>【西门子】连接器\6ES5490-7LA21</t>
  </si>
  <si>
    <t>【西门子】连接器\6ES5490-7LB11</t>
  </si>
  <si>
    <t>【西门子】连接器\6ES5490-7LB21</t>
  </si>
  <si>
    <t>【西门子】连接器\6ES5490-7LC11</t>
  </si>
  <si>
    <t>【西门子】连接器\6ES5490-7SA11</t>
  </si>
  <si>
    <t>【西门子】转接器外壳\6ES5491-0LB11</t>
  </si>
  <si>
    <t>【西门子】转接器外壳\6ES5491-0LC11</t>
  </si>
  <si>
    <t>【西门子】转接器外壳\6ES5491-0LD11</t>
  </si>
  <si>
    <t>【西门子】连接器\6ES5497-7LA11</t>
  </si>
  <si>
    <t>【西门子】通信模块\6ES5530-3LA12</t>
  </si>
  <si>
    <t>【西门子】通信模块\6ES5530-7LA12</t>
  </si>
  <si>
    <t>【西门子】托架\6ES5700-0LA12</t>
  </si>
  <si>
    <t>【西门子】托架\6ES5700-0LB11</t>
  </si>
  <si>
    <t>【西门子】托架\6ES5700-1LA12</t>
  </si>
  <si>
    <t>【西门子】托架\6ES5700-2LA12</t>
  </si>
  <si>
    <t>【西门子】托架\6ES5700-2LA22</t>
  </si>
  <si>
    <t>【西门子】托架\6ES5700-3LA12</t>
  </si>
  <si>
    <t>【西门子】托架\6ES5701-0LA11</t>
  </si>
  <si>
    <t>【西门子】托架\6ES5701-1LA12</t>
  </si>
  <si>
    <t>【西门子】托架\6ES5701-2LA12</t>
  </si>
  <si>
    <t>【西门子】托架\6ES5701-3LA13</t>
  </si>
  <si>
    <t>【西门子】托架\6ES5701-3LH11</t>
  </si>
  <si>
    <t>【西门子】电缆\6ES5705-0AF00</t>
  </si>
  <si>
    <t>【西门子】电缆\6ES5705-0BB20</t>
  </si>
  <si>
    <t>【西门子】电缆\6ES5705-0BB50</t>
  </si>
  <si>
    <t>【西门子】电缆\6ES5705-0BC50</t>
  </si>
  <si>
    <t>【西门子】桥接梳\6ES5763-7LA11</t>
  </si>
  <si>
    <t>【西门子】端子\6ES5777-0BB01</t>
  </si>
  <si>
    <t>【西门子】端子\6ES5777-0BC01</t>
  </si>
  <si>
    <t>【西门子】端子\6ES5777-1BC01</t>
  </si>
  <si>
    <t>【西门子】功率模块\6ES5941-7UB11\,,MB,A</t>
  </si>
  <si>
    <t>【西门子】功率模块\6ES5942-7UB11\,,MB,A</t>
  </si>
  <si>
    <t>【西门子】中央处理器\6ES5942-7UH11\,,MB,A</t>
  </si>
  <si>
    <t>【西门子】功率模块\6ES5943-7UB11\,,MB,A</t>
  </si>
  <si>
    <t>【西门子】功率模块\6ES5943-7UB21\,,MB,A</t>
  </si>
  <si>
    <t>【西门子】中央处理器\6ES5944-7UB11\,,MB,A</t>
  </si>
  <si>
    <t>【西门子】中央处理器\6ES5944-7UB21\,,MB,A</t>
  </si>
  <si>
    <t>【西门子】功率模块\6ES5945-7UA13\,,MB,A</t>
  </si>
  <si>
    <t>【西门子】功率模块\6ES5945-7UA23\,,MB,A</t>
  </si>
  <si>
    <t>【西门子】电源模块\6ES5951-7LB21V/V,W</t>
  </si>
  <si>
    <t>【西门子】电源模块\6ES5951-7LD21V/V,W</t>
  </si>
  <si>
    <t>【西门子】电源模块\6ES5951-7NB21V/V,W</t>
  </si>
  <si>
    <t>【西门子】电源模块\6ES5951-7ND41V/V,W</t>
  </si>
  <si>
    <t>【西门子】电源模块\6ES5951-7ND51V/V,W</t>
  </si>
  <si>
    <t>【西门子】电源模块\6ES5980-0AE11V/V,W</t>
  </si>
  <si>
    <t>【西门子】托架\6ES5981-0GA11V/V,W</t>
  </si>
  <si>
    <t>【西门子】托架\6ES5981-0GB11V/V,W</t>
  </si>
  <si>
    <t>【西门子】散热风扇\6ES5981-0HA11V/V,W</t>
  </si>
  <si>
    <t>【西门子】散热风扇\6ES5981-0HA21V/V,W</t>
  </si>
  <si>
    <t>【西门子】散热风扇\6ES5981-0HB11V/V,W</t>
  </si>
  <si>
    <t>【西门子】过滤器\6ES5981-0JA11V/V,W</t>
  </si>
  <si>
    <t>【西门子】过滤器\6ES5981-0JB11V/V,W</t>
  </si>
  <si>
    <t>【西门子】散热风扇\6ES5988-7NA11V/V,W</t>
  </si>
  <si>
    <t>【西门子】托架\6ES5095-8FB01</t>
  </si>
  <si>
    <t>【西门子】输入输出模块\6ES5431-8FA11</t>
  </si>
  <si>
    <t>【西门子】输入输出模块\6ES5450-8FA12</t>
  </si>
  <si>
    <t>【西门子】配电器\6ES5541-8AA11</t>
  </si>
  <si>
    <t>【西门子】电缆\6ES5722-1BB00</t>
  </si>
  <si>
    <t>【西门子】面板\6AV3688-3AA03-0AX0</t>
  </si>
  <si>
    <t>【西门子】面板\6AV3688-3ED13-0AX0</t>
  </si>
  <si>
    <t>【西门子】触摸屏\6ES7272-1AA10-0YA1</t>
  </si>
  <si>
    <t>【西门子】触摸屏\6ES7901-3EB10-0XA0</t>
  </si>
  <si>
    <t>【西门子】触摸屏\6ES7272-0SB20-0AA0</t>
  </si>
  <si>
    <t>【西门子】中央处理器\6ES7314-1AE04-0AB0\,,MB,A</t>
  </si>
  <si>
    <t>【西门子】中央处理器\6ES7314-1AE84-0AB0\,,MB,A</t>
  </si>
  <si>
    <t>【西门子】中央处理器\6ES7315-2AF83-0AB0\,,MB,A</t>
  </si>
  <si>
    <t>【西门子】中央处理器\6ES7315-2EH13-0AB0\,,MB,A</t>
  </si>
  <si>
    <t>【西门子】中央处理器\6ES7316-2AG00-0AB0\,,MB,A</t>
  </si>
  <si>
    <t>【西门子】模块\6AV6642-0AA11-0AX1</t>
  </si>
  <si>
    <t>【西门子】接口模块\6ES5308-3UA12</t>
  </si>
  <si>
    <t>【西门子】通讯模件\6ES5308-3UC21</t>
  </si>
  <si>
    <t>【西门子】接口模块\6ES5318-8MA12</t>
  </si>
  <si>
    <t>【西门子】接口模块\6ES5318-8MB13</t>
  </si>
  <si>
    <t>【西门子】接口模块\6ES5318-8MC12</t>
  </si>
  <si>
    <t>【西门子】终端模块\6ES5755-2CA11</t>
  </si>
  <si>
    <t>【西门子】通信模块\6ES7193-8LA00-0AA0</t>
  </si>
  <si>
    <t>【西门子】通信模块\6ES7193-8LB00-0AA0</t>
  </si>
  <si>
    <t>【西门子】通信模块\6DD1660-0BH0</t>
  </si>
  <si>
    <t>【西门子】输入输出模块\6ES7338-7XF00-0AB0</t>
  </si>
  <si>
    <t>【西门子】通信模块\6ES7901-0AE00-0XA0</t>
  </si>
  <si>
    <t>【西门子】通信模块\6ES7911-0AA00-0AA0</t>
  </si>
  <si>
    <t>【西门子】存储卡\6ES7951-0AG00-0AA0\,,MB,A</t>
  </si>
  <si>
    <t>【西门子】存储卡\6ES7951-0KE00-0AA0\,,MB,A</t>
  </si>
  <si>
    <t>【西门子】存储卡\6ES7951-0KF00-0AA0\,,MB,A</t>
  </si>
  <si>
    <t>【西门子】存储卡\6ES7951-0KG00-0AA0\,,MB,A</t>
  </si>
  <si>
    <t>【西门子】存储卡\6ES7951-0KJ00-0AA0\,,MB,A</t>
  </si>
  <si>
    <t>【西门子】存储卡\6ES7951-1AH00-0AA0\,,MB,A</t>
  </si>
  <si>
    <t>【西门子】存储卡\6ES7951-1AJ00-0AA0\,,MB,A</t>
  </si>
  <si>
    <t>【西门子】通信模块\6ES7951-1AK00-0AA0\,,MB,A</t>
  </si>
  <si>
    <t>【西门子】通信模块\6ES7951-1AL00-0AA0\,,MB,A</t>
  </si>
  <si>
    <t>【西门子】通信模块\6ES7951-1KH00-0AA0\,,MB,A</t>
  </si>
  <si>
    <t>【西门子】通信模块\6ES7951-1KK00-0AA0\,,MB,A</t>
  </si>
  <si>
    <t>【西门子】通信模块\6ES7951-1KL00-0AA0\,,MB,A</t>
  </si>
  <si>
    <t>【西门子】通信模块\6ES7951-1KM00-0AA0\,,MB,A</t>
  </si>
  <si>
    <t>【西门子】通信模块\6ES7151-8AB00-0AB0</t>
  </si>
  <si>
    <t>【西门子】接口模块\6ES7155-6BA00-0CN0</t>
  </si>
  <si>
    <t>【西门子】接口模块\6ES7155-6AU00-0BN0</t>
  </si>
  <si>
    <t>【西门子】变频器风扇\6SE6400-7AA00-0AN0</t>
  </si>
  <si>
    <t>【西门子】变频器风扇\6SE6400-7AA00-0AE1</t>
  </si>
  <si>
    <t>【西门子】变频器风扇\6SE6400-7AA00-0AR1</t>
  </si>
  <si>
    <t>【西门子】变频器风扇\6SE6400-7AA00-0AB0</t>
  </si>
  <si>
    <t>【西门子】变频器\6SL3224-0BE33-7UA0</t>
  </si>
  <si>
    <t>【西门子】屏蔽连接套件\6SL3254-0BM00-0AA0</t>
  </si>
  <si>
    <t>【西门子】屏蔽连接套件\6SL3262-1AD01-0DA0</t>
  </si>
  <si>
    <t>【西门子】屏蔽连接套件\6SL3262-1AE01-0DA0</t>
  </si>
  <si>
    <t>【西门子】屏蔽连接套件\6SL3262-1AF01-0DA0</t>
  </si>
  <si>
    <t>【西门子】变频器风扇\6SL3200-0SF40-0AA0</t>
  </si>
  <si>
    <t>【西门子】变频器风扇\6SL3200-0SF41-0AA0</t>
  </si>
  <si>
    <t>【西门子】变频器风扇\6SL3200-0SF42-0AA0</t>
  </si>
  <si>
    <t>【西门子】控制板\6SL3200-0SK01-0AA0</t>
  </si>
  <si>
    <t>【西门子】控制板\6SL3200-0SK41-0AA0</t>
  </si>
  <si>
    <t>【西门子】控制板\6SL3200-0SM10-0AA0</t>
  </si>
  <si>
    <t>【西门子】控制板\6SL3200-0SM11-0AA0</t>
  </si>
  <si>
    <t>【西门子】控制板\6SL3200-0SP02-0AA0</t>
  </si>
  <si>
    <t>【西门子】控制板\6SL3200-0SP03-0AA0</t>
  </si>
  <si>
    <t>【西门子】控制板\6SL3200-0SP04-0AA0</t>
  </si>
  <si>
    <t>【西门子】控制板\6SL3200-0ST05-0AA0</t>
  </si>
  <si>
    <t>【西门子】控制板\6SL3200-0ST06-0AA0</t>
  </si>
  <si>
    <t>【西门子】控制板\6SL3351-6FE32-1AA1</t>
  </si>
  <si>
    <t>【西门子】控制板\6SL3351-6FE32-6AA1</t>
  </si>
  <si>
    <t>【西门子】控制板\6SL3351-6GE32-1AA1</t>
  </si>
  <si>
    <t>【西门子】控制板\6SL3351-6GE32-6AA1</t>
  </si>
  <si>
    <t>【西门子】控制板\6SL3351-6GE33-1AA1</t>
  </si>
  <si>
    <t>【西门子】控制板\6SL3351-6GE35-0AA1</t>
  </si>
  <si>
    <t>【西门子】控制板\6SL3362-2CA00-0AA0</t>
  </si>
  <si>
    <t>【西门子】控制板\6SL3351-6FE33-1AA1</t>
  </si>
  <si>
    <t>【西门子】控制板\6SL3351-6GE33-8AA1</t>
  </si>
  <si>
    <t>【西门子】控制板\6SL3200-0SK08-0AA0</t>
  </si>
  <si>
    <t>【西门子】控制板\6SL3200-0SM13-0AA0</t>
  </si>
  <si>
    <t>【西门子】控制板\6SL3200-0SM14-0AA0</t>
  </si>
  <si>
    <t>【西门子】控制板\6SL3200-0SM15-0AA0</t>
  </si>
  <si>
    <t>【西门子】控制板\6SL3200-0SP01-0AA0</t>
  </si>
  <si>
    <t>【西门子】控制板\6SL3351-1AE32-6AA2</t>
  </si>
  <si>
    <t>【西门子】控制板\6SL3351-1AE33-1AA2</t>
  </si>
  <si>
    <t>【西门子】控制板\6SL3760-0MB00-0AA0</t>
  </si>
  <si>
    <t>【西门子】储存卡\6SL3353-3AE41-7CA0</t>
  </si>
  <si>
    <t>【西门子】储存卡\6SL3353-3AG41-7CA0</t>
  </si>
  <si>
    <t>【西门子】储存卡\6SL3353-3AG41-2CA0</t>
  </si>
  <si>
    <t>【西门子】储存卡\6SL3352-3AG33-3AC0</t>
  </si>
  <si>
    <t>【西门子】储存卡\6SL3352-3AG31-5AC0</t>
  </si>
  <si>
    <t>【西门子】功率卡\6SL3352-3AG38-1AA0</t>
  </si>
  <si>
    <t>【西门子】储存卡\6SL3353-3AG41-8BA0</t>
  </si>
  <si>
    <t>【西门子】储存卡\6SL3352-3AG35-8AA0</t>
  </si>
  <si>
    <t>【西门子】储存卡\6SL3352-3AG41-3AA0</t>
  </si>
  <si>
    <t>【西门子】功率卡\6SL3353-3AG41-4BA0</t>
  </si>
  <si>
    <t>【西门子】储存卡\6SL3352-3AG38-8AB0</t>
  </si>
  <si>
    <t>【西门子】控制板\6SL3766-1FA00-0AA0</t>
  </si>
  <si>
    <t>【西门子】储存卡\6SL3352-3AE33-1AC0</t>
  </si>
  <si>
    <t>【西门子】储存卡\6SL3352-3AG32-2AC0</t>
  </si>
  <si>
    <t>【西门子】储存卡\6SL3352-3AG38-8AA0</t>
  </si>
  <si>
    <t>【西门子】储存卡\6SL3353-3AG41-1BA0</t>
  </si>
  <si>
    <t>【西门子】储存卡\6SL3351-3AE32-1DB0</t>
  </si>
  <si>
    <t>【西门子】储存卡\6SL3352-3AE32-1AC0</t>
  </si>
  <si>
    <t>【西门子】储存卡\6SL3352-3AE38-4AA0</t>
  </si>
  <si>
    <t>【西门子】储存卡\6SL3352-3AE41-4AA0</t>
  </si>
  <si>
    <t>【西门子】储存卡\6SL3351-3AE33-1DB0</t>
  </si>
  <si>
    <t>【西门子】储存卡\6SL3351-3AH33-3DB0</t>
  </si>
  <si>
    <t>【西门子】储存卡\6SL3351-3AE33-8DB0</t>
  </si>
  <si>
    <t>【西门子】储存卡\6SL3352-3AG32-2AA0</t>
  </si>
  <si>
    <t>【西门子】储存卡\6SL3352-3AG37-4AA0</t>
  </si>
  <si>
    <t>【西门子】控制板\6SL3300-0SF01-0AA0</t>
  </si>
  <si>
    <t>【西门子】储存卡\6SL3351-3AE35-0DB0</t>
  </si>
  <si>
    <t>【西门子】储存卡\6SL3351-3AH34-1DB0</t>
  </si>
  <si>
    <t>【西门子】储存卡\6SL3351-3AH35-8DB0</t>
  </si>
  <si>
    <t>【西门子】储存卡\6SL3352-3AE36-1AA0</t>
  </si>
  <si>
    <t>【西门子】储存卡\6SL3352-3AE37-5AA0</t>
  </si>
  <si>
    <t>【西门子】储存卡\6SL3352-3AG31-0AC0</t>
  </si>
  <si>
    <t>【西门子】储存卡\6SL3352-3AG31-2AA0</t>
  </si>
  <si>
    <t>【西门子】储存卡\6SL3353-3AE35-5CA0</t>
  </si>
  <si>
    <t>【西门子】储存卡\6SL3353-3AE41-1CA0</t>
  </si>
  <si>
    <t>【西门子】储存卡\6SL3353-3AE41-2BA0</t>
  </si>
  <si>
    <t>【西门子】储存卡\6SL3351-3AE32-1DA0</t>
  </si>
  <si>
    <t>【西门子】储存卡\6SL3351-3AE32-6DB0</t>
  </si>
  <si>
    <t>【西门子】储存卡\6SL3351-3AE36-1DB0</t>
  </si>
  <si>
    <t>【西门子】储存卡\6SL3351-3AE37-5DA0</t>
  </si>
  <si>
    <t>【西门子】储存卡\6SL3351-3AH31-2DB0</t>
  </si>
  <si>
    <t>【西门子】储存卡\6SL3352-3AE41-0AA0</t>
  </si>
  <si>
    <t>【西门子】储存卡\6SL3352-3AE41-2AA0</t>
  </si>
  <si>
    <t>【西门子】储存卡\6SL3352-3AG31-2AC0</t>
  </si>
  <si>
    <t>【西门子】储存卡\6SL3352-3AG31-8AA0</t>
  </si>
  <si>
    <t>【西门子】储存卡\6SL3352-3AG31-8AC0</t>
  </si>
  <si>
    <t>【西门子】功率卡\6SL3352-3AG32-6AA0</t>
  </si>
  <si>
    <t>【西门子】储存卡\6SL3352-3AG32-6AC0</t>
  </si>
  <si>
    <t>【西门子】储存卡\6SL3352-3AG33-3AA0</t>
  </si>
  <si>
    <t>【西门子】储存卡\6SL3352-3AG41-3AB0</t>
  </si>
  <si>
    <t>【西门子】储存卡\6SL3353-3AE41-0AA0</t>
  </si>
  <si>
    <t>【西门子】储存卡\6SL3353-3AG38-8CA0</t>
  </si>
  <si>
    <t>【西门子】控制变压器\6SL3760-0AH00-0AA0</t>
  </si>
  <si>
    <t>【西门子】储存卡\6SL3353-3AG34-3BA0</t>
  </si>
  <si>
    <t>【西门子】储存卡\6SL3356-3AE41-4AA0</t>
  </si>
  <si>
    <t>【西门子】功率模块\6SL3353-1AE41-7FA0</t>
  </si>
  <si>
    <t>【西门子】功率模块\6SL3352-1AE38-4EA1</t>
  </si>
  <si>
    <t>【西门子】功率模块\6SL3352-1AG37-4DA1</t>
  </si>
  <si>
    <t>【西门子】功率模块\6SL3353-1AG41-7FA0</t>
  </si>
  <si>
    <t>【西门子】功率模块\6SL3353-1AG41-8DA1</t>
  </si>
  <si>
    <t>【西门子】功率模块\6SL3353-1AG41-2FA0</t>
  </si>
  <si>
    <t>【西门子】功率模块\6SL3352-1AE41-2FA1</t>
  </si>
  <si>
    <t>【西门子】功率模块\6SL3352-1AG38-8FA1</t>
  </si>
  <si>
    <t>【西门子】功率模块\6SL3352-1AE36-1CA1</t>
  </si>
  <si>
    <t>【西门子】功率模块\6SL3352-1AE36-1EA1</t>
  </si>
  <si>
    <t>【西门子】功率模块\6SL3352-1AE38-4CA1</t>
  </si>
  <si>
    <t>【西门子】功率模块\6SL3352-1AG35-8EA1</t>
  </si>
  <si>
    <t>【西门子】功率模块\6SL3352-1AG32-2AA1</t>
  </si>
  <si>
    <t>【西门子】功率模块\6SL3353-1AE35-5AA0</t>
  </si>
  <si>
    <t>【西门子】功率模块\6SL3352-1AG34-7CA1</t>
  </si>
  <si>
    <t>【西门子】功率模块\6SL3351-1AE36-1BA1</t>
  </si>
  <si>
    <t>【西门子】功率模块\6SL3352-1AE36-1BA1</t>
  </si>
  <si>
    <t>【西门子】功率模块\6SL3352-1AG31-8AA1</t>
  </si>
  <si>
    <t>【西门子】功率模块\6SL3352-1AG37-4FA1</t>
  </si>
  <si>
    <t>【西门子】功率模块\6SL3353-1AE37-3AA0</t>
  </si>
  <si>
    <t>【西门子】功率模块\6SL3353-1AE41-3FA0</t>
  </si>
  <si>
    <t>【西门子】功率模块\6SL3351-1AG28-5AA1</t>
  </si>
  <si>
    <t>【西门子】功率模块\6SL3351-1AG34-1BA1</t>
  </si>
  <si>
    <t>【西门子】功率模块\6SL3352-1AG34-7EA1</t>
  </si>
  <si>
    <t>【西门子】功率模块\6SL3352-1AG35-8CA1</t>
  </si>
  <si>
    <t>【西门子】功率模块\6SL3353-1AE41-2DA1</t>
  </si>
  <si>
    <t>【西门子】功率模块\6SL3353-1AE41-8DA1</t>
  </si>
  <si>
    <t>【西门子】功率模块\6SL3351-1AG31-8AA1</t>
  </si>
  <si>
    <t>【西门子】功率模块\6SL3351-1AG35-8BA1</t>
  </si>
  <si>
    <t>【西门子】功率模块\6SL3352-1AG31-5AA1</t>
  </si>
  <si>
    <t>【西门子】功率模块\6SL3352-1AG33-3AA1</t>
  </si>
  <si>
    <t>【西门子】功率模块\6SL3352-1AG34-1EA1</t>
  </si>
  <si>
    <t>【西门子】功率模块\6SL3352-1AG35-8BA1</t>
  </si>
  <si>
    <t>【西门子】功率模块\6SL3353-1AG41-1DA1</t>
  </si>
  <si>
    <t>【西门子】功率模块\6SL3351-1AE38-4BA1</t>
  </si>
  <si>
    <t>【西门子】功率模块\6SL3351-1AG31-0AA1</t>
  </si>
  <si>
    <t>【西门子】功率模块\6SL3351-1AG31-2AA1</t>
  </si>
  <si>
    <t>【西门子】功率模块\6SL3351-1AG31-5AA1</t>
  </si>
  <si>
    <t>【西门子】功率模块\6SL3351-1AG37-4DA1</t>
  </si>
  <si>
    <t>【西门子】功率模块\6SL3351-1AG38-1DA1</t>
  </si>
  <si>
    <t>【西门子】功率模块\6SL3352-1AG31-0AA1</t>
  </si>
  <si>
    <t>【西门子】功率模块\6SL3352-1AG31-2AA1</t>
  </si>
  <si>
    <t>【西门子】功率模块\6SL3353-1AE41-5DA1</t>
  </si>
  <si>
    <t>【西门子】功率模块\6SL3353-1AG36-8DA1</t>
  </si>
  <si>
    <t>【西门子】功率模块\6SL3351-1AG32-2AA1</t>
  </si>
  <si>
    <t>【西门子】功率模块\6SL3351-1AG32-6AA1</t>
  </si>
  <si>
    <t>【西门子】功率模块\6SL3351-1AG33-3AA1</t>
  </si>
  <si>
    <t>【西门子】功率模块\6SL3352-1AE38-4BA1</t>
  </si>
  <si>
    <t>【西门子】功率模块\6SL3352-1AG28-5AA1</t>
  </si>
  <si>
    <t>【西门子】功率模块\6SL3352-1AG38-1DA1</t>
  </si>
  <si>
    <t>【西门子】功率模块\6SL3353-1AG34-3DA1</t>
  </si>
  <si>
    <t>【西门子】功率模块\6SL3353-1AG35-5AA0</t>
  </si>
  <si>
    <t>【西门子】控制板\6SL3760-1BA00-0AA0</t>
  </si>
  <si>
    <t>【西门子】控制板\6SL3760-1BB00-0AA0</t>
  </si>
  <si>
    <t>【西门子】风罩\6SL3760-1AA00-0AA0</t>
  </si>
  <si>
    <t>【西门子】控制板\6SL3000-0KE12-2AA0</t>
  </si>
  <si>
    <t>【西门子】控制板\6SL3760-0DF00-0AA0</t>
  </si>
  <si>
    <t>【西门子】控制板\6SL3760-0AB00-0AA0</t>
  </si>
  <si>
    <t>【西门子】控制板\6SL3760-0HF00-0AA1</t>
  </si>
  <si>
    <t>【西门子】控制板\6SL3760-0NA00-0AA0</t>
  </si>
  <si>
    <t>【西门子】控制板\6SL3760-1BC00-0AA0</t>
  </si>
  <si>
    <t>【西门子】控制板\6SL3060-4AG10-0AA0</t>
  </si>
  <si>
    <t>【西门子】控制板\6SL3760-0CA00-0AA3</t>
  </si>
  <si>
    <t>【西门子】控制板\6SL3300-0SF01-0CA0</t>
  </si>
  <si>
    <t>【西门子】控制板\6SL3351-6BD32-1AV0</t>
  </si>
  <si>
    <t>【西门子】控制板\6SL3351-6BD32-5AV0</t>
  </si>
  <si>
    <t>【西门子】控制板\6SL3351-6BD33-0AV0</t>
  </si>
  <si>
    <t>【西门子】控制板\6SL3351-6BD33-8AV0</t>
  </si>
  <si>
    <t>【西门子】控制板\6SL3351-6BD34-5AV0</t>
  </si>
  <si>
    <t>【西门子】控制板\6SL3351-6BD35-7AV0</t>
  </si>
  <si>
    <t>【西门子】控制板\6SL3351-6BD36-4AV0</t>
  </si>
  <si>
    <t>【西门子】控制板\6SL3351-6BD37-2AV0</t>
  </si>
  <si>
    <t>【西门子】控制板\6SL3351-6BD41-0AV0</t>
  </si>
  <si>
    <t>【西门子】隔离开关\6SL3700-0WK31-3YV0</t>
  </si>
  <si>
    <t>【西门子】隔离开关\6SL3700-0WK32-5YV0</t>
  </si>
  <si>
    <t>【西门子】隔离开关\6SL3700-0WK34-0YV0</t>
  </si>
  <si>
    <t>【西门子】隔离开关\6SL3700-0WK36-3YV0</t>
  </si>
  <si>
    <t>【西门子】隔离开关\6SL3700-0WK41-0YV0</t>
  </si>
  <si>
    <t>【西门子】隔离开关\6SL3760-0AA00-0AA0</t>
  </si>
  <si>
    <t>【西门子】隔离开关\6SL3760-0AC00-0AA0</t>
  </si>
  <si>
    <t>【西门子】隔离开关\6SL3760-0AD00-0AA0</t>
  </si>
  <si>
    <t>【西门子】隔离开关\6SL3760-0AE00-0AA0</t>
  </si>
  <si>
    <t>【西门子】隔离开关\6SL3760-0AF00-0AA0</t>
  </si>
  <si>
    <t>【西门子】隔离开关\6SL3760-0DC00-0AA0</t>
  </si>
  <si>
    <t>【西门子】隔离开关\6SL3760-0DD00-0AA0</t>
  </si>
  <si>
    <t>【西门子】隔离开关\6SL3760-0DE00-0AA0</t>
  </si>
  <si>
    <t>【西门子】控制板\6SL3760-0HB00-0AA1</t>
  </si>
  <si>
    <t>【西门子】控制板\6SL3760-0HC00-0AA1</t>
  </si>
  <si>
    <t>【西门子】控制板\6SL3760-0KA00-0AA0</t>
  </si>
  <si>
    <t>【西门子】控制板\6SL3760-0LA00-0AA0</t>
  </si>
  <si>
    <t>【西门子】控制板\6SL3760-0NB00-0AA0</t>
  </si>
  <si>
    <t>【西门子】控制板\6SL3760-0NC00-0AA0</t>
  </si>
  <si>
    <t>【西门子】控制板\6SL3760-2AL55-0CA0</t>
  </si>
  <si>
    <t>【西门子】指示灯\6SL3760-2AL55-0DA0</t>
  </si>
  <si>
    <t>【西门子】控制板\6SL3760-2AP10-0AA0</t>
  </si>
  <si>
    <t>【西门子】控制板\6SL3760-2AP10-0BA0</t>
  </si>
  <si>
    <t>【西门子】控制板\6SL3760-2AX30-0AE0</t>
  </si>
  <si>
    <t>【西门子】变频器风扇\6SY7000-0AG18</t>
  </si>
  <si>
    <t>【西门子】变频器风扇\6SY7000-0AG20</t>
  </si>
  <si>
    <t>【西门子】控制板\6SY7000-0AH55</t>
  </si>
  <si>
    <t>【西门子】控制板\6SY7000-0AH61</t>
  </si>
  <si>
    <t>【西门子】控制板\6SY7000-0AH62</t>
  </si>
  <si>
    <t>【西门子】控制板\6SY7000-0AL03</t>
  </si>
  <si>
    <t>【西门子】控制板\6SL3760-0GC00-0AA0</t>
  </si>
  <si>
    <t>【西门子】控制板\6SL3000-2CF31-7AA0</t>
  </si>
  <si>
    <t>【西门子】控制板\6SL3760-0BE00-0AA0</t>
  </si>
  <si>
    <t>【西门子】控制板\6SL3760-0DG00-0AA0</t>
  </si>
  <si>
    <t>【西门子】控制板\6SL3760-0HE00-0AA1</t>
  </si>
  <si>
    <t>【西门子】控制板\6SL3760-2AX30-0AA0</t>
  </si>
  <si>
    <t>【西门子】接触器\DC3RH2140-2BB40-ZD01V,DCV,</t>
  </si>
  <si>
    <t>【西门子】接触器\DC3RH2353-1DB40-0KA0V,DCV,</t>
  </si>
  <si>
    <t>【西门子】接触器\DC3RH2353-1DE40-0KA0V,DCV,</t>
  </si>
  <si>
    <t>【西门子】接触器\DC3RH2353-1DF40-0KA0V,DCV,</t>
  </si>
  <si>
    <t>【西门子】接触器\DC3RH2353-1DG40-0KA0V,DCV,</t>
  </si>
  <si>
    <t>【西门子】接触器\DC3RH2353-1DM40-0KA0V,DCV,</t>
  </si>
  <si>
    <t>【西门子】接触器\DC3RH2353-1DW40-0KA0V,DCV,</t>
  </si>
  <si>
    <t>【西门子】交流接触器\AC230 V ACV,3RH2422-1AP00V,A</t>
  </si>
  <si>
    <t>【西门子】继电器\48-460 V / 24 VV,3RF2030-1BA04A,</t>
  </si>
  <si>
    <t>【西门子】继电器\48 - 460 V / 5 VV,3RF2120-1BA44-1KS0A,</t>
  </si>
  <si>
    <t>【西门子】继电器\48 - 460 V / 5 VV,3RF2120-1BG44-1KS0A,</t>
  </si>
  <si>
    <t>【西门子】继电器\48-600 V / 24 VV,3RF2150-1AG06-1KK0A,</t>
  </si>
  <si>
    <t>【西门子】继电器\24 V DCV,3TX7014-7BM00A,</t>
  </si>
  <si>
    <t>【西门子】继电器\24 V DCV,3TX7014-7BM02A,</t>
  </si>
  <si>
    <t>【西门子】继电器\60 V DC， 可用于 115/230 VV,3TX7014-7BP00A,</t>
  </si>
  <si>
    <t>【西门子】继电器\60 V DC，  可用于 115/230 VV,3TX7014-7BP02A,</t>
  </si>
  <si>
    <t>【西门子】继电器\DC 12 V， 可用于 24 V AC/DCV,3TX7014-7BQ00A,</t>
  </si>
  <si>
    <t>【西门子】继电器\DC 12 V， 可用于 24 V AC/DCV,3TX7014-7BQ02A,</t>
  </si>
  <si>
    <t>【西门子】时间继电器\200 - 240 VV,3RP1540-1BN31A,</t>
  </si>
  <si>
    <t>【西门子】马达保护器\3RN1000-2AB00\AC24 V AC/DCV,A,P,kA,A,</t>
  </si>
  <si>
    <t>【西门子】马达保护器\3RN1010-1CM00\AC230 V ACV,A,P,kA,A,</t>
  </si>
  <si>
    <t>【西门子】马达保护器\3RN1011-2CB00\AC24 V AC/DCV,A,P,kA,A,</t>
  </si>
  <si>
    <t>【西门子】马达保护器\3RN1011-2CK00\AC230/110 V ACV,A,P,kA,A,</t>
  </si>
  <si>
    <t>【西门子】继电器\3 x 160 至 690 VV,3UG4616-1BR28-0AA1A,</t>
  </si>
  <si>
    <t>【西门子】继电器\24 VV,3UG4631-2AA30A,</t>
  </si>
  <si>
    <t>【西门子】继电器\24 至 240 VV,3UG4631-2AW30A,</t>
  </si>
  <si>
    <t>【西门子】继电器\24 VV,3UG4632-2AA30A,</t>
  </si>
  <si>
    <t>【西门子】继电器\24 至 240 VV,3UG4632-2AW30A,</t>
  </si>
  <si>
    <t>【西门子】继电器\3UG4651-1AW30\24 至 240 V AC/DCV,</t>
  </si>
  <si>
    <t>【西门子】继电器\3UG4651-2AA30\24 V AC/DCV,</t>
  </si>
  <si>
    <t>【西门子】继电器\3UG4651-2AW30\24 至 240 V AC/DCV,</t>
  </si>
  <si>
    <t>【西门子】软启动器\3RK1902-0AB00\V,A</t>
  </si>
  <si>
    <t>【西门子】软启动器\3RK1902-0AJ00\V,A</t>
  </si>
  <si>
    <t>【西门子】软启动器\3RK1902-0AR00\V,A</t>
  </si>
  <si>
    <t>【西门子】软启动器\3RK1902-0CA00\V,A</t>
  </si>
  <si>
    <t>【西门子】软启动器\3RK1902-0CB00\V,A</t>
  </si>
  <si>
    <t>【西门子】软启动器\3RK1902-0CC00\V,A</t>
  </si>
  <si>
    <t>【西门子】软启动器\3RK1902-0CD00\V,A</t>
  </si>
  <si>
    <t>【西门子】软启动器\3RK1902-0CE00\V,A</t>
  </si>
  <si>
    <t>【西门子】软启动器\3RK1902-0CQ00\V,A</t>
  </si>
  <si>
    <t>【西门子】软启动器\3RK1902-0CR00\V,A</t>
  </si>
  <si>
    <t>【西门子】软启动器\3RK1902-2NB30\V,A</t>
  </si>
  <si>
    <t>【西门子】软启动器\3RK1902-2NB50\V,A</t>
  </si>
  <si>
    <t>【西门子】软启动器\3RK1902-2NC10\V,A</t>
  </si>
  <si>
    <t>【西门子】软启动器\3RK1902-3NB30\V,A</t>
  </si>
  <si>
    <t>【西门子】软启动器\3RK1911-3BA00\V,A</t>
  </si>
  <si>
    <t>【西门子】软启动器\3RK1315-6KS41-2LA0\V,A</t>
  </si>
  <si>
    <t>【西门子】软启动器\3ZS1310-5CC10-2YP0</t>
  </si>
  <si>
    <t>【西门子】软启动器\3ZS1310-5CC10-2YQ0</t>
  </si>
  <si>
    <t>【西门子】软启动器\3RK1911-0BG30\V,A</t>
  </si>
  <si>
    <t>【西门子】软启动器\3RK1911-0BJ10\V,A</t>
  </si>
  <si>
    <t>【西门子】软启动器\3RK1911-0BJ30\V,A</t>
  </si>
  <si>
    <t>【西门子】软启动器\3RK1911-0BK10\V,A</t>
  </si>
  <si>
    <t>【西门子】软启动器\3RK1911-0BN20\V,A</t>
  </si>
  <si>
    <t>【西门子】软启动器\3RK1911-0CP21\V,A</t>
  </si>
  <si>
    <t>【西门子】软启动器\3RK1911-0DB13\V,A</t>
  </si>
  <si>
    <t>【西门子】软启动器\3RK1911-0DB33\V,A</t>
  </si>
  <si>
    <t>【西门子】软启动器\3RK1911-0DC13\V,A</t>
  </si>
  <si>
    <t>【西门子】软启动器\3RK1911-0DC33\V,A</t>
  </si>
  <si>
    <t>【西门子】软启动器\3RK1911-0DF13\V,A</t>
  </si>
  <si>
    <t>【西门子】软启动器\3RK1911-0DF33\V,A</t>
  </si>
  <si>
    <t>【西门子】软启动器\3RK1911-0EB31\V,A</t>
  </si>
  <si>
    <t>【西门子】软启动器\3RK1911-0ED31\V,A</t>
  </si>
  <si>
    <t>【西门子】软启动器\3RK1911-0EE31\V,A</t>
  </si>
  <si>
    <t>【西门子】软启动器\3RK1911-0EF31\V,A</t>
  </si>
  <si>
    <t>【西门子】软启动器\3RK1911-0EG31\V,A</t>
  </si>
  <si>
    <t>【西门子】软启动器\3RK1911-0EH31\V,A</t>
  </si>
  <si>
    <t>【西门子】软启动器\3RK1911-2AG00\V,A</t>
  </si>
  <si>
    <t>【西门子】软启动器\3RK1911-2BF01\V,A</t>
  </si>
  <si>
    <t>【西门子】软启动器\3RK1911-2BF02\V,A</t>
  </si>
  <si>
    <t>【西门子】软启动器\3RK1911-2BF10\V,A</t>
  </si>
  <si>
    <t>【西门子】软启动器\3RK1911-2BF20\V,A</t>
  </si>
  <si>
    <t>【西门子】软启动器\3RK1911-2BF50\V,A</t>
  </si>
  <si>
    <t>【西门子】软启动器\3RK1911-2BF60\V,A</t>
  </si>
  <si>
    <t>【西门子】软启动器\3RK1911-2BG02\V,A</t>
  </si>
  <si>
    <t>【西门子】软启动器\3RK1911-2BR10\V,A</t>
  </si>
  <si>
    <t>【西门子】软启动器\3RK1911-2BR30\V,A</t>
  </si>
  <si>
    <t>【西门子】软启动器\3RK1911-2BR50\V,A</t>
  </si>
  <si>
    <t>【西门子】软启动器\3RK1911-2BS20\V,A</t>
  </si>
  <si>
    <t>【西门子】软启动器\3RK1911-2BS40\V,A</t>
  </si>
  <si>
    <t>【西门子】软启动器\3RK1911-2BS60\V,A</t>
  </si>
  <si>
    <t>【西门子】软启动器\3RK1911-5BA50\V,A</t>
  </si>
  <si>
    <t>【西门子】软启动器\3RK1922-2BA01\V,A</t>
  </si>
  <si>
    <t>【西门子】软启动器\3RK1922-2BP00\V,A</t>
  </si>
  <si>
    <t>【西门子】软启动器\3RK1903-0AG01\V,A</t>
  </si>
  <si>
    <t>【西门子】软启动器\3RK1903-0AL00\V,A</t>
  </si>
  <si>
    <t>【西门子】软启动器\3RK1903-0AL10\V,A</t>
  </si>
  <si>
    <t>【西门子】软启动器\3RK1903-0CE00\V,A</t>
  </si>
  <si>
    <t>【西门子】软启动器\3RK1903-0CF00\V,A</t>
  </si>
  <si>
    <t>【西门子】软启动器\3RK1903-0CJ00\V,A</t>
  </si>
  <si>
    <t>【西门子】软启动器\3RK1903-0CK00\V,A</t>
  </si>
  <si>
    <t>【西门子】软启动器\3RK1903-1AB00\V,A</t>
  </si>
  <si>
    <t>【西门子】软启动器\3RK1903-1AD10\V,A</t>
  </si>
  <si>
    <t>【西门子】软启动器\3RK1903-1BE00\V,A</t>
  </si>
  <si>
    <t>【西门子】软启动器\3RK1903-1CA00\V,A</t>
  </si>
  <si>
    <t>【西门子】软启动器\3RK1903-1CA01\V,A</t>
  </si>
  <si>
    <t>【西门子】软启动器\3RK1903-1CB00\V,A</t>
  </si>
  <si>
    <t>【西门子】软启动器\3RK1903-2AC00\V,A</t>
  </si>
  <si>
    <t>【西门子】软启动器\3RK1903-3AD00\V,A</t>
  </si>
  <si>
    <t>【西门子】软启动器\3RK1903-3AD10\V,A</t>
  </si>
  <si>
    <t>【西门子】软启动器\3RK1903-3AE00\V,A</t>
  </si>
  <si>
    <t>【西门子】软启动器\3RK1903-3AE10\V,A</t>
  </si>
  <si>
    <t>【西门子】软启动器\3RK1903-3EA10\V,A</t>
  </si>
  <si>
    <t>【西门子】软启动器\3RK1903-3EC00\V,A</t>
  </si>
  <si>
    <t>【西门子】软启动器\3RK1903-3EC10\V,A</t>
  </si>
  <si>
    <t>【西门子】软启动器\3RK1903-3ED00\V,A</t>
  </si>
  <si>
    <t>【西门子】软启动器\3RK1903-3ED10\V,A</t>
  </si>
  <si>
    <t>【西门子】启动器\3RA6920-3A\V,A</t>
  </si>
  <si>
    <t>【西门子】启动器\3RA6940-0A\V,A</t>
  </si>
  <si>
    <t>【西门子】启动器\3RA6932-0A\V,A</t>
  </si>
  <si>
    <t>【西门子】启动器\3RA6933-0C\V,A</t>
  </si>
  <si>
    <t>【西门子】启动器\3RA6936-0A\V,A</t>
  </si>
  <si>
    <t>【西门子】软启动器\3RW4756-0VB70\V,A</t>
  </si>
  <si>
    <t>【西门子】软启动器\3RW4756-0VB80\V,A</t>
  </si>
  <si>
    <t>【西门子】软启动器\3RW4776-0VB70\V,A</t>
  </si>
  <si>
    <t>【西门子】软启动器\3RW4776-0VB80\V,A</t>
  </si>
  <si>
    <t>【西门子】软启动器\3RW2920-1DA00\V,A</t>
  </si>
  <si>
    <t>【西门子】软启动器\3RW4446-6BC44\V,A</t>
  </si>
  <si>
    <t>【西门子】软启动器\3RW5980-0HD00\V,A</t>
  </si>
  <si>
    <t>【西门子】软启动器\3RW5953-0BY00\V,A</t>
  </si>
  <si>
    <t>【西门子】软启动器\3RW5954-0BP00\V,A</t>
  </si>
  <si>
    <t>【西门子】软启动器\3RW5954-0BT00\V,A</t>
  </si>
  <si>
    <t>【西门子】辅助接触器\DC3RH6140-1BF40V,DCV,</t>
  </si>
  <si>
    <t>【西门子】交换机\6GK5206-2BB00-2AC2 100M 9口 西门子</t>
  </si>
  <si>
    <t>【西门子】交换机\6GK5206-2BD00-2AC2 100M 9口 西门子</t>
  </si>
  <si>
    <t>【西门子】交换机\6GK5208-0BA00-2AC2 100M 8口 西门子</t>
  </si>
  <si>
    <t>【西门子】交换机\6GK5216-0BA00-2AC2 100 17口 西门子</t>
  </si>
  <si>
    <t>【西门子】交换机\6GK5224-0BA00-2AC2 100 25口 西门子</t>
  </si>
  <si>
    <t>【西门子】通信附件\6GK1588-3CA20</t>
  </si>
  <si>
    <t>【西门子】通信附件\6GK1588-3BB21</t>
  </si>
  <si>
    <t>【西门子】通信附件\6GK1588-3BB02</t>
  </si>
  <si>
    <t>【西门子】通信附件\6GK1588-3AA15</t>
  </si>
  <si>
    <t>【西门子】通信附件\6GK1588-3AA00</t>
  </si>
  <si>
    <t>【西门子】通信电缆\6XV1870-3QN40</t>
  </si>
  <si>
    <t>【西门子】通信电缆\6XV1870-3QH30</t>
  </si>
  <si>
    <t>【西门子】通信电缆\6XV1871-5BH10</t>
  </si>
  <si>
    <t>【西门子】通信电缆\6XV1871-5BN10</t>
  </si>
  <si>
    <t>【西门子】通信电缆\6XV1871-5TN15</t>
  </si>
  <si>
    <t>【西门子】通信电缆\6XV1871-5TN10</t>
  </si>
  <si>
    <t>【西门子】通信电缆\6XV1871-5TH50</t>
  </si>
  <si>
    <t>【西门子】通信电缆\6XV1871-5TH30</t>
  </si>
  <si>
    <t>【西门子】通信电缆\6XV1871-5TH20</t>
  </si>
  <si>
    <t>【西门子】通信电缆\6XV1871-5BN20</t>
  </si>
  <si>
    <t>【西门子】通信电缆\6XV1871-5BN15</t>
  </si>
  <si>
    <t>【西门子】通信电缆\6XV1871-5BH50</t>
  </si>
  <si>
    <t>【西门子】通信电缆\6XV1871-5BH30</t>
  </si>
  <si>
    <t>【西门子】通信电缆\6XV1871-5BH20</t>
  </si>
  <si>
    <t>【西门子】通信电缆\6XV1870-8AN15</t>
  </si>
  <si>
    <t>【西门子】通信电缆\6XV1870-8AN10</t>
  </si>
  <si>
    <t>【西门子】通信电缆\6XV1870-8AH50</t>
  </si>
  <si>
    <t>【西门子】通信电缆\6XV1870-8AH30</t>
  </si>
  <si>
    <t>【西门子】通信电缆\6XV1870-8AH20</t>
  </si>
  <si>
    <t>【西门子】通信电缆\6XV1870-8AH15</t>
  </si>
  <si>
    <t>【西门子】通信电缆\6XV1870-8AH10</t>
  </si>
  <si>
    <t>【西门子】通信电缆\6XV1870-8AE50</t>
  </si>
  <si>
    <t>【西门子】通信电缆\6XV1870-8AE30</t>
  </si>
  <si>
    <t>【西门子】通信电缆\6XV1870-3RN10</t>
  </si>
  <si>
    <t>【西门子】通信电缆\6XV1870-3RH60</t>
  </si>
  <si>
    <t>【西门子】通信电缆\6XV1870-3RH20</t>
  </si>
  <si>
    <t>【西门子】通信电缆\6XV1870-3RH10</t>
  </si>
  <si>
    <t>【西门子】通信电缆\6XV1870-3RE50</t>
  </si>
  <si>
    <t>【西门子】通信电缆\6XV1870-3QN10</t>
  </si>
  <si>
    <t>【西门子】通信电缆\6XV1870-3QH60</t>
  </si>
  <si>
    <t>【西门子】通信电缆\6XV1870-3QH20</t>
  </si>
  <si>
    <t>【西门子】通信电缆\6XV1870-3QH10</t>
  </si>
  <si>
    <t>【西门子】通信电缆\6XV1870-3QE50</t>
  </si>
  <si>
    <t>【西门子】通信电缆\6XV1850-2SN10</t>
  </si>
  <si>
    <t>【西门子】通信电缆\6XV1850-2SH60</t>
  </si>
  <si>
    <t>【西门子】通信电缆\6XV1850-2SH20</t>
  </si>
  <si>
    <t>【西门子】通信电缆\6XV1850-2SH10</t>
  </si>
  <si>
    <t>【西门子】通信电缆\6XV1850-2SE50</t>
  </si>
  <si>
    <t>【西门子】通信电缆\6XV1850-2RH10</t>
  </si>
  <si>
    <t>【西门子】通信电缆\6XV1850-2PH10</t>
  </si>
  <si>
    <t>【西门子】通信电缆\6XV1850-2NH10</t>
  </si>
  <si>
    <t>【西门子】通信电缆\6XV1850-2MN10</t>
  </si>
  <si>
    <t>【西门子】通信电缆\6XV1850-2MH60</t>
  </si>
  <si>
    <t>【西门子】通信电缆\6XV1850-2MH20</t>
  </si>
  <si>
    <t>【西门子】通信电缆\6XV1850-2MH10</t>
  </si>
  <si>
    <t>【西门子】通信电缆\6XV1850-2ME50</t>
  </si>
  <si>
    <t>【西门子】通信电缆\6XV1850-2LN10</t>
  </si>
  <si>
    <t>【西门子】通信电缆\6XV1850-2LH60</t>
  </si>
  <si>
    <t>【西门子】通信电缆\6XV1850-2LH20</t>
  </si>
  <si>
    <t>【西门子】通信电缆\6XV1850-2LH10</t>
  </si>
  <si>
    <t>【西门子】通信电缆\6XV1850-2LE50</t>
  </si>
  <si>
    <t>【西门子】通信电缆\6XV1850-2JN10</t>
  </si>
  <si>
    <t>【西门子】通信电缆\6XV1850-2JH20</t>
  </si>
  <si>
    <t>【西门子】通信电缆\6XV1850-2JH10</t>
  </si>
  <si>
    <t>【西门子】通信电缆\6XV1850-2JE50</t>
  </si>
  <si>
    <t>【西门子】通信电缆\6XV1850-2HN10</t>
  </si>
  <si>
    <t>【西门子】通信电缆\6XV1850-2HH60</t>
  </si>
  <si>
    <t>【西门子】通信电缆\6XV1850-2HH20</t>
  </si>
  <si>
    <t>【西门子】通信电缆\6XV1850-2HH10</t>
  </si>
  <si>
    <t>【西门子】通信电缆\6XV1850-2HE50</t>
  </si>
  <si>
    <t>【西门子】通信电缆\6XV1850-2GN10</t>
  </si>
  <si>
    <t>【西门子】通信电缆\6XV1850-2GH60</t>
  </si>
  <si>
    <t>【西门子】通信电缆\6XV1850-2GH20</t>
  </si>
  <si>
    <t>【西门子】通信电缆\6XV1850-2GH10</t>
  </si>
  <si>
    <t>【西门子】通信电缆\6XV1850-2GE50</t>
  </si>
  <si>
    <t>【西门子】通信电缆\6XV1830-3DN15</t>
  </si>
  <si>
    <t>【西门子】通信电缆\6XV1830-3DN10</t>
  </si>
  <si>
    <t>【西门子】通信电缆\6XV1830-3DH50</t>
  </si>
  <si>
    <t>【西门子】通信电缆\6XV1830-3DH30</t>
  </si>
  <si>
    <t>【西门子】通信电缆\6XV1830-3DH20</t>
  </si>
  <si>
    <t>【西门子】通信电缆\6XV1830-3DH15</t>
  </si>
  <si>
    <t>【西门子】通信电缆\6XV1830-3DH10</t>
  </si>
  <si>
    <t>【西门子】通信电缆\6XV1830-3DE50</t>
  </si>
  <si>
    <t>【西门子】通信电缆\6XV1830-3DE30</t>
  </si>
  <si>
    <t>【西门子】通信电缆\6XV1830-1ET10</t>
  </si>
  <si>
    <t>【西门子】通信电缆\6XV1830-1EN50</t>
  </si>
  <si>
    <t>【西门子】通信电缆\6XV1830-0EU10</t>
  </si>
  <si>
    <t>【西门子】通信电缆\6XV1830-0ET50</t>
  </si>
  <si>
    <t>【西门子】通信电缆\6XV1830-0ET20</t>
  </si>
  <si>
    <t>【西门子】通信电缆\6XV1830-0ET10</t>
  </si>
  <si>
    <t>【西门子】通信电缆\6XV1830-0EN50</t>
  </si>
  <si>
    <t>【西门子】通信电缆\6XV1830-0EN20</t>
  </si>
  <si>
    <t>【西门子】通信电缆\6XV1822-5BN15</t>
  </si>
  <si>
    <t>【西门子】通信电缆\6XV1822-5BN10</t>
  </si>
  <si>
    <t>【西门子】通信电缆\6XV1822-5BH50</t>
  </si>
  <si>
    <t>【西门子】通信电缆\6XV1822-5BH30</t>
  </si>
  <si>
    <t>【西门子】通信电缆\6XV1822-5BH20</t>
  </si>
  <si>
    <t>【西门子】通信电缆\6XV1822-5BH15</t>
  </si>
  <si>
    <t>【西门子】通信电缆\6XV1822-5BH10</t>
  </si>
  <si>
    <t>【西门子】通信电缆\6XV1822-5BE50</t>
  </si>
  <si>
    <t>【西门子】通信电缆\6XV1822-5BE30</t>
  </si>
  <si>
    <t>【西门子】通信电缆\6XV1821-0BN80</t>
  </si>
  <si>
    <t>【西门子】通信电缆\6XV1821-0BN65</t>
  </si>
  <si>
    <t>【西门子】通信电缆\6XV1821-0BN50</t>
  </si>
  <si>
    <t>【西门子】通信电缆\6XV1821-0BN30</t>
  </si>
  <si>
    <t>【西门子】通信电缆\6XV1821-0BN25</t>
  </si>
  <si>
    <t>【西门子】通信电缆\6XV1821-0BN20</t>
  </si>
  <si>
    <t>【西门子】通信电缆\6XV1821-0BN15</t>
  </si>
  <si>
    <t>【西门子】通信电缆\6XV1821-0BN10</t>
  </si>
  <si>
    <t>【西门子】通信电缆\6XV1821-0BH50</t>
  </si>
  <si>
    <t>【西门子】通信电缆\6XV1821-0BH20</t>
  </si>
  <si>
    <t>【西门子】通信电缆\6XV1821-0BH10</t>
  </si>
  <si>
    <t>【西门子】通信电缆\6XV1821-0AT10</t>
  </si>
  <si>
    <t>【西门子】通信电缆\6XV1821-0AN50</t>
  </si>
  <si>
    <t>【西门子】电缆\6XV1801-5GE30</t>
  </si>
  <si>
    <t>【西门子】电缆\6XV1801-5GE50</t>
  </si>
  <si>
    <t>【西门子】电缆\6XV1801-5GH10</t>
  </si>
  <si>
    <t>【西门子】电缆\6XV1801-5GH15</t>
  </si>
  <si>
    <t>【西门子】电缆\6XV1801-5GH20</t>
  </si>
  <si>
    <t>【西门子】电缆\6XV1801-5GH30</t>
  </si>
  <si>
    <t>【西门子】电缆\6XV1801-5GH50</t>
  </si>
  <si>
    <t>【西门子】电缆\6XV1801-5GN10</t>
  </si>
  <si>
    <t>【西门子】电缆\6XV1801-5GN15</t>
  </si>
  <si>
    <t>【西门子】电缆\6XV1840-4AH10</t>
  </si>
  <si>
    <t>【西门子】电缆\6XV1870-3QE30</t>
  </si>
  <si>
    <t>【西门子】电缆\6XV1870-3QH40</t>
  </si>
  <si>
    <t>【西门子】电缆\6XV1870-3QN15</t>
  </si>
  <si>
    <t>【西门子】电缆\6XV1870-3QN20</t>
  </si>
  <si>
    <t>【西门子】电缆\6XV1870-3QN30</t>
  </si>
  <si>
    <t>【西门子】电缆\6XV1870-3QN35</t>
  </si>
  <si>
    <t>【西门子】电缆\6XV1870-3QN45</t>
  </si>
  <si>
    <t>【西门子】电缆\6XV1870-3QN50</t>
  </si>
  <si>
    <t>【西门子】电缆\6XV1871-5BN12</t>
  </si>
  <si>
    <t>【西门子】电缆\6XV1871-5BN30</t>
  </si>
  <si>
    <t>【西门子】电缆\6XV1871-5MH50</t>
  </si>
  <si>
    <t>【西门子】电缆\6XV1878-5BH20</t>
  </si>
  <si>
    <t>【西门子】电缆\6XV1878-5BH30</t>
  </si>
  <si>
    <t>【西门子】电缆\6XV1878-5BH50</t>
  </si>
  <si>
    <t>【西门子】电缆\6XV1878-5BN10</t>
  </si>
  <si>
    <t>【西门子】电缆\6XV1878-5BN15</t>
  </si>
  <si>
    <t>【西门子】电缆\6XV1878-5HE30</t>
  </si>
  <si>
    <t>【西门子】通信附件\6GK1901-1BB30-0AE0</t>
  </si>
  <si>
    <t>【西门子】通信附件\6GK1901-1BB30-0AB0</t>
  </si>
  <si>
    <t>【西门子】通信附件\6GK1901-1BB20-2AE0</t>
  </si>
  <si>
    <t>【西门子】通信附件\6GK1901-1BB10-2AB0</t>
  </si>
  <si>
    <t>【西门子】通信模块\6GK1901-1BB12-2AE0</t>
  </si>
  <si>
    <t>【西门子】通信模块\6GK1907-0DC00-6AA5</t>
  </si>
  <si>
    <t>【西门子】通信附件\6GK1901-0SB10-2AB0</t>
  </si>
  <si>
    <t>【西门子】通信电缆\6XV1830-2AH50</t>
  </si>
  <si>
    <t>【西门子】通信电缆\6XV1873-3AN80</t>
  </si>
  <si>
    <t>【西门子】通信电缆\6XV1820-7BH20</t>
  </si>
  <si>
    <t>【西门子】工业以太网交换机\6GK5216-0BA00-2AA3 100M 16口</t>
  </si>
  <si>
    <t>【西门子】交换机\6GK5212-2BC00-2AA3 100M 14口</t>
  </si>
  <si>
    <t>【西门子】交换机\6GK5208-0HA10-2AA6 100M 8口</t>
  </si>
  <si>
    <t>【西门子】交换机\6GK5208-0BA10-2AA3 100M 8口</t>
  </si>
  <si>
    <t>【西门子】工业以太网交换机\6GK5204-0BA00-2AF2 100M 4口</t>
  </si>
  <si>
    <t>【西门子】交换机\6GK5202-2BH00-2BD2 100M 4口</t>
  </si>
  <si>
    <t>【西门子】交换机\6GK5204-0BA00-2GF2 100M 6口</t>
  </si>
  <si>
    <t>【西门子】晶闸管模块\6RY1700-0AA12</t>
  </si>
  <si>
    <t>【西门子】晶闸管模块\6RY1700-0AA17</t>
  </si>
  <si>
    <t>【西门子】晶闸管模块\6RY1700-0AA18</t>
  </si>
  <si>
    <t>【西门子】控制板\6RY1700-0BA04</t>
  </si>
  <si>
    <t>【西门子】控制板\6RY1700-0BA05</t>
  </si>
  <si>
    <t>【西门子】控制板\6RY1702-0BA01</t>
  </si>
  <si>
    <t>【西门子】控制板\6RY1702-0BA03</t>
  </si>
  <si>
    <t>【西门子】晶闸管线束\6RY1802-0CA12</t>
  </si>
  <si>
    <t>【西门子】晶闸管线束\6RY1802-0CA13</t>
  </si>
  <si>
    <t>【西门子】晶闸管线束\6RY1802-0CA18</t>
  </si>
  <si>
    <t>【西门子】晶闸管线束\6RY1802-0CA20</t>
  </si>
  <si>
    <t>【西门子】晶闸管线束\6RY1802-0CA23</t>
  </si>
  <si>
    <t>【西门子】晶闸管线束\6RY1802-0CA24</t>
  </si>
  <si>
    <t>【西门子】晶闸管线束\6RY1802-0CA33</t>
  </si>
  <si>
    <t>【西门子】晶闸管线束\6RY1802-0CA34</t>
  </si>
  <si>
    <t>【西门子】晶闸管线束\6RY1802-0CA35</t>
  </si>
  <si>
    <t>【西门子】晶闸管线束\6RY1802-0CA36</t>
  </si>
  <si>
    <t>【西门子】控制板\6RY1803-0AA00-0AA1</t>
  </si>
  <si>
    <t>【西门子】控制板\6RY1803-0AA05-0AA1</t>
  </si>
  <si>
    <t>【西门子】控制板\6RY1803-0AA20-0AA1</t>
  </si>
  <si>
    <t>【西门子】控制板\6RY1803-0AA25-0AA1</t>
  </si>
  <si>
    <t>【西门子】控制板\6RY1803-0CA01</t>
  </si>
  <si>
    <t>【西门子】控制板\6RY1803-0CA02</t>
  </si>
  <si>
    <t>【西门子】控制板\6RY1803-0CA03</t>
  </si>
  <si>
    <t>【西门子】控制板\6RY1803-0CA04</t>
  </si>
  <si>
    <t>【西门子】控制板\6RY1803-0CA05</t>
  </si>
  <si>
    <t>【西门子】控制板\6RY1803-0CA11</t>
  </si>
  <si>
    <t>【西门子】控制板\6RY1803-0CA12</t>
  </si>
  <si>
    <t>【西门子】控制板\6RY1803-0CA15</t>
  </si>
  <si>
    <t>【西门子】控制板\6RY1803-0CA21</t>
  </si>
  <si>
    <t>【西门子】控制板\6RY1803-0CA22</t>
  </si>
  <si>
    <t>【西门子】控制板\6RY1803-0CA23</t>
  </si>
  <si>
    <t>【西门子】控制板\6RY1803-0CA24</t>
  </si>
  <si>
    <t>【西门子】控制板\6RY1803-0CA25</t>
  </si>
  <si>
    <t>【西门子】控制板\6RY1803-0CA31</t>
  </si>
  <si>
    <t>【西门子】控制板\6RY1803-0CA32</t>
  </si>
  <si>
    <t>【西门子】控制板\6RY1803-0CA35</t>
  </si>
  <si>
    <t>【西门子】控制板\6RY1803-0DA01</t>
  </si>
  <si>
    <t>【西门子】控制板\6RY1803-0DA02</t>
  </si>
  <si>
    <t>【西门子】控制板\6RY1803-0DA03</t>
  </si>
  <si>
    <t>【西门子】控制板\6RY1803-0DA04</t>
  </si>
  <si>
    <t>【西门子】控制板\6RY1803-0DA11</t>
  </si>
  <si>
    <t>【西门子】控制板\6RY1803-0DA12</t>
  </si>
  <si>
    <t>【西门子】控制板\6RY1803-0DA21</t>
  </si>
  <si>
    <t>【西门子】控制板\6RY1803-0DA22</t>
  </si>
  <si>
    <t>【西门子】控制板\6RY1803-0DA23</t>
  </si>
  <si>
    <t>【西门子】控制板\6RY1803-0DA24</t>
  </si>
  <si>
    <t>【西门子】控制板\6RY1803-0DA31</t>
  </si>
  <si>
    <t>【西门子】控制板\6RY1803-0DA32</t>
  </si>
  <si>
    <t>【西门子】控制板\6RY1803-0DB02</t>
  </si>
  <si>
    <t>【西门子】控制板\6RY1803-0DB03</t>
  </si>
  <si>
    <t>【西门子】控制板\6RY1803-0FA00</t>
  </si>
  <si>
    <t>【西门子】控制板\6RY1803-0FA01</t>
  </si>
  <si>
    <t>【西门子】控制板\6RY1803-0FA02</t>
  </si>
  <si>
    <t>【西门子】控制板\6RY1803-0FA03</t>
  </si>
  <si>
    <t>【西门子】控制板\6RY1803-0FA04</t>
  </si>
  <si>
    <t>【西门子】控制板\6RY1803-0FA10</t>
  </si>
  <si>
    <t>【西门子】控制板\6RY1803-0FA11</t>
  </si>
  <si>
    <t>【西门子】控制板\6RY1803-0GA00</t>
  </si>
  <si>
    <t>【西门子】控制板\6RY1803-0GA01</t>
  </si>
  <si>
    <t>【西门子】控制板\6RY1803-0GA20</t>
  </si>
  <si>
    <t>【西门子】控制板\6RY1803-0GA21</t>
  </si>
  <si>
    <t>【西门子】控制板\6RY1804-0FB01</t>
  </si>
  <si>
    <t>【西门子】控制板\6RY1804-0FB02</t>
  </si>
  <si>
    <t>【西门子】控制板\6RY1806-0AA00</t>
  </si>
  <si>
    <t>【西门子】控制板\6RY1806-0AA01</t>
  </si>
  <si>
    <t>【西门子】温度传感器\6RY1806-0AB00</t>
  </si>
  <si>
    <t>【西门子】温度传感器\6RY1806-0AB02</t>
  </si>
  <si>
    <t>【西门子】电缆\6RY1807-0AA00</t>
  </si>
  <si>
    <t>【西门子】电缆\6RY1807-0AA01</t>
  </si>
  <si>
    <t>【西门子】电缆\6RY1807-0AA02</t>
  </si>
  <si>
    <t>【西门子】电缆\6RY1807-0AA03</t>
  </si>
  <si>
    <t>【西门子】电缆\6RY1807-0AA04</t>
  </si>
  <si>
    <t>【西门子】电缆\6RY1807-0AA05</t>
  </si>
  <si>
    <t>【西门子】电缆\6RY1807-0AA06</t>
  </si>
  <si>
    <t>【西门子】电缆\6RY1807-0AA07</t>
  </si>
  <si>
    <t>【西门子】电缆\6RY1807-0AA10</t>
  </si>
  <si>
    <t>【西门子】控制板\6RY1808-0AA11</t>
  </si>
  <si>
    <t>【西门子】控制板\6RY1808-0AB01</t>
  </si>
  <si>
    <t>【西门子】控制板\6RY1808-0AB02</t>
  </si>
  <si>
    <t>【西门子】控制板\6RY1808-0AB03</t>
  </si>
  <si>
    <t>【西门子】控制板\6RY1808-0AB04</t>
  </si>
  <si>
    <t>【西门子】控制板\6RY1808-0AB05</t>
  </si>
  <si>
    <t>【西门子】控制板\6RY1808-0AB06</t>
  </si>
  <si>
    <t>【西门子】控制板\6RY1808-0AB07</t>
  </si>
  <si>
    <t>【西门子】控制板\6RY1808-0AB08</t>
  </si>
  <si>
    <t>【西门子】控制板\6RY1808-0AB10</t>
  </si>
  <si>
    <t>【西门子】控制板\6RY1803-0CM01</t>
  </si>
  <si>
    <t>【西门子】控制板\6RY1803-0CM02</t>
  </si>
  <si>
    <t>【西门子】控制板\6RY1803-0DB01</t>
  </si>
  <si>
    <t>【西门子】控制板\6RY1803-0DB11</t>
  </si>
  <si>
    <t>【西门子】控制板\6RY1803-0DB21</t>
  </si>
  <si>
    <t>【西门子】控制板\6RY1803-0CM21</t>
  </si>
  <si>
    <t>【西门子】控制板\6RY1803-0CM22</t>
  </si>
  <si>
    <t>【西门子】变频器风扇\6RY1801-0AA03</t>
  </si>
  <si>
    <t>【西门子】变频器风扇\6RY1801-0AA21</t>
  </si>
  <si>
    <t>【西门子】线束\6RY1802-0CA21</t>
  </si>
  <si>
    <t>【西门子】线束\6RY1802-0CA22</t>
  </si>
  <si>
    <t>【西门子】线束\6RY1807-0CM01</t>
  </si>
  <si>
    <t>【西门子】线束\6RY1807-0CM08</t>
  </si>
  <si>
    <t>【西门子】晶闸管模块\6RY1800-0AA01</t>
  </si>
  <si>
    <t>【西门子】线束\6RY1807-0CM07</t>
  </si>
  <si>
    <t>【西门子】晶闸管模块\6RY1700-0AA04</t>
  </si>
  <si>
    <t>【西门子】晶闸管模块\6RY1703-0CM01</t>
  </si>
  <si>
    <t>【西门子】晶闸管模块\6RY1700-0AA14</t>
  </si>
  <si>
    <t>【西门子】晶闸管模块\6RY1803-0FA05</t>
  </si>
  <si>
    <t>【西门子】晶闸管模块\6RY1800-0AA08</t>
  </si>
  <si>
    <t>【西门子】晶闸管模块\6RY1800-0AA03</t>
  </si>
  <si>
    <t>【西门子】接口模块\6RY1803-0DB22</t>
  </si>
  <si>
    <t>【西门子】接口模块\6RY1803-0DB31</t>
  </si>
  <si>
    <t>【西门子】接口模块\6RY1803-0DB32</t>
  </si>
  <si>
    <t>【西门子】接口模块\6RY1803-0DB04</t>
  </si>
  <si>
    <t>【西门子】接口模块\6RY1803-0DB23</t>
  </si>
  <si>
    <t>【西门子】接口模块\6RY1803-0DB24</t>
  </si>
  <si>
    <t>【西门子】接口模块\6RY1703-0CM21</t>
  </si>
  <si>
    <t>【西门子】接口模块\6RY1803-0CM20</t>
  </si>
  <si>
    <t>【西门子】接口模块\6RY1803-0DB12</t>
  </si>
  <si>
    <t>【西门子】接口模块\6RY1803-0CM00</t>
  </si>
  <si>
    <t>【西门子】接口模块\6RY1807-0CM00</t>
  </si>
  <si>
    <t>【西门子】控制板\6RY1807-0CM02</t>
  </si>
  <si>
    <t>【西门子】控制板\6RY1807-0CM05</t>
  </si>
  <si>
    <t>【西门子】控制板\6RY1805-0CM00</t>
  </si>
  <si>
    <t>【西门子】控制板\6RY1807-0CM11</t>
  </si>
  <si>
    <t>【西门子】控制板\6RY1807-0AA21</t>
  </si>
  <si>
    <t>【西门子】控制板\6RY1802-0BA00</t>
  </si>
  <si>
    <t>【西门子】控制板\6RY1702-0BA00</t>
  </si>
  <si>
    <t>【西门子】变频器风扇\6RY1801-5AA00</t>
  </si>
  <si>
    <t>【西门子】变频器风扇\6RY1801-5AA01</t>
  </si>
  <si>
    <t>【西门子】控制板\7VV3002-3DF00</t>
  </si>
  <si>
    <t>【西门子】控制板\7VV3002-7RC00</t>
  </si>
  <si>
    <t>【西门子】控制板\7VV3002-7RD00</t>
  </si>
  <si>
    <t>【西门子】控制板\7VV3002-7SA00</t>
  </si>
  <si>
    <t>【西门子】控制板\7VV3002-7SB00</t>
  </si>
  <si>
    <t>【西门子】控制板\7VV3002-7TA00</t>
  </si>
  <si>
    <t>【西门子】存储器\6RX1800-0AS50</t>
  </si>
  <si>
    <t>【西门子】控制板\6RY1803-0AA06-0AA1</t>
  </si>
  <si>
    <t>【西门子】控制板\6RY1803-0AA26-0AA1</t>
  </si>
  <si>
    <t>【西门子】控制板\6RY1803-5GA01</t>
  </si>
  <si>
    <t>【西门子】控制板\6RY1803-5GA21</t>
  </si>
  <si>
    <t>【西门子】控制板\6RY1803-5LB00</t>
  </si>
  <si>
    <t>【西门子】控制板\6RY1803-5LB20</t>
  </si>
  <si>
    <t>【西门子】控制板\6RY1803-5MB00</t>
  </si>
  <si>
    <t>【西门子】控制板\6RY1803-5MB20</t>
  </si>
  <si>
    <t>【西门子】电源模块\6RY1803-5PB00</t>
  </si>
  <si>
    <t>【西门子】电源模块\6RY1803-5PB01</t>
  </si>
  <si>
    <t>【西门子】电源模块\6RY1803-5PB20</t>
  </si>
  <si>
    <t>【西门子】电源模块\6RY1803-5PB21</t>
  </si>
  <si>
    <t>【西门子】控制板\6RY1803-5PS00</t>
  </si>
  <si>
    <t>【西门子】控制板\6RY1803-5PS20</t>
  </si>
  <si>
    <t>【西门子】控制板\6RY1806-0AB03</t>
  </si>
  <si>
    <t>【西门子】控制板\6RY1806-0AB04</t>
  </si>
  <si>
    <t>【西门子】控制板\6RY1806-0AB05</t>
  </si>
  <si>
    <t>【西门子】控制板\7VV3003-7FA00</t>
  </si>
  <si>
    <t>【西门子】控制板\7VV3003-7FB00</t>
  </si>
  <si>
    <t>【西门子】控制板\7VV3003-7FC00</t>
  </si>
  <si>
    <t>【西门子】控制板\7VV3003-7FD00</t>
  </si>
  <si>
    <t>【西门子】控制板\7VV3003-7FE00</t>
  </si>
  <si>
    <t>【西门子】控制板\7VV3003-7FF00</t>
  </si>
  <si>
    <t>【西门子】控制板\7VV3003-7FG00</t>
  </si>
  <si>
    <t>【西门子】控制板\7VV3003-7VS00</t>
  </si>
  <si>
    <t>【西门子】晶闸管模块\6SY7000-0AG01</t>
  </si>
  <si>
    <t>【西门子】晶闸管模块\6SY7000-0AH53</t>
  </si>
  <si>
    <t>【西门子】晶闸管模块\6SY7000-0AH56</t>
  </si>
  <si>
    <t>【西门子】晶闸管模块\6SY7000-0AH60</t>
  </si>
  <si>
    <t>【西门子】晶闸管模块\6SY7010-0AA04</t>
  </si>
  <si>
    <t>【西门子】晶闸管模块\6SY7010-0AA05</t>
  </si>
  <si>
    <t>【西门子】晶闸管模块\6SY7010-0AA21</t>
  </si>
  <si>
    <t>【西门子】晶闸管模块\6SY7010-0AA22</t>
  </si>
  <si>
    <t>【西门子】晶闸管模块\6SY7010-2AA21</t>
  </si>
  <si>
    <t>【西门子】晶闸管模块\6SY7010-0AA02</t>
  </si>
  <si>
    <t>【西门子】晶闸管模块\6SY7010-0AA32</t>
  </si>
  <si>
    <t>【西门子】晶闸管模块\6SY7000-0AD44</t>
  </si>
  <si>
    <t>【西门子】控制板\6SL3352-3AE35-0AA0</t>
  </si>
  <si>
    <t>【西门子】控制板\6SL3352-3AE33-8AA0</t>
  </si>
  <si>
    <t>【西门子】控制板\6SL3353-3AG33-0BA0</t>
  </si>
  <si>
    <t>【西门子】控制板\6SL3352-3AE32-6AA0</t>
  </si>
  <si>
    <t>【西门子】功率模块\6SL3352-3AE33-1AA0</t>
  </si>
  <si>
    <t>【西门子】功率模块\6SL3352-3AE32-1AA0</t>
  </si>
  <si>
    <t>【西门子】功率模块\6SL3351-3AE32-1AA0</t>
  </si>
  <si>
    <t>【西门子】功率模块\6SL3351-3AE32-6AA0</t>
  </si>
  <si>
    <t>【西门子】功率模块\6SL3351-3AE33-1AA0</t>
  </si>
  <si>
    <t>【西门子】功率模块\6SL3351-6TE32-1AA3</t>
  </si>
  <si>
    <t>【西门子】功率模块\6SL3351-6TE33-1AA3</t>
  </si>
  <si>
    <t>【西门子】功率模块\6SL3352-6TE32-6AA3</t>
  </si>
  <si>
    <t>【西门子】功率模块\6SL3353-3AE32-6AA0</t>
  </si>
  <si>
    <t>【西门子】功率模块\6SL3353-3AE33-8AA0</t>
  </si>
  <si>
    <t>【西门子】功率模块\6SL3353-3AE35-3BA0</t>
  </si>
  <si>
    <t>【西门子】功率模块\6SL3361-3AF02-0AA0</t>
  </si>
  <si>
    <t>【西门子】功率模块\6SL3361-3AG02-0AA0</t>
  </si>
  <si>
    <t>【西门子】功率模块\6SL3351-3AE33-8AA0</t>
  </si>
  <si>
    <t>【西门子】功率模块\6SL3351-3AE35-0AA0</t>
  </si>
  <si>
    <t>【西门子】功率模块\6SL3353-3AE32-1AA0</t>
  </si>
  <si>
    <t>【西门子】功率模块\6SL3353-3AE34-2BA0</t>
  </si>
  <si>
    <t>【西门子】功率模块\6SL3351-6TE35-0AA3</t>
  </si>
  <si>
    <t>【西门子】功率模块\6SL3352-1AE33-1AA1</t>
  </si>
  <si>
    <t>【西门子】功率模块\6SL3352-1AE32-1AA1</t>
  </si>
  <si>
    <t>【西门子】功率模块\6SL3352-1AE32-6AA1</t>
  </si>
  <si>
    <t>【西门子】功率模块\6SL3352-1AE33-8AA1</t>
  </si>
  <si>
    <t>【西门子】功率模块\6SL3352-1AE35-0AA1</t>
  </si>
  <si>
    <t>【西门子】功率模块\6SL3353-1AE34-2DA1</t>
  </si>
  <si>
    <t>【西门子】功率模块\6SL3353-1AE35-3DA1</t>
  </si>
  <si>
    <t>【西门子】功率模块\6SL3353-1AG33-0DA1</t>
  </si>
  <si>
    <t>【西门子】保险丝\6SL3353-7BH31-4AA0</t>
  </si>
  <si>
    <t>【西门子】滤波器\6SL3000-0BE21-6AA0</t>
  </si>
  <si>
    <t>【西门子】滤波器\6SL3000-0BE23-6AA0</t>
  </si>
  <si>
    <t>【西门子】滤波器\6SL3000-0BE25-5AA0</t>
  </si>
  <si>
    <t>【西门子】滤波器\6SL3000-0BE28-0AA0</t>
  </si>
  <si>
    <t>【西门子】滤波器\6SL3000-0BE31-2AA1</t>
  </si>
  <si>
    <t>【西门子】滤波器\6SL3000-0CE21-6AA0</t>
  </si>
  <si>
    <t>【西门子】滤波器\6SL3000-0DE28-0AA0</t>
  </si>
  <si>
    <t>【西门子】控制单元\6SL3040-0JA02-0AA0</t>
  </si>
  <si>
    <t>【西门子】控制单元\6SL3040-0LA01-0AA1</t>
  </si>
  <si>
    <t>【西门子】控制单元\6SL3040-0MA00-0AA1</t>
  </si>
  <si>
    <t>【西门子】端子套件\6SL3064-0AC00-0AA0</t>
  </si>
  <si>
    <t>【西门子】端子套件\6SL3064-2CB00-0AA0</t>
  </si>
  <si>
    <t>【西门子】端子套件\6SL3064-8LA00-0AA0</t>
  </si>
  <si>
    <t>【西门子】端子套件\6SL3064-8MA00-0AA0</t>
  </si>
  <si>
    <t>【西门子】端子套件\6SL3065-2BA00-0AA0</t>
  </si>
  <si>
    <t>【西门子】端子套件\6SL3065-2MB00-0AA1</t>
  </si>
  <si>
    <t>【西门子】端子套件\6SL3065-8AA00-3PA0</t>
  </si>
  <si>
    <t>【西门子】端子套件\6SL3065-8AA00-5CA0</t>
  </si>
  <si>
    <t>【西门子】端子套件\6SL3065-8DE22-0AA1</t>
  </si>
  <si>
    <t>【西门子】功率模块\6SL3120-1TE13-0AA4</t>
  </si>
  <si>
    <t>【西门子】功率模块\6SL3120-1TE15-0AA4</t>
  </si>
  <si>
    <t>【西门子】功率模块\6SL3120-1TE21-0AA4</t>
  </si>
  <si>
    <t>【西门子】功率模块\6SL3120-1TE21-8AA4</t>
  </si>
  <si>
    <t>【西门子】功率模块\6SL3120-1TE23-0AA4</t>
  </si>
  <si>
    <t>【西门子】功率模块\6SL3120-1VE22-4AA0</t>
  </si>
  <si>
    <t>【西门子】功率模块\6SL3120-2TE13-0AA4</t>
  </si>
  <si>
    <t>【西门子】功率模块\6SL3120-2TE15-0AA4</t>
  </si>
  <si>
    <t>【西门子】功率模块\6SL3120-2TE21-0AA4</t>
  </si>
  <si>
    <t>【西门子】功率模块\6SL3120-2TE21-8AA3</t>
  </si>
  <si>
    <t>【西门子】功率模块\6SL3126-1TE13-0AA3</t>
  </si>
  <si>
    <t>【西门子】功率模块\6SL3130-7VE21-6AA0</t>
  </si>
  <si>
    <t>【西门子】变频器风扇\6SL3160-0AH30-0AA0</t>
  </si>
  <si>
    <t>【西门子】变频器风扇\6SL3161-0JP00-0AA0</t>
  </si>
  <si>
    <t>【西门子】变频器风扇\6SL3161-3FP00-0AA0</t>
  </si>
  <si>
    <t>【西门子】变频器风扇\6SL3161-8AP00-0AA0</t>
  </si>
  <si>
    <t>【西门子】变频器风扇\6SL3162-0AB00-0AA0</t>
  </si>
  <si>
    <t>【西门子】变频器风扇\6SL3162-0AB01-1AA0</t>
  </si>
  <si>
    <t>【西门子】变频器风扇\6SL3162-0AD00-0AA1</t>
  </si>
  <si>
    <t>【西门子】变频器风扇\6SL3162-0AF00-0AA1</t>
  </si>
  <si>
    <t>【西门子】变频器风扇\6SL3162-0AH00-0AA1</t>
  </si>
  <si>
    <t>【西门子】变频器风扇\6SL3162-0AM00-0AA0</t>
  </si>
  <si>
    <t>【西门子】控制板\6SL3162-3AB00-0AA1</t>
  </si>
  <si>
    <t>【西门子】控制板\6SL3162-3AD00-0AA1</t>
  </si>
  <si>
    <t>【西门子】控制板\6SL3064-8PA00-0AA0</t>
  </si>
  <si>
    <t>【西门子】控制板\6SL3065-8AA00-5EA0</t>
  </si>
  <si>
    <t>【西门子】控制板\6SL3162-5AA00-0AA0</t>
  </si>
  <si>
    <t>【西门子】控制板\6SL3162-3GF00-0AA0</t>
  </si>
  <si>
    <t>【西门子】控制板\6SL3160-0AE30-0AA0</t>
  </si>
  <si>
    <t>【西门子】控制板\6SL3200-0WT01-0AA0</t>
  </si>
  <si>
    <t>【西门子】控制板\6SL3200-0WT03-0AA0</t>
  </si>
  <si>
    <t>【中铁宝桥（薛家湾站】爆炸硬化锰钢辙叉\1/9\P60\木;交渡\4309mm\专线4196-3</t>
  </si>
  <si>
    <t>中铁宝桥集团有限公司</t>
  </si>
  <si>
    <t>中铁宝桥</t>
  </si>
  <si>
    <t>GNWZBP（TH）ZECG2020-044</t>
  </si>
  <si>
    <t>国家能源e购商城中铁宝桥道岔配件薛家湾站商城铺货长协采购框架合同</t>
  </si>
  <si>
    <t>【中铁宝桥（薛家湾站】爆炸硬化锰钢辙叉\1/9\P50\砼;交渡;钝\4440mm\专线7515-3</t>
  </si>
  <si>
    <t>【中铁宝桥（薛家湾站】爆炸硬化锰钢辙叉\1/9\P50\木;交渡;锐\3108mm\专线7514-3</t>
  </si>
  <si>
    <t>【中铁宝桥（薛家湾站】爆炸硬化锰钢辙叉\1/12\P75\砼;交渡;组合;左开\5992\CB746G</t>
  </si>
  <si>
    <t>【中铁宝桥（薛家湾站】爆炸硬化锰钢辙叉\1/12\P75\砼;交渡;组合;右开\5992\CB746G</t>
  </si>
  <si>
    <t>【中铁宝桥（薛家湾站】爆炸硬化锰钢辙叉\1/12\P60\砼;交渡;钝\4676mm\铁联线024-3</t>
  </si>
  <si>
    <t>【中铁宝桥（薛家湾站】爆炸硬化锰钢辙叉\1/12\P60\木;交渡;钝\5300mm\专线7494-3</t>
  </si>
  <si>
    <t>【中铁宝桥（薛家湾站】尖轨\1/9\P50\木;左直;复交\5256mm\叁标线6017-7</t>
  </si>
  <si>
    <t>【中铁宝桥（薛家湾站】尖轨\1/9\P50\木;左曲;复交\5256mm\叁标线6017-9</t>
  </si>
  <si>
    <t>【中铁宝桥（薛家湾站】尖轨\1/12\P50\木;左直\7450mm\专线6059-7</t>
  </si>
  <si>
    <t>【中铁宝桥（薛家湾站】尖轨\1/12\P50\木;左曲\7450mm\专线6059-7</t>
  </si>
  <si>
    <t>【中铁宝桥（薛家湾站】基本轨\1/12\P50\木;右曲\12500mm\专线4104-5</t>
  </si>
  <si>
    <t>【中铁宝桥（薛家湾站】基本轨\1/12\P43\木;曲\12500mm\TB403-020</t>
  </si>
  <si>
    <t>【中铁宝桥（薛家湾站】护轨\1/9\P60\砼;木\3800mm\专线4196-4;CB506-2</t>
  </si>
  <si>
    <t>【中铁宝桥（薛家湾站】护轨\1/9\P60\交渡\3000mm\CB525-01</t>
  </si>
  <si>
    <t>【中铁宝桥（薛家湾站】护轨\1/9\P50\砼\4600mm\专线(02)4151-Ⅲ-5</t>
  </si>
  <si>
    <t>【中铁宝桥（薛家湾站】护轨\1/9\P50\砼;交渡;钝\3600mm\专线(02)7663-Ⅲ-3</t>
  </si>
  <si>
    <t>【中铁宝桥（薛家湾站】护轨\1/9\P50\砼;交渡;锐\3000mm\CB2260-01</t>
  </si>
  <si>
    <t>【中铁宝桥（薛家湾站】护轨\1/9\P50\砼;交渡;侧\3600mm\CB2213A-02</t>
  </si>
  <si>
    <t>【中铁宝桥（薛家湾站】护轨\1/9\P50\木;交渡\3250mm\专线7513-4;CB218-01</t>
  </si>
  <si>
    <t>【中铁宝桥（薛家湾站】护轨\1/9\P50\木;交渡\3060mm\叁标线7096-4</t>
  </si>
  <si>
    <t>【中铁宝桥（薛家湾站】护轨\1/12\P60\砼\6900mm\铁联线007-6;CB600-02</t>
  </si>
  <si>
    <t>【中铁宝桥（薛家湾站】基本轨\1/18\P60\砼;左直\20392mm\CB2644-01</t>
  </si>
  <si>
    <t>【中铁宝桥（薛家湾站】基本轨\1/18\P60\砼;左曲\20392mm\CB2644-02</t>
  </si>
  <si>
    <t>【中铁宝桥（薛家湾站】尖轨\1/18\P60\砼;左直\19040mm\CB2644-04</t>
  </si>
  <si>
    <t>【中铁宝桥（薛家湾站】尖轨\1/18\P60\砼;左曲\19040mm\CB2644-03</t>
  </si>
  <si>
    <t>【中铁宝桥（薛家湾站】活动心轨\1/12\P50\砼;复交;右\4200mm\CB2269-03</t>
  </si>
  <si>
    <t>【中铁宝桥（薛家湾站】活动心轨\1/12\P50\砼;复交;左\4200mm\CB2269-03</t>
  </si>
  <si>
    <t>【中铁宝桥（薛家湾站】护轨\1/18\P60\砼;直;槽型\8200mm\CB2645-02</t>
  </si>
  <si>
    <t>【中铁宝桥（薛家湾站】护轨\1/18\P60\砼;侧;槽型\8200mm\CB2645-02</t>
  </si>
  <si>
    <t>【中铁宝桥（薛家湾站】锰钢辙叉\1/18\P60\砼;单开\8992mm\CB2645-01</t>
  </si>
  <si>
    <t>【中铁宝桥（薛家湾站】护轨\1/12\P60\砼;直;槽型\6900mm\SC330-203</t>
  </si>
  <si>
    <t>【中铁宝桥（薛家湾站】护轨\1/12\P60\砼;交渡;锐\3330mm\专线SC340-303槽型</t>
  </si>
  <si>
    <t>【中铁宝桥（薛家湾站】基本轨\1/9\P60\砼;右直;复交\7817mm\SC450-103</t>
  </si>
  <si>
    <t>【中铁宝桥（薛家湾站】基本轨\1/9\P60\砼;右直;复交\7787mm\CB2507-01</t>
  </si>
  <si>
    <t>【中铁宝桥（薛家湾站】基本轨\1/9\P60\砼;右曲\15042mm\SC(07)390-102</t>
  </si>
  <si>
    <t>【中铁宝桥（薛家湾站】基本轨\1/9\P60\砼;右曲;交渡\15042mm\SC390-102</t>
  </si>
  <si>
    <t>【中铁宝桥（薛家湾站】基本轨\1/9\P60\砼;右曲;复交\11525mm\CB2507-03</t>
  </si>
  <si>
    <t>【中铁宝桥（薛家湾站】基本轨\1/9\P60\砼;右曲;复交\10249mm\SC450-102</t>
  </si>
  <si>
    <t>【中铁宝桥（薛家湾站】基本轨\1/9\P60\砼;复交\8505mm\CB2508-01</t>
  </si>
  <si>
    <t>【中铁宝桥（薛家湾站】基本轨\1/9\P60\木;右;复交\7682mm\专线6055-4</t>
  </si>
  <si>
    <t>【中铁宝桥（薛家湾站】基本轨\1/9\P50\砼;左直;复交\7785mm\CB2261-01</t>
  </si>
  <si>
    <t>【中铁宝桥（薛家湾站】基本轨\1/9\P50\左曲\11200mm\CB236-02;专线4151-7</t>
  </si>
  <si>
    <t>【中铁宝桥（薛家湾站】基本轨\1/9\P50\砼;左曲;复交\9025mm\CB2261-02</t>
  </si>
  <si>
    <t>【中铁宝桥（薛家湾站】尖轨\1/12\P50\木;砼;右直\11300mm\专线4148-7</t>
  </si>
  <si>
    <t>【中铁宝桥（薛家湾站】尖轨\1/12\P50\木;砼;右曲\11300mm\专线4148-6</t>
  </si>
  <si>
    <t>【中铁宝桥（薛家湾站】基本轨\1/9\P60\砼;左直\11492mm\专线(02)4204-Ⅱ-4</t>
  </si>
  <si>
    <t>【中铁宝桥（薛家湾站】基本轨\1/9\P60\砼;左曲\11492mm\专线(02)4204-Ⅱ-5</t>
  </si>
  <si>
    <t>【中铁宝桥（薛家湾站】基本轨\1/9\P60\砼;右直\11492mm\专线(02)4204-Ⅱ-4</t>
  </si>
  <si>
    <t>【中铁宝桥（薛家湾站】基本轨\1/9\P60\砼;右曲\11492mm\专线(02)4204-Ⅱ-5</t>
  </si>
  <si>
    <t>【中铁宝桥（薛家湾站】基本轨\1/9\P50\砼;左直\11492mm\专线(02)4151-Ⅱ-4</t>
  </si>
  <si>
    <t>【中铁宝桥（薛家湾站】基本轨\1/9\P50\砼;左曲\11492mm\专线(02)4151-Ⅱ-5</t>
  </si>
  <si>
    <t>【中铁宝桥（薛家湾站】基本轨\1/9\P50\砼;右直\11492mm\专线(02)4151-Ⅱ-4</t>
  </si>
  <si>
    <t>【中铁宝桥（薛家湾站】基本轨\1/9\P50\砼;右曲\11492mm\专线(02)4151-Ⅱ-5</t>
  </si>
  <si>
    <t>【中铁宝桥（薛家湾站】基本轨\1/9\P50\木;左直\12500mm\TB404-010</t>
  </si>
  <si>
    <t>【中铁宝桥（薛家湾站】尖轨\1/12\P50\木;右直\7450mm\专线6059-7</t>
  </si>
  <si>
    <t>【中铁宝桥（薛家湾站】尖轨\1/12\P50\木;右曲\7450mm\专线6059-7</t>
  </si>
  <si>
    <t>【中铁宝桥（薛家湾站】基本轨\1/12\P60\木;左直;交渡\15700mm\专线4129-4</t>
  </si>
  <si>
    <t>【中铁宝桥（薛家湾站】基本轨\1/12\P60\木;左直;复交\10879mm\专线6048-4</t>
  </si>
  <si>
    <t>【中铁宝桥（薛家湾站】基本轨\1/12\P60\木;左曲;交渡\15700mm\专线4129-5</t>
  </si>
  <si>
    <t>【中铁宝桥（薛家湾站】基本轨\1/12\P60\木;左曲;复交\10825mm\专线6048-5</t>
  </si>
  <si>
    <t>【中铁宝桥（薛家湾站】基本轨\1/12\P60\木;右直;交渡\15700mm\专线4129-4</t>
  </si>
  <si>
    <t>【中铁宝桥（薛家湾站】基本轨\1/12\P60\木;右直;复交\10879mm\专线6048-4</t>
  </si>
  <si>
    <t>【中铁宝桥（薛家湾站】基本轨\1/12\P60\木;右曲;交渡\15700mm\专线4129-5</t>
  </si>
  <si>
    <t>【中铁宝桥（薛家湾站】基本轨\1/12\P60\木;右曲;复交\17255mm\专线6048-6</t>
  </si>
  <si>
    <t>【中铁宝桥（薛家湾站】基本轨\1/12\P50\木\17310mm\专线6020-4</t>
  </si>
  <si>
    <t>【中铁宝桥（薛家湾站】护轨\1/12\P60\砼\4600mm\专线4130-4;CB502-02</t>
  </si>
  <si>
    <t>【中铁宝桥（薛家湾站】护轨\1/12\P60\木;砼\5100mm\专线4192-4;CB556-02</t>
  </si>
  <si>
    <t>【中铁宝桥（薛家湾站】护轨\1/12\P60\木;侧\5100mm\专线4221-5</t>
  </si>
  <si>
    <t>【中铁宝桥（薛家湾站】护轨\1/12\P50\砼\4500mm\TB411-040</t>
  </si>
  <si>
    <t>【中铁宝桥（薛家湾站】护轨\1/12\P50\木;砼\4600mm\专线4149-4;CB291-01</t>
  </si>
  <si>
    <t>【中铁宝桥（薛家湾站】导轨\1/9\P60\木;复交;左\8647mm\专线6045-6</t>
  </si>
  <si>
    <t>【中铁宝桥（薛家湾站】锰钢辙叉\1/9\P60\砼\4309mm\专线4196-3</t>
  </si>
  <si>
    <t>【中铁宝桥（薛家湾站】锰钢辙叉\1/12\P75\砼;交渡;钝\4676mm\SC443-401</t>
  </si>
  <si>
    <t>【中铁宝桥（薛家湾站】锰钢辙叉\1/12\P50\木\4557mm\TB1165-010</t>
  </si>
  <si>
    <t>【中铁宝桥（薛家湾站】锰钢辙叉\1/12\P43\木\4557mm\TB1163-010</t>
  </si>
  <si>
    <t>【中铁宝桥（薛家湾站】尖轨\1/9\P60\木;左\6450mm\专线4195-6</t>
  </si>
  <si>
    <t>【中铁宝桥（薛家湾站】护轨\1/12\P60\砼;交渡;侧\4600mm\专线SC340-202槽型</t>
  </si>
  <si>
    <t>【中铁宝桥（薛家湾站】护轨\1/12\P60\砼;直\5210mm\专线SC330-204槽型</t>
  </si>
  <si>
    <t>【中铁宝桥（薛家湾站】翼轨\1/18\P75\砼;左\16700mm\SC488-202</t>
  </si>
  <si>
    <t>【中铁宝桥（薛家湾站】翼轨\1/18\P75\砼;右\16700mm\SC488-203</t>
  </si>
  <si>
    <t>【中铁宝桥（薛家湾站】短心轨\1/18\P75\砼;右;可动心\8520mm\SC488-205</t>
  </si>
  <si>
    <t>【中铁宝桥（薛家湾站】尖轨\1/18\P75\砼;右曲\16600mm\SC488-104</t>
  </si>
  <si>
    <t>【中铁宝桥（薛家湾站】尖轨\1/18\P75\砼;右直\16600mm\SC488-105</t>
  </si>
  <si>
    <t>【中铁宝桥（薛家湾站】长心轨\1/18\P75\砼;右;可动心\13576mm\SC488-204</t>
  </si>
  <si>
    <t>【中铁宝桥（薛家湾站】尖轨\1/6\P50\木;右;对称\4500mm\专线5817-4</t>
  </si>
  <si>
    <t>【中铁宝桥（薛家湾站】锰钢辙叉\1/9\P50\砼;复交\4309mm\CB2214-01</t>
  </si>
  <si>
    <t>【中铁宝桥（薛家湾站】活动心轨\1/12\P50\砼;复交;左\4200mm\专线6090-Ⅲ-6</t>
  </si>
  <si>
    <t>【中铁宝桥（薛家湾站】基本轨\1/9\P50\砼;右直;复交\7785mm\CB2261-01</t>
  </si>
  <si>
    <t>【中铁宝桥（薛家湾站】基本轨\1/9\P50\砼;右曲;复交\11525mm\CB2261-03</t>
  </si>
  <si>
    <t>【中铁宝桥（薛家湾站】基本轨\1/9\P50\砼;复交\8505mm\CB2262-01</t>
  </si>
  <si>
    <t>【中铁宝桥（薛家湾站】基本轨\1/9\P50\木;复交\8240mm\专线6055-5</t>
  </si>
  <si>
    <t>【中铁宝桥（薛家湾站】基本轨\1/9\P43\木;右直\12500mm\TB402-010</t>
  </si>
  <si>
    <t>【中铁宝桥（薛家湾站】基本轨\1/18\P60\砼;左直\19192mm\专线4224-5A</t>
  </si>
  <si>
    <t>【中铁宝桥（薛家湾站】基本轨\1/18\P60\砼;左曲\19192mm\专线4224-6A</t>
  </si>
  <si>
    <t>【中铁宝桥（薛家湾站】基本轨\1/12\P75\砼;左直\23400mm\SC381-102</t>
  </si>
  <si>
    <t>【中铁宝桥（薛家湾站】基本轨\1/12\P75\砼;左曲\23400mm\SC381-103</t>
  </si>
  <si>
    <t>【中铁宝桥（薛家湾站】基本轨\1/12\P75\砼;右曲\23400mm\SC381-103</t>
  </si>
  <si>
    <t>【中铁宝桥（薛家湾站】基本轨\1/9\P50\木;左直\11200mm\专线4142-4</t>
  </si>
  <si>
    <t>【中铁宝桥（薛家湾站】基本轨\1/9\P50\木;左曲\12500mm\TB404-020</t>
  </si>
  <si>
    <t>【中铁宝桥（薛家湾站】基本轨\1/9\P50\木;左曲\11200mm\专线4142-5</t>
  </si>
  <si>
    <t>【中铁宝桥（薛家湾站】基本轨\1/9\P50\木;左;复交\7682mm\专线6055-4</t>
  </si>
  <si>
    <t>【中铁宝桥（薛家湾站】基本轨\1/9\P50\木;右直\12500mm\TB404-010</t>
  </si>
  <si>
    <t>【中铁宝桥（薛家湾站】基本轨\1/9\P50\木;右直\11200mm\专线4142-4</t>
  </si>
  <si>
    <t>【中铁宝桥（薛家湾站】基本轨\1/9\P50\木;右曲\12500mm\TB404-020</t>
  </si>
  <si>
    <t>【中铁宝桥（薛家湾站】基本轨\1/9\P50\木;右曲\11200mm\专线4142-5</t>
  </si>
  <si>
    <t>【中铁宝桥（薛家湾站】基本轨\1/9\P50\木;右;复交\7682mm\专线6055-4</t>
  </si>
  <si>
    <t>【中铁宝桥（薛家湾站】基本轨\1/9\P50\木;复交\12500mm\专线6055-6</t>
  </si>
  <si>
    <t>【中铁宝桥（薛家湾站】基本轨\1/9\P43\木;左直\12500mm\TB402-010</t>
  </si>
  <si>
    <t>【中铁宝桥（薛家湾站】基本轨\1/12\P50\木\10879mm\专线6059-4</t>
  </si>
  <si>
    <t>【中铁宝桥（薛家湾站】基本轨\1/12\P50\木\10585mm\专线6060-4</t>
  </si>
  <si>
    <t>【中铁宝桥（薛家湾站】基本轨\1/12\P50\木;左曲\10825mm\专线6059-5</t>
  </si>
  <si>
    <t>【中铁宝桥（薛家湾站】尖轨\1/9\P60\木;右\6450mm\专线4195-6</t>
  </si>
  <si>
    <t>【中铁宝桥（薛家湾站】尖轨\1/9\P43\木;左\6250mm\TB402-030</t>
  </si>
  <si>
    <t>【中铁宝桥（薛家湾站】尖轨\1/12\P75\砼;左直\14211mm\SC381-105</t>
  </si>
  <si>
    <t>【中铁宝桥（薛家湾站】尖轨\1/12\P60\木;砼;左直\11300mm\专线4191-7</t>
  </si>
  <si>
    <t>【中铁宝桥（薛家湾站】尖轨\1/12\P60\木;砼;左曲\11300mm\专线4191-6</t>
  </si>
  <si>
    <t>【中铁宝桥（薛家湾站】尖轨\1/12\P60\木;砼;右直\11300mm\专线4191-7</t>
  </si>
  <si>
    <t>【中铁宝桥（薛家湾站】尖轨\1/12\P60\木;砼;右曲\11300mm\专线4191-6</t>
  </si>
  <si>
    <t>【中铁宝桥（薛家湾站】尖轨\1/12\P50\砼;左;复交\4200mm\CB2269-03</t>
  </si>
  <si>
    <t>【中铁宝桥（薛家湾站】尖轨\1/12\P50\木;左直\7700mm\专线4104-6</t>
  </si>
  <si>
    <t>【中铁宝桥（薛家湾站】尖轨\1/12\P50\木;右直\7700mm\专线4104-6</t>
  </si>
  <si>
    <t>【中铁宝桥（薛家湾站】尖轨\1/12\P43\木;左\7700mm\TB403-030</t>
  </si>
  <si>
    <t>【中铁宝桥（薛家湾站】活动心轨\1/12\P50\砼;复交;右\4200mm\专线6090-Ⅲ-6</t>
  </si>
  <si>
    <t>【中铁宝桥（薛家湾站】护轨总成\1/9\P50\木\11000mm\TB410-050</t>
  </si>
  <si>
    <t>【中铁宝桥（薛家湾站】护轨\1/9\P60\砼;交渡;锐\3600mm\SC392C-201</t>
  </si>
  <si>
    <t>【中铁宝桥（薛家湾站】护轨\1/9\P50\砼;交渡;锐\3000mm\CB2215-02</t>
  </si>
  <si>
    <t>【中铁宝桥（薛家湾站】异型钢轨\75-60kg/m\12.50m\PG4\无孔</t>
  </si>
  <si>
    <t>【中铁宝桥（薛家湾站】护轨\1/9\P50\砼;交渡;侧\3100mm\CB2214-01</t>
  </si>
  <si>
    <t>【中铁宝桥（薛家湾站】护轨\1/6\P50\木\2700mm\专线5818-5</t>
  </si>
  <si>
    <t>【中铁宝桥（薛家湾站】尖轨\1/12\P50\木;复交;左曲\7450mm\专线6059-8</t>
  </si>
  <si>
    <t>【中铁宝桥（薛家湾站】尖轨\1/12\P50\木;复交;右直\7450mm\专线6059-9</t>
  </si>
  <si>
    <t>【中铁宝桥（薛家湾站】尖轨\1/12\P50\木;复交;右曲\7450mm\专线6059-10</t>
  </si>
  <si>
    <t>【中铁宝桥（薛家湾站】导轨\1/9\P50\砼;复交\8647mm\专线(04)6091-III-5</t>
  </si>
  <si>
    <t>【中铁宝桥（薛家湾站】基本轨\1/12\P50\木;右曲\17255mm\专线6059-6</t>
  </si>
  <si>
    <t>【中铁宝桥（薛家湾站】尖轨\1/12\P60\木;左直;复交\7450mm\专线6048-7A</t>
  </si>
  <si>
    <t>【中铁宝桥（薛家湾站】尖轨\1/12\P60\木;左曲;复交\7450mm\专线6048-9A</t>
  </si>
  <si>
    <t>【中铁宝桥（薛家湾站】尖轨\1/12\P60\木;右直;复交\7450mm\专线6048-8A</t>
  </si>
  <si>
    <t>【中铁宝桥（薛家湾站】尖轨\1/12\P60\木;右曲;复交\7450mm\专线6048-10A</t>
  </si>
  <si>
    <t>【中铁宝桥（薛家湾站】伸缩器尖轨\P60;研线TF9912-4;左;1000mm</t>
  </si>
  <si>
    <t>【中铁宝桥（薛家湾站】伸缩器尖轨\P60;研线TF9912-4;右;1000mm</t>
  </si>
  <si>
    <t>【中铁宝桥（薛家湾站】伸缩器基本轨\P60;研线TF9912-3;左;1000mm</t>
  </si>
  <si>
    <t>【中铁宝桥（薛家湾站】伸缩器基本轨\P60;研线TF9912-3;右;1000mm</t>
  </si>
  <si>
    <t>【中铁宝桥（薛家湾站】锰钢辙叉\1/9\P60\木;交渡;锐\3184mm\专线7489-3</t>
  </si>
  <si>
    <t>【中铁宝桥（薛家湾站】锰钢辙叉\1/9\P60\木;交渡;钝\4198mm\专线7490-3</t>
  </si>
  <si>
    <t>【中铁宝桥（薛家湾站】尖轨\1/12\P43\木;右\7700mm\TB403-030</t>
  </si>
  <si>
    <t>【中铁宝桥（薛家湾站】基本轨\1/9\P43\木;右曲\12500mm\TB402-020</t>
  </si>
  <si>
    <t>【中铁宝桥（薛家湾站】基本轨\1/12\P60\木;砼;左直\15700mm\专线4191-4</t>
  </si>
  <si>
    <t>【中铁宝桥（薛家湾站】基本轨\1/12\P60\木;砼;左曲\15700mm\专线4191-5</t>
  </si>
  <si>
    <t>【中铁宝桥（薛家湾站】基本轨\1/12\P60\木;砼;右直\15700mm\专线4191-4</t>
  </si>
  <si>
    <t>【中铁宝桥（薛家湾站】基本轨\1/12\P60\木;砼;右曲\15700mm\专线4191-5</t>
  </si>
  <si>
    <t>【中铁宝桥（薛家湾站】基本轨\1/12\P50\木;左曲\12500mm\专线4145-5</t>
  </si>
  <si>
    <t>【中铁宝桥（薛家湾站】基本轨\1/12\P50\木;右曲\12500mm\专线4145-5</t>
  </si>
  <si>
    <t>【中铁宝桥（薛家湾站】基本轨\1/12\P43\木;直\12500mm\TB403-010</t>
  </si>
  <si>
    <t>【中铁宝桥（薛家湾站】护轨\1/9\P60\木;交渡\3250mm\专线7579-3</t>
  </si>
  <si>
    <t>【中铁宝桥（薛家湾站】护轨\1/9\P50\木;交渡\3900mm\叁标线7095-5</t>
  </si>
  <si>
    <t>【中铁宝桥（薛家湾站】导轨\1/12\P50\木;复交\10572mm\专线6060-6</t>
  </si>
  <si>
    <t>【中铁宝桥（薛家湾站】基本轨\1/9\P50\砼;曲;复交\12520mm\专线6091-Ⅱ-4</t>
  </si>
  <si>
    <t>【中铁宝桥（薛家湾站】基本轨\1/9\P50\砼;左直;复交\7682mm\专线6091-Ⅱ-6</t>
  </si>
  <si>
    <t>【中铁宝桥（薛家湾站】基本轨\1/6\P50\木;左曲;对称\7812mm\专线5817-3</t>
  </si>
  <si>
    <t>【中铁宝桥（薛家湾站】基本轨\1/6\P50\木;右曲;对称\7812mm\专线5817-3</t>
  </si>
  <si>
    <t>【中铁宝桥（薛家湾站】基本轨\1/12\P50\砼;曲;复交\16911mm\专线6090-Ⅱ-5</t>
  </si>
  <si>
    <t>【中铁宝桥（薛家湾站】基本轨\1/12\P50\砼;曲;复交\10811mm\专线6090-Ⅱ-5</t>
  </si>
  <si>
    <t>【中铁宝桥（薛家湾站】V形基本轨\1/9\P50\砼;复交\8666mm\专线(04)6091-Ⅲ-4</t>
  </si>
  <si>
    <t>【中铁宝桥（薛家湾站】V形基本轨\1/12\P50\木;复交\10585mm\专线6060-4</t>
  </si>
  <si>
    <t>【中铁宝桥（薛家湾站】基本轨\1/12\P50\砼;右直\10814mm\专线(04)6090-Ⅱ-4</t>
  </si>
  <si>
    <t>【中铁宝桥（薛家湾站】基本轨\1/12\P50\砼;左直\10814mm\专线(04)6090-Ⅱ-4</t>
  </si>
  <si>
    <t>【中铁宝桥（薛家湾站】锰钢辙叉\1/9\P43\木\3588mm\TB1162-010</t>
  </si>
  <si>
    <t>【中铁宝桥（薛家湾站】锰钢辙叉\1/9\P43\木;交渡;钝\5000mm\叁标线7070-3</t>
  </si>
  <si>
    <t>【中铁宝桥（薛家湾站】锰钢辙叉\1/12\P60\木;交渡;锐\3299mm\专线7564-3</t>
  </si>
  <si>
    <t>【中铁宝桥（薛家湾站】锰钢辙叉\1/12\P60\木;交渡;钝\5300mm\专线7565-3</t>
  </si>
  <si>
    <t>【中铁宝桥（薛家湾站】尖轨\1/9\P60\木;左直;复交\5310mm\专线6044-7A</t>
  </si>
  <si>
    <t>【中铁宝桥（薛家湾站】尖轨\1/9\P60\木;左曲;复交\5310mm\专线6044-9A</t>
  </si>
  <si>
    <t>【中铁宝桥（薛家湾站】护轨\1/9\P50\木;交渡\3050mm\专线7514-4;CB219-01</t>
  </si>
  <si>
    <t>【中铁宝桥（薛家湾站】护轨\1/12\P75\砼;左直;槽形\7800mm\SC381-207B</t>
  </si>
  <si>
    <t>【中铁宝桥（薛家湾站】护轨\1/12\P75\砼;交渡;直;槽形\6900mm\SC443-203</t>
  </si>
  <si>
    <t>【中铁宝桥（薛家湾站】护轨\1/12\P75\砼;交渡;锐\3000mm\SC443-303</t>
  </si>
  <si>
    <t>【中铁宝桥（薛家湾站】护轨\1/12\P75\砼;交渡;侧;槽形\4800mm\SC443-204</t>
  </si>
  <si>
    <t>【中铁宝桥（薛家湾站】护轨\1/12\P60\砼;锐\3000mm\铁联线023-5;CB584-01</t>
  </si>
  <si>
    <t>【中铁宝桥（薛家湾站】护轨\1/12\P60\木;直\6900mm\专线4221-4</t>
  </si>
  <si>
    <t>【中铁宝桥（薛家湾站】等离子尖轨\1/9\P50\砼;左\6450mm\专线(02)4151-Ⅱ-6</t>
  </si>
  <si>
    <t>【中铁宝桥（薛家湾站】等离子尖轨1/9\P60砼;右曲;交渡12400mm\SC(07)390-103</t>
  </si>
  <si>
    <t>【中铁宝桥（薛家湾站】等离子尖轨1/9\P60砼;左曲;交渡12400mm\SC(07)390-103</t>
  </si>
  <si>
    <t>【中铁宝桥（薛家湾站】等离子尖轨\1/12\P60\砼;右曲;交渡\12480mm\SC330-104</t>
  </si>
  <si>
    <t>【中铁宝桥（薛家湾站】基本轨\1/12\P50\砼;复交\16911mm\专线(04)6090-Ⅱ-5</t>
  </si>
  <si>
    <t>【中铁宝桥（薛家湾站】锰钢辙叉\1/12\P60\砼;交渡;锐\3605mm\CB666-01</t>
  </si>
  <si>
    <t>【中铁宝桥（薛家湾站】锰钢辙叉\1/12\P60\砼;交渡;钝\4676mm\CB658-01</t>
  </si>
  <si>
    <t>【中铁宝桥（薛家湾站】护轨\1/9\P50\砼;交渡;直;槽型\3800mm\CB2213A-01</t>
  </si>
  <si>
    <t>【中铁宝桥（薛家湾站】护轨\1/9\P50\砼;交渡;锐;槽型\3000mm\CB2260-01</t>
  </si>
  <si>
    <t>【中铁宝桥（薛家湾站】护轨\1/9\P50\砼;交渡;锐;槽型\3000mm\CB2215-02</t>
  </si>
  <si>
    <t>【中铁宝桥（薛家湾站】护轨\1/9\P50\砼;交渡;侧;槽型\3600mm\CB2213A-02</t>
  </si>
  <si>
    <t>【中铁宝桥（薛家湾站】护轨\1/9\P50\砼;交渡;侧;槽型\3100mm\CB2214-01</t>
  </si>
  <si>
    <t>【中铁宝桥（薛家湾站】护轨\1/12\P60\砼;交渡;直\6900mm\CB645-01</t>
  </si>
  <si>
    <t>【中铁宝桥（薛家湾站】护轨\1/12\P60\砼;交渡;锐\3330mm\CB666-02</t>
  </si>
  <si>
    <t>【中铁宝桥（薛家湾站】护轨\1/12\P60\砼;交渡;侧\4600mm\CB665-01</t>
  </si>
  <si>
    <t>【中铁宝桥（薛家湾站】基本轨\1/12\P60\砼;左直;交渡\15700mm\SC330-102</t>
  </si>
  <si>
    <t>【中铁宝桥（薛家湾站】基本轨\1/12\P60\砼;左曲;交渡\15700mm\SC330-103</t>
  </si>
  <si>
    <t>【中铁宝桥（薛家湾站】基本轨\1/12\P60\砼;左曲;复交\13270mm\SC350-102W</t>
  </si>
  <si>
    <t>【中铁宝桥（薛家湾站】基本轨\1/12\P60\砼;右直;交渡\15700mm\SC330-102</t>
  </si>
  <si>
    <t>【中铁宝桥（薛家湾站】基本轨\1/12\P60\砼;右曲\16792mm\专线4229-6</t>
  </si>
  <si>
    <t>【中铁宝桥（薛家湾站】基本轨\1/12\P60\砼;右曲;交渡\15700mm\SC330-103</t>
  </si>
  <si>
    <t>【中铁宝桥（薛家湾站】基本轨\1/12\P60\砼;右曲;复交\13270mm\SC350-102W</t>
  </si>
  <si>
    <t>【中铁宝桥（薛家湾站】基本轨\1/12\P50\砼\9710mm\CB2269-01</t>
  </si>
  <si>
    <t>【中铁宝桥（薛家湾站】基本轨\1/12\P50\砼;左直\16292mm\专线4258-4</t>
  </si>
  <si>
    <t>【中铁宝桥（薛家湾站】基本轨\1/12\P50\砼;左直\10814mm\CB2268-01</t>
  </si>
  <si>
    <t>【中铁宝桥（薛家湾站】基本轨\1/12\P50\砼;左曲\16292mm\专线4258-5</t>
  </si>
  <si>
    <t>【中铁宝桥（薛家湾站】尖轨\1/9\P60\木;右直;复交\5310mm\专线6044-8A</t>
  </si>
  <si>
    <t>【中铁宝桥（薛家湾站】尖轨\1/9\P60\木;右曲;复交\5310mm\专线6044-10A</t>
  </si>
  <si>
    <t>【中铁宝桥（薛家湾站】尖轨\1/9\P50\木;右直;复交\5256mm\叁标线6017-8</t>
  </si>
  <si>
    <t>【中铁宝桥（薛家湾站】尖轨\1/9\P50\木;右曲;复交\5256mm\叁标线6017-10</t>
  </si>
  <si>
    <t>【中铁宝桥（薛家湾站】尖轨\1/9\P50\木;右\6250mm\专线4146-6</t>
  </si>
  <si>
    <t>【中铁宝桥（薛家湾站】基本轨\1/9\P60\木;左曲;复交\9300mm\专线6044-5</t>
  </si>
  <si>
    <t>【中铁宝桥（薛家湾站】基本轨\1/9\P60\木;左;复交\7682mm\专线6044-4</t>
  </si>
  <si>
    <t>【中铁宝桥（薛家湾站】基本轨\1/9\P60\木;右曲;复交\12500mm\专线6044-6</t>
  </si>
  <si>
    <t>【中铁宝桥（薛家湾站】基本轨\1/9\P60\木;右;复交\7682mm\专线6044-4</t>
  </si>
  <si>
    <t>【中铁宝桥（薛家湾站】基本轨\1/9\P50\木;复交\8285mm\叁标线6017-5</t>
  </si>
  <si>
    <t>【中铁宝桥（薛家湾站】基本轨\1/9\P50\木;复交\7624mm\叁标线6017-4</t>
  </si>
  <si>
    <t>【中铁宝桥（薛家湾站】等离子尖轨\1/12\P60\砼;左曲;交渡\12480mm\SC330-104</t>
  </si>
  <si>
    <t>【中铁宝桥（薛家湾站】基本轨\1/9\P50\砼;右直\11492mm\CB2230-01</t>
  </si>
  <si>
    <t>【中铁宝桥（薛家湾站】基本轨\1/9\P50\砼;右曲\11492mm\CB2230-02</t>
  </si>
  <si>
    <t>【中铁宝桥（薛家湾站】基本轨\1/9\P50\砼;左直\11492mm\CB2230-01</t>
  </si>
  <si>
    <t>【中铁宝桥（薛家湾站】基本轨\1/9\P50\砼;左曲\11492mm\CB2230-02</t>
  </si>
  <si>
    <t>【中铁宝桥（薛家湾站】护轨\1/12\P50\砼;直\6900mm\CB2233-01</t>
  </si>
  <si>
    <t>【中铁宝桥（薛家湾站】护轨\1/12\P50\砼;侧\5100mm\CB2233-02</t>
  </si>
  <si>
    <t>【中铁宝桥（薛家湾站】基本轨\1/12\P50\砼;右直\16292mm\CB2232-01</t>
  </si>
  <si>
    <t>【中铁宝桥（薛家湾站】基本轨\1/12\P50\砼;右曲\16292mm\CB2232-02</t>
  </si>
  <si>
    <t>【中铁宝桥（薛家湾站】尖轨\1/12\P50\砼;右曲\13080mm\CB2232-03</t>
  </si>
  <si>
    <t>【中铁宝桥（薛家湾站】尖轨\1/12\P50\砼;右直\13080mm\CB2232-04</t>
  </si>
  <si>
    <t>【中铁宝桥（薛家湾站】基本轨\1/12\P50\砼;左直\16292mm\CB2232-01</t>
  </si>
  <si>
    <t>【中铁宝桥（薛家湾站】基本轨\1/12\P50\砼;左曲\10845mm\CB2268-02</t>
  </si>
  <si>
    <t>【中铁宝桥（薛家湾站】基本轨\1/12\P50\砼;右直\10814mm\CB2268-01</t>
  </si>
  <si>
    <t>【中铁宝桥（薛家湾站】基本轨\1/12\P50\砼;右曲\16945mm\CB2268-03</t>
  </si>
  <si>
    <t>【中铁宝桥（薛家湾站】基本轨\1/12\P50\砼;右曲\16292mm\专线4258-5</t>
  </si>
  <si>
    <t>【中铁宝桥（薛家湾站】基本轨\1/12\P50\木;砼;左曲\15700mm\专线4148-4</t>
  </si>
  <si>
    <t>【中铁宝桥（薛家湾站】活动心轨\1/9\P60\砼;左;复交\3593mm\CB2508-03</t>
  </si>
  <si>
    <t>【中铁宝桥（薛家湾站】活动心轨\1/9\P60\砼;左;复交\3564mm\SC450-108</t>
  </si>
  <si>
    <t>【中铁宝桥（薛家湾站】活动心轨\1/9\P60\砼;右;复交\3593mm\CB2508-03</t>
  </si>
  <si>
    <t>【中铁宝桥（薛家湾站】活动心轨\1/9\P60\砼;右;复交\3564mm\SC450-108</t>
  </si>
  <si>
    <t>【中铁宝桥（薛家湾站】活动心轨\1/9\P50\砼;左;复交\3593mm\CB2262-03</t>
  </si>
  <si>
    <t>【中铁宝桥（薛家湾站】活动心轨\1/9\P50\砼;右;复交\3593mm\CB2262-03</t>
  </si>
  <si>
    <t>【中铁宝桥（薛家湾站】基本轨\1/9\P50\木;复交\12500mm\叁标线6017-6</t>
  </si>
  <si>
    <t>【中铁宝桥（薛家湾站】活动心轨\1/9\P60\木;左;复交\3700mm\专线6045-5</t>
  </si>
  <si>
    <t>【中铁宝桥（薛家湾站】活动心轨\1/9\P60\木;右;复交\3700mm\专线6045-5</t>
  </si>
  <si>
    <t>【中铁宝桥（薛家湾站】活动心轨\1/9\P50\木;左;复交\3700mm\叁标线6018-6</t>
  </si>
  <si>
    <t>【中铁宝桥（薛家湾站】活动心轨\1/9\P50\木;右;复交\3700mm\叁标线6018-6</t>
  </si>
  <si>
    <t>【中铁宝桥（薛家湾站】活动心轨\1/12\P60\木;左\4200mm\专线6049-5</t>
  </si>
  <si>
    <t>【中铁宝桥（薛家湾站】活动心轨\1/12\P60\木;右\4200mm\专线6049-5</t>
  </si>
  <si>
    <t>【中铁宝桥（薛家湾站】护轨\1/9\P60\木;交渡;直\3800mm\专线4196-4</t>
  </si>
  <si>
    <t>【中铁宝桥（薛家湾站】护轨\1/9\P60\木;交渡;锐\2900mm\专线7580-4</t>
  </si>
  <si>
    <t>【中铁宝桥（薛家湾站】护轨\1/12\P75\砼;交渡;锐\3000mm\SC443-302</t>
  </si>
  <si>
    <t>【中铁宝桥（薛家湾站】护轨\1/12\P60\砼\6900mm\CB566-01</t>
  </si>
  <si>
    <t>【中铁宝桥（薛家湾站】基本轨\1/12\P50\砼;左曲\16292mm\CB2232-02</t>
  </si>
  <si>
    <t>【中铁宝桥（薛家湾站】尖轨\1/12\P50\砼;左曲\13080mm\CB2232-03</t>
  </si>
  <si>
    <t>【中铁宝桥（薛家湾站】尖轨\1/12\P50\砼;左直\13080mm\CB2232-04</t>
  </si>
  <si>
    <t>【中铁宝桥（薛家湾站】锰钢辙叉\1/12\P60\砼\5992mm\CB643-01</t>
  </si>
  <si>
    <t>【中铁宝桥（薛家湾站】护轨\1/12\P60\砼;侧\5210mm\CB645-02</t>
  </si>
  <si>
    <t>【中铁宝桥（薛家湾站】基本轨\1/12\P60\砼;右直\15700mm\CB642-01</t>
  </si>
  <si>
    <t>【中铁宝桥（薛家湾站】基本轨\1/12\P60\砼;右曲\15700mm\CB642-02</t>
  </si>
  <si>
    <t>【中铁宝桥（薛家湾站】尖轨\1/12\P60\砼;右曲\12480mm\CB642-03</t>
  </si>
  <si>
    <t>【中铁宝桥（薛家湾站】尖轨\1/12\P60\砼;右直\12480mm\CB642-04</t>
  </si>
  <si>
    <t>【中铁宝桥（薛家湾站】基本轨\1/12\P60\砼;左直\15700mm\CB642-01</t>
  </si>
  <si>
    <t>【中铁宝桥（薛家湾站】基本轨\1/12\P60\砼;左曲\15700mm\CB642-02</t>
  </si>
  <si>
    <t>【中铁宝桥（薛家湾站】活动心轨\1/12\P60\砼;左\15020mm\SC350-106W</t>
  </si>
  <si>
    <t>【中铁宝桥（薛家湾站】活动心轨\1/12\P60\砼;右\15020mm\SC350-106W</t>
  </si>
  <si>
    <t>【中铁宝桥（薛家湾站】护轨\1/9\P60\砼\3800mm\专线(02)4204-Ⅲ-5</t>
  </si>
  <si>
    <t>【中铁宝桥（薛家湾站】护轨\1/9\P60\砼 侧\3800mm\SC390C-203</t>
  </si>
  <si>
    <t>【中铁宝桥（薛家湾站】护轨\1/9\P50\砼\3600mm\专线(02)4151-Ⅲ-5</t>
  </si>
  <si>
    <t>【中铁宝桥（薛家湾站】护轨\1/9\P50\砼;交渡;直\3600mm\专线(02)7663-Ⅱ-4</t>
  </si>
  <si>
    <t>【中铁宝桥（薛家湾站】护轨\1/9\P50\砼;交渡;锐\3050mm\专线(02)7663-Ⅲ-5</t>
  </si>
  <si>
    <t>【中铁宝桥（薛家湾站】护轨\1/9\P50\砼;交渡;侧\3200mm\专线(02)7663-Ⅱ-5</t>
  </si>
  <si>
    <t>【中铁宝桥（薛家湾站】护轨\1/9\P50\砼;复交\3600mm\CB2263-01</t>
  </si>
  <si>
    <t>【中铁宝桥（薛家湾站】护轨\1/9\P50\砼;复交;槽形\3600mm\CB2273-01</t>
  </si>
  <si>
    <t>【中铁宝桥（薛家湾站】护轨\1/9\P50\木;砼\3600mm\专线4143-5;CB214-02</t>
  </si>
  <si>
    <t>【中铁宝桥（薛家湾站】护轨\1/12\P60\木;锐\3100mm\专线7564-4;CB637-01</t>
  </si>
  <si>
    <t>【中铁宝桥（薛家湾站】护轨\1/12\P60\木;侧\4600mm\专线7499-3;CB508-01</t>
  </si>
  <si>
    <t>【中铁宝桥（薛家湾站】导轨\1/9\P50\木;复交\8755mm\叁标线6018-5</t>
  </si>
  <si>
    <t>【中铁宝桥（薛家湾站】导轨\1/12\P60\木;复交\10572mm\专线6049-6</t>
  </si>
  <si>
    <t>【中铁宝桥（薛家湾站】导轨\1/12\P50\木\8755mm\专线6060-6</t>
  </si>
  <si>
    <t>【中铁宝桥（薛家湾站】导轨\1/12\P50\木\10572mm\专线6060-6</t>
  </si>
  <si>
    <t>【中铁宝桥（薛家湾站】锰钢辙叉\1/6\P50\砼;交渡;锐\3604mm\专线7659-Ⅲ-4</t>
  </si>
  <si>
    <t>【中铁宝桥（薛家湾站】锰钢辙叉\1/6\P50\砼;交渡;钝\4730mm\专线7659-Ⅳ-3</t>
  </si>
  <si>
    <t>【中铁宝桥（薛家湾站】基本轨\1/9\P50\木;左曲;复交\8240mm\专线6055-5</t>
  </si>
  <si>
    <t>【中铁宝桥（薛家湾站】基本轨\1/9\P50\木;右曲;复交\8240mm\专线6055-5</t>
  </si>
  <si>
    <t>【中铁宝桥（薛家湾站】基本轨\1/12\P75\砼 左曲\23400mm\SC381-103</t>
  </si>
  <si>
    <t>【中铁宝桥（薛家湾站】等离子尖轨\1/12\P60\砼;右曲\12400mm\专线4229-7</t>
  </si>
  <si>
    <t>【中铁宝桥（薛家湾站】等离子尖轨\1/12\P60\砼;左曲\12400mm\专线4229-7</t>
  </si>
  <si>
    <t>【中铁宝桥（薛家湾站】等离子尖轨\1/9\P50\砼;右\6450mm\专线(02)4151-Ⅱ-6</t>
  </si>
  <si>
    <t>【中铁宝桥（薛家湾站】翼轨镶嵌式合金钢辙叉1/9\P50\砼\3588mm专线(02)4151-Ⅲ-4</t>
  </si>
  <si>
    <t>【中铁宝桥（薛家湾站】基本轨\1/18\P60\砼;右直\20392mm\CB2644-01</t>
  </si>
  <si>
    <t>【中铁宝桥（薛家湾站】锰钢辙叉\1/18\P60\砼;右开\8992mm\CB2645-01</t>
  </si>
  <si>
    <t>【中铁宝桥（薛家湾站】护轨\1/12\P50\砼;交渡;锐\3330mm\CB2220-02</t>
  </si>
  <si>
    <t>【中铁宝桥（薛家湾站】护轨\1/12\P50\砼;交渡;侧\4500mm\CB2286-01</t>
  </si>
  <si>
    <t>【中铁宝桥（薛家湾站】翼轨镶嵌式合金钢辙叉\1/12\P60\砼\5992mm\专线SC330-202</t>
  </si>
  <si>
    <t>【中铁宝桥（薛家湾站】锰钢辙叉\1/12\P50\砼;交渡;钝\4730mm\CB2288-01</t>
  </si>
  <si>
    <t>【中铁宝桥（薛家湾站】锰钢辙叉\1/12\P50\砼;交渡;锐\3604mm\CB2287-01</t>
  </si>
  <si>
    <t>【中铁宝桥（薛家湾站】尖轨\1/12\P60\砼;左曲\12480mm\CB642-03</t>
  </si>
  <si>
    <t>【中铁宝桥（薛家湾站】尖轨\1/12\P60\砼;左直\12480mm\CB642-04</t>
  </si>
  <si>
    <t>【中铁宝桥（薛家湾站】护轨\1/9\P60\砼;单开;直;槽形\5400mm\SC390C-202</t>
  </si>
  <si>
    <t>【中铁宝桥（薛家湾站】基本轨\1/9\P50\砼;复交\8140mm\专线(04)6091-Ⅱ-5</t>
  </si>
  <si>
    <t>【中铁宝桥（薛家湾站】V形基本轨\1/12\P50\砼\10908mm\专线(04)6090-Ⅲ-4</t>
  </si>
  <si>
    <t>【中铁宝桥（薛家湾站】尖轨\1/12\P50\砼;左直\7040mm\专线(04)6090-Ⅱ-6</t>
  </si>
  <si>
    <t>【中铁宝桥（薛家湾站】V形基本轨\1/12\P60\砼;复交\4820mm\SC350-105W</t>
  </si>
  <si>
    <t>【中铁宝桥（薛家湾站】基本轨\1/12\P60\砼;右曲;复交\13267mm\SC350-102W</t>
  </si>
  <si>
    <t>【中铁宝桥（薛家湾站】导轨\1/12\P50\砼;复交\10894mm\专线(04)6090-Ⅲ-5</t>
  </si>
  <si>
    <t>【中铁宝桥（薛家湾站】基本轨\1/12\P60\砼;左曲;复交\13267mm\SC350-102W</t>
  </si>
  <si>
    <t>【中铁宝桥（薛家湾站】尖轨\1/12\P50\砼;左曲\7040mm\专线(04)6090-Ⅱ-7</t>
  </si>
  <si>
    <t>【中铁宝桥（薛家湾站】护轨\1/9\P50\木 交渡 锐\3050mm\专线7514-4</t>
  </si>
  <si>
    <t>【中铁宝桥（薛家湾站】护轨\1/9\P50\木 复交\3600mm\专线4143-5</t>
  </si>
  <si>
    <t>【中铁宝桥（薛家湾站】护轨\1/12\P60\砼\4800mm\铁联线007-7;CB600-03</t>
  </si>
  <si>
    <t>【中铁宝桥（薛家湾站】护轨\1/12\P60\砼;直\6900mm\专线SC330-203</t>
  </si>
  <si>
    <t>【中铁宝桥（薛家湾站】护轨\1/12\P60\砼;直\6900mm\铁联线007-6</t>
  </si>
  <si>
    <t>【中铁宝桥（薛家湾站】护轨\1/18\P60\砼;侧\6600mm\专线4225A-9</t>
  </si>
  <si>
    <t>【中铁宝桥（薛家湾站】短心轨\1/18\P60\砼;左\8476mm\专线4225A-7</t>
  </si>
  <si>
    <t>【中铁宝桥（薛家湾站】短心轨\1/18\P60\砼;右\8476mm\专线4225A-7</t>
  </si>
  <si>
    <t>【中铁宝桥（薛家湾站】长心轨\1/12\P75\砼;左;可动心\11177mm\SC381-204</t>
  </si>
  <si>
    <t>【中铁宝桥（薛家湾站】翼轨\1/12\P75\砼;左开可动心左\12700mm\SC381-202</t>
  </si>
  <si>
    <t>【中铁宝桥（薛家湾站】翼轨\1/12\P75\砼;左开可动心右\12700mm\SC381-203</t>
  </si>
  <si>
    <t>【中铁宝桥（薛家湾站】基本轨\1/12\P75\砼 左直\23400mm\SC381-102</t>
  </si>
  <si>
    <t>【中铁宝桥（薛家湾站】护轨\1/12\P75\砼;左侧;槽形\6500mm\SC381-207</t>
  </si>
  <si>
    <t>【中铁宝桥（薛家湾站】短心轨\1/12\P75\砼;左;可动心\6633mm\SC381-205</t>
  </si>
  <si>
    <t>【中铁宝桥（薛家湾站】叉跟尖轨\1/12\P75\砼;左;可动心\4530mm\SC381-206</t>
  </si>
  <si>
    <t>【中铁宝桥（薛家湾站】护轨\1/9\P60\砼;交渡;锐;右;槽型\3600mm\CB695-01</t>
  </si>
  <si>
    <t>【中铁宝桥（薛家湾站】护轨\1/9\P60\砼;右;侧\3800mm\SC390C-203</t>
  </si>
  <si>
    <t>【中铁宝桥（薛家湾站】护轨\1/9\P50\砼;交渡;锐;左\3000mm\CB2260-01</t>
  </si>
  <si>
    <t>【中铁宝桥（薛家湾站】护轨\1/9\P50\砼;交渡;锐;右\3000mm\CB2260-01</t>
  </si>
  <si>
    <t>【中铁宝桥（薛家湾站】护轨\1/9\P60\砼;左;侧\3800mm\SC390C-203</t>
  </si>
  <si>
    <t>【中铁宝桥（薛家湾站】护轨\1/12\P75\砼;右;侧;槽形\6500mm\SC381-207</t>
  </si>
  <si>
    <t>【中铁宝桥（薛家湾站】护轨\1/12\P75\砼;右;直;槽形\7800mm\SC381-207B</t>
  </si>
  <si>
    <t>【中铁宝桥（薛家湾站】护轨\1/18\P75\砼;右;侧;槽型\6600mm\SC488-208</t>
  </si>
  <si>
    <t>【中铁宝桥（薛家湾站】护轨\1/18\P75\砼;右;直;槽型\7600mm\SC488-207</t>
  </si>
  <si>
    <t>【中铁宝桥（薛家湾站】护轨\1/9\P60\砼;B型ZH;直;\3800mm\CB2518A-01</t>
  </si>
  <si>
    <t>【中铁宝桥（薛家湾站】护轨\1/9\P60\砼;B型ZH;侧\3330mm\CB2518A-02</t>
  </si>
  <si>
    <t>【中铁宝桥（薛家湾站】护轨\1/9\P60\砼;交渡;B型;直\4000mm\SC460-202ZH</t>
  </si>
  <si>
    <t>【中铁宝桥（薛家湾站】尖轨\1/12\P50\砼;右曲\7040mm\专线(04)6090-Ⅱ-7</t>
  </si>
  <si>
    <t>【中铁宝桥（薛家湾站】尖轨\1/12\P50\砼;右直\7040mm\专线(04)6090-Ⅱ-6</t>
  </si>
  <si>
    <t>【中铁宝桥（薛家湾站】基本轨\1/9\P50\砼;右直\8140mm\专线(04)6091-Ⅱ-5</t>
  </si>
  <si>
    <t>【中铁宝桥（薛家湾站】基本轨\1/9\P50\砼;右直\7682mm\专线(04)6091-Ⅱ-6</t>
  </si>
  <si>
    <t>【中铁宝桥（薛家湾站】基本轨\1/9\P50\砼;左直\12520mm\专线(04)6091-Ⅱ-4</t>
  </si>
  <si>
    <t>【中铁宝桥（薛家湾站】尖轨\1/9\P50\砼;左曲\5310mm\专线(04)6091-Ⅱ-8</t>
  </si>
  <si>
    <t>【中铁宝桥（薛家湾站】尖轨\1/9\P50\砼;左直\5310mm\专线(04)6091-Ⅱ-7</t>
  </si>
  <si>
    <t>【中铁宝桥（薛家湾站】尖轨\1/9\P50\砼;右曲\5310mm\专线(04)6091-Ⅱ-10</t>
  </si>
  <si>
    <t>【中铁宝桥（薛家湾站】尖轨\1/9\P50\砼;右直\5310mm\专线(04)6091-Ⅱ-9</t>
  </si>
  <si>
    <t>【中铁宝桥（薛家湾站】基本轨\1/9\P50\砼;左开\7682mm\专线(04)6091-Ⅱ-6</t>
  </si>
  <si>
    <t>【中铁宝桥（薛家湾站】基本轨\1/9\P50\砼;左开\8140mm\专线(04)6091-Ⅱ-5</t>
  </si>
  <si>
    <t>【中铁宝桥（薛家湾站】护轨\1/12\P60\砼;交渡;直\6900mm\SC330-203</t>
  </si>
  <si>
    <t>【中铁宝桥（薛家湾站】护轨\1/12\P60\砼;交渡;锐\3330mm\SC340-303</t>
  </si>
  <si>
    <t>【中铁宝桥（薛家湾站】护轨\1/12\P60\砼;交渡;侧\4600mm\SC340-202</t>
  </si>
  <si>
    <t>【中铁宝桥（薛家湾站】护轨\1/12\P60\砼;复交;槽形\6900mm\SC350-202</t>
  </si>
  <si>
    <t>【中铁宝桥（薛家湾站】护轨\1/12\P50\砼\6900mm\专线4259-5</t>
  </si>
  <si>
    <t>【中铁宝桥（薛家湾站】护轨\1/12\P50\砼\5100mm\专线4259-6</t>
  </si>
  <si>
    <t>【中铁宝桥（薛家湾站】护轨\1/12\P50\砼;复交\5400mm\CB2270-01</t>
  </si>
  <si>
    <t>【中铁宝桥（薛家湾站】护轨\1/12\P50\砼 直\4600mm\专线4149-4</t>
  </si>
  <si>
    <t>【中铁宝桥（薛家湾站】护轨\1/12\P50\木 直\4500mm\TB411-050</t>
  </si>
  <si>
    <t>【中铁宝桥（薛家湾站】合金钢辙叉\1/12\P60\砼\5992mm\专线4230-4</t>
  </si>
  <si>
    <t>【中铁宝桥（薛家湾站】导轨\1/9\P60\砼;复交\8496mm\CB2508-02</t>
  </si>
  <si>
    <t>【中铁宝桥（薛家湾站】护轨\1/9\P60\砼;交渡;锐;左;槽型\3600mm\CB695-01</t>
  </si>
  <si>
    <t>【中铁宝桥（薛家湾站】合金钢辙叉\1/12\P60\砼;右\9992mm\专线4228</t>
  </si>
  <si>
    <t>【中铁宝桥（薛家湾站】合金钢辙叉\1/12\P60\砼;左\9992mm\专线4228</t>
  </si>
  <si>
    <t>【中铁宝桥（薛家湾站】合金钢辙叉\1/12\P75\砼\9992mm\SC443</t>
  </si>
  <si>
    <t>【中铁宝桥（薛家湾站】加长嵌入式钢锰辙叉\1/12\P75\砼;组合;左\9992mm\SC443</t>
  </si>
  <si>
    <t>【中铁宝桥（薛家湾站】加长嵌入式钢锰辙叉\1/12\P75\砼;组合;右\9992mm\SC443</t>
  </si>
  <si>
    <t>【中铁宝桥（薛家湾站】PG4钢尖轨\1/12\P75\砼;左直\14211mm\CB731G-04</t>
  </si>
  <si>
    <t>【中铁宝桥（薛家湾站】PG4钢基本轨\1/12\P75\砼;右直\23400mm\CB731G-01</t>
  </si>
  <si>
    <t>【中铁宝桥（薛家湾站】PG4钢基本轨\1/12\P75\砼;右曲\23400mm\CB731G-02</t>
  </si>
  <si>
    <t>【中铁宝桥（薛家湾站】PG4钢基本轨\1/12\P75\砼;左曲\23400mm\CB731G-02</t>
  </si>
  <si>
    <t>【中铁宝桥（薛家湾站】PG4钢尖轨\1/12\P75\砼;右曲\14211mm\CB731G-03</t>
  </si>
  <si>
    <t>【中铁宝桥（薛家湾站】护轨\1/9\P60\砼;交渡;A型;直\4000mm\SC460-202ZH</t>
  </si>
  <si>
    <t>【中铁宝桥（薛家湾站】护轨\1/9\P60\砼;交渡\3600mm\CB695-01</t>
  </si>
  <si>
    <t>【中铁宝桥（薛家湾站】活动心轨\1/9\P50\砼;右\3700mm\专线(04)6091-Ⅲ-6</t>
  </si>
  <si>
    <t>【中铁宝桥（薛家湾站】活动心轨\1/9\P50\砼;左\3700mm\专线(04)6091-Ⅲ-6</t>
  </si>
  <si>
    <t>【中铁宝桥（薛家湾站】爆炸硬化锰钢辙叉\1/9\P50\木;交渡\3588mm\专线4143-4</t>
  </si>
  <si>
    <t>【中铁宝桥（薛家湾站】基本轨\1/9\P50\砼;右曲\11200mm\专线4151</t>
  </si>
  <si>
    <t>【中铁宝桥（薛家湾站】基本轨\1/9\P50\砼;右直\11200mm\专线4151</t>
  </si>
  <si>
    <t>【中铁宝桥（薛家湾站】基本轨\1/9\P50\砼;左直\11200mm\专线4151</t>
  </si>
  <si>
    <t>【中铁宝桥（薛家湾站】护轨\1/12\P50\砼;复交\5100mm\专线(04)6090-Ⅳ-4</t>
  </si>
  <si>
    <t>【中铁宝桥（薛家湾站】导轨\1/12\P60\砼\7736mm\TB/T2341.3</t>
  </si>
  <si>
    <t>【中铁宝桥（薛家湾站】导轨\1/12\P60\砼\7730mm\TB/T2341.3</t>
  </si>
  <si>
    <t>【中铁宝桥（薛家湾站】活动心轨\1/12\P60\砼;复交 左\15020mm\SC350-106</t>
  </si>
  <si>
    <t>【中铁宝桥（薛家湾站】活动心轨\1/12\P60\砼;复交 右\15020mm\SC350-106</t>
  </si>
  <si>
    <t>【中铁宝桥（薛家湾站】导轨\1/9\P60\砼 复交\8437mm\SC450-107</t>
  </si>
  <si>
    <t>【中铁宝桥（薛家湾站】导轨\1/9\P50\砼;复交\8496mm\CB2262-02</t>
  </si>
  <si>
    <t>【中铁宝桥（薛家湾站】导轨\1/9\P50\复交\8647mm\专线6056-6</t>
  </si>
  <si>
    <t>【中铁宝桥（薛家湾站】基本轨\1/9\P43\木;左曲\12500mm\TB402-020</t>
  </si>
  <si>
    <t>【中铁宝桥（薛家湾站】基本轨\1/18\P60\砼;右直\19192mm\专线4224-5A</t>
  </si>
  <si>
    <t>【中铁宝桥（薛家湾站】基本轨\1/18\P60\砼;右曲\19192mm\专线4224-6A</t>
  </si>
  <si>
    <t>【中铁宝桥（薛家湾站】基本轨\1/12\P75\砼 右直\23400mm\SC381-102</t>
  </si>
  <si>
    <t>【中铁宝桥（薛家湾站】基本轨\1/12\P60\砼;左直\16792mm\专线4229-5</t>
  </si>
  <si>
    <t>【中铁宝桥（薛家湾站】基本轨\1/12\P60\砼;左曲\16792mm\专线4229-6</t>
  </si>
  <si>
    <t>【中铁宝桥（薛家湾站】基本轨\1/12\P60\砼;右直\16792mm\专线4229-5</t>
  </si>
  <si>
    <t>【中铁宝桥（薛家湾站】基本轨\1/12\P50\砼;右直\16292mm\专线4258-4</t>
  </si>
  <si>
    <t>【中铁宝桥（薛家湾站】PG4钢尖轨\1/12\P75\砼;左曲\14211mm\CB731G-03</t>
  </si>
  <si>
    <t>【中铁宝桥（薛家湾站】PG4钢尖轨\1/12\P75\砼;右直\14211mm\CB731G-04</t>
  </si>
  <si>
    <t>【中铁宝桥（薛家湾站】PG4钢基本轨\1/12\P75\砼;左直\23400mm\CB731G-01</t>
  </si>
  <si>
    <t>【中铁宝桥（薛家湾站】爆炸硬化锰钢辙叉\1/12\P75\砼;组合;左开\5992mm\CB734G</t>
  </si>
  <si>
    <t>【中铁宝桥（薛家湾站】爆炸硬化锰钢辙叉\1/12\P75\砼;组合;右开\5992mm\CB734G</t>
  </si>
  <si>
    <t>【中铁宝桥（薛家湾站】活动心轨\1/12\P60\砼;右;复交\15174mm\SC350-106WA</t>
  </si>
  <si>
    <t>【中铁宝桥（薛家湾站】活动心轨\1/12\P60\砼;左;复交\15174mm\SC350-106WA</t>
  </si>
  <si>
    <t>【中铁宝桥（薛家湾站】护轨\1/12\P60\砼;直;复交\5700mm\SC583-202ZH</t>
  </si>
  <si>
    <t>【中铁宝桥（薛家湾站】爆炸硬化锰钢辙叉\1/12\P75\砼;交渡\5992mm\SC443-202</t>
  </si>
  <si>
    <t>【中铁宝桥（薛家湾站】尖轨\1/12\P60\砼;左直\12400mm\专线4229-8W</t>
  </si>
  <si>
    <t>【中铁宝桥（薛家湾站】尖轨\1/12\P60\砼;左曲\12400mm\专线4229-7W</t>
  </si>
  <si>
    <t>【中铁宝桥（薛家湾站】护轨\1/9\P60\砼;交渡\2900mm\CB697-01</t>
  </si>
  <si>
    <t>【中铁宝桥（薛家湾站】辙叉\1/9\P60\砼;交渡;左\4311mm\CB685-01</t>
  </si>
  <si>
    <t>【中铁宝桥（薛家湾站】护轨\1/9\P60\砼;交渡;B型;侧;槽形\3330mm\CB691-01</t>
  </si>
  <si>
    <t>【中铁宝桥（薛家湾站】护轨\1/9\P60\砼;交渡;A型;侧;槽形\3330mm\CB691-01</t>
  </si>
  <si>
    <t>【中铁宝桥（薛家湾站】护轨\1/9\P60\砼;交渡;右;侧\3800mm\CB685A-03</t>
  </si>
  <si>
    <t>【中铁宝桥（薛家湾站】护轨\1/9\P60\砼;交渡;锐;左;槽形\3000mm\SC391C-202</t>
  </si>
  <si>
    <t>【中铁宝桥（薛家湾站】锰钢辙叉\1/9\P60\砼;交渡;钝\4954mm\CB693-01</t>
  </si>
  <si>
    <t>【中铁宝桥（薛家湾站】锰钢辙叉\1/9\P60\砼;交渡;锐\3687mm\CB692-01</t>
  </si>
  <si>
    <t>【中铁宝桥（薛家湾站】锰钢辙叉\1/9\P60\砼;交渡;右\4311mm\CB685-01</t>
  </si>
  <si>
    <t>【中铁宝桥（薛家湾站】护轨\1/9\P60\砼;交渡;左;侧\3800mm\CB685A-03</t>
  </si>
  <si>
    <t>【中铁宝桥（薛家湾站】护轨\1/9\P60\砼;交渡;锐;右\3000mm\CB692-02</t>
  </si>
  <si>
    <t>【中铁宝桥（薛家湾站】锰钢辙叉\1/9\P50\砼;交渡\3592mm\CB319-01</t>
  </si>
  <si>
    <t>【中铁宝桥（薛家湾站】锰钢辙叉\1/9\P50\砼;交渡\3588mm\专线(02)4151-Ⅲ-4</t>
  </si>
  <si>
    <t>【中铁宝桥（薛家湾站】锰钢辙叉\1/9\P50\砼;交渡;锐\3811mm\CB2215-01</t>
  </si>
  <si>
    <t>【中铁宝桥（薛家湾站】锰钢辙叉\1/9\P50\砼;交渡;锐\3108mm\专(02)7663-Ⅲ-2</t>
  </si>
  <si>
    <t>【中铁宝桥（薛家湾站】锰钢辙叉\1/9\P50\砼;交渡;钝\4954mm\CB2216-01</t>
  </si>
  <si>
    <t>【中铁宝桥（薛家湾站】锰钢辙叉\1/9\P50\砼;交渡;钝\4440mm\专(02)7663-Ⅳ-2</t>
  </si>
  <si>
    <t>【中铁宝桥（薛家湾站】锰钢辙叉\1/9\P50\木\3588mm\TB1164-010</t>
  </si>
  <si>
    <t>【中铁宝桥（薛家湾站】锰钢辙叉\1/9\P50\木;交渡;锐\3108mm\叁标线7096-3</t>
  </si>
  <si>
    <t>【中铁宝桥（薛家湾站】锰钢辙叉\1/12\P60\砼;交渡\5992mm\SC330-202</t>
  </si>
  <si>
    <t>【中铁宝桥（薛家湾站】锰钢辙叉\1/12\P60\砼;交渡;锐\3605mm\SC340-302</t>
  </si>
  <si>
    <t>【中铁宝桥（薛家湾站】锰钢辙叉\1/12\P60\砼;交渡;锐\3582mm\专线7652-4</t>
  </si>
  <si>
    <t>【中铁宝桥（薛家湾站】导轨\1/12\P60\砼;复交;曲\9772mm\SC350-107</t>
  </si>
  <si>
    <t>【中铁宝桥（薛家湾站】导轨\1/12\P50\砼;左\9692mm\CB2269-02</t>
  </si>
  <si>
    <t>【中铁宝桥（薛家湾站】V形基本轨\1/9\P60\砼;复交;钝\8456mm\SC450-106</t>
  </si>
  <si>
    <t>【中铁宝桥（薛家湾站】V形基本轨\1/12\P60\砼;复交\4832mm\SC350-105W</t>
  </si>
  <si>
    <t>【中铁宝桥（薛家湾站】长心轨\1/12\P75\砼;右;可动心\11177mm\SC381-204</t>
  </si>
  <si>
    <t>【中铁宝桥（薛家湾站】翼轨\1/12\P75\砼;右开可动心左\12700mm\SC381-202</t>
  </si>
  <si>
    <t>【中铁宝桥（薛家湾站】翼轨\1/12\P75\砼;右开可动心右\12700mm\SC381-203</t>
  </si>
  <si>
    <t>【中铁宝桥（薛家湾站】基本轨\1/12\P50\木;左直\12500mm\TB405-010</t>
  </si>
  <si>
    <t>【中铁宝桥（薛家湾站】基本轨\1/12\P50\木;左曲\12500mm\TB405-020</t>
  </si>
  <si>
    <t>【中铁宝桥（薛家湾站】基本轨\1/12\P50\木;右直\12500mm\TB405-010</t>
  </si>
  <si>
    <t>【中铁宝桥（薛家湾站】基本轨\1/12\P50\木;右曲\12500mm\TB405-020</t>
  </si>
  <si>
    <t>【中铁宝桥（薛家湾站】基本轨\1/12\P50\木;砼;左直\15700mm\专线4148-4</t>
  </si>
  <si>
    <t>【中铁宝桥（薛家湾站】基本轨\1/12\P50\木;砼;左曲\15700mm\专线4148-5</t>
  </si>
  <si>
    <t>【中铁宝桥（薛家湾站】基本轨\1/12\P50\木;砼;右直\15700mm\专线4148-4</t>
  </si>
  <si>
    <t>【中铁宝桥（薛家湾站】基本轨\1/12\P50\木;砼;右曲\15700mm\专线4148-5</t>
  </si>
  <si>
    <t>【中铁宝桥（薛家湾站】活动心轨\1/9\P50\木;左;复交\3700mm\专线6056-5</t>
  </si>
  <si>
    <t>【中铁宝桥（薛家湾站】活动心轨\1/9\P50\木;右;复交\3700mm\专线6056-5</t>
  </si>
  <si>
    <t>【中铁宝桥（薛家湾站】护轨\1/9\P60\砼;交渡;直;槽形\5400mm\SC391C-101</t>
  </si>
  <si>
    <t>【中铁宝桥（薛家湾站】尖轨\1/12\P60\砼;右直\12400mm\专线4229-8W</t>
  </si>
  <si>
    <t>【中铁宝桥（薛家湾站】尖轨\1/12\P60\砼;右曲\12400mm\专线4229-7W</t>
  </si>
  <si>
    <t>【中铁宝桥（薛家湾站】基本轨\1/12\P60\砼;左直\16792mm\专线4229-5W</t>
  </si>
  <si>
    <t>【中铁宝桥（薛家湾站】基本轨\1/12\P60\砼;左曲\16792mm\专线4229-6W</t>
  </si>
  <si>
    <t>【中铁宝桥（薛家湾站】基本轨\1/12\P60\砼;右直\16792mm\专线4229-5W</t>
  </si>
  <si>
    <t>【中铁宝桥（薛家湾站】基本轨\1/12\P60\砼;右曲\16792mm\专线4229-6W</t>
  </si>
  <si>
    <t>【中铁宝桥（薛家湾站】护轨\1/9\P43\木;直\3900mm\TB408-050</t>
  </si>
  <si>
    <t>【中铁宝桥（薛家湾站】温调尖轨\P60\P60\砼;左侧\10000mm\研线TF9913-3</t>
  </si>
  <si>
    <t>【中铁宝桥（薛家湾站】温调尖轨\P60\P60\砼;右侧\10000mm\研线TF9913-3</t>
  </si>
  <si>
    <t>【中铁宝桥（薛家湾站】迎轮护轨\1/12\P75\AT\2446mm\SC381-106</t>
  </si>
  <si>
    <t>【中铁宝桥（薛家湾站】锰钢辙叉\1/9\P50\砼\4313mm\CB2214-01(修)</t>
  </si>
  <si>
    <t>【中铁宝桥（薛家湾站】护轨\1/9\P60\砼;交渡;锐;左\3000mm\CB692-02</t>
  </si>
  <si>
    <t>【中铁宝桥（薛家湾站】护轨\1/9\P60\砼;交渡;右直\5400mm\CB685A-02</t>
  </si>
  <si>
    <t>【中铁宝桥（薛家湾站】护轨\1/9\P60\砼;交渡;锐;右;槽形\3000mm\SC391C-202</t>
  </si>
  <si>
    <t>【中铁宝桥（薛家湾站】锰钢辙叉\1/12\P60\砼;交渡;钝\4676mm\专线7653-3</t>
  </si>
  <si>
    <t>【中铁宝桥（薛家湾站】锰钢辙叉\1/12\P60\砼;交渡;钝\4676mm\SC340-401</t>
  </si>
  <si>
    <t>【中铁宝桥（薛家湾站】锰钢辙叉\1/12\P50\砼;复交\5992mm\CB2218-01</t>
  </si>
  <si>
    <t>【中铁宝桥（薛家湾站】尖轨\1/9\P60\砼;左直;交渡\12400mm\SC390-104</t>
  </si>
  <si>
    <t>【中铁宝桥（薛家湾站】尖轨\1/9\P60\砼;左直;交渡\12400mm\SC(07)390-104</t>
  </si>
  <si>
    <t>【中铁宝桥（薛家湾站】尖轨\1/9\P60\砼;左直;复交\5280mm\CB2507-04</t>
  </si>
  <si>
    <t>【中铁宝桥（薛家湾站】尖轨\1/9\P60\砼;左直;复交\5230mm\SC450-104</t>
  </si>
  <si>
    <t>【中铁宝桥（薛家湾站】尖轨\1/9\P60\砼;左曲;交渡\12400mm\SC390-103</t>
  </si>
  <si>
    <t>【中铁宝桥（薛家湾站】尖轨\1/9\P60\砼;左曲;交渡\12400mm\SC(07)390-103</t>
  </si>
  <si>
    <t>【中铁宝桥（薛家湾站】尖轨\1/9\P60\砼;左曲;复交\5280mm\CB2507-06</t>
  </si>
  <si>
    <t>【中铁宝桥（薛家湾站】尖轨\1/9\P60\砼;左曲;复交\5230mm\SC450-105</t>
  </si>
  <si>
    <t>【中铁宝桥（薛家湾站】护轨\1/9\P60\砼;交渡;锐;槽形\3000mm\SC391C-202</t>
  </si>
  <si>
    <t>【中铁宝桥（薛家湾站】护轨\1/9\P60\砼;交渡;侧;槽形\3330mm\SC391C-102</t>
  </si>
  <si>
    <t>【中铁宝桥（薛家湾站】护轨\1/9\P60\砼;复交\4000mm\SC450-202</t>
  </si>
  <si>
    <t>【中铁宝桥（薛家湾站】护轨\1/9\P50\木;直\3900mm\TB410-050</t>
  </si>
  <si>
    <t>【中铁宝桥（薛家湾站】护轨\1/9\P50\木 交渡\3250mm\专线7513-4</t>
  </si>
  <si>
    <t>【中铁宝桥（薛家湾站】护轨\1/12\P60\砼;交渡;锐\3000mm\铁联线023-5</t>
  </si>
  <si>
    <t>【中铁宝桥（薛家湾站】护轨\1/12\P60\砼;交渡;侧\5210mm\SC330-204</t>
  </si>
  <si>
    <t>【中铁宝桥（薛家湾站】护轨\1/12\P60\砼;侧\4800mm\铁联线007-7</t>
  </si>
  <si>
    <t>【中铁宝桥（薛家湾站】短心轨\1/12\P75\砼;右;可动心\6633mm\SC381-205</t>
  </si>
  <si>
    <t>【中铁宝桥（薛家湾站】叉跟尖轨\1/12\P75\砼;右;可动心\4530mm\SC381-206</t>
  </si>
  <si>
    <t>【中铁宝桥（薛家湾站】V形基本轨\1/9\P50\木;复交\8666mm\专线6056-4</t>
  </si>
  <si>
    <t>【中铁宝桥（薛家湾站】锰钢辙叉\1/9\P50\砼\3588mm\专线(02)4151-Ⅲ-2</t>
  </si>
  <si>
    <t>【中铁宝桥（薛家湾站】锰钢辙叉\1/9\P50\木;交渡;钝\4440mm\叁标线7097-3</t>
  </si>
  <si>
    <t>【中铁宝桥（薛家湾站】锰钢辙叉\1/12\P75\砼;交渡\5992mm\SC443-202</t>
  </si>
  <si>
    <t>【中铁宝桥（薛家湾站】锰钢辙叉\1/12\P75\砼;交渡;锐\2995mm\SC443-302</t>
  </si>
  <si>
    <t>【中铁宝桥（薛家湾站】锰钢辙叉\1/12\P60\砼\5927mm\专线4192-3</t>
  </si>
  <si>
    <t>【中铁宝桥（薛家湾站】锰钢辙叉\1/12\P60\木\5927mm\专线4192-3</t>
  </si>
  <si>
    <t>【中铁宝桥（薛家湾站】锰钢辙叉\1/12\P50\砼\4557mm\叁标线3127-16</t>
  </si>
  <si>
    <t>【中铁宝桥（薛家湾站】锰钢辙叉\1/12\P50\木\4557mm\专线4146-4</t>
  </si>
  <si>
    <t>【中铁宝桥（薛家湾站】锰钢辙叉\1/12\P50\木;交渡;锐\3153mm\叁标线7409-3</t>
  </si>
  <si>
    <t>【中铁宝桥（薛家湾站】锰钢辙叉\1/12\P50\木;交渡;钝\5190mm\叁标线7410-3</t>
  </si>
  <si>
    <t>【中铁宝桥（薛家湾站】尖轨\1/9\P60\砼;右直;交渡\12400mm\SC390-104</t>
  </si>
  <si>
    <t>【中铁宝桥（薛家湾站】尖轨\1/9\P60\砼;右直;交渡\12400mm\SC(07)390-104</t>
  </si>
  <si>
    <t>【中铁宝桥（薛家湾站】尖轨\1/9\P60\砼;右直;复交\5280mm\CB2507-05</t>
  </si>
  <si>
    <t>【中铁宝桥（薛家湾站】尖轨\1/9\P60\砼;右直;复交\5230mm\SC450-104</t>
  </si>
  <si>
    <t>【中铁宝桥（薛家湾站】尖轨\1/9\P60\砼;右曲;交渡\12400mm\SC390-103</t>
  </si>
  <si>
    <t>【中铁宝桥（薛家湾站】尖轨\1/9\P60\砼;右曲;交渡\12400mm\SC(07)390-103</t>
  </si>
  <si>
    <t>【中铁宝桥（薛家湾站】尖轨\1/9\P60\砼;右曲;复交\5280mm\CB2507-07</t>
  </si>
  <si>
    <t>【中铁宝桥（薛家湾站】尖轨\1/9\P60\砼;右曲;复交\5230mm\SC450-105</t>
  </si>
  <si>
    <t>【中铁宝桥（薛家湾站】尖轨\1/9\P50\砼;左直;复交\5280mm\CB2261-04</t>
  </si>
  <si>
    <t>【中铁宝桥（薛家湾站】尖轨\1/9\P50\砼;左曲;复交\5280mm\CB2261-06</t>
  </si>
  <si>
    <t>【中铁宝桥（薛家湾站】尖轨\1/9\P50\砼;右直;复交\5280mm\CB2261-05</t>
  </si>
  <si>
    <t>【中铁宝桥（薛家湾站】胶接钢轨\60kg/m\16.00m\U75V\无孔</t>
  </si>
  <si>
    <t>【中铁宝桥（薛家湾站】胶接钢轨\60kg/m\12.50m\U75V\无孔</t>
  </si>
  <si>
    <t>【中铁宝桥（薛家湾站】胶接钢轨\75kg/m\8.00m\U75V\无孔</t>
  </si>
  <si>
    <t>【中铁宝桥（薛家湾站】胶接钢轨\75kg/m\10.00m\U75V\无孔</t>
  </si>
  <si>
    <t>【中铁宝桥（薛家湾站】胶接钢轨\60kg/m\12.50m\U76CrRe\无孔</t>
  </si>
  <si>
    <t>【中铁宝桥（薛家湾站】胶接钢轨\75kg/m\25.00m\U75V\无孔</t>
  </si>
  <si>
    <t>【中铁宝桥（薛家湾站】胶接钢轨\75kg/m\12.50m\U75V\有孔</t>
  </si>
  <si>
    <t>【中铁宝桥（薛家湾站】胶接钢轨\60kg/m\8.00m\U71Mn\无孔</t>
  </si>
  <si>
    <t>【中铁宝桥（薛家湾站】胶接钢轨\60kg/m\25.00m\U75V\无孔</t>
  </si>
  <si>
    <t>【中铁宝桥（薛家湾站】锰钢辙叉\1/12\P43\木;交渡;锐\3108mm\叁标线7070-3</t>
  </si>
  <si>
    <t>【中铁宝桥（薛家湾站】尖轨\1/9\P60\木;左\6450mm\专线4195-7</t>
  </si>
  <si>
    <t>【中铁宝桥（薛家湾站】尖轨\1/9\P50\木;左\6250mm\专线4146-6</t>
  </si>
  <si>
    <t>【中铁宝桥（薛家湾站】尖轨\1/9\P50\木;左\6250mm\专线4106-6</t>
  </si>
  <si>
    <t>【中铁宝桥（薛家湾站】尖轨\1/9\P50\木;右\6250mm\专线4106-6</t>
  </si>
  <si>
    <t>【中铁宝桥（薛家湾站】尖轨\1/12\P50\砼;右;复交\4200mm\CB2269-03</t>
  </si>
  <si>
    <t>【中铁宝桥（薛家湾站】尖轨\1/12\P50\木;左曲\7700mm\专线4104-6</t>
  </si>
  <si>
    <t>【中铁宝桥（薛家湾站】尖轨\1/12\P50\木;左\7700mm\专线4145-6</t>
  </si>
  <si>
    <t>【中铁宝桥（薛家湾站】尖轨\1/12\P50\木;右曲\7700mm\专线4104-6</t>
  </si>
  <si>
    <t>【中铁宝桥（薛家湾站】尖轨\1/12\P50\木;右\7700mm\专线4145-6</t>
  </si>
  <si>
    <t>【中铁宝桥（薛家湾站】护轨\1/9\P60\砼;交渡;A;侧;槽形\3330mm\SC391C-102</t>
  </si>
  <si>
    <t>【中铁宝桥（薛家湾站】护轨\1/9\P60\砼;交渡;B;侧;槽形\3330mm\SC391C-102</t>
  </si>
  <si>
    <t>【中铁宝桥（薛家湾站】尖轨\1/9\P60\砼;交渡;右曲\12400mm\CB684-03</t>
  </si>
  <si>
    <t>【中铁宝桥（薛家湾站】尖轨\1/9\P60\砼;交渡;右直\12400mm\CB684-04</t>
  </si>
  <si>
    <t>【中铁宝桥（薛家湾站】尖轨\1/9\P60\砼;交渡;左曲\12400mm\CB684-03</t>
  </si>
  <si>
    <t>【中铁宝桥（薛家湾站】尖轨\1/9\P60\砼;交渡;左直\12400mm\CB684-04</t>
  </si>
  <si>
    <t>【中铁宝桥（薛家湾站】基本轨\1/9\P60\砼;交渡;右直\15042mm\CB684-01</t>
  </si>
  <si>
    <t>【中铁宝桥（薛家湾站】基本轨\1/9\P60\砼;交渡;右曲\15042mm\CB684-02</t>
  </si>
  <si>
    <t>【中铁宝桥（薛家湾站】基本轨\1/9\P60\砼;交渡;左曲\15042mm\CB684-02</t>
  </si>
  <si>
    <t>【中铁宝桥（薛家湾站】基本轨\1/9\P60\砼;交渡;左直\15042mm\CB684-01</t>
  </si>
  <si>
    <t>【中铁宝桥（薛家湾站】护轨\1/9\P60\砼;交渡;左直\5400mm\CB685A-02</t>
  </si>
  <si>
    <t>【中铁宝桥（薛家湾站】尖轨\1/9\P50\砼;右曲;复交\5280mm\CB2261-07</t>
  </si>
  <si>
    <t>【中铁宝桥（薛家湾站】尖轨\1/9\P50\木;左\6250mm\TB404-030</t>
  </si>
  <si>
    <t>【中铁宝桥（薛家湾站】尖轨\1/9\P50\木;右\6250mm\TB404-030</t>
  </si>
  <si>
    <t>【中铁宝桥（薛家湾站】尖轨\1/9\P43\木;右\6250mm\TB402-030</t>
  </si>
  <si>
    <t>【中铁宝桥（薛家湾站】尖轨\1/18\P60\砼;左直\15680mm\专线4224-8A</t>
  </si>
  <si>
    <t>【中铁宝桥（薛家湾站】尖轨\1/18\P60\砼;左曲\15680mm\专线4224-7A</t>
  </si>
  <si>
    <t>【中铁宝桥（薛家湾站】尖轨\1/18\P60\砼;右直\15680mm\专线4224-8A</t>
  </si>
  <si>
    <t>【中铁宝桥（薛家湾站】尖轨\1/18\P60\砼;右曲\15680mm\专线4224-7A</t>
  </si>
  <si>
    <t>【中铁宝桥（薛家湾站】尖轨\1/12\P60\砼;左直;交渡\12480mm\SC330-105</t>
  </si>
  <si>
    <t>【中铁宝桥（薛家湾站】尖轨\1/12\P60\砼;左直;复交\10040mm\SC350-103W</t>
  </si>
  <si>
    <t>【中铁宝桥（薛家湾站】尖轨\1/12\P60\砼;左曲;交渡\12480mm\SC330-104</t>
  </si>
  <si>
    <t>【中铁宝桥（薛家湾站】锰钢辙叉\1/9\P60\砼\4309mm\专线(02)4204-Ⅲ-4</t>
  </si>
  <si>
    <t>【中铁宝桥（薛家湾站】锰钢辙叉\1/9\P60\砼;交渡\4311mm\SC390-201</t>
  </si>
  <si>
    <t>【中铁宝桥（薛家湾站】锰钢辙叉\1/9\P60\砼;交渡;锐\3687mm\SC391-201</t>
  </si>
  <si>
    <t>【中铁宝桥（薛家湾站】锰钢辙叉\1/9\P60\砼;交渡;钝\4954mm\SC391-301</t>
  </si>
  <si>
    <t>【中铁宝桥（薛家湾站】锰钢辙叉\1/9\P50\砼\3588mm\专线4143-4</t>
  </si>
  <si>
    <t>【中铁宝桥（薛家湾站】锰钢辙叉\1/9\P50\木;交渡;锐\3108mm\专线7514-3</t>
  </si>
  <si>
    <t>【中铁宝桥（薛家湾站】锰钢辙叉\1/9\P50\木;交渡;钝\4440mm\专线7515-3</t>
  </si>
  <si>
    <t>【中铁宝桥（薛家湾站】锰钢辙叉\1/12\P60\砼\5992mm\专线4230-4</t>
  </si>
  <si>
    <t>【中铁宝桥（薛家湾站】锰钢辙叉\1/12\P50\砼\5992mm\专线4259-4</t>
  </si>
  <si>
    <t>【中铁宝桥（薛家湾站】锰钢辙叉\1/12\P50\木\5927mm\专线4149-3</t>
  </si>
  <si>
    <t>【中铁宝桥（薛家湾站】尖轨\1/9\P60\砼;左\6450mm\专线(02)4204-Ⅱ-6</t>
  </si>
  <si>
    <t>【中铁宝桥（薛家湾站】胶接钢轨\60kg/m\12.50m\U75V\有孔</t>
  </si>
  <si>
    <t>【中铁宝桥（薛家湾站】胶接钢轨\60kg/m\12.50m\U71Mn\无孔</t>
  </si>
  <si>
    <t>【中铁宝桥（薛家湾站】胶接钢轨\60kg/m\9.00m\U75V\无孔</t>
  </si>
  <si>
    <t>【中铁宝桥（薛家湾站】胶接钢轨\60kg/m\12.00m\U75V\无孔</t>
  </si>
  <si>
    <t>【中铁宝桥（薛家湾站】胶接钢轨\75kg/m\12.50m\U75V\无孔</t>
  </si>
  <si>
    <t>【中铁宝桥（薛家湾站】胶接钢轨\60kg/m\7.00m\U71Mn\无孔</t>
  </si>
  <si>
    <t>【中铁宝桥（薛家湾站】胶接钢轨\75kg/m\7.00m\U75V\无孔</t>
  </si>
  <si>
    <t>【中铁宝桥（薛家湾站】异型钢轨\50-43kg/m\12.50m\U75V\有孔</t>
  </si>
  <si>
    <t>【中铁宝桥（薛家湾站】异型钢轨\60-50kg/m\12.50m\U75V\有孔</t>
  </si>
  <si>
    <t>【中铁宝桥（薛家湾站】异型钢轨\60-50kg/m\6.25m\U71Mn\有孔</t>
  </si>
  <si>
    <t>【中铁宝桥（薛家湾站】异型钢轨\60-50kg/m\12.50m\U71Mn\有孔</t>
  </si>
  <si>
    <t>【中铁宝桥（薛家湾站】基本轨\1/9\P60\砼;左直\11200mm\专线4204-6</t>
  </si>
  <si>
    <t>【中铁宝桥（薛家湾站】基本轨\1/9\P60\砼;左曲\11200mm\专线4204-7</t>
  </si>
  <si>
    <t>【中铁宝桥（薛家湾站】基本轨\1/9\P60\砼;右直\11200mm\专线4204-6</t>
  </si>
  <si>
    <t>【中铁宝桥（薛家湾站】基本轨\1/9\P60\砼;右曲\11200mm\专线4204-7</t>
  </si>
  <si>
    <t>【中铁宝桥（薛家湾站】基本轨\1/9\P60\木;左直\11200mm\专线4195-4</t>
  </si>
  <si>
    <t>【中铁宝桥（薛家湾站】基本轨\1/9\P60\木;左曲\11200mm\专线4195-5</t>
  </si>
  <si>
    <t>【中铁宝桥（薛家湾站】基本轨\1/9\P60\木;右直\11200mm\专线4195-4</t>
  </si>
  <si>
    <t>【中铁宝桥（薛家湾站】基本轨\1/9\P60\木;右曲\11200mm\专线4195-5</t>
  </si>
  <si>
    <t>【中铁宝桥（薛家湾站】基本轨\1/9\P50\木;左直\12500mm\专线4106-4</t>
  </si>
  <si>
    <t>【中铁宝桥（薛家湾站】基本轨\1/9\P50\木;左曲\12500mm\专线4106-5</t>
  </si>
  <si>
    <t>【中铁宝桥（薛家湾站】基本轨\1/9\P50\木;右直\12500mm\专线4106-4</t>
  </si>
  <si>
    <t>【中铁宝桥（薛家湾站】护轨\1/9\P60\砼;右开;直;槽形\5400mm\SC390C-202</t>
  </si>
  <si>
    <t>【中铁宝桥（薛家湾站】护轨\1/9\P60\砼;左开;直;槽形\5400mm\SC390C-202</t>
  </si>
  <si>
    <t>【中铁宝桥（薛家湾站】护轨\1/9\P60\砼;复交;右\3800mm\CB2509A-01</t>
  </si>
  <si>
    <t>【中铁宝桥（薛家湾站】护轨\1/9\P60\砼;复交;左\3800mm\CB2509A-01</t>
  </si>
  <si>
    <t>【中铁宝桥（薛家湾站】尖轨\1/18\P60\砼;右直\19040mm\CB2644-04</t>
  </si>
  <si>
    <t>【中铁宝桥（薛家湾站】尖轨\1/18\P60\砼,右曲\19040mm\CB2644-03</t>
  </si>
  <si>
    <t>【中铁宝桥（薛家湾站】基本轨\1/18\P60\砼,右曲\20392mm\CB2644-02</t>
  </si>
  <si>
    <t>【中铁宝桥（薛家湾站】基本轨\1/18\P60\砼;右开\20392mm\CB2644-01</t>
  </si>
  <si>
    <t>【中铁宝桥（薛家湾站】叉跟尖轨\1/18\P75\砼;右开\4536mm\SC488-206</t>
  </si>
  <si>
    <t>【中铁宝桥（薛家湾站】基本轨\1/18\P75\砼;曲;右开\19192mm\SC488-103</t>
  </si>
  <si>
    <t>【中铁宝桥（薛家湾站】基本轨\1/18\P75\砼;直;右开\19192mm\SC488-102</t>
  </si>
  <si>
    <t>【中铁宝桥（薛家湾站】尖轨\1/12\P60\砼;左曲;复交\7560mm\SC350-104W</t>
  </si>
  <si>
    <t>【中铁宝桥（薛家湾站】尖轨\1/12\P60\砼;右直;交渡\12480mm\SC330-105</t>
  </si>
  <si>
    <t>【中铁宝桥（薛家湾站】尖轨\1/12\P60\砼;右直;复交\10040mm\SC350-103W</t>
  </si>
  <si>
    <t>【中铁宝桥（薛家湾站】尖轨\1/12\P60\砼;右曲;交渡\12480mm\SC330-104</t>
  </si>
  <si>
    <t>【中铁宝桥（薛家湾站】尖轨\1/12\P60\砼;右曲;复交\7560mm\SC350-104W</t>
  </si>
  <si>
    <t>【中铁宝桥（薛家湾站】尖轨\1/12\P50\砼;左直\13080mm\专线4258-7</t>
  </si>
  <si>
    <t>【中铁宝桥（薛家湾站】尖轨\1/12\P50\砼;左曲\13080mm\专线4258-6</t>
  </si>
  <si>
    <t>【中铁宝桥（薛家湾站】尖轨\1/12\P50\砼;直;复交\7630mm\CB2268-06</t>
  </si>
  <si>
    <t>【中铁宝桥（薛家湾站】尖轨\1/12\P50\砼;直;复交\7630mm\CB2268-04</t>
  </si>
  <si>
    <t>【中铁宝桥（薛家湾站】尖轨\1/12\P50\砼;曲;复交\7630mm\CB2268-07</t>
  </si>
  <si>
    <t>【中铁宝桥（薛家湾站】尖轨\1/9\P60\砼;右\6450mm\专线(02)4204-Ⅱ-6</t>
  </si>
  <si>
    <t>【中铁宝桥（薛家湾站】尖轨\1/9\P50\砼;左\6450mm\专线(02)4151-Ⅱ-6</t>
  </si>
  <si>
    <t>【中铁宝桥（薛家湾站】尖轨\1/9\P50\砼;右\6450mm\专线(02)4151-Ⅱ-6</t>
  </si>
  <si>
    <t>【中铁宝桥（薛家湾站】尖轨\1/9\P50\木;左直;复交\5310mm\专线6055-7</t>
  </si>
  <si>
    <t>【中铁宝桥（薛家湾站】尖轨\1/9\P50\木;左曲;复交\5310mm\专线6055-9</t>
  </si>
  <si>
    <t>【中铁宝桥（薛家湾站】尖轨\1/9\P50\木;左\6450mm\专线4142-6</t>
  </si>
  <si>
    <t>【中铁宝桥（薛家湾站】尖轨\1/9\P50\木;右直;复交\5310mm\专线6055-8</t>
  </si>
  <si>
    <t>【中铁宝桥（薛家湾站】尖轨\1/9\P50\木;右曲;复交\5310mm\专线6055-10</t>
  </si>
  <si>
    <t>【中铁宝桥（薛家湾站】尖轨\1/9\P50\木;右\6450mm\专线4142-6</t>
  </si>
  <si>
    <t>【中铁宝桥（薛家湾站】尖轨\1/12\P75\砼;左曲\14211mm\SC381-104</t>
  </si>
  <si>
    <t>【中铁宝桥（薛家湾站】尖轨\1/12\P75\砼;右直\14211mm\SC381-105</t>
  </si>
  <si>
    <t>【中铁宝桥（薛家湾站】异型钢轨\75-60kg/m\6.25m\U71Mn\无孔</t>
  </si>
  <si>
    <t>【中铁宝桥（薛家湾站】异型钢轨\75-60kg/m\12.50m\U75V\有孔</t>
  </si>
  <si>
    <t>【中铁宝桥（薛家湾站】异型钢轨\75-60kg/m\12.50m\U71Mn\无孔</t>
  </si>
  <si>
    <t>【中铁宝桥（薛家湾站】异型钢轨\60-50kg/m\12.50m\U71Mn\无孔</t>
  </si>
  <si>
    <t>【中铁宝桥（薛家湾站】翼轨\1/18\P60\砼;右开左\16021mm\专线4225A-5</t>
  </si>
  <si>
    <t>【中铁宝桥（薛家湾站】翼轨\1/18\P60\砼;右开右\16021mm\专线4225A-5</t>
  </si>
  <si>
    <t>【中铁宝桥（薛家湾站】翼轨\1/18\P60\砼;左开左\16021mm\专线4225A-5</t>
  </si>
  <si>
    <t>【中铁宝桥（薛家湾站】翼轨\1/18\P60\砼;左开右\16021mm\专线4225A-5</t>
  </si>
  <si>
    <t>【中铁宝桥（薛家湾站】爆炸硬化锰钢辙叉\1/9\P60\砼;交渡\4311mm\SC390-201</t>
  </si>
  <si>
    <t>【中铁宝桥（薛家湾站】爆炸硬化锰钢辙叉\1/9\P60\砼;交渡;钝\4954mm\SC391-301</t>
  </si>
  <si>
    <t>【中铁宝桥（薛家湾站】爆炸硬化锰钢辙叉\1/9\P60\砼;交渡 锐\3687mm\SC391-201</t>
  </si>
  <si>
    <t>【中铁宝桥（薛家湾站】基本轨\1/9\P50\木;右曲\12500mm\专线4106-5</t>
  </si>
  <si>
    <t>【中铁宝桥（薛家湾站】基本轨\1/12\P75\砼;右直\23400mm\SC381-102</t>
  </si>
  <si>
    <t>【中铁宝桥（薛家湾站】基本轨\1/12\P60\左直\16792mm\CB599-04;专4229-5</t>
  </si>
  <si>
    <t>【中铁宝桥（薛家湾站】基本轨\1/12\P60\左曲\16792mm\CB599-03;专4229-6</t>
  </si>
  <si>
    <t>【中铁宝桥（薛家湾站】基本轨\1/12\P60\右直\16792mm\CB599-04;专4229-5</t>
  </si>
  <si>
    <t>【中铁宝桥（薛家湾站】基本轨\1/12\P60\右曲\16792mm\CB599-03;专4229-6</t>
  </si>
  <si>
    <t>【中铁宝桥（薛家湾站】基本轨\1/12\P50\木;左直\12500mm\专线4145-4</t>
  </si>
  <si>
    <t>【中铁宝桥（薛家湾站】基本轨\1/12\P50\木;左直\12500mm\专线4104-4</t>
  </si>
  <si>
    <t>【中铁宝桥（薛家湾站】基本轨\1/12\P50\木;左曲\12500mm\专线4104-5</t>
  </si>
  <si>
    <t>【中铁宝桥（薛家湾站】基本轨\1/12\P50\木;右直\12500mm\专线4145-4</t>
  </si>
  <si>
    <t>【中铁宝桥（薛家湾站】基本轨\1/12\P50\木;右直\12500mm\专线4104-4</t>
  </si>
  <si>
    <t>【中铁宝桥（薛家湾站】护轨\1/12\P60\砼;交渡;侧;槽型\5210mm\SC330-204</t>
  </si>
  <si>
    <t>【中铁宝桥（薛家湾站】护轨\1/9\P50\砼;交渡;槽型;右\3600mm\CB2801-01</t>
  </si>
  <si>
    <t>【中铁宝桥（薛家湾站】护轨\1/9\P50\砼;交渡;槽型;左\3600mm\CB2801-01</t>
  </si>
  <si>
    <t>【中铁宝桥（薛家湾站】护轨\1/9\P50\砼;交渡;槽型;右\3100mm\CB2801-02</t>
  </si>
  <si>
    <t>【中铁宝桥（薛家湾站】护轨\1/9\P50\砼;交渡;槽型;左\3100mm\CB2801-02</t>
  </si>
  <si>
    <t>【中铁宝桥（薛家湾站】护轨\1/9\P50\砼;交渡;锐;槽型;右\3000mm\CB2215-02</t>
  </si>
  <si>
    <t>【中铁宝桥（薛家湾站】护轨\1/9\P50\砼;交渡;直;槽型\3100mm\CB2214-01</t>
  </si>
  <si>
    <t>【中铁宝桥（薛家湾站】护轨\1/9\P50\砼;侧\3600mm\CB2213-02</t>
  </si>
  <si>
    <t>【中铁宝桥（薛家湾站】护轨\1/9\P50\砼;直\3600mm\CB2213-01</t>
  </si>
  <si>
    <t>【中铁宝桥（薛家湾站】尖轨\1/9\P50\砼;左\6450mm\CB2230-03</t>
  </si>
  <si>
    <t>【中铁宝桥（薛家湾站】尖轨\1/9\P50\砼;右\6450mm\CB2230-03</t>
  </si>
  <si>
    <t>【中铁宝桥（薛家湾站】尖轨\1/12\P50\砼;曲;复交\7630mm\CB2268-05</t>
  </si>
  <si>
    <t>【中铁宝桥（薛家湾站】基本轨\1/9\P60\砼;左直\15042mm\SC(07)390-101</t>
  </si>
  <si>
    <t>【中铁宝桥（薛家湾站】基本轨\1/9\P60\砼;左直;交渡\15042mm\SC390-101</t>
  </si>
  <si>
    <t>【中铁宝桥（薛家湾站】基本轨\1/9\P60\砼;左直;复交\7817mm\SC450-103</t>
  </si>
  <si>
    <t>【中铁宝桥（薛家湾站】基本轨\1/9\P60\砼;左直;复交\7787mm\CB2507-01</t>
  </si>
  <si>
    <t>【中铁宝桥（薛家湾站】基本轨\1/9\P60\砼;左曲\15042mm\SC(07)390-102</t>
  </si>
  <si>
    <t>【中铁宝桥（薛家湾站】基本轨\1/9\P60\砼;左曲;交渡\15042mm\SC390-102</t>
  </si>
  <si>
    <t>【中铁宝桥（薛家湾站】基本轨\1/9\P60\砼;左曲;复交\9025mm\CB2507-02</t>
  </si>
  <si>
    <t>【中铁宝桥（薛家湾站】基本轨\1/9\P60\砼;左曲;复交\10249mm\SC450-102</t>
  </si>
  <si>
    <t>【中铁宝桥（薛家湾站】基本轨\1/9\P60\砼;右直\15042mm\SC(07)390-101</t>
  </si>
  <si>
    <t>【中铁宝桥（薛家湾站】基本轨\1/9\P60\砼;右直;交渡\15042mm\SC390-101</t>
  </si>
  <si>
    <t>【中铁宝桥（薛家湾站】尖轨\1/12\P75\砼;右曲\14211mm\SC381-104</t>
  </si>
  <si>
    <t>【中铁宝桥（薛家湾站】尖轨\1/12\P60\砼;左直\12400mm\专线4229-8</t>
  </si>
  <si>
    <t>【中铁宝桥（薛家湾站】尖轨\1/12\P60\砼;左曲\12400mm\专线4229-7</t>
  </si>
  <si>
    <t>【中铁宝桥（薛家湾站】尖轨\1/12\P60\砼;右直\12400mm\专线4229-8</t>
  </si>
  <si>
    <t>【中铁宝桥（薛家湾站】尖轨\1/12\P60\砼;右曲\12400mm\专线4229-7</t>
  </si>
  <si>
    <t>【中铁宝桥（薛家湾站】尖轨\1/12\P50\砼;右直\13080mm\专线4258-7</t>
  </si>
  <si>
    <t>【中铁宝桥（薛家湾站】尖轨\1/12\P50\砼;右曲\13080mm\专线4258-6</t>
  </si>
  <si>
    <t>【中铁宝桥（薛家湾站】尖轨\1/12\P50\木;左\7700mm\TB405-030</t>
  </si>
  <si>
    <t>【中铁宝桥（薛家湾站】尖轨\1/12\P50\木;右\7700mm\TB405-030</t>
  </si>
  <si>
    <t>【中铁宝桥（薛家湾站】尖轨\1/12\P50\木;砼;左直\11300mm\专线4148-7</t>
  </si>
  <si>
    <t>【中铁宝桥（薛家湾站】尖轨\1/12\P50\木;砼;左曲\11300mm\专线4148-6</t>
  </si>
  <si>
    <t>【中铁宝桥（金泉站）】爆炸硬化锰钢辙叉\1/9\P60\木;交渡\4309mm\专线4196-3</t>
  </si>
  <si>
    <t>GNWZBP（TH）ZECG2020-043</t>
  </si>
  <si>
    <t>国家能源e购商城中铁宝桥道岔配件金泉站商城铺货长协采购框架合同</t>
  </si>
  <si>
    <t>【中铁宝桥（金泉站）】爆炸硬化锰钢辙叉\1/9\P50\砼;交渡;钝\4440mm\专线7515-3</t>
  </si>
  <si>
    <t>【中铁宝桥（金泉站）】爆炸硬化锰钢辙叉\1/9\P50\木;交渡;锐\3108mm\专线7514-3</t>
  </si>
  <si>
    <t>【中铁宝桥（金泉站）】爆炸硬化锰钢辙叉\1/12\P75\砼;交渡;组合;左开\5992\CB746G</t>
  </si>
  <si>
    <t>【中铁宝桥（金泉站）】爆炸硬化锰钢辙叉\1/12\P75\砼;交渡;组合;右开\5992\CB746G</t>
  </si>
  <si>
    <t>【中铁宝桥（金泉站）】爆炸硬化锰钢辙叉\1/12\P60\砼;交渡;钝\4676mm\铁联线024-3</t>
  </si>
  <si>
    <t>【中铁宝桥（金泉站）】爆炸硬化锰钢辙叉\1/12\P60\木;交渡;钝\5300mm\专线7494-3</t>
  </si>
  <si>
    <t>【中铁宝桥（金泉站）】尖轨\1/9\P50\木;左直;复交\5256mm\叁标线6017-7</t>
  </si>
  <si>
    <t>【中铁宝桥（金泉站）】尖轨\1/9\P50\木;左曲;复交\5256mm\叁标线6017-9</t>
  </si>
  <si>
    <t>【中铁宝桥（金泉站）】尖轨\1/12\P50\木;左直\7450mm\专线6059-7</t>
  </si>
  <si>
    <t>【中铁宝桥（金泉站）】尖轨\1/12\P50\木;左曲\7450mm\专线6059-7</t>
  </si>
  <si>
    <t>【中铁宝桥（金泉站）】基本轨\1/12\P50\木;右曲\12500mm\专线4104-5</t>
  </si>
  <si>
    <t>【中铁宝桥（金泉站）】基本轨\1/12\P43\木;曲\12500mm\TB403-020</t>
  </si>
  <si>
    <t>【中铁宝桥（金泉站）】护轨\1/9\P60\砼;木\3800mm\专线4196-4;CB506-2</t>
  </si>
  <si>
    <t>【中铁宝桥（金泉站）】护轨\1/9\P60\交渡\3000mm\CB525-01</t>
  </si>
  <si>
    <t>【中铁宝桥（金泉站）】护轨\1/9\P50\砼\4600mm\专线(02)4151-Ⅲ-5</t>
  </si>
  <si>
    <t>【中铁宝桥（金泉站）】护轨\1/9\P50\砼;交渡;钝\3600mm\专线(02)7663-Ⅲ-3</t>
  </si>
  <si>
    <t>【中铁宝桥（金泉站）】护轨\1/9\P50\砼;交渡;锐\3000mm\CB2260-01</t>
  </si>
  <si>
    <t>【中铁宝桥（金泉站）】护轨\1/9\P50\砼;交渡;侧\3600mm\CB2213A-02</t>
  </si>
  <si>
    <t>【中铁宝桥（金泉站）】护轨\1/9\P50\木;交渡\3250mm\专线7513-4;CB218-01</t>
  </si>
  <si>
    <t>【中铁宝桥（金泉站）】护轨\1/9\P50\木;交渡\3060mm\叁标线7096-4</t>
  </si>
  <si>
    <t>【中铁宝桥（金泉站）】护轨\1/12\P60\砼\6900mm\铁联线007-6;CB600-02</t>
  </si>
  <si>
    <t>【中铁宝桥（金泉站）】基本轨\1/18\P60\砼;左直\20392mm\CB2644-01</t>
  </si>
  <si>
    <t>【中铁宝桥（金泉站）】基本轨\1/18\P60\砼;左曲\20392mm\CB2644-02</t>
  </si>
  <si>
    <t>【中铁宝桥（金泉站）】尖轨\1/18\P60\砼;左直\19040mm\CB2644-04</t>
  </si>
  <si>
    <t>【中铁宝桥（金泉站）】尖轨\1/18\P60\砼;左曲\19040mm\CB2644-03</t>
  </si>
  <si>
    <t>【中铁宝桥（金泉站）】活动心轨\1/12\P50\砼;复交;右\4200mm\CB2269-03</t>
  </si>
  <si>
    <t>【中铁宝桥（金泉站）】活动心轨\1/12\P50\砼;复交;左\4200mm\CB2269-03</t>
  </si>
  <si>
    <t>【中铁宝桥（金泉站）】护轨\1/18\P60\砼;直;槽型\8200mm\CB2645-02</t>
  </si>
  <si>
    <t>【中铁宝桥（金泉站）】护轨\1/18\P60\砼;侧;槽型\8200mm\CB2645-02</t>
  </si>
  <si>
    <t>【中铁宝桥（金泉站）】锰钢辙叉\1/18\P60\砼;单开\8992mm\CB2645-01</t>
  </si>
  <si>
    <t>【中铁宝桥（金泉站）】护轨\1/12\P60\砼;直;槽型\6900mm\SC330-203</t>
  </si>
  <si>
    <t>【中铁宝桥（金泉站）】护轨\1/12\P60\砼;交渡;锐\3330mm\专线SC340-303槽型</t>
  </si>
  <si>
    <t>【中铁宝桥（金泉站）】基本轨\1/9\P60\砼;右直;复交\7817mm\SC450-103</t>
  </si>
  <si>
    <t>【中铁宝桥（金泉站）】基本轨\1/9\P60\砼;右直;复交\7787mm\CB2507-01</t>
  </si>
  <si>
    <t>【中铁宝桥（金泉站）】基本轨\1/9\P60\砼;右曲\15042mm\SC(07)390-102</t>
  </si>
  <si>
    <t>【中铁宝桥（金泉站）】基本轨\1/9\P60\砼;右曲;交渡\15042mm\SC390-102</t>
  </si>
  <si>
    <t>【中铁宝桥（金泉站）】基本轨\1/9\P60\砼;右曲;复交\11525mm\CB2507-03</t>
  </si>
  <si>
    <t>【中铁宝桥（金泉站）】基本轨\1/9\P60\砼;右曲;复交\10249mm\SC450-102</t>
  </si>
  <si>
    <t>【中铁宝桥（金泉站）】基本轨\1/9\P60\砼;复交\8505mm\CB2508-01</t>
  </si>
  <si>
    <t>【中铁宝桥（金泉站）】基本轨\1/9\P60\木;右;复交\7682mm\专线6055-4</t>
  </si>
  <si>
    <t>【中铁宝桥（金泉站）】基本轨\1/9\P50\砼;左直;复交\7785mm\CB2261-01</t>
  </si>
  <si>
    <t>【中铁宝桥（金泉站）】基本轨\1/9\P50\左曲\11200mm\CB236-02;专线4151-7</t>
  </si>
  <si>
    <t>【中铁宝桥（金泉站）】基本轨\1/9\P50\砼;左曲;复交\9025mm\CB2261-02</t>
  </si>
  <si>
    <t>【中铁宝桥（金泉站）】尖轨\1/12\P50\木;砼;右直\11300mm\专线4148-7</t>
  </si>
  <si>
    <t>【中铁宝桥（金泉站）】尖轨\1/12\P50\木;砼;右曲\11300mm\专线4148-6</t>
  </si>
  <si>
    <t>【中铁宝桥（金泉站）】基本轨\1/9\P60\砼;左直\11492mm\专线(02)4204-Ⅱ-4</t>
  </si>
  <si>
    <t>【中铁宝桥（金泉站）】基本轨\1/9\P60\砼;左曲\11492mm\专线(02)4204-Ⅱ-5</t>
  </si>
  <si>
    <t>【中铁宝桥（金泉站）】基本轨\1/9\P60\砼;右直\11492mm\专线(02)4204-Ⅱ-4</t>
  </si>
  <si>
    <t>【中铁宝桥（金泉站）】基本轨\1/9\P60\砼;右曲\11492mm\专线(02)4204-Ⅱ-5</t>
  </si>
  <si>
    <t>【中铁宝桥（金泉站）】基本轨\1/9\P50\砼;左直\11492mm\专线(02)4151-Ⅱ-4</t>
  </si>
  <si>
    <t>【中铁宝桥（金泉站）】基本轨\1/9\P50\砼;左曲\11492mm\专线(02)4151-Ⅱ-5</t>
  </si>
  <si>
    <t>【中铁宝桥（金泉站）】基本轨\1/9\P50\砼;右直\11492mm\专线(02)4151-Ⅱ-4</t>
  </si>
  <si>
    <t>【中铁宝桥（金泉站）】基本轨\1/9\P50\砼;右曲\11492mm\专线(02)4151-Ⅱ-5</t>
  </si>
  <si>
    <t>【中铁宝桥（金泉站）】基本轨\1/9\P50\木;左直\12500mm\TB404-010</t>
  </si>
  <si>
    <t>【中铁宝桥（金泉站）】尖轨\1/12\P50\木;右直\7450mm\专线6059-7</t>
  </si>
  <si>
    <t>【中铁宝桥（金泉站）】尖轨\1/12\P50\木;右曲\7450mm\专线6059-7</t>
  </si>
  <si>
    <t>【中铁宝桥（金泉站）】基本轨\1/12\P60\木;左直;交渡\15700mm\专线4129-4</t>
  </si>
  <si>
    <t>【中铁宝桥（金泉站）】基本轨\1/12\P60\木;左直;复交\10879mm\专线6048-4</t>
  </si>
  <si>
    <t>【中铁宝桥（金泉站）】基本轨\1/12\P60\木;左曲;交渡\15700mm\专线4129-5</t>
  </si>
  <si>
    <t>【中铁宝桥（金泉站）】基本轨\1/12\P60\木;左曲;复交\10825mm\专线6048-5</t>
  </si>
  <si>
    <t>【中铁宝桥（金泉站）】基本轨\1/12\P60\木;右直;交渡\15700mm\专线4129-4</t>
  </si>
  <si>
    <t>【中铁宝桥（金泉站）】基本轨\1/12\P60\木;右直;复交\10879mm\专线6048-4</t>
  </si>
  <si>
    <t>【中铁宝桥（金泉站）】基本轨\1/12\P60\木;右曲;交渡\15700mm\专线4129-5</t>
  </si>
  <si>
    <t>【中铁宝桥（金泉站）】基本轨\1/12\P60\木;右曲;复交\17255mm\专线6048-6</t>
  </si>
  <si>
    <t>【中铁宝桥（金泉站）】基本轨\1/12\P50\木\17310mm\专线6020-4</t>
  </si>
  <si>
    <t>【中铁宝桥（金泉站）】护轨\1/12\P60\砼\4600mm\专线4130-4;CB502-02</t>
  </si>
  <si>
    <t>【中铁宝桥（金泉站）】护轨\1/12\P60\木;砼\5100mm\专线4192-4;CB556-02</t>
  </si>
  <si>
    <t>【中铁宝桥（金泉站）】护轨\1/12\P60\木;侧\5100mm\专线4221-5</t>
  </si>
  <si>
    <t>【中铁宝桥（金泉站）】护轨\1/12\P50\砼\4500mm\TB411-040</t>
  </si>
  <si>
    <t>【中铁宝桥（金泉站）】护轨\1/12\P50\木;砼\4600mm\专线4149-4;CB291-01</t>
  </si>
  <si>
    <t>【中铁宝桥（金泉站）】导轨\1/9\P60\木;复交;左\8647mm\专线6045-6</t>
  </si>
  <si>
    <t>【中铁宝桥（金泉站）】锰钢辙叉\1/9\P60\砼\4309mm\专线4196-3</t>
  </si>
  <si>
    <t>【中铁宝桥（金泉站）】锰钢辙叉\1/12\P75\砼;交渡;钝\4676mm\SC443-401</t>
  </si>
  <si>
    <t>【中铁宝桥（金泉站）】锰钢辙叉\1/12\P50\木\4557mm\TB1165-010</t>
  </si>
  <si>
    <t>【中铁宝桥（金泉站）】锰钢辙叉\1/12\P43\木\4557mm\TB1163-010</t>
  </si>
  <si>
    <t>【中铁宝桥（金泉站）】尖轨\1/9\P60\木;左\6450mm\专线4195-6</t>
  </si>
  <si>
    <t>【中铁宝桥（金泉站）】护轨\1/12\P60\砼;交渡;侧\4600mm\专线SC340-202槽型</t>
  </si>
  <si>
    <t>【中铁宝桥（金泉站）】护轨\1/12\P60\砼;直\5210mm\专线SC330-204槽型</t>
  </si>
  <si>
    <t>【中铁宝桥（金泉站）】翼轨\1/18\P75\砼;左\16700mm\SC488-202</t>
  </si>
  <si>
    <t>【中铁宝桥（金泉站）】翼轨\1/18\P75\砼;右\16700mm\SC488-203</t>
  </si>
  <si>
    <t>【中铁宝桥（金泉站）】短心轨\1/18\P75\砼;右;可动心\8520mm\SC488-205</t>
  </si>
  <si>
    <t>【中铁宝桥（金泉站）】尖轨\1/18\P75\砼;右曲\16600mm\SC488-104</t>
  </si>
  <si>
    <t>【中铁宝桥（金泉站）】尖轨\1/18\P75\砼;右直\16600mm\SC488-105</t>
  </si>
  <si>
    <t>【中铁宝桥（金泉站）】长心轨\1/18\P75\砼;右;可动心\13576mm\SC488-204</t>
  </si>
  <si>
    <t>【中铁宝桥（金泉站）】尖轨\1/6\P50\木;右;对称\4500mm\专线5817-4</t>
  </si>
  <si>
    <t>【中铁宝桥（金泉站）】锰钢辙叉\1/9\P50\砼;复交\4309mm\CB2214-01</t>
  </si>
  <si>
    <t>【中铁宝桥（金泉站）】活动心轨\1/12\P50\砼;复交;左\4200mm\专线6090-Ⅲ-6</t>
  </si>
  <si>
    <t>【中铁宝桥（金泉站）】基本轨\1/9\P50\砼;右直;复交\7785mm\CB2261-01</t>
  </si>
  <si>
    <t>【中铁宝桥（金泉站）】基本轨\1/9\P50\砼;右曲;复交\11525mm\CB2261-03</t>
  </si>
  <si>
    <t>【中铁宝桥（金泉站）】基本轨\1/9\P50\砼;复交\8505mm\CB2262-01</t>
  </si>
  <si>
    <t>【中铁宝桥（金泉站）】基本轨\1/9\P50\木;复交\8240mm\专线6055-5</t>
  </si>
  <si>
    <t>【中铁宝桥（金泉站）】基本轨\1/9\P43\木;右直\12500mm\TB402-010</t>
  </si>
  <si>
    <t>【中铁宝桥（金泉站）】基本轨\1/18\P60\砼;左直\19192mm\专线4224-5A</t>
  </si>
  <si>
    <t>【中铁宝桥（金泉站）】基本轨\1/18\P60\砼;左曲\19192mm\专线4224-6A</t>
  </si>
  <si>
    <t>【中铁宝桥（金泉站）】基本轨\1/12\P75\砼;左直\23400mm\SC381-102</t>
  </si>
  <si>
    <t>【中铁宝桥（金泉站）】基本轨\1/12\P75\砼;左曲\23400mm\SC381-103</t>
  </si>
  <si>
    <t>【中铁宝桥（金泉站）】基本轨\1/12\P75\砼;右曲\23400mm\SC381-103</t>
  </si>
  <si>
    <t>【中铁宝桥（金泉站）】基本轨\1/9\P50\木;左直\11200mm\专线4142-4</t>
  </si>
  <si>
    <t>【中铁宝桥（金泉站）】基本轨\1/9\P50\木;左曲\12500mm\TB404-020</t>
  </si>
  <si>
    <t>【中铁宝桥（金泉站）】基本轨\1/9\P50\木;左曲\11200mm\专线4142-5</t>
  </si>
  <si>
    <t>【中铁宝桥（金泉站）】基本轨\1/9\P50\木;左;复交\7682mm\专线6055-4</t>
  </si>
  <si>
    <t>【中铁宝桥（金泉站）】基本轨\1/9\P50\木;右直\12500mm\TB404-010</t>
  </si>
  <si>
    <t>【中铁宝桥（金泉站）】基本轨\1/9\P50\木;右直\11200mm\专线4142-4</t>
  </si>
  <si>
    <t>【中铁宝桥（金泉站）】基本轨\1/9\P50\木;右曲\12500mm\TB404-020</t>
  </si>
  <si>
    <t>【中铁宝桥（金泉站）】基本轨\1/9\P50\木;右曲\11200mm\专线4142-5</t>
  </si>
  <si>
    <t>【中铁宝桥（金泉站）】基本轨\1/9\P50\木;右;复交\7682mm\专线6055-4</t>
  </si>
  <si>
    <t>【中铁宝桥（金泉站）】基本轨\1/9\P50\木;复交\12500mm\专线6055-6</t>
  </si>
  <si>
    <t>【中铁宝桥（金泉站）】基本轨\1/9\P43\木;左直\12500mm\TB402-010</t>
  </si>
  <si>
    <t>【中铁宝桥（金泉站）】基本轨\1/12\P50\木\10879mm\专线6059-4</t>
  </si>
  <si>
    <t>【中铁宝桥（金泉站）】基本轨\1/12\P50\木\10585mm\专线6060-4</t>
  </si>
  <si>
    <t>【中铁宝桥（金泉站）】基本轨\1/12\P50\木;左曲\10825mm\专线6059-5</t>
  </si>
  <si>
    <t>【中铁宝桥（金泉站）】尖轨\1/9\P60\木;右\6450mm\专线4195-6</t>
  </si>
  <si>
    <t>【中铁宝桥（金泉站）】尖轨\1/9\P43\木;左\6250mm\TB402-030</t>
  </si>
  <si>
    <t>【中铁宝桥（金泉站）】尖轨\1/12\P75\砼;左直\14211mm\SC381-105</t>
  </si>
  <si>
    <t>【中铁宝桥（金泉站）】尖轨\1/12\P60\木;砼;左直\11300mm\专线4191-7</t>
  </si>
  <si>
    <t>【中铁宝桥（金泉站）】尖轨\1/12\P60\木;砼;左曲\11300mm\专线4191-6</t>
  </si>
  <si>
    <t>【中铁宝桥（金泉站）】尖轨\1/12\P60\木;砼;右直\11300mm\专线4191-7</t>
  </si>
  <si>
    <t>【中铁宝桥（金泉站）】尖轨\1/12\P60\木;砼;右曲\11300mm\专线4191-6</t>
  </si>
  <si>
    <t>【中铁宝桥（金泉站）】尖轨\1/12\P50\砼;左;复交\4200mm\CB2269-03</t>
  </si>
  <si>
    <t>【中铁宝桥（金泉站）】尖轨\1/12\P50\木;左直\7700mm\专线4104-6</t>
  </si>
  <si>
    <t>【中铁宝桥（金泉站）】尖轨\1/12\P50\木;右直\7700mm\专线4104-6</t>
  </si>
  <si>
    <t>【中铁宝桥（金泉站）】尖轨\1/12\P43\木;左\7700mm\TB403-030</t>
  </si>
  <si>
    <t>【中铁宝桥（金泉站）】活动心轨\1/12\P50\砼;复交;右\4200mm\专线6090-Ⅲ-6</t>
  </si>
  <si>
    <t>【中铁宝桥（金泉站）】护轨总成\1/9\P50\木\11000mm\TB410-050</t>
  </si>
  <si>
    <t>【中铁宝桥（金泉站）】护轨\1/9\P60\砼;交渡;锐\3600mm\SC392C-201</t>
  </si>
  <si>
    <t>【中铁宝桥（金泉站）】护轨\1/9\P50\砼;交渡;锐\3000mm\CB2215-02</t>
  </si>
  <si>
    <t>【中铁宝桥（金泉站）】异型钢轨\75-60kg/m\12.50m\PG4\无孔</t>
  </si>
  <si>
    <t>【中铁宝桥（金泉站）】护轨\1/9\P50\砼;交渡;侧\3100mm\CB2214-01</t>
  </si>
  <si>
    <t>【中铁宝桥（金泉站）】护轨\1/6\P50\木\2700mm\专线5818-5</t>
  </si>
  <si>
    <t>【中铁宝桥（金泉站）】尖轨\1/12\P50\木;复交;左曲\7450mm\专线6059-8</t>
  </si>
  <si>
    <t>【中铁宝桥（金泉站）】尖轨\1/12\P50\木;复交;右直\7450mm\专线6059-9</t>
  </si>
  <si>
    <t>【中铁宝桥（金泉站）】尖轨\1/12\P50\木;复交;右曲\7450mm\专线6059-10</t>
  </si>
  <si>
    <t>【中铁宝桥（金泉站）】导轨\1/9\P50\砼;复交\8647mm\专线(04)6091-III-5</t>
  </si>
  <si>
    <t>【中铁宝桥（金泉站）】基本轨\1/12\P50\木;右曲\17255mm\专线6059-6</t>
  </si>
  <si>
    <t>【中铁宝桥（金泉站）】尖轨\1/12\P60\木;左直;复交\7450mm\专线6048-7A</t>
  </si>
  <si>
    <t>【中铁宝桥（金泉站）】尖轨\1/12\P60\木;左曲;复交\7450mm\专线6048-9A</t>
  </si>
  <si>
    <t>【中铁宝桥（金泉站）】尖轨\1/12\P60\木;右直;复交\7450mm\专线6048-8A</t>
  </si>
  <si>
    <t>【中铁宝桥（金泉站）】尖轨\1/12\P60\木;右曲;复交\7450mm\专线6048-10A</t>
  </si>
  <si>
    <t>【中铁宝桥（金泉站）】伸缩器尖轨\P60;研线TF9912-4;左;1000mm</t>
  </si>
  <si>
    <t>【中铁宝桥（金泉站）】伸缩器尖轨\P60;研线TF9912-4;右;1000mm</t>
  </si>
  <si>
    <t>【中铁宝桥（金泉站）】伸缩器基本轨\P60;研线TF9912-3;左;1000mm</t>
  </si>
  <si>
    <t>【中铁宝桥（金泉站）】伸缩器基本轨\P60;研线TF9912-3;右;1000mm</t>
  </si>
  <si>
    <t>【中铁宝桥（金泉站）】锰钢辙叉\1/9\P60\木;交渡;锐\3184mm\专线7489-3</t>
  </si>
  <si>
    <t>【中铁宝桥（金泉站）】锰钢辙叉\1/9\P60\木;交渡;钝\4198mm\专线7490-3</t>
  </si>
  <si>
    <t>【中铁宝桥（金泉站）】尖轨\1/12\P43\木;右\7700mm\TB403-030</t>
  </si>
  <si>
    <t>【中铁宝桥（金泉站）】基本轨\1/9\P43\木;右曲\12500mm\TB402-020</t>
  </si>
  <si>
    <t>【中铁宝桥（金泉站）】基本轨\1/12\P60\木;砼;左直\15700mm\专线4191-4</t>
  </si>
  <si>
    <t>【中铁宝桥（金泉站）】基本轨\1/12\P60\木;砼;左曲\15700mm\专线4191-5</t>
  </si>
  <si>
    <t>【中铁宝桥（金泉站）】基本轨\1/12\P60\木;砼;右直\15700mm\专线4191-4</t>
  </si>
  <si>
    <t>【中铁宝桥（金泉站）】基本轨\1/12\P60\木;砼;右曲\15700mm\专线4191-5</t>
  </si>
  <si>
    <t>【中铁宝桥（金泉站）】基本轨\1/12\P50\木;左曲\12500mm\专线4145-5</t>
  </si>
  <si>
    <t>【中铁宝桥（金泉站）】基本轨\1/12\P50\木;右曲\12500mm\专线4145-5</t>
  </si>
  <si>
    <t>【中铁宝桥（金泉站）】基本轨\1/12\P43\木;直\12500mm\TB403-010</t>
  </si>
  <si>
    <t>【中铁宝桥（金泉站）】护轨\1/9\P60\木;交渡\3250mm\专线7579-3</t>
  </si>
  <si>
    <t>【中铁宝桥（金泉站）】护轨\1/9\P50\木;交渡\3900mm\叁标线7095-5</t>
  </si>
  <si>
    <t>【中铁宝桥（金泉站）】导轨\1/12\P50\木;复交\10572mm\专线6060-6</t>
  </si>
  <si>
    <t>【中铁宝桥（金泉站）】基本轨\1/9\P50\砼;曲;复交\12520mm\专线6091-Ⅱ-4</t>
  </si>
  <si>
    <t>【中铁宝桥（金泉站）】基本轨\1/9\P50\砼;左直;复交\7682mm\专线6091-Ⅱ-6</t>
  </si>
  <si>
    <t>【中铁宝桥（金泉站）】基本轨\1/6\P50\木;左曲;对称\7812mm\专线5817-3</t>
  </si>
  <si>
    <t>【中铁宝桥（金泉站）】基本轨\1/6\P50\木;右曲;对称\7812mm\专线5817-3</t>
  </si>
  <si>
    <t>【中铁宝桥（金泉站）】基本轨\1/12\P50\砼;曲;复交\16911mm\专线6090-Ⅱ-5</t>
  </si>
  <si>
    <t>【中铁宝桥（金泉站）】基本轨\1/12\P50\砼;曲;复交\10811mm\专线6090-Ⅱ-5</t>
  </si>
  <si>
    <t>【中铁宝桥（金泉站）】V形基本轨\1/9\P50\砼;复交\8666mm\专线(04)6091-Ⅲ-4</t>
  </si>
  <si>
    <t>【中铁宝桥（金泉站）】V形基本轨\1/12\P50\木;复交\10585mm\专线6060-4</t>
  </si>
  <si>
    <t>【中铁宝桥（金泉站）】基本轨\1/12\P50\砼;右直\10814mm\专线(04)6090-Ⅱ-4</t>
  </si>
  <si>
    <t>【中铁宝桥（金泉站）】基本轨\1/12\P50\砼;左直\10814mm\专线(04)6090-Ⅱ-4</t>
  </si>
  <si>
    <t>【中铁宝桥（金泉站）】锰钢辙叉\1/9\P43\木\3588mm\TB1162-010</t>
  </si>
  <si>
    <t>【中铁宝桥（金泉站）】锰钢辙叉\1/9\P43\木;交渡;钝\5000mm\叁标线7070-3</t>
  </si>
  <si>
    <t>【中铁宝桥（金泉站）】锰钢辙叉\1/12\P60\木;交渡;锐\3299mm\专线7564-3</t>
  </si>
  <si>
    <t>【中铁宝桥（金泉站）】锰钢辙叉\1/12\P60\木;交渡;钝\5300mm\专线7565-3</t>
  </si>
  <si>
    <t>【中铁宝桥（金泉站）】尖轨\1/9\P60\木;左直;复交\5310mm\专线6044-7A</t>
  </si>
  <si>
    <t>【中铁宝桥（金泉站）】尖轨\1/9\P60\木;左曲;复交\5310mm\专线6044-9A</t>
  </si>
  <si>
    <t>【中铁宝桥（金泉站）】护轨\1/9\P50\木;交渡\3050mm\专线7514-4;CB219-01</t>
  </si>
  <si>
    <t>【中铁宝桥（金泉站）】护轨\1/12\P75\砼;左直;槽形\7800mm\SC381-207B</t>
  </si>
  <si>
    <t>【中铁宝桥（金泉站）】护轨\1/12\P75\砼;交渡;直;槽形\6900mm\SC443-203</t>
  </si>
  <si>
    <t>【中铁宝桥（金泉站）】护轨\1/12\P75\砼;交渡;锐\3000mm\SC443-303</t>
  </si>
  <si>
    <t>【中铁宝桥（金泉站）】护轨\1/12\P75\砼;交渡;侧;槽形\4800mm\SC443-204</t>
  </si>
  <si>
    <t>【中铁宝桥（金泉站）】护轨\1/12\P60\砼;锐\3000mm\铁联线023-5;CB584-01</t>
  </si>
  <si>
    <t>【中铁宝桥（金泉站）】护轨\1/12\P60\木;直\6900mm\专线4221-4</t>
  </si>
  <si>
    <t>【中铁宝桥（金泉站）】等离子尖轨\1/9\P50\砼;左\6450mm\专线(02)4151-Ⅱ-6</t>
  </si>
  <si>
    <t>【中铁宝桥（金泉站）】等离子尖轨1/9\P60砼;右曲;交渡12400mm\SC(07)390-103</t>
  </si>
  <si>
    <t>【中铁宝桥（金泉站）】等离子尖轨1/9\P60砼;左曲;交渡12400mm\SC(07)390-103</t>
  </si>
  <si>
    <t>【中铁宝桥（金泉站）】等离子尖轨\1/12\P60\砼;右曲;交渡\12480mm\SC330-104</t>
  </si>
  <si>
    <t>【中铁宝桥（金泉站）】基本轨\1/12\P50\砼;复交\16911mm\专线(04)6090-Ⅱ-5</t>
  </si>
  <si>
    <t>【中铁宝桥（金泉站）】锰钢辙叉\1/12\P60\砼;交渡;锐\3605mm\CB666-01</t>
  </si>
  <si>
    <t>【中铁宝桥（金泉站）】锰钢辙叉\1/12\P60\砼;交渡;钝\4676mm\CB658-01</t>
  </si>
  <si>
    <t>【中铁宝桥（金泉站）】护轨\1/9\P50\砼;交渡;直;槽型\3800mm\CB2213A-01</t>
  </si>
  <si>
    <t>【中铁宝桥（金泉站）】护轨\1/9\P50\砼;交渡;锐;槽型\3000mm\CB2260-01</t>
  </si>
  <si>
    <t>【中铁宝桥（金泉站）】护轨\1/9\P50\砼;交渡;锐;槽型\3000mm\CB2215-02</t>
  </si>
  <si>
    <t>【中铁宝桥（金泉站）】护轨\1/9\P50\砼;交渡;侧;槽型\3600mm\CB2213A-02</t>
  </si>
  <si>
    <t>【中铁宝桥（金泉站）】护轨\1/9\P50\砼;交渡;侧;槽型\3100mm\CB2214-01</t>
  </si>
  <si>
    <t>【中铁宝桥（金泉站）】护轨\1/12\P60\砼;交渡;直\6900mm\CB645-01</t>
  </si>
  <si>
    <t>【中铁宝桥（金泉站）】护轨\1/12\P60\砼;交渡;锐\3330mm\CB666-02</t>
  </si>
  <si>
    <t>【中铁宝桥（金泉站）】护轨\1/12\P60\砼;交渡;侧\4600mm\CB665-01</t>
  </si>
  <si>
    <t>【中铁宝桥（金泉站）】基本轨\1/12\P60\砼;左直;交渡\15700mm\SC330-102</t>
  </si>
  <si>
    <t>【中铁宝桥（金泉站）】基本轨\1/12\P60\砼;左曲;交渡\15700mm\SC330-103</t>
  </si>
  <si>
    <t>【中铁宝桥（金泉站）】基本轨\1/12\P60\砼;左曲;复交\13270mm\SC350-102W</t>
  </si>
  <si>
    <t>【中铁宝桥（金泉站）】基本轨\1/12\P60\砼;右直;交渡\15700mm\SC330-102</t>
  </si>
  <si>
    <t>【中铁宝桥（金泉站）】基本轨\1/12\P60\砼;右曲\16792mm\专线4229-6</t>
  </si>
  <si>
    <t>【中铁宝桥（金泉站）】基本轨\1/12\P60\砼;右曲;交渡\15700mm\SC330-103</t>
  </si>
  <si>
    <t>【中铁宝桥（金泉站）】基本轨\1/12\P60\砼;右曲;复交\13270mm\SC350-102W</t>
  </si>
  <si>
    <t>【中铁宝桥（金泉站）】基本轨\1/12\P50\砼\9710mm\CB2269-01</t>
  </si>
  <si>
    <t>【中铁宝桥（金泉站）】基本轨\1/12\P50\砼;左直\16292mm\专线4258-4</t>
  </si>
  <si>
    <t>【中铁宝桥（金泉站）】基本轨\1/12\P50\砼;左直\10814mm\CB2268-01</t>
  </si>
  <si>
    <t>【中铁宝桥（金泉站）】基本轨\1/12\P50\砼;左曲\16292mm\专线4258-5</t>
  </si>
  <si>
    <t>【中铁宝桥（金泉站）】尖轨\1/9\P60\木;右直;复交\5310mm\专线6044-8A</t>
  </si>
  <si>
    <t>【中铁宝桥（金泉站）】尖轨\1/9\P60\木;右曲;复交\5310mm\专线6044-10A</t>
  </si>
  <si>
    <t>【中铁宝桥（金泉站）】尖轨\1/9\P50\木;右直;复交\5256mm\叁标线6017-8</t>
  </si>
  <si>
    <t>【中铁宝桥（金泉站）】尖轨\1/9\P50\木;右曲;复交\5256mm\叁标线6017-10</t>
  </si>
  <si>
    <t>【中铁宝桥（金泉站）】尖轨\1/9\P50\木;右\6250mm\专线4146-6</t>
  </si>
  <si>
    <t>【中铁宝桥（金泉站）】基本轨\1/9\P60\木;左曲;复交\9300mm\专线6044-5</t>
  </si>
  <si>
    <t>【中铁宝桥（金泉站）】基本轨\1/9\P60\木;左;复交\7682mm\专线6044-4</t>
  </si>
  <si>
    <t>【中铁宝桥（金泉站）】基本轨\1/9\P60\木;右曲;复交\12500mm\专线6044-6</t>
  </si>
  <si>
    <t>【中铁宝桥（金泉站）】基本轨\1/9\P60\木;右;复交\7682mm\专线6044-4</t>
  </si>
  <si>
    <t>【中铁宝桥（金泉站）】基本轨\1/9\P50\木;复交\8285mm\叁标线6017-5</t>
  </si>
  <si>
    <t>【中铁宝桥（金泉站）】基本轨\1/9\P50\木;复交\7624mm\叁标线6017-4</t>
  </si>
  <si>
    <t>【中铁宝桥（金泉站）】等离子尖轨\1/12\P60\砼;左曲;交渡\12480mm\SC330-104</t>
  </si>
  <si>
    <t>【中铁宝桥（金泉站）】基本轨\1/9\P50\砼;右直\11492mm\CB2230-01</t>
  </si>
  <si>
    <t>【中铁宝桥（金泉站）】基本轨\1/9\P50\砼;右曲\11492mm\CB2230-02</t>
  </si>
  <si>
    <t>【中铁宝桥（金泉站）】基本轨\1/9\P50\砼;左直\11492mm\CB2230-01</t>
  </si>
  <si>
    <t>【中铁宝桥（金泉站）】基本轨\1/9\P50\砼;左曲\11492mm\CB2230-02</t>
  </si>
  <si>
    <t>【中铁宝桥（金泉站）】护轨\1/12\P50\砼;直\6900mm\CB2233-01</t>
  </si>
  <si>
    <t>【中铁宝桥（金泉站）】护轨\1/12\P50\砼;侧\5100mm\CB2233-02</t>
  </si>
  <si>
    <t>【中铁宝桥（金泉站）】基本轨\1/12\P50\砼;右直\16292mm\CB2232-01</t>
  </si>
  <si>
    <t>【中铁宝桥（金泉站）】基本轨\1/12\P50\砼;右曲\16292mm\CB2232-02</t>
  </si>
  <si>
    <t>【中铁宝桥（金泉站）】尖轨\1/12\P50\砼;右曲\13080mm\CB2232-03</t>
  </si>
  <si>
    <t>【中铁宝桥（金泉站）】尖轨\1/12\P50\砼;右直\13080mm\CB2232-04</t>
  </si>
  <si>
    <t>【中铁宝桥（金泉站）】基本轨\1/12\P50\砼;左直\16292mm\CB2232-01</t>
  </si>
  <si>
    <t>【中铁宝桥（金泉站）】基本轨\1/12\P50\砼;左曲\10845mm\CB2268-02</t>
  </si>
  <si>
    <t>【中铁宝桥（金泉站）】基本轨\1/12\P50\砼;右直\10814mm\CB2268-01</t>
  </si>
  <si>
    <t>【中铁宝桥（金泉站）】基本轨\1/12\P50\砼;右曲\16945mm\CB2268-03</t>
  </si>
  <si>
    <t>【中铁宝桥（金泉站）】基本轨\1/12\P50\砼;右曲\16292mm\专线4258-5</t>
  </si>
  <si>
    <t>【中铁宝桥（金泉站）】基本轨\1/12\P50\木;砼;左曲\15700mm\专线4148-4</t>
  </si>
  <si>
    <t>【中铁宝桥（金泉站）】活动心轨\1/9\P60\砼;左;复交\3593mm\CB2508-03</t>
  </si>
  <si>
    <t>【中铁宝桥（金泉站）】活动心轨\1/9\P60\砼;左;复交\3564mm\SC450-108</t>
  </si>
  <si>
    <t>【中铁宝桥（金泉站）】活动心轨\1/9\P60\砼;右;复交\3593mm\CB2508-03</t>
  </si>
  <si>
    <t>【中铁宝桥（金泉站）】活动心轨\1/9\P60\砼;右;复交\3564mm\SC450-108</t>
  </si>
  <si>
    <t>【中铁宝桥（金泉站）】活动心轨\1/9\P50\砼;左;复交\3593mm\CB2262-03</t>
  </si>
  <si>
    <t>【中铁宝桥（金泉站）】活动心轨\1/9\P50\砼;右;复交\3593mm\CB2262-03</t>
  </si>
  <si>
    <t>【中铁宝桥（金泉站）】基本轨\1/9\P50\木;复交\12500mm\叁标线6017-6</t>
  </si>
  <si>
    <t>【中铁宝桥（金泉站）】活动心轨\1/9\P60\木;左;复交\3700mm\专线6045-5</t>
  </si>
  <si>
    <t>【中铁宝桥（金泉站）】活动心轨\1/9\P60\木;右;复交\3700mm\专线6045-5</t>
  </si>
  <si>
    <t>【中铁宝桥（金泉站）】活动心轨\1/9\P50\木;左;复交\3700mm\叁标线6018-6</t>
  </si>
  <si>
    <t>【中铁宝桥（金泉站）】活动心轨\1/9\P50\木;右;复交\3700mm\叁标线6018-6</t>
  </si>
  <si>
    <t>【中铁宝桥（金泉站）】活动心轨\1/12\P60\木;左\4200mm\专线6049-5</t>
  </si>
  <si>
    <t>【中铁宝桥（金泉站）】活动心轨\1/12\P60\木;右\4200mm\专线6049-5</t>
  </si>
  <si>
    <t>【中铁宝桥（金泉站）】护轨\1/9\P60\木;交渡;直\3800mm\专线4196-4</t>
  </si>
  <si>
    <t>【中铁宝桥（金泉站）】护轨\1/9\P60\木;交渡;锐\2900mm\专线7580-4</t>
  </si>
  <si>
    <t>【中铁宝桥（金泉站）】护轨\1/12\P75\砼;交渡;锐\3000mm\SC443-302</t>
  </si>
  <si>
    <t>【中铁宝桥（金泉站）】护轨\1/12\P60\砼\6900mm\CB566-01</t>
  </si>
  <si>
    <t>【中铁宝桥（金泉站）】基本轨\1/12\P50\砼;左曲\16292mm\CB2232-02</t>
  </si>
  <si>
    <t>【中铁宝桥（金泉站）】尖轨\1/12\P50\砼;左曲\13080mm\CB2232-03</t>
  </si>
  <si>
    <t>【中铁宝桥（金泉站）】尖轨\1/12\P50\砼;左直\13080mm\CB2232-04</t>
  </si>
  <si>
    <t>【中铁宝桥（金泉站）】锰钢辙叉\1/12\P60\砼\5992mm\CB643-01</t>
  </si>
  <si>
    <t>【中铁宝桥（金泉站）】护轨\1/12\P60\砼;侧\5210mm\CB645-02</t>
  </si>
  <si>
    <t>【中铁宝桥（金泉站）】基本轨\1/12\P60\砼;右直\15700mm\CB642-01</t>
  </si>
  <si>
    <t>【中铁宝桥（金泉站）】基本轨\1/12\P60\砼;右曲\15700mm\CB642-02</t>
  </si>
  <si>
    <t>【中铁宝桥（金泉站）】尖轨\1/12\P60\砼;右曲\12480mm\CB642-03</t>
  </si>
  <si>
    <t>【中铁宝桥（金泉站）】尖轨\1/12\P60\砼;右直\12480mm\CB642-04</t>
  </si>
  <si>
    <t>【中铁宝桥（金泉站）】基本轨\1/12\P60\砼;左直\15700mm\CB642-01</t>
  </si>
  <si>
    <t>【中铁宝桥（金泉站）】基本轨\1/12\P60\砼;左曲\15700mm\CB642-02</t>
  </si>
  <si>
    <t>【中铁宝桥（金泉站）】活动心轨\1/12\P60\砼;左\15020mm\SC350-106W</t>
  </si>
  <si>
    <t>【中铁宝桥（金泉站）】活动心轨\1/12\P60\砼;右\15020mm\SC350-106W</t>
  </si>
  <si>
    <t>【中铁宝桥（金泉站）】护轨\1/9\P60\砼\3800mm\专线(02)4204-Ⅲ-5</t>
  </si>
  <si>
    <t>【中铁宝桥（金泉站）】护轨\1/9\P60\砼 侧\3800mm\SC390C-203</t>
  </si>
  <si>
    <t>【中铁宝桥（金泉站）】护轨\1/9\P50\砼\3600mm\专线(02)4151-Ⅲ-5</t>
  </si>
  <si>
    <t>【中铁宝桥（金泉站）】护轨\1/9\P50\砼;交渡;直\3600mm\专线(02)7663-Ⅱ-4</t>
  </si>
  <si>
    <t>【中铁宝桥（金泉站）】护轨\1/9\P50\砼;交渡;锐\3050mm\专线(02)7663-Ⅲ-5</t>
  </si>
  <si>
    <t>【中铁宝桥（金泉站）】护轨\1/9\P50\砼;交渡;侧\3200mm\专线(02)7663-Ⅱ-5</t>
  </si>
  <si>
    <t>【中铁宝桥（金泉站）】护轨\1/9\P50\砼;复交\3600mm\CB2263-01</t>
  </si>
  <si>
    <t>【中铁宝桥（金泉站）】护轨\1/9\P50\砼;复交;槽形\3600mm\CB2273-01</t>
  </si>
  <si>
    <t>【中铁宝桥（金泉站）】护轨\1/9\P50\木;砼\3600mm\专线4143-5;CB214-02</t>
  </si>
  <si>
    <t>【中铁宝桥（金泉站）】护轨\1/12\P60\木;锐\3100mm\专线7564-4;CB637-01</t>
  </si>
  <si>
    <t>【中铁宝桥（金泉站）】护轨\1/12\P60\木;侧\4600mm\专线7499-3;CB508-01</t>
  </si>
  <si>
    <t>【中铁宝桥（金泉站）】导轨\1/9\P50\木;复交\8755mm\叁标线6018-5</t>
  </si>
  <si>
    <t>【中铁宝桥（金泉站）】导轨\1/12\P60\木;复交\10572mm\专线6049-6</t>
  </si>
  <si>
    <t>【中铁宝桥（金泉站）】导轨\1/12\P50\木\8755mm\专线6060-6</t>
  </si>
  <si>
    <t>【中铁宝桥（金泉站）】导轨\1/12\P50\木\10572mm\专线6060-6</t>
  </si>
  <si>
    <t>【中铁宝桥（金泉站）】锰钢辙叉\1/6\P50\砼;交渡;锐\3604mm\专线7659-Ⅲ-4</t>
  </si>
  <si>
    <t>【中铁宝桥（金泉站）】锰钢辙叉\1/6\P50\砼;交渡;钝\4730mm\专线7659-Ⅳ-3</t>
  </si>
  <si>
    <t>【中铁宝桥（金泉站）】基本轨\1/9\P50\木;左曲;复交\8240mm\专线6055-5</t>
  </si>
  <si>
    <t>【中铁宝桥（金泉站）】基本轨\1/9\P50\木;右曲;复交\8240mm\专线6055-5</t>
  </si>
  <si>
    <t>【中铁宝桥（金泉站）】基本轨\1/12\P75\砼 左曲\23400mm\SC381-103</t>
  </si>
  <si>
    <t>【中铁宝桥（金泉站）】等离子尖轨\1/12\P60\砼;右曲\12400mm\专线4229-7</t>
  </si>
  <si>
    <t>【中铁宝桥（金泉站）】等离子尖轨\1/12\P60\砼;左曲\12400mm\专线4229-7</t>
  </si>
  <si>
    <t>【中铁宝桥（金泉站）】等离子尖轨\1/9\P50\砼;右\6450mm\专线(02)4151-Ⅱ-6</t>
  </si>
  <si>
    <t>【中铁宝桥（金泉站）】翼轨镶嵌式合金钢辙叉1/9\P50\砼\3588mm专线(02)4151-Ⅲ-4</t>
  </si>
  <si>
    <t>【中铁宝桥（金泉站）】基本轨\1/18\P60\砼;右直\20392mm\CB2644-01</t>
  </si>
  <si>
    <t>【中铁宝桥（金泉站）】锰钢辙叉\1/18\P60\砼;右开\8992mm\CB2645-01</t>
  </si>
  <si>
    <t>【中铁宝桥（金泉站）】护轨\1/12\P50\砼;交渡;锐\3330mm\CB2220-02</t>
  </si>
  <si>
    <t>【中铁宝桥（金泉站）】护轨\1/12\P50\砼;交渡;侧\4500mm\CB2286-01</t>
  </si>
  <si>
    <t>【中铁宝桥（金泉站）】翼轨镶嵌式合金钢辙叉\1/12\P60\砼\5992mm\专线SC330-202</t>
  </si>
  <si>
    <t>【中铁宝桥（金泉站）】锰钢辙叉\1/12\P50\砼;交渡;钝\4730mm\CB2288-01</t>
  </si>
  <si>
    <t>【中铁宝桥（金泉站）】锰钢辙叉\1/12\P50\砼;交渡;锐\3604mm\CB2287-01</t>
  </si>
  <si>
    <t>【中铁宝桥（金泉站）】尖轨\1/12\P60\砼;左曲\12480mm\CB642-03</t>
  </si>
  <si>
    <t>【中铁宝桥（金泉站）】尖轨\1/12\P60\砼;左直\12480mm\CB642-04</t>
  </si>
  <si>
    <t>【中铁宝桥（金泉站）】护轨\1/9\P60\砼;单开;直;槽形\5400mm\SC390C-202</t>
  </si>
  <si>
    <t>【中铁宝桥（金泉站）】基本轨\1/9\P50\砼;复交\8140mm\专线(04)6091-Ⅱ-5</t>
  </si>
  <si>
    <t>【中铁宝桥（金泉站）】V形基本轨\1/12\P50\砼\10908mm\专线(04)6090-Ⅲ-4</t>
  </si>
  <si>
    <t>【中铁宝桥（金泉站）】尖轨\1/12\P50\砼;左直\7040mm\专线(04)6090-Ⅱ-6</t>
  </si>
  <si>
    <t>【中铁宝桥（金泉站）】V形基本轨\1/12\P60\砼;复交\4820mm\SC350-105W</t>
  </si>
  <si>
    <t>【中铁宝桥（金泉站）】基本轨\1/12\P60\砼;右曲;复交\13267mm\SC350-102W</t>
  </si>
  <si>
    <t>【中铁宝桥（金泉站）】导轨\1/12\P50\砼;复交\10894mm\专线(04)6090-Ⅲ-5</t>
  </si>
  <si>
    <t>【中铁宝桥（金泉站）】基本轨\1/12\P60\砼;左曲;复交\13267mm\SC350-102W</t>
  </si>
  <si>
    <t>【中铁宝桥（金泉站）】尖轨\1/12\P50\砼;左曲\7040mm\专线(04)6090-Ⅱ-7</t>
  </si>
  <si>
    <t>【中铁宝桥（金泉站）】护轨\1/9\P50\木 交渡 锐\3050mm\专线7514-4</t>
  </si>
  <si>
    <t>【中铁宝桥（金泉站）】护轨\1/9\P50\木 复交\3600mm\专线4143-5</t>
  </si>
  <si>
    <t>【中铁宝桥（金泉站）】护轨\1/12\P60\砼\4800mm\铁联线007-7;CB600-03</t>
  </si>
  <si>
    <t>【中铁宝桥（金泉站）】护轨\1/12\P60\砼;直\6900mm\专线SC330-203</t>
  </si>
  <si>
    <t>【中铁宝桥（金泉站）】护轨\1/12\P60\砼;直\6900mm\铁联线007-6</t>
  </si>
  <si>
    <t>【中铁宝桥（金泉站）】护轨\1/18\P60\砼;侧\6600mm\专线4225A-9</t>
  </si>
  <si>
    <t>【中铁宝桥（金泉站）】短心轨\1/18\P60\砼;左\8476mm\专线4225A-7</t>
  </si>
  <si>
    <t>【中铁宝桥（金泉站）】短心轨\1/18\P60\砼;右\8476mm\专线4225A-7</t>
  </si>
  <si>
    <t>【中铁宝桥（金泉站）】长心轨\1/12\P75\砼;左;可动心\11177mm\SC381-204</t>
  </si>
  <si>
    <t>【中铁宝桥（金泉站）】翼轨\1/12\P75\砼;左开可动心左\12700mm\SC381-202</t>
  </si>
  <si>
    <t>【中铁宝桥（金泉站）】翼轨\1/12\P75\砼;左开可动心右\12700mm\SC381-203</t>
  </si>
  <si>
    <t>【中铁宝桥（金泉站）】基本轨\1/12\P75\砼 左直\23400mm\SC381-102</t>
  </si>
  <si>
    <t>【中铁宝桥（金泉站）】护轨\1/12\P75\砼;左侧;槽形\6500mm\SC381-207</t>
  </si>
  <si>
    <t>【中铁宝桥（金泉站）】短心轨\1/12\P75\砼;左;可动心\6633mm\SC381-205</t>
  </si>
  <si>
    <t>【中铁宝桥（金泉站）】叉跟尖轨\1/12\P75\砼;左;可动心\4530mm\SC381-206</t>
  </si>
  <si>
    <t>【中铁宝桥（金泉站）】护轨\1/9\P60\砼;交渡;锐;右;槽型\3600mm\CB695-01</t>
  </si>
  <si>
    <t>【中铁宝桥（金泉站）】护轨\1/9\P60\砼;右;侧\3800mm\SC390C-203</t>
  </si>
  <si>
    <t>【中铁宝桥（金泉站）】护轨\1/9\P50\砼;交渡;锐;左\3000mm\CB2260-01</t>
  </si>
  <si>
    <t>【中铁宝桥（金泉站）】护轨\1/9\P50\砼;交渡;锐;右\3000mm\CB2260-01</t>
  </si>
  <si>
    <t>【中铁宝桥（金泉站）】护轨\1/9\P60\砼;左;侧\3800mm\SC390C-203</t>
  </si>
  <si>
    <t>【中铁宝桥（金泉站）】护轨\1/12\P75\砼;右;侧;槽形\6500mm\SC381-207</t>
  </si>
  <si>
    <t>【中铁宝桥（金泉站）】护轨\1/12\P75\砼;右;直;槽形\7800mm\SC381-207B</t>
  </si>
  <si>
    <t>【中铁宝桥（金泉站）】护轨\1/18\P75\砼;右;侧;槽型\6600mm\SC488-208</t>
  </si>
  <si>
    <t>【中铁宝桥（金泉站）】护轨\1/18\P75\砼;右;直;槽型\7600mm\SC488-207</t>
  </si>
  <si>
    <t>【中铁宝桥（金泉站）】护轨\1/9\P60\砼;B型ZH;直;\3800mm\CB2518A-01</t>
  </si>
  <si>
    <t>【中铁宝桥（金泉站）】护轨\1/9\P60\砼;B型ZH;侧\3330mm\CB2518A-02</t>
  </si>
  <si>
    <t>【中铁宝桥（金泉站）】护轨\1/9\P60\砼;交渡;B型;直\4000mm\SC460-202ZH</t>
  </si>
  <si>
    <t>【中铁宝桥（金泉站）】尖轨\1/12\P50\砼;右曲\7040mm\专线(04)6090-Ⅱ-7</t>
  </si>
  <si>
    <t>【中铁宝桥（金泉站）】尖轨\1/12\P50\砼;右直\7040mm\专线(04)6090-Ⅱ-6</t>
  </si>
  <si>
    <t>【中铁宝桥（金泉站）】基本轨\1/9\P50\砼;右直\8140mm\专线(04)6091-Ⅱ-5</t>
  </si>
  <si>
    <t>【中铁宝桥（金泉站）】基本轨\1/9\P50\砼;右直\7682mm\专线(04)6091-Ⅱ-6</t>
  </si>
  <si>
    <t>【中铁宝桥（金泉站）】基本轨\1/9\P50\砼;左直\12520mm\专线(04)6091-Ⅱ-4</t>
  </si>
  <si>
    <t>【中铁宝桥（金泉站）】尖轨\1/9\P50\砼;左曲\5310mm\专线(04)6091-Ⅱ-8</t>
  </si>
  <si>
    <t>【中铁宝桥（金泉站）】尖轨\1/9\P50\砼;左直\5310mm\专线(04)6091-Ⅱ-7</t>
  </si>
  <si>
    <t>【中铁宝桥（金泉站）】尖轨\1/9\P50\砼;右曲\5310mm\专线(04)6091-Ⅱ-10</t>
  </si>
  <si>
    <t>【中铁宝桥（金泉站）】尖轨\1/9\P50\砼;右直\5310mm\专线(04)6091-Ⅱ-9</t>
  </si>
  <si>
    <t>【中铁宝桥（金泉站）】基本轨\1/9\P50\砼;左开\7682mm\专线(04)6091-Ⅱ-6</t>
  </si>
  <si>
    <t>【中铁宝桥（金泉站）】基本轨\1/9\P50\砼;左开\8140mm\专线(04)6091-Ⅱ-5</t>
  </si>
  <si>
    <t>【中铁宝桥（金泉站）】护轨\1/12\P60\砼;交渡;直\6900mm\SC330-203</t>
  </si>
  <si>
    <t>【中铁宝桥（金泉站）】护轨\1/12\P60\砼;交渡;锐\3330mm\SC340-303</t>
  </si>
  <si>
    <t>【中铁宝桥（金泉站）】护轨\1/12\P60\砼;交渡;侧\4600mm\SC340-202</t>
  </si>
  <si>
    <t>【中铁宝桥（金泉站）】护轨\1/12\P60\砼;复交;槽形\6900mm\SC350-202</t>
  </si>
  <si>
    <t>【中铁宝桥（金泉站）】护轨\1/12\P50\砼\6900mm\专线4259-5</t>
  </si>
  <si>
    <t>【中铁宝桥（金泉站）】护轨\1/12\P50\砼\5100mm\专线4259-6</t>
  </si>
  <si>
    <t>【中铁宝桥（金泉站）】护轨\1/12\P50\砼;复交\5400mm\CB2270-01</t>
  </si>
  <si>
    <t>【中铁宝桥（金泉站）】护轨\1/12\P50\砼 直\4600mm\专线4149-4</t>
  </si>
  <si>
    <t>【中铁宝桥（金泉站）】护轨\1/12\P50\木 直\4500mm\TB411-050</t>
  </si>
  <si>
    <t>【中铁宝桥（金泉站）】合金钢辙叉\1/12\P60\砼\5992mm\专线4230-4</t>
  </si>
  <si>
    <t>【中铁宝桥（金泉站）】导轨\1/9\P60\砼;复交\8496mm\CB2508-02</t>
  </si>
  <si>
    <t>【中铁宝桥（金泉站）】护轨\1/9\P60\砼;交渡;锐;左;槽型\3600mm\CB695-01</t>
  </si>
  <si>
    <t>【中铁宝桥（金泉站）】合金钢辙叉\1/12\P60\砼;右\9992mm\专线4228</t>
  </si>
  <si>
    <t>【中铁宝桥（金泉站）】合金钢辙叉\1/12\P60\砼;左\9992mm\专线4228</t>
  </si>
  <si>
    <t>【中铁宝桥（金泉站）】合金钢辙叉\1/12\P75\砼\9992mm\SC443</t>
  </si>
  <si>
    <t>【中铁宝桥（金泉站）】加长嵌入式钢锰辙叉\1/12\P75\砼;组合;左\9992mm\SC443</t>
  </si>
  <si>
    <t>【中铁宝桥（金泉站）】加长嵌入式钢锰辙叉\1/12\P75\砼;组合;右\9992mm\SC443</t>
  </si>
  <si>
    <t>【中铁宝桥（金泉站）】PG4钢尖轨\1/12\P75\砼;左直\14211mm\CB731G-04</t>
  </si>
  <si>
    <t>【中铁宝桥（金泉站）】PG4钢基本轨\1/12\P75\砼;右直\23400mm\CB731G-01</t>
  </si>
  <si>
    <t>【中铁宝桥（金泉站）】PG4钢基本轨\1/12\P75\砼;右曲\23400mm\CB731G-02</t>
  </si>
  <si>
    <t>【中铁宝桥（金泉站）】PG4钢基本轨\1/12\P75\砼;左曲\23400mm\CB731G-02</t>
  </si>
  <si>
    <t>【中铁宝桥（金泉站）】PG4钢尖轨\1/12\P75\砼;右曲\14211mm\CB731G-03</t>
  </si>
  <si>
    <t>【中铁宝桥（金泉站）】护轨\1/9\P60\砼;交渡;A型;直\4000mm\SC460-202ZH</t>
  </si>
  <si>
    <t>【中铁宝桥（金泉站）】护轨\1/9\P60\砼;交渡\3600mm\CB695-01</t>
  </si>
  <si>
    <t>【中铁宝桥（金泉站）】活动心轨\1/9\P50\砼;右\3700mm\专线(04)6091-Ⅲ-6</t>
  </si>
  <si>
    <t>【中铁宝桥（金泉站）】活动心轨\1/9\P50\砼;左\3700mm\专线(04)6091-Ⅲ-6</t>
  </si>
  <si>
    <t>【中铁宝桥（金泉站）】爆炸硬化锰钢辙叉\1/9\P50\木;交渡\3588mm\专线4143-4</t>
  </si>
  <si>
    <t>【中铁宝桥（金泉站）】基本轨\1/9\P50\砼;右曲\11200mm\专线4151</t>
  </si>
  <si>
    <t>【中铁宝桥（金泉站）】基本轨\1/9\P50\砼;右直\11200mm\专线4151</t>
  </si>
  <si>
    <t>【中铁宝桥（金泉站）】基本轨\1/9\P50\砼;左直\11200mm\专线4151</t>
  </si>
  <si>
    <t>【中铁宝桥（金泉站）】护轨\1/12\P50\砼;复交\5100mm\专线(04)6090-Ⅳ-4</t>
  </si>
  <si>
    <t>【中铁宝桥（金泉站）】导轨\1/12\P60\砼\7736mm\TB/T2341.3</t>
  </si>
  <si>
    <t>【中铁宝桥（金泉站）】导轨\1/12\P60\砼\7730mm\TB/T2341.3</t>
  </si>
  <si>
    <t>【中铁宝桥（金泉站）】活动心轨\1/12\P60\砼;复交 左\15020mm\SC350-106</t>
  </si>
  <si>
    <t>【中铁宝桥（金泉站）】活动心轨\1/12\P60\砼;复交 右\15020mm\SC350-106</t>
  </si>
  <si>
    <t>【中铁宝桥（金泉站）】导轨\1/9\P60\砼 复交\8437mm\SC450-107</t>
  </si>
  <si>
    <t>【中铁宝桥（金泉站）】导轨\1/9\P50\砼;复交\8496mm\CB2262-02</t>
  </si>
  <si>
    <t>【中铁宝桥（金泉站）】导轨\1/9\P50\复交\8647mm\专线6056-6</t>
  </si>
  <si>
    <t>【中铁宝桥（金泉站）】基本轨\1/9\P43\木;左曲\12500mm\TB402-020</t>
  </si>
  <si>
    <t>【中铁宝桥（金泉站）】基本轨\1/18\P60\砼;右直\19192mm\专线4224-5A</t>
  </si>
  <si>
    <t>【中铁宝桥（金泉站）】基本轨\1/18\P60\砼;右曲\19192mm\专线4224-6A</t>
  </si>
  <si>
    <t>【中铁宝桥（金泉站）】基本轨\1/12\P75\砼 右直\23400mm\SC381-102</t>
  </si>
  <si>
    <t>【中铁宝桥（金泉站）】基本轨\1/12\P60\砼;左直\16792mm\专线4229-5</t>
  </si>
  <si>
    <t>【中铁宝桥（金泉站）】基本轨\1/12\P60\砼;左曲\16792mm\专线4229-6</t>
  </si>
  <si>
    <t>【中铁宝桥（金泉站）】基本轨\1/12\P60\砼;右直\16792mm\专线4229-5</t>
  </si>
  <si>
    <t>【中铁宝桥（金泉站）】基本轨\1/12\P50\砼;右直\16292mm\专线4258-4</t>
  </si>
  <si>
    <t>【中铁宝桥（金泉站）】PG4钢尖轨\1/12\P75\砼;左曲\14211mm\CB731G-03</t>
  </si>
  <si>
    <t>【中铁宝桥（金泉站）】PG4钢尖轨\1/12\P75\砼;右直\14211mm\CB731G-04</t>
  </si>
  <si>
    <t>【中铁宝桥（金泉站）】PG4钢基本轨\1/12\P75\砼;左直\23400mm\CB731G-01</t>
  </si>
  <si>
    <t>【中铁宝桥（金泉站）】爆炸硬化锰钢辙叉\1/12\P75\砼;组合;左开\5992mm\CB734G</t>
  </si>
  <si>
    <t>【中铁宝桥（金泉站）】爆炸硬化锰钢辙叉\1/12\P75\砼;组合;右开\5992mm\CB734G</t>
  </si>
  <si>
    <t>【中铁宝桥（金泉站）】活动心轨\1/12\P60\砼;右;复交\15174mm\SC350-106WA</t>
  </si>
  <si>
    <t>【中铁宝桥（金泉站）】活动心轨\1/12\P60\砼;左;复交\15174mm\SC350-106WA</t>
  </si>
  <si>
    <t>【中铁宝桥（金泉站）】护轨\1/12\P60\砼;直;复交\5700mm\SC583-202ZH</t>
  </si>
  <si>
    <t>【中铁宝桥（金泉站）】爆炸硬化锰钢辙叉\1/12\P75\砼;交渡\5992mm\SC443-202</t>
  </si>
  <si>
    <t>【中铁宝桥（金泉站）】尖轨\1/12\P60\砼;左直\12400mm\专线4229-8W</t>
  </si>
  <si>
    <t>【中铁宝桥（金泉站）】尖轨\1/12\P60\砼;左曲\12400mm\专线4229-7W</t>
  </si>
  <si>
    <t>【中铁宝桥（金泉站）】护轨\1/9\P60\砼;交渡\2900mm\CB697-01</t>
  </si>
  <si>
    <t>【中铁宝桥（金泉站）】辙叉\1/9\P60\砼;交渡;左\4311mm\CB685-01</t>
  </si>
  <si>
    <t>【中铁宝桥（金泉站）】护轨\1/9\P60\砼;交渡;B型;侧;槽形\3330mm\CB691-01</t>
  </si>
  <si>
    <t>【中铁宝桥（金泉站）】护轨\1/9\P60\砼;交渡;A型;侧;槽形\3330mm\CB691-01</t>
  </si>
  <si>
    <t>【中铁宝桥（金泉站）】护轨\1/9\P60\砼;交渡;右;侧\3800mm\CB685A-03</t>
  </si>
  <si>
    <t>【中铁宝桥（金泉站）】护轨\1/9\P60\砼;交渡;锐;左;槽形\3000mm\SC391C-202</t>
  </si>
  <si>
    <t>【中铁宝桥（金泉站）】锰钢辙叉\1/9\P60\砼;交渡;钝\4954mm\CB693-01</t>
  </si>
  <si>
    <t>【中铁宝桥（金泉站）】锰钢辙叉\1/9\P60\砼;交渡;锐\3687mm\CB692-01</t>
  </si>
  <si>
    <t>【中铁宝桥（金泉站）】锰钢辙叉\1/9\P60\砼;交渡;右\4311mm\CB685-01</t>
  </si>
  <si>
    <t>【中铁宝桥（金泉站）】护轨\1/9\P60\砼;交渡;左;侧\3800mm\CB685A-03</t>
  </si>
  <si>
    <t>【中铁宝桥（金泉站）】护轨\1/9\P60\砼;交渡;锐;右\3000mm\CB692-02</t>
  </si>
  <si>
    <t>【中铁宝桥（金泉站）】锰钢辙叉\1/9\P50\砼;交渡\3592mm\CB319-01</t>
  </si>
  <si>
    <t>【中铁宝桥（金泉站）】锰钢辙叉\1/9\P50\砼;交渡\3588mm\专线(02)4151-Ⅲ-4</t>
  </si>
  <si>
    <t>【中铁宝桥（金泉站）】锰钢辙叉\1/9\P50\砼;交渡;锐\3811mm\CB2215-01</t>
  </si>
  <si>
    <t>【中铁宝桥（金泉站）】锰钢辙叉\1/9\P50\砼;交渡;锐\3108mm\专(02)7663-Ⅲ-2</t>
  </si>
  <si>
    <t>【中铁宝桥（金泉站）】锰钢辙叉\1/9\P50\砼;交渡;钝\4954mm\CB2216-01</t>
  </si>
  <si>
    <t>【中铁宝桥（金泉站）】锰钢辙叉\1/9\P50\砼;交渡;钝\4440mm\专(02)7663-Ⅳ-2</t>
  </si>
  <si>
    <t>【中铁宝桥（金泉站）】锰钢辙叉\1/9\P50\木\3588mm\TB1164-010</t>
  </si>
  <si>
    <t>【中铁宝桥（金泉站）】锰钢辙叉\1/9\P50\木;交渡;锐\3108mm\叁标线7096-3</t>
  </si>
  <si>
    <t>【中铁宝桥（金泉站）】锰钢辙叉\1/12\P60\砼;交渡\5992mm\SC330-202</t>
  </si>
  <si>
    <t>【中铁宝桥（金泉站）】锰钢辙叉\1/12\P60\砼;交渡;锐\3605mm\SC340-302</t>
  </si>
  <si>
    <t>【中铁宝桥（金泉站）】锰钢辙叉\1/12\P60\砼;交渡;锐\3582mm\专线7652-4</t>
  </si>
  <si>
    <t>【中铁宝桥（金泉站）】导轨\1/12\P60\砼;复交;曲\9772mm\SC350-107</t>
  </si>
  <si>
    <t>【中铁宝桥（金泉站）】导轨\1/12\P50\砼;左\9692mm\CB2269-02</t>
  </si>
  <si>
    <t>【中铁宝桥（金泉站）】V形基本轨\1/9\P60\砼;复交;钝\8456mm\SC450-106</t>
  </si>
  <si>
    <t>【中铁宝桥（金泉站）】V形基本轨\1/12\P60\砼;复交\4832mm\SC350-105W</t>
  </si>
  <si>
    <t>【中铁宝桥（金泉站）】长心轨\1/12\P75\砼;右;可动心\11177mm\SC381-204</t>
  </si>
  <si>
    <t>【中铁宝桥（金泉站）】翼轨\1/12\P75\砼;右开可动心左\12700mm\SC381-202</t>
  </si>
  <si>
    <t>【中铁宝桥（金泉站）】翼轨\1/12\P75\砼;右开可动心右\12700mm\SC381-203</t>
  </si>
  <si>
    <t>【中铁宝桥（金泉站）】基本轨\1/12\P50\木;左直\12500mm\TB405-010</t>
  </si>
  <si>
    <t>【中铁宝桥（金泉站）】基本轨\1/12\P50\木;左曲\12500mm\TB405-020</t>
  </si>
  <si>
    <t>【中铁宝桥（金泉站）】基本轨\1/12\P50\木;右直\12500mm\TB405-010</t>
  </si>
  <si>
    <t>【中铁宝桥（金泉站）】基本轨\1/12\P50\木;右曲\12500mm\TB405-020</t>
  </si>
  <si>
    <t>【中铁宝桥（金泉站）】基本轨\1/12\P50\木;砼;左直\15700mm\专线4148-4</t>
  </si>
  <si>
    <t>【中铁宝桥（金泉站）】基本轨\1/12\P50\木;砼;左曲\15700mm\专线4148-5</t>
  </si>
  <si>
    <t>【中铁宝桥（金泉站）】基本轨\1/12\P50\木;砼;右直\15700mm\专线4148-4</t>
  </si>
  <si>
    <t>【中铁宝桥（金泉站）】基本轨\1/12\P50\木;砼;右曲\15700mm\专线4148-5</t>
  </si>
  <si>
    <t>【中铁宝桥（金泉站）】活动心轨\1/9\P50\木;左;复交\3700mm\专线6056-5</t>
  </si>
  <si>
    <t>【中铁宝桥（金泉站）】活动心轨\1/9\P50\木;右;复交\3700mm\专线6056-5</t>
  </si>
  <si>
    <t>【中铁宝桥（金泉站）】护轨\1/9\P60\砼;交渡;直;槽形\5400mm\SC391C-101</t>
  </si>
  <si>
    <t>【中铁宝桥（金泉站）】尖轨\1/12\P60\砼;右直\12400mm\专线4229-8W</t>
  </si>
  <si>
    <t>【中铁宝桥（金泉站）】尖轨\1/12\P60\砼;右曲\12400mm\专线4229-7W</t>
  </si>
  <si>
    <t>【中铁宝桥（金泉站）】基本轨\1/12\P60\砼;左直\16792mm\专线4229-5W</t>
  </si>
  <si>
    <t>【中铁宝桥（金泉站）】基本轨\1/12\P60\砼;左曲\16792mm\专线4229-6W</t>
  </si>
  <si>
    <t>【中铁宝桥（金泉站）】基本轨\1/12\P60\砼;右直\16792mm\专线4229-5W</t>
  </si>
  <si>
    <t>【中铁宝桥（金泉站）】基本轨\1/12\P60\砼;右曲\16792mm\专线4229-6W</t>
  </si>
  <si>
    <t>【中铁宝桥（金泉站）】护轨\1/9\P43\木;直\3900mm\TB408-050</t>
  </si>
  <si>
    <t>【中铁宝桥（金泉站）】温调尖轨\P60\P60\砼;左侧\10000mm\研线TF9913-3</t>
  </si>
  <si>
    <t>【中铁宝桥（金泉站）】温调尖轨\P60\P60\砼;右侧\10000mm\研线TF9913-3</t>
  </si>
  <si>
    <t>【中铁宝桥（金泉站）】迎轮护轨\1/12\P75\AT\2446mm\SC381-106</t>
  </si>
  <si>
    <t>【中铁宝桥（金泉站）】锰钢辙叉\1/9\P50\砼\4313mm\CB2214-01(修)</t>
  </si>
  <si>
    <t>【中铁宝桥（金泉站）】护轨\1/9\P60\砼;交渡;锐;左\3000mm\CB692-02</t>
  </si>
  <si>
    <t>【中铁宝桥（金泉站）】护轨\1/9\P60\砼;交渡;右直\5400mm\CB685A-02</t>
  </si>
  <si>
    <t>【中铁宝桥（金泉站）】护轨\1/9\P60\砼;交渡;锐;右;槽形\3000mm\SC391C-202</t>
  </si>
  <si>
    <t>【中铁宝桥（金泉站）】锰钢辙叉\1/12\P60\砼;交渡;钝\4676mm\专线7653-3</t>
  </si>
  <si>
    <t>【中铁宝桥（金泉站）】锰钢辙叉\1/12\P60\砼;交渡;钝\4676mm\SC340-401</t>
  </si>
  <si>
    <t>【中铁宝桥（金泉站）】锰钢辙叉\1/12\P50\砼;复交\5992mm\CB2218-01</t>
  </si>
  <si>
    <t>【中铁宝桥（金泉站）】尖轨\1/9\P60\砼;左直;交渡\12400mm\SC390-104</t>
  </si>
  <si>
    <t>【中铁宝桥（金泉站）】尖轨\1/9\P60\砼;左直;交渡\12400mm\SC(07)390-104</t>
  </si>
  <si>
    <t>【中铁宝桥（金泉站）】尖轨\1/9\P60\砼;左直;复交\5280mm\CB2507-04</t>
  </si>
  <si>
    <t>【中铁宝桥（金泉站）】尖轨\1/9\P60\砼;左直;复交\5230mm\SC450-104</t>
  </si>
  <si>
    <t>【中铁宝桥（金泉站）】尖轨\1/9\P60\砼;左曲;交渡\12400mm\SC390-103</t>
  </si>
  <si>
    <t>【中铁宝桥（金泉站）】尖轨\1/9\P60\砼;左曲;交渡\12400mm\SC(07)390-103</t>
  </si>
  <si>
    <t>【中铁宝桥（金泉站）】尖轨\1/9\P60\砼;左曲;复交\5280mm\CB2507-06</t>
  </si>
  <si>
    <t>【中铁宝桥（金泉站）】尖轨\1/9\P60\砼;左曲;复交\5230mm\SC450-105</t>
  </si>
  <si>
    <t>【中铁宝桥（金泉站）】护轨\1/9\P60\砼;交渡;锐;槽形\3000mm\SC391C-202</t>
  </si>
  <si>
    <t>【中铁宝桥（金泉站）】护轨\1/9\P60\砼;交渡;侧;槽形\3330mm\SC391C-102</t>
  </si>
  <si>
    <t>【中铁宝桥（金泉站）】护轨\1/9\P60\砼;复交\4000mm\SC450-202</t>
  </si>
  <si>
    <t>【中铁宝桥（金泉站）】护轨\1/9\P50\木;直\3900mm\TB410-050</t>
  </si>
  <si>
    <t>【中铁宝桥（金泉站）】护轨\1/9\P50\木 交渡\3250mm\专线7513-4</t>
  </si>
  <si>
    <t>【中铁宝桥（金泉站）】护轨\1/12\P60\砼;交渡;锐\3000mm\铁联线023-5</t>
  </si>
  <si>
    <t>【中铁宝桥（金泉站）】护轨\1/12\P60\砼;交渡;侧\5210mm\SC330-204</t>
  </si>
  <si>
    <t>【中铁宝桥（金泉站）】护轨\1/12\P60\砼;侧\4800mm\铁联线007-7</t>
  </si>
  <si>
    <t>【中铁宝桥（金泉站）】短心轨\1/12\P75\砼;右;可动心\6633mm\SC381-205</t>
  </si>
  <si>
    <t>【中铁宝桥（金泉站）】叉跟尖轨\1/12\P75\砼;右;可动心\4530mm\SC381-206</t>
  </si>
  <si>
    <t>【中铁宝桥（金泉站）】V形基本轨\1/9\P50\木;复交\8666mm\专线6056-4</t>
  </si>
  <si>
    <t>【中铁宝桥（金泉站）】锰钢辙叉\1/9\P50\砼\3588mm\专线(02)4151-Ⅲ-2</t>
  </si>
  <si>
    <t>【中铁宝桥（金泉站）】锰钢辙叉\1/9\P50\木;交渡;钝\4440mm\叁标线7097-3</t>
  </si>
  <si>
    <t>【中铁宝桥（金泉站）】锰钢辙叉\1/12\P75\砼;交渡\5992mm\SC443-202</t>
  </si>
  <si>
    <t>【中铁宝桥（金泉站）】锰钢辙叉\1/12\P75\砼;交渡;锐\2995mm\SC443-302</t>
  </si>
  <si>
    <t>【中铁宝桥（金泉站）】锰钢辙叉\1/12\P60\砼\5927mm\专线4192-3</t>
  </si>
  <si>
    <t>【中铁宝桥（金泉站）】锰钢辙叉\1/12\P60\木\5927mm\专线4192-3</t>
  </si>
  <si>
    <t>【中铁宝桥（金泉站）】锰钢辙叉\1/12\P50\砼\4557mm\叁标线3127-16</t>
  </si>
  <si>
    <t>【中铁宝桥（金泉站）】锰钢辙叉\1/12\P50\木\4557mm\专线4146-4</t>
  </si>
  <si>
    <t>【中铁宝桥（金泉站）】锰钢辙叉\1/12\P50\木;交渡;锐\3153mm\叁标线7409-3</t>
  </si>
  <si>
    <t>【中铁宝桥（金泉站）】锰钢辙叉\1/12\P50\木;交渡;钝\5190mm\叁标线7410-3</t>
  </si>
  <si>
    <t>【中铁宝桥（金泉站）】尖轨\1/9\P60\砼;右直;交渡\12400mm\SC390-104</t>
  </si>
  <si>
    <t>【中铁宝桥（金泉站）】尖轨\1/9\P60\砼;右直;交渡\12400mm\SC(07)390-104</t>
  </si>
  <si>
    <t>【中铁宝桥（金泉站）】尖轨\1/9\P60\砼;右直;复交\5280mm\CB2507-05</t>
  </si>
  <si>
    <t>【中铁宝桥（金泉站）】尖轨\1/9\P60\砼;右直;复交\5230mm\SC450-104</t>
  </si>
  <si>
    <t>【中铁宝桥（金泉站）】尖轨\1/9\P60\砼;右曲;交渡\12400mm\SC390-103</t>
  </si>
  <si>
    <t>【中铁宝桥（金泉站）】尖轨\1/9\P60\砼;右曲;交渡\12400mm\SC(07)390-103</t>
  </si>
  <si>
    <t>【中铁宝桥（金泉站）】尖轨\1/9\P60\砼;右曲;复交\5280mm\CB2507-07</t>
  </si>
  <si>
    <t>【中铁宝桥（金泉站）】尖轨\1/9\P60\砼;右曲;复交\5230mm\SC450-105</t>
  </si>
  <si>
    <t>【中铁宝桥（金泉站）】尖轨\1/9\P50\砼;左直;复交\5280mm\CB2261-04</t>
  </si>
  <si>
    <t>【中铁宝桥（金泉站）】尖轨\1/9\P50\砼;左曲;复交\5280mm\CB2261-06</t>
  </si>
  <si>
    <t>【中铁宝桥（金泉站）】尖轨\1/9\P50\砼;右直;复交\5280mm\CB2261-05</t>
  </si>
  <si>
    <t>【中铁宝桥（金泉站）】胶接钢轨\60kg/m\16.00m\U75V\无孔</t>
  </si>
  <si>
    <t>【中铁宝桥（金泉站）】胶接钢轨\60kg/m\12.50m\U75V\无孔</t>
  </si>
  <si>
    <t>【中铁宝桥（金泉站）】胶接钢轨\75kg/m\8.00m\U75V\无孔</t>
  </si>
  <si>
    <t>【中铁宝桥（金泉站）】胶接钢轨\75kg/m\10.00m\U75V\无孔</t>
  </si>
  <si>
    <t>【中铁宝桥（金泉站）】胶接钢轨\60kg/m\12.50m\U76CrRe\无孔</t>
  </si>
  <si>
    <t>【中铁宝桥（金泉站）】胶接钢轨\75kg/m\25.00m\U75V\无孔</t>
  </si>
  <si>
    <t>【中铁宝桥（金泉站）】胶接钢轨\75kg/m\12.50m\U75V\有孔</t>
  </si>
  <si>
    <t>【中铁宝桥（金泉站）】胶接钢轨\60kg/m\8.00m\U71Mn\无孔</t>
  </si>
  <si>
    <t>【中铁宝桥（金泉站）】胶接钢轨\60kg/m\25.00m\U75V\无孔</t>
  </si>
  <si>
    <t>【中铁宝桥（金泉站）】锰钢辙叉\1/12\P43\木;交渡;锐\3108mm\叁标线7070-3</t>
  </si>
  <si>
    <t>【中铁宝桥（金泉站）】尖轨\1/9\P60\木;左\6450mm\专线4195-7</t>
  </si>
  <si>
    <t>【中铁宝桥（金泉站）】尖轨\1/9\P50\木;左\6250mm\专线4146-6</t>
  </si>
  <si>
    <t>【中铁宝桥（金泉站）】尖轨\1/9\P50\木;左\6250mm\专线4106-6</t>
  </si>
  <si>
    <t>【中铁宝桥（金泉站）】尖轨\1/9\P50\木;右\6250mm\专线4106-6</t>
  </si>
  <si>
    <t>【中铁宝桥（金泉站）】尖轨\1/12\P50\砼;右;复交\4200mm\CB2269-03</t>
  </si>
  <si>
    <t>【中铁宝桥（金泉站）】尖轨\1/12\P50\木;左曲\7700mm\专线4104-6</t>
  </si>
  <si>
    <t>【中铁宝桥（金泉站）】尖轨\1/12\P50\木;左\7700mm\专线4145-6</t>
  </si>
  <si>
    <t>【中铁宝桥（金泉站）】尖轨\1/12\P50\木;右曲\7700mm\专线4104-6</t>
  </si>
  <si>
    <t>【中铁宝桥（金泉站）】尖轨\1/12\P50\木;右\7700mm\专线4145-6</t>
  </si>
  <si>
    <t>【中铁宝桥（金泉站）】护轨\1/9\P60\砼;交渡;A;侧;槽形\3330mm\SC391C-102</t>
  </si>
  <si>
    <t>【中铁宝桥（金泉站）】护轨\1/9\P60\砼;交渡;B;侧;槽形\3330mm\SC391C-102</t>
  </si>
  <si>
    <t>【中铁宝桥（金泉站）】尖轨\1/9\P60\砼;交渡;右曲\12400mm\CB684-03</t>
  </si>
  <si>
    <t>【中铁宝桥（金泉站）】尖轨\1/9\P60\砼;交渡;右直\12400mm\CB684-04</t>
  </si>
  <si>
    <t>【中铁宝桥（金泉站）】尖轨\1/9\P60\砼;交渡;左曲\12400mm\CB684-03</t>
  </si>
  <si>
    <t>【中铁宝桥（金泉站）】尖轨\1/9\P60\砼;交渡;左直\12400mm\CB684-04</t>
  </si>
  <si>
    <t>【中铁宝桥（金泉站）】基本轨\1/9\P60\砼;交渡;右直\15042mm\CB684-01</t>
  </si>
  <si>
    <t>【中铁宝桥（金泉站）】基本轨\1/9\P60\砼;交渡;右曲\15042mm\CB684-02</t>
  </si>
  <si>
    <t>【中铁宝桥（金泉站）】基本轨\1/9\P60\砼;交渡;左曲\15042mm\CB684-02</t>
  </si>
  <si>
    <t>【中铁宝桥（金泉站）】基本轨\1/9\P60\砼;交渡;左直\15042mm\CB684-01</t>
  </si>
  <si>
    <t>【中铁宝桥（金泉站）】护轨\1/9\P60\砼;交渡;左直\5400mm\CB685A-02</t>
  </si>
  <si>
    <t>【中铁宝桥（金泉站）】尖轨\1/9\P50\砼;右曲;复交\5280mm\CB2261-07</t>
  </si>
  <si>
    <t>【中铁宝桥（金泉站）】尖轨\1/9\P50\木;左\6250mm\TB404-030</t>
  </si>
  <si>
    <t>【中铁宝桥（金泉站）】尖轨\1/9\P50\木;右\6250mm\TB404-030</t>
  </si>
  <si>
    <t>【中铁宝桥（金泉站）】尖轨\1/9\P43\木;右\6250mm\TB402-030</t>
  </si>
  <si>
    <t>【中铁宝桥（金泉站）】尖轨\1/18\P60\砼;左直\15680mm\专线4224-8A</t>
  </si>
  <si>
    <t>【中铁宝桥（金泉站）】尖轨\1/18\P60\砼;左曲\15680mm\专线4224-7A</t>
  </si>
  <si>
    <t>【中铁宝桥（金泉站）】尖轨\1/18\P60\砼;右直\15680mm\专线4224-8A</t>
  </si>
  <si>
    <t>【中铁宝桥（金泉站）】尖轨\1/18\P60\砼;右曲\15680mm\专线4224-7A</t>
  </si>
  <si>
    <t>【中铁宝桥（金泉站）】尖轨\1/12\P60\砼;左直;交渡\12480mm\SC330-105</t>
  </si>
  <si>
    <t>【中铁宝桥（金泉站）】尖轨\1/12\P60\砼;左直;复交\10040mm\SC350-103W</t>
  </si>
  <si>
    <t>【中铁宝桥（金泉站）】尖轨\1/12\P60\砼;左曲;交渡\12480mm\SC330-104</t>
  </si>
  <si>
    <t>【中铁宝桥（金泉站）】锰钢辙叉\1/9\P60\砼\4309mm\专线(02)4204-Ⅲ-4</t>
  </si>
  <si>
    <t>【中铁宝桥（金泉站）】锰钢辙叉\1/9\P60\砼;交渡\4311mm\SC390-201</t>
  </si>
  <si>
    <t>【中铁宝桥（金泉站）】锰钢辙叉\1/9\P60\砼;交渡;锐\3687mm\SC391-201</t>
  </si>
  <si>
    <t>【中铁宝桥（金泉站）】锰钢辙叉\1/9\P60\砼;交渡;钝\4954mm\SC391-301</t>
  </si>
  <si>
    <t>【中铁宝桥（金泉站）】锰钢辙叉\1/9\P50\砼\3588mm\专线4143-4</t>
  </si>
  <si>
    <t>【中铁宝桥（金泉站）】锰钢辙叉\1/9\P50\木;交渡;锐\3108mm\专线7514-3</t>
  </si>
  <si>
    <t>【中铁宝桥（金泉站）】锰钢辙叉\1/9\P50\木;交渡;钝\4440mm\专线7515-3</t>
  </si>
  <si>
    <t>【中铁宝桥（金泉站）】锰钢辙叉\1/12\P60\砼\5992mm\专线4230-4</t>
  </si>
  <si>
    <t>【中铁宝桥（金泉站）】锰钢辙叉\1/12\P50\砼\5992mm\专线4259-4</t>
  </si>
  <si>
    <t>【中铁宝桥（金泉站）】锰钢辙叉\1/12\P50\木\5927mm\专线4149-3</t>
  </si>
  <si>
    <t>【中铁宝桥（金泉站）】尖轨\1/9\P60\砼;左\6450mm\专线(02)4204-Ⅱ-6</t>
  </si>
  <si>
    <t>【中铁宝桥（金泉站）】胶接钢轨\60kg/m\12.50m\U75V\有孔</t>
  </si>
  <si>
    <t>【中铁宝桥（金泉站）】胶接钢轨\60kg/m\12.50m\U71Mn\无孔</t>
  </si>
  <si>
    <t>【中铁宝桥（金泉站）】胶接钢轨\60kg/m\9.00m\U75V\无孔</t>
  </si>
  <si>
    <t>【中铁宝桥（金泉站）】胶接钢轨\60kg/m\12.00m\U75V\无孔</t>
  </si>
  <si>
    <t>【中铁宝桥（金泉站）】胶接钢轨\75kg/m\12.50m\U75V\无孔</t>
  </si>
  <si>
    <t>【中铁宝桥（金泉站）】胶接钢轨\60kg/m\7.00m\U71Mn\无孔</t>
  </si>
  <si>
    <t>【中铁宝桥（金泉站）】胶接钢轨\75kg/m\7.00m\U75V\无孔</t>
  </si>
  <si>
    <t>【中铁宝桥（金泉站）】异型钢轨\50-43kg/m\12.50m\U75V\有孔</t>
  </si>
  <si>
    <t>【中铁宝桥（金泉站）】异型钢轨\60-50kg/m\12.50m\U75V\有孔</t>
  </si>
  <si>
    <t>【中铁宝桥（金泉站）】异型钢轨\60-50kg/m\6.25m\U71Mn\有孔</t>
  </si>
  <si>
    <t>【中铁宝桥（金泉站）】异型钢轨\60-50kg/m\12.50m\U71Mn\有孔</t>
  </si>
  <si>
    <t>【中铁宝桥（金泉站）】基本轨\1/9\P60\砼;左直\11200mm\专线4204-6</t>
  </si>
  <si>
    <t>【中铁宝桥（金泉站）】基本轨\1/9\P60\砼;左曲\11200mm\专线4204-7</t>
  </si>
  <si>
    <t>【中铁宝桥（金泉站）】基本轨\1/9\P60\砼;右直\11200mm\专线4204-6</t>
  </si>
  <si>
    <t>【中铁宝桥（金泉站）】基本轨\1/9\P60\砼;右曲\11200mm\专线4204-7</t>
  </si>
  <si>
    <t>【中铁宝桥（金泉站）】基本轨\1/9\P60\木;左直\11200mm\专线4195-4</t>
  </si>
  <si>
    <t>【中铁宝桥（金泉站）】基本轨\1/9\P60\木;左曲\11200mm\专线4195-5</t>
  </si>
  <si>
    <t>【中铁宝桥（金泉站）】基本轨\1/9\P60\木;右直\11200mm\专线4195-4</t>
  </si>
  <si>
    <t>【中铁宝桥（金泉站）】基本轨\1/9\P60\木;右曲\11200mm\专线4195-5</t>
  </si>
  <si>
    <t>【中铁宝桥（金泉站）】基本轨\1/9\P50\木;左直\12500mm\专线4106-4</t>
  </si>
  <si>
    <t>【中铁宝桥（金泉站）】基本轨\1/9\P50\木;左曲\12500mm\专线4106-5</t>
  </si>
  <si>
    <t>【中铁宝桥（金泉站）】基本轨\1/9\P50\木;右直\12500mm\专线4106-4</t>
  </si>
  <si>
    <t>【中铁宝桥（金泉站）】护轨\1/9\P60\砼;右开;直;槽形\5400mm\SC390C-202</t>
  </si>
  <si>
    <t>【中铁宝桥（金泉站）】护轨\1/9\P60\砼;左开;直;槽形\5400mm\SC390C-202</t>
  </si>
  <si>
    <t>【中铁宝桥（金泉站）】护轨\1/9\P60\砼;复交;右\3800mm\CB2509A-01</t>
  </si>
  <si>
    <t>【中铁宝桥（金泉站）】护轨\1/9\P60\砼;复交;左\3800mm\CB2509A-01</t>
  </si>
  <si>
    <t>【中铁宝桥（金泉站）】尖轨\1/18\P60\砼;右直\19040mm\CB2644-04</t>
  </si>
  <si>
    <t>【中铁宝桥（金泉站）】尖轨\1/18\P60\砼,右曲\19040mm\CB2644-03</t>
  </si>
  <si>
    <t>【中铁宝桥（金泉站）】基本轨\1/18\P60\砼,右曲\20392mm\CB2644-02</t>
  </si>
  <si>
    <t>【中铁宝桥（金泉站）】基本轨\1/18\P60\砼;右开\20392mm\CB2644-01</t>
  </si>
  <si>
    <t>【中铁宝桥（金泉站）】叉跟尖轨\1/18\P75\砼;右开\4536mm\SC488-206</t>
  </si>
  <si>
    <t>【中铁宝桥（金泉站）】基本轨\1/18\P75\砼;曲;右开\19192mm\SC488-103</t>
  </si>
  <si>
    <t>【中铁宝桥（金泉站）】基本轨\1/18\P75\砼;直;右开\19192mm\SC488-102</t>
  </si>
  <si>
    <t>【中铁宝桥（金泉站）】尖轨\1/12\P60\砼;左曲;复交\7560mm\SC350-104W</t>
  </si>
  <si>
    <t>【中铁宝桥（金泉站）】尖轨\1/12\P60\砼;右直;交渡\12480mm\SC330-105</t>
  </si>
  <si>
    <t>【中铁宝桥（金泉站）】尖轨\1/12\P60\砼;右直;复交\10040mm\SC350-103W</t>
  </si>
  <si>
    <t>【中铁宝桥（金泉站）】尖轨\1/12\P60\砼;右曲;交渡\12480mm\SC330-104</t>
  </si>
  <si>
    <t>【中铁宝桥（金泉站）】尖轨\1/12\P60\砼;右曲;复交\7560mm\SC350-104W</t>
  </si>
  <si>
    <t>【中铁宝桥（金泉站）】尖轨\1/12\P50\砼;左直\13080mm\专线4258-7</t>
  </si>
  <si>
    <t>【中铁宝桥（金泉站）】尖轨\1/12\P50\砼;左曲\13080mm\专线4258-6</t>
  </si>
  <si>
    <t>【中铁宝桥（金泉站）】尖轨\1/12\P50\砼;直;复交\7630mm\CB2268-06</t>
  </si>
  <si>
    <t>【中铁宝桥（金泉站）】尖轨\1/12\P50\砼;直;复交\7630mm\CB2268-04</t>
  </si>
  <si>
    <t>【中铁宝桥（金泉站）】尖轨\1/12\P50\砼;曲;复交\7630mm\CB2268-07</t>
  </si>
  <si>
    <t>【中铁宝桥（金泉站）】尖轨\1/9\P60\砼;右\6450mm\专线(02)4204-Ⅱ-6</t>
  </si>
  <si>
    <t>【中铁宝桥（金泉站）】尖轨\1/9\P50\砼;左\6450mm\专线(02)4151-Ⅱ-6</t>
  </si>
  <si>
    <t>【中铁宝桥（金泉站）】尖轨\1/9\P50\砼;右\6450mm\专线(02)4151-Ⅱ-6</t>
  </si>
  <si>
    <t>【中铁宝桥（金泉站）】尖轨\1/9\P50\木;左直;复交\5310mm\专线6055-7</t>
  </si>
  <si>
    <t>【中铁宝桥（金泉站）】尖轨\1/9\P50\木;左曲;复交\5310mm\专线6055-9</t>
  </si>
  <si>
    <t>【中铁宝桥（金泉站）】尖轨\1/9\P50\木;左\6450mm\专线4142-6</t>
  </si>
  <si>
    <t>【中铁宝桥（金泉站）】尖轨\1/9\P50\木;右直;复交\5310mm\专线6055-8</t>
  </si>
  <si>
    <t>【中铁宝桥（金泉站）】尖轨\1/9\P50\木;右曲;复交\5310mm\专线6055-10</t>
  </si>
  <si>
    <t>【中铁宝桥（金泉站）】尖轨\1/9\P50\木;右\6450mm\专线4142-6</t>
  </si>
  <si>
    <t>【中铁宝桥（金泉站）】尖轨\1/12\P75\砼;左曲\14211mm\SC381-104</t>
  </si>
  <si>
    <t>【中铁宝桥（金泉站）】尖轨\1/12\P75\砼;右直\14211mm\SC381-105</t>
  </si>
  <si>
    <t>【中铁宝桥（金泉站）】异型钢轨\75-60kg/m\6.25m\U71Mn\无孔</t>
  </si>
  <si>
    <t>【中铁宝桥（金泉站）】异型钢轨\75-60kg/m\12.50m\U75V\有孔</t>
  </si>
  <si>
    <t>【中铁宝桥（金泉站）】异型钢轨\75-60kg/m\12.50m\U71Mn\无孔</t>
  </si>
  <si>
    <t>【中铁宝桥（金泉站）】异型钢轨\60-50kg/m\12.50m\U71Mn\无孔</t>
  </si>
  <si>
    <t>【中铁宝桥（金泉站）】翼轨\1/18\P60\砼;右开左\16021mm\专线4225A-5</t>
  </si>
  <si>
    <t>【中铁宝桥（金泉站）】翼轨\1/18\P60\砼;右开右\16021mm\专线4225A-5</t>
  </si>
  <si>
    <t>【中铁宝桥（金泉站）】翼轨\1/18\P60\砼;左开左\16021mm\专线4225A-5</t>
  </si>
  <si>
    <t>【中铁宝桥（金泉站）】翼轨\1/18\P60\砼;左开右\16021mm\专线4225A-5</t>
  </si>
  <si>
    <t>【中铁宝桥（金泉站）】爆炸硬化锰钢辙叉\1/9\P60\砼;交渡\4311mm\SC390-201</t>
  </si>
  <si>
    <t>【中铁宝桥（金泉站）】爆炸硬化锰钢辙叉\1/9\P60\砼;交渡;钝\4954mm\SC391-301</t>
  </si>
  <si>
    <t>【中铁宝桥（金泉站）】爆炸硬化锰钢辙叉\1/9\P60\砼;交渡 锐\3687mm\SC391-201</t>
  </si>
  <si>
    <t>【中铁宝桥（金泉站）】基本轨\1/9\P50\木;右曲\12500mm\专线4106-5</t>
  </si>
  <si>
    <t>【中铁宝桥（金泉站）】基本轨\1/12\P75\砼;右直\23400mm\SC381-102</t>
  </si>
  <si>
    <t>【中铁宝桥（金泉站）】基本轨\1/12\P60\左直\16792mm\CB599-04;专4229-5</t>
  </si>
  <si>
    <t>【中铁宝桥（金泉站）】基本轨\1/12\P60\左曲\16792mm\CB599-03;专4229-6</t>
  </si>
  <si>
    <t>【中铁宝桥（金泉站）】基本轨\1/12\P60\右直\16792mm\CB599-04;专4229-5</t>
  </si>
  <si>
    <t>【中铁宝桥（金泉站）】基本轨\1/12\P60\右曲\16792mm\CB599-03;专4229-6</t>
  </si>
  <si>
    <t>【中铁宝桥（金泉站）】基本轨\1/12\P50\木;左直\12500mm\专线4145-4</t>
  </si>
  <si>
    <t>【中铁宝桥（金泉站）】基本轨\1/12\P50\木;左直\12500mm\专线4104-4</t>
  </si>
  <si>
    <t>【中铁宝桥（金泉站）】基本轨\1/12\P50\木;左曲\12500mm\专线4104-5</t>
  </si>
  <si>
    <t>【中铁宝桥（金泉站）】基本轨\1/12\P50\木;右直\12500mm\专线4145-4</t>
  </si>
  <si>
    <t>【中铁宝桥（金泉站）】基本轨\1/12\P50\木;右直\12500mm\专线4104-4</t>
  </si>
  <si>
    <t>【中铁宝桥（金泉站）】护轨\1/12\P60\砼;交渡;侧;槽型\5210mm\SC330-204</t>
  </si>
  <si>
    <t>【中铁宝桥（金泉站）】护轨\1/9\P50\砼;交渡;槽型;右\3600mm\CB2801-01</t>
  </si>
  <si>
    <t>【中铁宝桥（金泉站）】护轨\1/9\P50\砼;交渡;槽型;左\3600mm\CB2801-01</t>
  </si>
  <si>
    <t>【中铁宝桥（金泉站）】护轨\1/9\P50\砼;交渡;槽型;右\3100mm\CB2801-02</t>
  </si>
  <si>
    <t>【中铁宝桥（金泉站）】护轨\1/9\P50\砼;交渡;槽型;左\3100mm\CB2801-02</t>
  </si>
  <si>
    <t>【中铁宝桥（金泉站）】护轨\1/9\P50\砼;交渡;锐;槽型;右\3000mm\CB2215-02</t>
  </si>
  <si>
    <t>【中铁宝桥（金泉站）】护轨\1/9\P50\砼;交渡;直;槽型\3100mm\CB2214-01</t>
  </si>
  <si>
    <t>【中铁宝桥（金泉站）】护轨\1/9\P50\砼;侧\3600mm\CB2213-02</t>
  </si>
  <si>
    <t>【中铁宝桥（金泉站）】护轨\1/9\P50\砼;直\3600mm\CB2213-01</t>
  </si>
  <si>
    <t>【中铁宝桥（金泉站）】尖轨\1/9\P50\砼;左\6450mm\CB2230-03</t>
  </si>
  <si>
    <t>【中铁宝桥（金泉站）】尖轨\1/9\P50\砼;右\6450mm\CB2230-03</t>
  </si>
  <si>
    <t>【中铁宝桥（金泉站）】尖轨\1/12\P50\砼;曲;复交\7630mm\CB2268-05</t>
  </si>
  <si>
    <t>【中铁宝桥（金泉站）】基本轨\1/9\P60\砼;左直\15042mm\SC(07)390-101</t>
  </si>
  <si>
    <t>【中铁宝桥（金泉站）】基本轨\1/9\P60\砼;左直;交渡\15042mm\SC390-101</t>
  </si>
  <si>
    <t>【中铁宝桥（金泉站）】基本轨\1/9\P60\砼;左直;复交\7817mm\SC450-103</t>
  </si>
  <si>
    <t>【中铁宝桥（金泉站）】基本轨\1/9\P60\砼;左直;复交\7787mm\CB2507-01</t>
  </si>
  <si>
    <t>【中铁宝桥（金泉站）】基本轨\1/9\P60\砼;左曲\15042mm\SC(07)390-102</t>
  </si>
  <si>
    <t>【中铁宝桥（金泉站）】基本轨\1/9\P60\砼;左曲;交渡\15042mm\SC390-102</t>
  </si>
  <si>
    <t>【中铁宝桥（金泉站）】基本轨\1/9\P60\砼;左曲;复交\9025mm\CB2507-02</t>
  </si>
  <si>
    <t>【中铁宝桥（金泉站）】基本轨\1/9\P60\砼;左曲;复交\10249mm\SC450-102</t>
  </si>
  <si>
    <t>【中铁宝桥（金泉站）】基本轨\1/9\P60\砼;右直\15042mm\SC(07)390-101</t>
  </si>
  <si>
    <t>【中铁宝桥（金泉站）】基本轨\1/9\P60\砼;右直;交渡\15042mm\SC390-101</t>
  </si>
  <si>
    <t>【中铁宝桥（金泉站）】尖轨\1/12\P75\砼;右曲\14211mm\SC381-104</t>
  </si>
  <si>
    <t>【中铁宝桥（金泉站）】尖轨\1/12\P60\砼;左直\12400mm\专线4229-8</t>
  </si>
  <si>
    <t>【中铁宝桥（金泉站）】尖轨\1/12\P60\砼;左曲\12400mm\专线4229-7</t>
  </si>
  <si>
    <t>【中铁宝桥（金泉站）】尖轨\1/12\P60\砼;右直\12400mm\专线4229-8</t>
  </si>
  <si>
    <t>【中铁宝桥（金泉站）】尖轨\1/12\P60\砼;右曲\12400mm\专线4229-7</t>
  </si>
  <si>
    <t>【中铁宝桥（金泉站）】尖轨\1/12\P50\砼;右直\13080mm\专线4258-7</t>
  </si>
  <si>
    <t>【中铁宝桥（金泉站）】尖轨\1/12\P50\砼;右曲\13080mm\专线4258-6</t>
  </si>
  <si>
    <t>【中铁宝桥（金泉站）】尖轨\1/12\P50\木;左\7700mm\TB405-030</t>
  </si>
  <si>
    <t>【中铁宝桥（金泉站）】尖轨\1/12\P50\木;右\7700mm\TB405-030</t>
  </si>
  <si>
    <t>【中铁宝桥（金泉站）】尖轨\1/12\P50\木;砼;左直\11300mm\专线4148-7</t>
  </si>
  <si>
    <t>【中铁宝桥（金泉站）】尖轨\1/12\P50\木;砼;左曲\11300mm\专线4148-6</t>
  </si>
  <si>
    <t>【中铁宝桥（东胜站）】爆炸硬化锰钢辙叉\1/9\P60\木;交渡\4309mm\专线4196-3</t>
  </si>
  <si>
    <t>GNWZBP（TH）ZECG2020-042</t>
  </si>
  <si>
    <t>国家能源e购商城中铁宝桥道岔配件东胜站商城铺货长协采购框架合同</t>
  </si>
  <si>
    <t>【中铁宝桥（东胜站）】爆炸硬化锰钢辙叉\1/9\P50\砼;交渡;钝\4440mm\专线7515-3</t>
  </si>
  <si>
    <t>【中铁宝桥（东胜站）】爆炸硬化锰钢辙叉\1/9\P50\木;交渡;锐\3108mm\专线7514-3</t>
  </si>
  <si>
    <t>【中铁宝桥（东胜站）】爆炸硬化锰钢辙叉\1/12\P75\砼;交渡;组合;左开\5992\CB746G</t>
  </si>
  <si>
    <t>【中铁宝桥（东胜站）】爆炸硬化锰钢辙叉\1/12\P75\砼;交渡;组合;右开\5992\CB746G</t>
  </si>
  <si>
    <t>【中铁宝桥（东胜站）】爆炸硬化锰钢辙叉\1/12\P60\砼;交渡;钝\4676mm\铁联线024-3</t>
  </si>
  <si>
    <t>【中铁宝桥（东胜站）】爆炸硬化锰钢辙叉\1/12\P60\木;交渡;钝\5300mm\专线7494-3</t>
  </si>
  <si>
    <t>【中铁宝桥（东胜站）】尖轨\1/9\P50\木;左直;复交\5256mm\叁标线6017-7</t>
  </si>
  <si>
    <t>【中铁宝桥（东胜站）】尖轨\1/9\P50\木;左曲;复交\5256mm\叁标线6017-9</t>
  </si>
  <si>
    <t>【中铁宝桥（东胜站）】尖轨\1/12\P50\木;左直\7450mm\专线6059-7</t>
  </si>
  <si>
    <t>【中铁宝桥（东胜站）】尖轨\1/12\P50\木;左曲\7450mm\专线6059-7</t>
  </si>
  <si>
    <t>【中铁宝桥（东胜站）】基本轨\1/12\P50\木;右曲\12500mm\专线4104-5</t>
  </si>
  <si>
    <t>【中铁宝桥（东胜站）】基本轨\1/12\P43\木;曲\12500mm\TB403-020</t>
  </si>
  <si>
    <t>【中铁宝桥（东胜站）】护轨\1/9\P60\砼;木\3800mm\专线4196-4;CB506-2</t>
  </si>
  <si>
    <t>【中铁宝桥（东胜站）】护轨\1/9\P60\交渡\3000mm\CB525-01</t>
  </si>
  <si>
    <t>【中铁宝桥（东胜站）】护轨\1/9\P50\砼\4600mm\专线(02)4151-Ⅲ-5</t>
  </si>
  <si>
    <t>【中铁宝桥（东胜站）】护轨\1/9\P50\砼;交渡;钝\3600mm\专线(02)7663-Ⅲ-3</t>
  </si>
  <si>
    <t>【中铁宝桥（东胜站）】护轨\1/9\P50\砼;交渡;锐\3000mm\CB2260-01</t>
  </si>
  <si>
    <t>【中铁宝桥（东胜站）】护轨\1/9\P50\砼;交渡;侧\3600mm\CB2213A-02</t>
  </si>
  <si>
    <t>【中铁宝桥（东胜站）】护轨\1/9\P50\木;交渡\3250mm\专线7513-4;CB218-01</t>
  </si>
  <si>
    <t>【中铁宝桥（东胜站）】护轨\1/9\P50\木;交渡\3060mm\叁标线7096-4</t>
  </si>
  <si>
    <t>【中铁宝桥（东胜站）】护轨\1/12\P60\砼\6900mm\铁联线007-6;CB600-02</t>
  </si>
  <si>
    <t>【中铁宝桥（东胜站）】基本轨\1/18\P60\砼;左直\20392mm\CB2644-01</t>
  </si>
  <si>
    <t>【中铁宝桥（东胜站）】基本轨\1/18\P60\砼;左曲\20392mm\CB2644-02</t>
  </si>
  <si>
    <t>【中铁宝桥（东胜站）】尖轨\1/18\P60\砼;左直\19040mm\CB2644-04</t>
  </si>
  <si>
    <t>【中铁宝桥（东胜站）】尖轨\1/18\P60\砼;左曲\19040mm\CB2644-03</t>
  </si>
  <si>
    <t>【中铁宝桥（东胜站）】活动心轨\1/12\P50\砼;复交;右\4200mm\CB2269-03</t>
  </si>
  <si>
    <t>【中铁宝桥（东胜站）】活动心轨\1/12\P50\砼;复交;左\4200mm\CB2269-03</t>
  </si>
  <si>
    <t>【中铁宝桥（东胜站）】护轨\1/18\P60\砼;直;槽型\8200mm\CB2645-02</t>
  </si>
  <si>
    <t>【中铁宝桥（东胜站）】护轨\1/18\P60\砼;侧;槽型\8200mm\CB2645-02</t>
  </si>
  <si>
    <t>【中铁宝桥（东胜站）】锰钢辙叉\1/18\P60\砼;单开\8992mm\CB2645-01</t>
  </si>
  <si>
    <t>【中铁宝桥（东胜站）】护轨\1/12\P60\砼;直;槽型\6900mm\SC330-203</t>
  </si>
  <si>
    <t>【中铁宝桥（东胜站）】护轨\1/12\P60\砼;交渡;锐\3330mm\专线SC340-303槽型</t>
  </si>
  <si>
    <t>【中铁宝桥（东胜站）】基本轨\1/9\P60\砼;右直;复交\7817mm\SC450-103</t>
  </si>
  <si>
    <t>【中铁宝桥（东胜站）】基本轨\1/9\P60\砼;右直;复交\7787mm\CB2507-01</t>
  </si>
  <si>
    <t>【中铁宝桥（东胜站）】基本轨\1/9\P60\砼;右曲\15042mm\SC(07)390-102</t>
  </si>
  <si>
    <t>【中铁宝桥（东胜站）】基本轨\1/9\P60\砼;右曲;交渡\15042mm\SC390-102</t>
  </si>
  <si>
    <t>【中铁宝桥（东胜站）】基本轨\1/9\P60\砼;右曲;复交\11525mm\CB2507-03</t>
  </si>
  <si>
    <t>【中铁宝桥（东胜站）】基本轨\1/9\P60\砼;右曲;复交\10249mm\SC450-102</t>
  </si>
  <si>
    <t>【中铁宝桥（东胜站）】基本轨\1/9\P60\砼;复交\8505mm\CB2508-01</t>
  </si>
  <si>
    <t>【中铁宝桥（东胜站）】基本轨\1/9\P60\木;右;复交\7682mm\专线6055-4</t>
  </si>
  <si>
    <t>【中铁宝桥（东胜站）】基本轨\1/9\P50\砼;左直;复交\7785mm\CB2261-01</t>
  </si>
  <si>
    <t>【中铁宝桥（东胜站）】基本轨\1/9\P50\左曲\11200mm\CB236-02;专线4151-7</t>
  </si>
  <si>
    <t>【中铁宝桥（东胜站）】基本轨\1/9\P50\砼;左曲;复交\9025mm\CB2261-02</t>
  </si>
  <si>
    <t>【中铁宝桥（东胜站）】尖轨\1/12\P50\木;砼;右直\11300mm\专线4148-7</t>
  </si>
  <si>
    <t>【中铁宝桥（东胜站）】尖轨\1/12\P50\木;砼;右曲\11300mm\专线4148-6</t>
  </si>
  <si>
    <t>【中铁宝桥（东胜站）】基本轨\1/9\P60\砼;左直\11492mm\专线(02)4204-Ⅱ-4</t>
  </si>
  <si>
    <t>【中铁宝桥（东胜站）】基本轨\1/9\P60\砼;左曲\11492mm\专线(02)4204-Ⅱ-5</t>
  </si>
  <si>
    <t>【中铁宝桥（东胜站）】基本轨\1/9\P60\砼;右直\11492mm\专线(02)4204-Ⅱ-4</t>
  </si>
  <si>
    <t>【中铁宝桥（东胜站）】基本轨\1/9\P60\砼;右曲\11492mm\专线(02)4204-Ⅱ-5</t>
  </si>
  <si>
    <t>【中铁宝桥（东胜站）】基本轨\1/9\P50\砼;左直\11492mm\专线(02)4151-Ⅱ-4</t>
  </si>
  <si>
    <t>【中铁宝桥（东胜站）】基本轨\1/9\P50\砼;左曲\11492mm\专线(02)4151-Ⅱ-5</t>
  </si>
  <si>
    <t>【中铁宝桥（东胜站）】基本轨\1/9\P50\砼;右直\11492mm\专线(02)4151-Ⅱ-4</t>
  </si>
  <si>
    <t>【中铁宝桥（东胜站）】基本轨\1/9\P50\砼;右曲\11492mm\专线(02)4151-Ⅱ-5</t>
  </si>
  <si>
    <t>【中铁宝桥（东胜站）】基本轨\1/9\P50\木;左直\12500mm\TB404-010</t>
  </si>
  <si>
    <t>【中铁宝桥（东胜站）】尖轨\1/12\P50\木;右直\7450mm\专线6059-7</t>
  </si>
  <si>
    <t>【中铁宝桥（东胜站）】尖轨\1/12\P50\木;右曲\7450mm\专线6059-7</t>
  </si>
  <si>
    <t>【中铁宝桥（东胜站）】基本轨\1/12\P60\木;左直;交渡\15700mm\专线4129-4</t>
  </si>
  <si>
    <t>【中铁宝桥（东胜站）】基本轨\1/12\P60\木;左直;复交\10879mm\专线6048-4</t>
  </si>
  <si>
    <t>【中铁宝桥（东胜站）】基本轨\1/12\P60\木;左曲;交渡\15700mm\专线4129-5</t>
  </si>
  <si>
    <t>【中铁宝桥（东胜站）】基本轨\1/12\P60\木;左曲;复交\10825mm\专线6048-5</t>
  </si>
  <si>
    <t>【中铁宝桥（东胜站）】基本轨\1/12\P60\木;右直;交渡\15700mm\专线4129-4</t>
  </si>
  <si>
    <t>【中铁宝桥（东胜站）】基本轨\1/12\P60\木;右直;复交\10879mm\专线6048-4</t>
  </si>
  <si>
    <t>【中铁宝桥（东胜站）】基本轨\1/12\P60\木;右曲;交渡\15700mm\专线4129-5</t>
  </si>
  <si>
    <t>【中铁宝桥（东胜站）】基本轨\1/12\P60\木;右曲;复交\17255mm\专线6048-6</t>
  </si>
  <si>
    <t>【中铁宝桥（东胜站）】基本轨\1/12\P50\木\17310mm\专线6020-4</t>
  </si>
  <si>
    <t>【中铁宝桥（东胜站）】护轨\1/12\P60\砼\4600mm\专线4130-4;CB502-02</t>
  </si>
  <si>
    <t>【中铁宝桥（东胜站）】护轨\1/12\P60\木;砼\5100mm\专线4192-4;CB556-02</t>
  </si>
  <si>
    <t>【中铁宝桥（东胜站）】护轨\1/12\P60\木;侧\5100mm\专线4221-5</t>
  </si>
  <si>
    <t>【中铁宝桥（东胜站）】护轨\1/12\P50\砼\4500mm\TB411-040</t>
  </si>
  <si>
    <t>【中铁宝桥（东胜站）】护轨\1/12\P50\木;砼\4600mm\专线4149-4;CB291-01</t>
  </si>
  <si>
    <t>【中铁宝桥（东胜站）】导轨\1/9\P60\木;复交;左\8647mm\专线6045-6</t>
  </si>
  <si>
    <t>【中铁宝桥（东胜站）】锰钢辙叉\1/9\P60\砼\4309mm\专线4196-3</t>
  </si>
  <si>
    <t>【中铁宝桥（东胜站）】锰钢辙叉\1/12\P75\砼;交渡;钝\4676mm\SC443-401</t>
  </si>
  <si>
    <t>【中铁宝桥（东胜站）】锰钢辙叉\1/12\P50\木\4557mm\TB1165-010</t>
  </si>
  <si>
    <t>【中铁宝桥（东胜站）】锰钢辙叉\1/12\P43\木\4557mm\TB1163-010</t>
  </si>
  <si>
    <t>【中铁宝桥（东胜站）】尖轨\1/9\P60\木;左\6450mm\专线4195-6</t>
  </si>
  <si>
    <t>【中铁宝桥（东胜站）】护轨\1/12\P60\砼;交渡;侧\4600mm\专线SC340-202槽型</t>
  </si>
  <si>
    <t>【中铁宝桥（东胜站）】护轨\1/12\P60\砼;直\5210mm\专线SC330-204槽型</t>
  </si>
  <si>
    <t>【中铁宝桥（东胜站）】翼轨\1/18\P75\砼;左\16700mm\SC488-202</t>
  </si>
  <si>
    <t>【中铁宝桥（东胜站）】翼轨\1/18\P75\砼;右\16700mm\SC488-203</t>
  </si>
  <si>
    <t>【中铁宝桥（东胜站）】短心轨\1/18\P75\砼;右;可动心\8520mm\SC488-205</t>
  </si>
  <si>
    <t>【中铁宝桥（东胜站）】尖轨\1/18\P75\砼;右曲\16600mm\SC488-104</t>
  </si>
  <si>
    <t>【中铁宝桥（东胜站）】尖轨\1/18\P75\砼;右直\16600mm\SC488-105</t>
  </si>
  <si>
    <t>【中铁宝桥（东胜站）】长心轨\1/18\P75\砼;右;可动心\13576mm\SC488-204</t>
  </si>
  <si>
    <t>【中铁宝桥（东胜站）】尖轨\1/6\P50\木;右;对称\4500mm\专线5817-4</t>
  </si>
  <si>
    <t>【中铁宝桥（东胜站）】锰钢辙叉\1/9\P50\砼;复交\4309mm\CB2214-01</t>
  </si>
  <si>
    <t>【中铁宝桥（东胜站）】活动心轨\1/12\P50\砼;复交;左\4200mm\专线6090-Ⅲ-6</t>
  </si>
  <si>
    <t>【中铁宝桥（东胜站）】基本轨\1/9\P50\砼;右直;复交\7785mm\CB2261-01</t>
  </si>
  <si>
    <t>【中铁宝桥（东胜站）】基本轨\1/9\P50\砼;右曲;复交\11525mm\CB2261-03</t>
  </si>
  <si>
    <t>【中铁宝桥（东胜站）】基本轨\1/9\P50\砼;复交\8505mm\CB2262-01</t>
  </si>
  <si>
    <t>【中铁宝桥（东胜站）】基本轨\1/9\P50\木;复交\8240mm\专线6055-5</t>
  </si>
  <si>
    <t>【中铁宝桥（东胜站）】基本轨\1/9\P43\木;右直\12500mm\TB402-010</t>
  </si>
  <si>
    <t>【中铁宝桥（东胜站）】基本轨\1/18\P60\砼;左直\19192mm\专线4224-5A</t>
  </si>
  <si>
    <t>【中铁宝桥（东胜站）】基本轨\1/18\P60\砼;左曲\19192mm\专线4224-6A</t>
  </si>
  <si>
    <t>【中铁宝桥（东胜站）】基本轨\1/12\P75\砼;左直\23400mm\SC381-102</t>
  </si>
  <si>
    <t>【中铁宝桥（东胜站）】基本轨\1/12\P75\砼;左曲\23400mm\SC381-103</t>
  </si>
  <si>
    <t>【中铁宝桥（东胜站）】基本轨\1/12\P75\砼;右曲\23400mm\SC381-103</t>
  </si>
  <si>
    <t>【中铁宝桥（东胜站）】基本轨\1/9\P50\木;左直\11200mm\专线4142-4</t>
  </si>
  <si>
    <t>【中铁宝桥（东胜站）】基本轨\1/9\P50\木;左曲\12500mm\TB404-020</t>
  </si>
  <si>
    <t>【中铁宝桥（东胜站）】基本轨\1/9\P50\木;左曲\11200mm\专线4142-5</t>
  </si>
  <si>
    <t>【中铁宝桥（东胜站）】基本轨\1/9\P50\木;左;复交\7682mm\专线6055-4</t>
  </si>
  <si>
    <t>【中铁宝桥（东胜站）】基本轨\1/9\P50\木;右直\12500mm\TB404-010</t>
  </si>
  <si>
    <t>【中铁宝桥（东胜站）】基本轨\1/9\P50\木;右直\11200mm\专线4142-4</t>
  </si>
  <si>
    <t>【中铁宝桥（东胜站）】基本轨\1/9\P50\木;右曲\12500mm\TB404-020</t>
  </si>
  <si>
    <t>【中铁宝桥（东胜站）】基本轨\1/9\P50\木;右曲\11200mm\专线4142-5</t>
  </si>
  <si>
    <t>【中铁宝桥（东胜站）】基本轨\1/9\P50\木;右;复交\7682mm\专线6055-4</t>
  </si>
  <si>
    <t>【中铁宝桥（东胜站）】基本轨\1/9\P50\木;复交\12500mm\专线6055-6</t>
  </si>
  <si>
    <t>【中铁宝桥（东胜站）】基本轨\1/9\P43\木;左直\12500mm\TB402-010</t>
  </si>
  <si>
    <t>【中铁宝桥（东胜站）】基本轨\1/12\P50\木\10879mm\专线6059-4</t>
  </si>
  <si>
    <t>【中铁宝桥（东胜站）】基本轨\1/12\P50\木\10585mm\专线6060-4</t>
  </si>
  <si>
    <t>【中铁宝桥（东胜站）】基本轨\1/12\P50\木;左曲\10825mm\专线6059-5</t>
  </si>
  <si>
    <t>【中铁宝桥（东胜站）】尖轨\1/9\P60\木;右\6450mm\专线4195-6</t>
  </si>
  <si>
    <t>【中铁宝桥（东胜站）】尖轨\1/9\P43\木;左\6250mm\TB402-030</t>
  </si>
  <si>
    <t>【中铁宝桥（东胜站）】尖轨\1/12\P75\砼;左直\14211mm\SC381-105</t>
  </si>
  <si>
    <t>【中铁宝桥（东胜站）】尖轨\1/12\P60\木;砼;左直\11300mm\专线4191-7</t>
  </si>
  <si>
    <t>【中铁宝桥（东胜站）】尖轨\1/12\P60\木;砼;左曲\11300mm\专线4191-6</t>
  </si>
  <si>
    <t>【中铁宝桥（东胜站）】尖轨\1/12\P60\木;砼;右直\11300mm\专线4191-7</t>
  </si>
  <si>
    <t>【中铁宝桥（东胜站）】尖轨\1/12\P60\木;砼;右曲\11300mm\专线4191-6</t>
  </si>
  <si>
    <t>【中铁宝桥（东胜站）】尖轨\1/12\P50\砼;左;复交\4200mm\CB2269-03</t>
  </si>
  <si>
    <t>【中铁宝桥（东胜站）】尖轨\1/12\P50\木;左直\7700mm\专线4104-6</t>
  </si>
  <si>
    <t>【中铁宝桥（东胜站）】尖轨\1/12\P50\木;右直\7700mm\专线4104-6</t>
  </si>
  <si>
    <t>【中铁宝桥（东胜站）】尖轨\1/12\P43\木;左\7700mm\TB403-030</t>
  </si>
  <si>
    <t>【中铁宝桥（东胜站）】活动心轨\1/12\P50\砼;复交;右\4200mm\专线6090-Ⅲ-6</t>
  </si>
  <si>
    <t>【中铁宝桥（东胜站）】护轨总成\1/9\P50\木\11000mm\TB410-050</t>
  </si>
  <si>
    <t>【中铁宝桥（东胜站）】护轨\1/9\P60\砼;交渡;锐\3600mm\SC392C-201</t>
  </si>
  <si>
    <t>【中铁宝桥（东胜站）】护轨\1/9\P50\砼;交渡;锐\3000mm\CB2215-02</t>
  </si>
  <si>
    <t>【中铁宝桥（东胜站）】异型钢轨\75-60kg/m\12.50m\PG4\无孔</t>
  </si>
  <si>
    <t>【中铁宝桥（东胜站）】护轨\1/9\P50\砼;交渡;侧\3100mm\CB2214-01</t>
  </si>
  <si>
    <t>【中铁宝桥（东胜站）】护轨\1/6\P50\木\2700mm\专线5818-5</t>
  </si>
  <si>
    <t>【中铁宝桥（东胜站）】尖轨\1/12\P50\木;复交;左曲\7450mm\专线6059-8</t>
  </si>
  <si>
    <t>【中铁宝桥（东胜站）】尖轨\1/12\P50\木;复交;右直\7450mm\专线6059-9</t>
  </si>
  <si>
    <t>【中铁宝桥（东胜站）】尖轨\1/12\P50\木;复交;右曲\7450mm\专线6059-10</t>
  </si>
  <si>
    <t>【中铁宝桥（东胜站）】导轨\1/9\P50\砼;复交\8647mm\专线(04)6091-III-5</t>
  </si>
  <si>
    <t>【中铁宝桥（东胜站）】基本轨\1/12\P50\木;右曲\17255mm\专线6059-6</t>
  </si>
  <si>
    <t>【中铁宝桥（东胜站）】尖轨\1/12\P60\木;左直;复交\7450mm\专线6048-7A</t>
  </si>
  <si>
    <t>【中铁宝桥（东胜站）】尖轨\1/12\P60\木;左曲;复交\7450mm\专线6048-9A</t>
  </si>
  <si>
    <t>【中铁宝桥（东胜站）】尖轨\1/12\P60\木;右直;复交\7450mm\专线6048-8A</t>
  </si>
  <si>
    <t>【中铁宝桥（东胜站）】尖轨\1/12\P60\木;右曲;复交\7450mm\专线6048-10A</t>
  </si>
  <si>
    <t>【中铁宝桥（东胜站）】伸缩器尖轨\P60;研线TF9912-4;左;1000mm</t>
  </si>
  <si>
    <t>【中铁宝桥（东胜站）】伸缩器尖轨\P60;研线TF9912-4;右;1000mm</t>
  </si>
  <si>
    <t>【中铁宝桥（东胜站）】伸缩器基本轨\P60;研线TF9912-3;左;1000mm</t>
  </si>
  <si>
    <t>【中铁宝桥（东胜站）】伸缩器基本轨\P60;研线TF9912-3;右;1000mm</t>
  </si>
  <si>
    <t>【中铁宝桥（东胜站）】锰钢辙叉\1/9\P60\木;交渡;锐\3184mm\专线7489-3</t>
  </si>
  <si>
    <t>【中铁宝桥（东胜站）】锰钢辙叉\1/9\P60\木;交渡;钝\4198mm\专线7490-3</t>
  </si>
  <si>
    <t>【中铁宝桥（东胜站）】尖轨\1/12\P43\木;右\7700mm\TB403-030</t>
  </si>
  <si>
    <t>【中铁宝桥（东胜站）】基本轨\1/9\P43\木;右曲\12500mm\TB402-020</t>
  </si>
  <si>
    <t>【中铁宝桥（东胜站）】基本轨\1/12\P60\木;砼;左直\15700mm\专线4191-4</t>
  </si>
  <si>
    <t>【中铁宝桥（东胜站）】基本轨\1/12\P60\木;砼;左曲\15700mm\专线4191-5</t>
  </si>
  <si>
    <t>【中铁宝桥（东胜站）】基本轨\1/12\P60\木;砼;右直\15700mm\专线4191-4</t>
  </si>
  <si>
    <t>【中铁宝桥（东胜站）】基本轨\1/12\P60\木;砼;右曲\15700mm\专线4191-5</t>
  </si>
  <si>
    <t>【中铁宝桥（东胜站）】基本轨\1/12\P50\木;左曲\12500mm\专线4145-5</t>
  </si>
  <si>
    <t>【中铁宝桥（东胜站）】基本轨\1/12\P50\木;右曲\12500mm\专线4145-5</t>
  </si>
  <si>
    <t>【中铁宝桥（东胜站）】基本轨\1/12\P43\木;直\12500mm\TB403-010</t>
  </si>
  <si>
    <t>【中铁宝桥（东胜站）】护轨\1/9\P60\木;交渡\3250mm\专线7579-3</t>
  </si>
  <si>
    <t>【中铁宝桥（东胜站）】护轨\1/9\P50\木;交渡\3900mm\叁标线7095-5</t>
  </si>
  <si>
    <t>【中铁宝桥（东胜站）】导轨\1/12\P50\木;复交\10572mm\专线6060-6</t>
  </si>
  <si>
    <t>【中铁宝桥（东胜站）】基本轨\1/9\P50\砼;曲;复交\12520mm\专线6091-Ⅱ-4</t>
  </si>
  <si>
    <t>【中铁宝桥（东胜站）】基本轨\1/9\P50\砼;左直;复交\7682mm\专线6091-Ⅱ-6</t>
  </si>
  <si>
    <t>【中铁宝桥（东胜站）】基本轨\1/6\P50\木;左曲;对称\7812mm\专线5817-3</t>
  </si>
  <si>
    <t>【中铁宝桥（东胜站）】基本轨\1/6\P50\木;右曲;对称\7812mm\专线5817-3</t>
  </si>
  <si>
    <t>【中铁宝桥（东胜站）】基本轨\1/12\P50\砼;曲;复交\16911mm\专线6090-Ⅱ-5</t>
  </si>
  <si>
    <t>【中铁宝桥（东胜站）】基本轨\1/12\P50\砼;曲;复交\10811mm\专线6090-Ⅱ-5</t>
  </si>
  <si>
    <t>【中铁宝桥（东胜站）】V形基本轨\1/9\P50\砼;复交\8666mm\专线(04)6091-Ⅲ-4</t>
  </si>
  <si>
    <t>【中铁宝桥（东胜站）】V形基本轨\1/12\P50\木;复交\10585mm\专线6060-4</t>
  </si>
  <si>
    <t>【中铁宝桥（东胜站）】基本轨\1/12\P50\砼;右直\10814mm\专线(04)6090-Ⅱ-4</t>
  </si>
  <si>
    <t>【中铁宝桥（东胜站）】基本轨\1/12\P50\砼;左直\10814mm\专线(04)6090-Ⅱ-4</t>
  </si>
  <si>
    <t>【中铁宝桥（东胜站）】锰钢辙叉\1/9\P43\木\3588mm\TB1162-010</t>
  </si>
  <si>
    <t>【中铁宝桥（东胜站）】锰钢辙叉\1/9\P43\木;交渡;钝\5000mm\叁标线7070-3</t>
  </si>
  <si>
    <t>【中铁宝桥（东胜站）】锰钢辙叉\1/12\P60\木;交渡;锐\3299mm\专线7564-3</t>
  </si>
  <si>
    <t>【中铁宝桥（东胜站）】锰钢辙叉\1/12\P60\木;交渡;钝\5300mm\专线7565-3</t>
  </si>
  <si>
    <t>【中铁宝桥（东胜站）】尖轨\1/9\P60\木;左直;复交\5310mm\专线6044-7A</t>
  </si>
  <si>
    <t>【中铁宝桥（东胜站）】尖轨\1/9\P60\木;左曲;复交\5310mm\专线6044-9A</t>
  </si>
  <si>
    <t>【中铁宝桥（东胜站）】护轨\1/9\P50\木;交渡\3050mm\专线7514-4;CB219-01</t>
  </si>
  <si>
    <t>【中铁宝桥（东胜站）】护轨\1/12\P75\砼;左直;槽形\7800mm\SC381-207B</t>
  </si>
  <si>
    <t>【中铁宝桥（东胜站）】护轨\1/12\P75\砼;交渡;直;槽形\6900mm\SC443-203</t>
  </si>
  <si>
    <t>【中铁宝桥（东胜站）】护轨\1/12\P75\砼;交渡;锐\3000mm\SC443-303</t>
  </si>
  <si>
    <t>【中铁宝桥（东胜站）】护轨\1/12\P75\砼;交渡;侧;槽形\4800mm\SC443-204</t>
  </si>
  <si>
    <t>【中铁宝桥（东胜站）】护轨\1/12\P60\砼;锐\3000mm\铁联线023-5;CB584-01</t>
  </si>
  <si>
    <t>【中铁宝桥（东胜站）】护轨\1/12\P60\木;直\6900mm\专线4221-4</t>
  </si>
  <si>
    <t>【中铁宝桥（东胜站）】等离子尖轨\1/9\P50\砼;左\6450mm\专线(02)4151-Ⅱ-6</t>
  </si>
  <si>
    <t>【中铁宝桥（东胜站）】等离子尖轨1/9\P60砼;右曲;交渡12400mm\SC(07)390-103</t>
  </si>
  <si>
    <t>【中铁宝桥（东胜站）】等离子尖轨1/9\P60砼;左曲;交渡12400mm\SC(07)390-103</t>
  </si>
  <si>
    <t>【中铁宝桥（东胜站）】等离子尖轨\1/12\P60\砼;右曲;交渡\12480mm\SC330-104</t>
  </si>
  <si>
    <t>【中铁宝桥（东胜站）】基本轨\1/12\P50\砼;复交\16911mm\专线(04)6090-Ⅱ-5</t>
  </si>
  <si>
    <t>【中铁宝桥（东胜站）】锰钢辙叉\1/12\P60\砼;交渡;锐\3605mm\CB666-01</t>
  </si>
  <si>
    <t>【中铁宝桥（东胜站）】锰钢辙叉\1/12\P60\砼;交渡;钝\4676mm\CB658-01</t>
  </si>
  <si>
    <t>【中铁宝桥（东胜站）】护轨\1/9\P50\砼;交渡;直;槽型\3800mm\CB2213A-01</t>
  </si>
  <si>
    <t>【中铁宝桥（东胜站）】护轨\1/9\P50\砼;交渡;锐;槽型\3000mm\CB2260-01</t>
  </si>
  <si>
    <t>【中铁宝桥（东胜站）】护轨\1/9\P50\砼;交渡;锐;槽型\3000mm\CB2215-02</t>
  </si>
  <si>
    <t>【中铁宝桥（东胜站）】护轨\1/9\P50\砼;交渡;侧;槽型\3600mm\CB2213A-02</t>
  </si>
  <si>
    <t>【中铁宝桥（东胜站）】护轨\1/9\P50\砼;交渡;侧;槽型\3100mm\CB2214-01</t>
  </si>
  <si>
    <t>【中铁宝桥（东胜站）】护轨\1/12\P60\砼;交渡;直\6900mm\CB645-01</t>
  </si>
  <si>
    <t>【中铁宝桥（东胜站）】护轨\1/12\P60\砼;交渡;锐\3330mm\CB666-02</t>
  </si>
  <si>
    <t>【中铁宝桥（东胜站）】护轨\1/12\P60\砼;交渡;侧\4600mm\CB665-01</t>
  </si>
  <si>
    <t>【中铁宝桥（东胜站）】基本轨\1/12\P60\砼;左直;交渡\15700mm\SC330-102</t>
  </si>
  <si>
    <t>【中铁宝桥（东胜站）】基本轨\1/12\P60\砼;左曲;交渡\15700mm\SC330-103</t>
  </si>
  <si>
    <t>【中铁宝桥（东胜站）】基本轨\1/12\P60\砼;左曲;复交\13270mm\SC350-102W</t>
  </si>
  <si>
    <t>【中铁宝桥（东胜站）】基本轨\1/12\P60\砼;右直;交渡\15700mm\SC330-102</t>
  </si>
  <si>
    <t>【中铁宝桥（东胜站）】基本轨\1/12\P60\砼;右曲\16792mm\专线4229-6</t>
  </si>
  <si>
    <t>【中铁宝桥（东胜站）】基本轨\1/12\P60\砼;右曲;交渡\15700mm\SC330-103</t>
  </si>
  <si>
    <t>【中铁宝桥（东胜站）】基本轨\1/12\P60\砼;右曲;复交\13270mm\SC350-102W</t>
  </si>
  <si>
    <t>【中铁宝桥（东胜站）】基本轨\1/12\P50\砼\9710mm\CB2269-01</t>
  </si>
  <si>
    <t>【中铁宝桥（东胜站）】基本轨\1/12\P50\砼;左直\16292mm\专线4258-4</t>
  </si>
  <si>
    <t>【中铁宝桥（东胜站）】基本轨\1/12\P50\砼;左直\10814mm\CB2268-01</t>
  </si>
  <si>
    <t>【中铁宝桥（东胜站）】基本轨\1/12\P50\砼;左曲\16292mm\专线4258-5</t>
  </si>
  <si>
    <t>【中铁宝桥（东胜站）】尖轨\1/9\P60\木;右直;复交\5310mm\专线6044-8A</t>
  </si>
  <si>
    <t>【中铁宝桥（东胜站）】尖轨\1/9\P60\木;右曲;复交\5310mm\专线6044-10A</t>
  </si>
  <si>
    <t>【中铁宝桥（东胜站）】尖轨\1/9\P50\木;右直;复交\5256mm\叁标线6017-8</t>
  </si>
  <si>
    <t>【中铁宝桥（东胜站）】尖轨\1/9\P50\木;右曲;复交\5256mm\叁标线6017-10</t>
  </si>
  <si>
    <t>【中铁宝桥（东胜站）】尖轨\1/9\P50\木;右\6250mm\专线4146-6</t>
  </si>
  <si>
    <t>【中铁宝桥（东胜站）】基本轨\1/9\P60\木;左曲;复交\9300mm\专线6044-5</t>
  </si>
  <si>
    <t>【中铁宝桥（东胜站）】基本轨\1/9\P60\木;左;复交\7682mm\专线6044-4</t>
  </si>
  <si>
    <t>【中铁宝桥（东胜站）】基本轨\1/9\P60\木;右曲;复交\12500mm\专线6044-6</t>
  </si>
  <si>
    <t>【中铁宝桥（东胜站）】基本轨\1/9\P60\木;右;复交\7682mm\专线6044-4</t>
  </si>
  <si>
    <t>【中铁宝桥（东胜站）】基本轨\1/9\P50\木;复交\8285mm\叁标线6017-5</t>
  </si>
  <si>
    <t>【中铁宝桥（东胜站）】基本轨\1/9\P50\木;复交\7624mm\叁标线6017-4</t>
  </si>
  <si>
    <t>【中铁宝桥（东胜站）】等离子尖轨\1/12\P60\砼;左曲;交渡\12480mm\SC330-104</t>
  </si>
  <si>
    <t>【中铁宝桥（东胜站）】基本轨\1/9\P50\砼;右直\11492mm\CB2230-01</t>
  </si>
  <si>
    <t>【中铁宝桥（东胜站）】基本轨\1/9\P50\砼;右曲\11492mm\CB2230-02</t>
  </si>
  <si>
    <t>【中铁宝桥（东胜站）】基本轨\1/9\P50\砼;左直\11492mm\CB2230-01</t>
  </si>
  <si>
    <t>【中铁宝桥（东胜站）】基本轨\1/9\P50\砼;左曲\11492mm\CB2230-02</t>
  </si>
  <si>
    <t>【中铁宝桥（东胜站）】护轨\1/12\P50\砼;直\6900mm\CB2233-01</t>
  </si>
  <si>
    <t>【中铁宝桥（东胜站）】护轨\1/12\P50\砼;侧\5100mm\CB2233-02</t>
  </si>
  <si>
    <t>【中铁宝桥（东胜站）】基本轨\1/12\P50\砼;右直\16292mm\CB2232-01</t>
  </si>
  <si>
    <t>【中铁宝桥（东胜站）】基本轨\1/12\P50\砼;右曲\16292mm\CB2232-02</t>
  </si>
  <si>
    <t>【中铁宝桥（东胜站）】尖轨\1/12\P50\砼;右曲\13080mm\CB2232-03</t>
  </si>
  <si>
    <t>【中铁宝桥（东胜站）】尖轨\1/12\P50\砼;右直\13080mm\CB2232-04</t>
  </si>
  <si>
    <t>【中铁宝桥（东胜站）】基本轨\1/12\P50\砼;左直\16292mm\CB2232-01</t>
  </si>
  <si>
    <t>【中铁宝桥（东胜站）】基本轨\1/12\P50\砼;左曲\10845mm\CB2268-02</t>
  </si>
  <si>
    <t>【中铁宝桥（东胜站）】基本轨\1/12\P50\砼;右直\10814mm\CB2268-01</t>
  </si>
  <si>
    <t>【中铁宝桥（东胜站）】基本轨\1/12\P50\砼;右曲\16945mm\CB2268-03</t>
  </si>
  <si>
    <t>【中铁宝桥（东胜站）】基本轨\1/12\P50\砼;右曲\16292mm\专线4258-5</t>
  </si>
  <si>
    <t>【中铁宝桥（东胜站）】基本轨\1/12\P50\木;砼;左曲\15700mm\专线4148-4</t>
  </si>
  <si>
    <t>【中铁宝桥（东胜站）】活动心轨\1/9\P60\砼;左;复交\3593mm\CB2508-03</t>
  </si>
  <si>
    <t>【中铁宝桥（东胜站）】活动心轨\1/9\P60\砼;左;复交\3564mm\SC450-108</t>
  </si>
  <si>
    <t>【中铁宝桥（东胜站）】活动心轨\1/9\P60\砼;右;复交\3593mm\CB2508-03</t>
  </si>
  <si>
    <t>【中铁宝桥（东胜站）】活动心轨\1/9\P60\砼;右;复交\3564mm\SC450-108</t>
  </si>
  <si>
    <t>【中铁宝桥（东胜站）】活动心轨\1/9\P50\砼;左;复交\3593mm\CB2262-03</t>
  </si>
  <si>
    <t>【中铁宝桥（东胜站）】活动心轨\1/9\P50\砼;右;复交\3593mm\CB2262-03</t>
  </si>
  <si>
    <t>【中铁宝桥（东胜站）】基本轨\1/9\P50\木;复交\12500mm\叁标线6017-6</t>
  </si>
  <si>
    <t>【中铁宝桥（东胜站）】活动心轨\1/9\P60\木;左;复交\3700mm\专线6045-5</t>
  </si>
  <si>
    <t>【中铁宝桥（东胜站）】活动心轨\1/9\P60\木;右;复交\3700mm\专线6045-5</t>
  </si>
  <si>
    <t>【中铁宝桥（东胜站）】活动心轨\1/9\P50\木;左;复交\3700mm\叁标线6018-6</t>
  </si>
  <si>
    <t>【中铁宝桥（东胜站）】活动心轨\1/9\P50\木;右;复交\3700mm\叁标线6018-6</t>
  </si>
  <si>
    <t>【中铁宝桥（东胜站）】活动心轨\1/12\P60\木;左\4200mm\专线6049-5</t>
  </si>
  <si>
    <t>【中铁宝桥（东胜站）】活动心轨\1/12\P60\木;右\4200mm\专线6049-5</t>
  </si>
  <si>
    <t>【中铁宝桥（东胜站）】护轨\1/9\P60\木;交渡;直\3800mm\专线4196-4</t>
  </si>
  <si>
    <t>【中铁宝桥（东胜站）】护轨\1/9\P60\木;交渡;锐\2900mm\专线7580-4</t>
  </si>
  <si>
    <t>【中铁宝桥（东胜站）】护轨\1/12\P75\砼;交渡;锐\3000mm\SC443-302</t>
  </si>
  <si>
    <t>【中铁宝桥（东胜站）】护轨\1/12\P60\砼\6900mm\CB566-01</t>
  </si>
  <si>
    <t>【中铁宝桥（东胜站）】基本轨\1/12\P50\砼;左曲\16292mm\CB2232-02</t>
  </si>
  <si>
    <t>【中铁宝桥（东胜站）】尖轨\1/12\P50\砼;左曲\13080mm\CB2232-03</t>
  </si>
  <si>
    <t>【中铁宝桥（东胜站）】尖轨\1/12\P50\砼;左直\13080mm\CB2232-04</t>
  </si>
  <si>
    <t>【中铁宝桥（东胜站）】锰钢辙叉\1/12\P60\砼\5992mm\CB643-01</t>
  </si>
  <si>
    <t>【中铁宝桥（东胜站）】护轨\1/12\P60\砼;侧\5210mm\CB645-02</t>
  </si>
  <si>
    <t>【中铁宝桥（东胜站）】基本轨\1/12\P60\砼;右直\15700mm\CB642-01</t>
  </si>
  <si>
    <t>【中铁宝桥（东胜站）】基本轨\1/12\P60\砼;右曲\15700mm\CB642-02</t>
  </si>
  <si>
    <t>【中铁宝桥（东胜站）】尖轨\1/12\P60\砼;右曲\12480mm\CB642-03</t>
  </si>
  <si>
    <t>【中铁宝桥（东胜站）】尖轨\1/12\P60\砼;右直\12480mm\CB642-04</t>
  </si>
  <si>
    <t>【中铁宝桥（东胜站）】基本轨\1/12\P60\砼;左直\15700mm\CB642-01</t>
  </si>
  <si>
    <t>【中铁宝桥（东胜站）】基本轨\1/12\P60\砼;左曲\15700mm\CB642-02</t>
  </si>
  <si>
    <t>【中铁宝桥（东胜站）】活动心轨\1/12\P60\砼;左\15020mm\SC350-106W</t>
  </si>
  <si>
    <t>【中铁宝桥（东胜站）】活动心轨\1/12\P60\砼;右\15020mm\SC350-106W</t>
  </si>
  <si>
    <t>【中铁宝桥（东胜站）】护轨\1/9\P60\砼\3800mm\专线(02)4204-Ⅲ-5</t>
  </si>
  <si>
    <t>【中铁宝桥（东胜站）】护轨\1/9\P60\砼 侧\3800mm\SC390C-203</t>
  </si>
  <si>
    <t>【中铁宝桥（东胜站）】护轨\1/9\P50\砼\3600mm\专线(02)4151-Ⅲ-5</t>
  </si>
  <si>
    <t>【中铁宝桥（东胜站）】护轨\1/9\P50\砼;交渡;直\3600mm\专线(02)7663-Ⅱ-4</t>
  </si>
  <si>
    <t>【中铁宝桥（东胜站）】护轨\1/9\P50\砼;交渡;锐\3050mm\专线(02)7663-Ⅲ-5</t>
  </si>
  <si>
    <t>【中铁宝桥（东胜站）】护轨\1/9\P50\砼;交渡;侧\3200mm\专线(02)7663-Ⅱ-5</t>
  </si>
  <si>
    <t>【中铁宝桥（东胜站）】护轨\1/9\P50\砼;复交\3600mm\CB2263-01</t>
  </si>
  <si>
    <t>【中铁宝桥（东胜站）】护轨\1/9\P50\砼;复交;槽形\3600mm\CB2273-01</t>
  </si>
  <si>
    <t>【中铁宝桥（东胜站）】护轨\1/9\P50\木;砼\3600mm\专线4143-5;CB214-02</t>
  </si>
  <si>
    <t>【中铁宝桥（东胜站）】护轨\1/12\P60\木;锐\3100mm\专线7564-4;CB637-01</t>
  </si>
  <si>
    <t>【中铁宝桥（东胜站）】护轨\1/12\P60\木;侧\4600mm\专线7499-3;CB508-01</t>
  </si>
  <si>
    <t>【中铁宝桥（东胜站）】导轨\1/9\P50\木;复交\8755mm\叁标线6018-5</t>
  </si>
  <si>
    <t>【中铁宝桥（东胜站）】导轨\1/12\P60\木;复交\10572mm\专线6049-6</t>
  </si>
  <si>
    <t>【中铁宝桥（东胜站）】导轨\1/12\P50\木\8755mm\专线6060-6</t>
  </si>
  <si>
    <t>【中铁宝桥（东胜站）】导轨\1/12\P50\木\10572mm\专线6060-6</t>
  </si>
  <si>
    <t>【中铁宝桥（东胜站）】锰钢辙叉\1/6\P50\砼;交渡;锐\3604mm\专线7659-Ⅲ-4</t>
  </si>
  <si>
    <t>【中铁宝桥（东胜站）】锰钢辙叉\1/6\P50\砼;交渡;钝\4730mm\专线7659-Ⅳ-3</t>
  </si>
  <si>
    <t>【中铁宝桥（东胜站）】基本轨\1/9\P50\木;左曲;复交\8240mm\专线6055-5</t>
  </si>
  <si>
    <t>【中铁宝桥（东胜站）】基本轨\1/9\P50\木;右曲;复交\8240mm\专线6055-5</t>
  </si>
  <si>
    <t>【中铁宝桥（东胜站）】基本轨\1/12\P75\砼 左曲\23400mm\SC381-103</t>
  </si>
  <si>
    <t>【中铁宝桥（东胜站）】等离子尖轨\1/12\P60\砼;右曲\12400mm\专线4229-7</t>
  </si>
  <si>
    <t>【中铁宝桥（东胜站）】等离子尖轨\1/12\P60\砼;左曲\12400mm\专线4229-7</t>
  </si>
  <si>
    <t>【中铁宝桥（东胜站）】等离子尖轨\1/9\P50\砼;右\6450mm\专线(02)4151-Ⅱ-6</t>
  </si>
  <si>
    <t>【中铁宝桥（东胜站）】翼轨镶嵌式合金钢辙叉1/9\P50\砼\3588mm专线(02)4151-Ⅲ-4</t>
  </si>
  <si>
    <t>【中铁宝桥（东胜站）】基本轨\1/18\P60\砼;右直\20392mm\CB2644-01</t>
  </si>
  <si>
    <t>【中铁宝桥（东胜站）】锰钢辙叉\1/18\P60\砼;右开\8992mm\CB2645-01</t>
  </si>
  <si>
    <t>【中铁宝桥（东胜站）】护轨\1/12\P50\砼;交渡;锐\3330mm\CB2220-02</t>
  </si>
  <si>
    <t>【中铁宝桥（东胜站）】护轨\1/12\P50\砼;交渡;侧\4500mm\CB2286-01</t>
  </si>
  <si>
    <t>【中铁宝桥（东胜站）】翼轨镶嵌式合金钢辙叉\1/12\P60\砼\5992mm\专线SC330-202</t>
  </si>
  <si>
    <t>【中铁宝桥（东胜站）】锰钢辙叉\1/12\P50\砼;交渡;钝\4730mm\CB2288-01</t>
  </si>
  <si>
    <t>【中铁宝桥（东胜站）】锰钢辙叉\1/12\P50\砼;交渡;锐\3604mm\CB2287-01</t>
  </si>
  <si>
    <t>【中铁宝桥（东胜站）】尖轨\1/12\P60\砼;左曲\12480mm\CB642-03</t>
  </si>
  <si>
    <t>【中铁宝桥（东胜站）】尖轨\1/12\P60\砼;左直\12480mm\CB642-04</t>
  </si>
  <si>
    <t>【中铁宝桥（东胜站）】护轨\1/9\P60\砼;单开;直;槽形\5400mm\SC390C-202</t>
  </si>
  <si>
    <t>【中铁宝桥（东胜站）】基本轨\1/9\P50\砼;复交\8140mm\专线(04)6091-Ⅱ-5</t>
  </si>
  <si>
    <t>【中铁宝桥（东胜站）】V形基本轨\1/12\P50\砼\10908mm\专线(04)6090-Ⅲ-4</t>
  </si>
  <si>
    <t>【中铁宝桥（东胜站）】尖轨\1/12\P50\砼;左直\7040mm\专线(04)6090-Ⅱ-6</t>
  </si>
  <si>
    <t>【中铁宝桥（东胜站）】V形基本轨\1/12\P60\砼;复交\4820mm\SC350-105W</t>
  </si>
  <si>
    <t>【中铁宝桥（东胜站）】基本轨\1/12\P60\砼;右曲;复交\13267mm\SC350-102W</t>
  </si>
  <si>
    <t>【中铁宝桥（东胜站）】导轨\1/12\P50\砼;复交\10894mm\专线(04)6090-Ⅲ-5</t>
  </si>
  <si>
    <t>【中铁宝桥（东胜站）】基本轨\1/12\P60\砼;左曲;复交\13267mm\SC350-102W</t>
  </si>
  <si>
    <t>【中铁宝桥（东胜站）】尖轨\1/12\P50\砼;左曲\7040mm\专线(04)6090-Ⅱ-7</t>
  </si>
  <si>
    <t>【中铁宝桥（东胜站）】护轨\1/9\P50\木 交渡 锐\3050mm\专线7514-4</t>
  </si>
  <si>
    <t>【中铁宝桥（东胜站）】护轨\1/9\P50\木 复交\3600mm\专线4143-5</t>
  </si>
  <si>
    <t>【中铁宝桥（东胜站）】护轨\1/12\P60\砼\4800mm\铁联线007-7;CB600-03</t>
  </si>
  <si>
    <t>【中铁宝桥（东胜站）】护轨\1/12\P60\砼;直\6900mm\专线SC330-203</t>
  </si>
  <si>
    <t>【中铁宝桥（东胜站）】护轨\1/12\P60\砼;直\6900mm\铁联线007-6</t>
  </si>
  <si>
    <t>【中铁宝桥（东胜站）】护轨\1/18\P60\砼;侧\6600mm\专线4225A-9</t>
  </si>
  <si>
    <t>【中铁宝桥（东胜站）】短心轨\1/18\P60\砼;左\8476mm\专线4225A-7</t>
  </si>
  <si>
    <t>【中铁宝桥（东胜站）】短心轨\1/18\P60\砼;右\8476mm\专线4225A-7</t>
  </si>
  <si>
    <t>【中铁宝桥（东胜站）】长心轨\1/12\P75\砼;左;可动心\11177mm\SC381-204</t>
  </si>
  <si>
    <t>【中铁宝桥（东胜站）】翼轨\1/12\P75\砼;左开可动心左\12700mm\SC381-202</t>
  </si>
  <si>
    <t>【中铁宝桥（东胜站）】翼轨\1/12\P75\砼;左开可动心右\12700mm\SC381-203</t>
  </si>
  <si>
    <t>【中铁宝桥（东胜站）】基本轨\1/12\P75\砼 左直\23400mm\SC381-102</t>
  </si>
  <si>
    <t>【中铁宝桥（东胜站）】护轨\1/12\P75\砼;左侧;槽形\6500mm\SC381-207</t>
  </si>
  <si>
    <t>【中铁宝桥（东胜站）】短心轨\1/12\P75\砼;左;可动心\6633mm\SC381-205</t>
  </si>
  <si>
    <t>【中铁宝桥（东胜站）】叉跟尖轨\1/12\P75\砼;左;可动心\4530mm\SC381-206</t>
  </si>
  <si>
    <t>【中铁宝桥（东胜站）】护轨\1/9\P60\砼;交渡;锐;右;槽型\3600mm\CB695-01</t>
  </si>
  <si>
    <t>【中铁宝桥（东胜站）】护轨\1/9\P60\砼;右;侧\3800mm\SC390C-203</t>
  </si>
  <si>
    <t>【中铁宝桥（东胜站）】护轨\1/9\P50\砼;交渡;锐;左\3000mm\CB2260-01</t>
  </si>
  <si>
    <t>【中铁宝桥（东胜站）】护轨\1/9\P50\砼;交渡;锐;右\3000mm\CB2260-01</t>
  </si>
  <si>
    <t>【中铁宝桥（东胜站）】护轨\1/9\P60\砼;左;侧\3800mm\SC390C-203</t>
  </si>
  <si>
    <t>【中铁宝桥（东胜站）】护轨\1/12\P75\砼;右;侧;槽形\6500mm\SC381-207</t>
  </si>
  <si>
    <t>【中铁宝桥（东胜站）】护轨\1/12\P75\砼;右;直;槽形\7800mm\SC381-207B</t>
  </si>
  <si>
    <t>【中铁宝桥（东胜站）】护轨\1/18\P75\砼;右;侧;槽型\6600mm\SC488-208</t>
  </si>
  <si>
    <t>【中铁宝桥（东胜站）】护轨\1/18\P75\砼;右;直;槽型\7600mm\SC488-207</t>
  </si>
  <si>
    <t>【中铁宝桥（东胜站）】护轨\1/9\P60\砼;B型ZH;直;\3800mm\CB2518A-01</t>
  </si>
  <si>
    <t>【中铁宝桥（东胜站）】护轨\1/9\P60\砼;B型ZH;侧\3330mm\CB2518A-02</t>
  </si>
  <si>
    <t>【中铁宝桥（东胜站）】护轨\1/9\P60\砼;交渡;B型;直\4000mm\SC460-202ZH</t>
  </si>
  <si>
    <t>【中铁宝桥（东胜站）】尖轨\1/12\P50\砼;右曲\7040mm\专线(04)6090-Ⅱ-7</t>
  </si>
  <si>
    <t>【中铁宝桥（东胜站）】尖轨\1/12\P50\砼;右直\7040mm\专线(04)6090-Ⅱ-6</t>
  </si>
  <si>
    <t>【中铁宝桥（东胜站）】基本轨\1/9\P50\砼;右直\8140mm\专线(04)6091-Ⅱ-5</t>
  </si>
  <si>
    <t>【中铁宝桥（东胜站）】基本轨\1/9\P50\砼;右直\7682mm\专线(04)6091-Ⅱ-6</t>
  </si>
  <si>
    <t>【中铁宝桥（东胜站）】基本轨\1/9\P50\砼;左直\12520mm\专线(04)6091-Ⅱ-4</t>
  </si>
  <si>
    <t>【中铁宝桥（东胜站）】尖轨\1/9\P50\砼;左曲\5310mm\专线(04)6091-Ⅱ-8</t>
  </si>
  <si>
    <t>【中铁宝桥（东胜站）】尖轨\1/9\P50\砼;左直\5310mm\专线(04)6091-Ⅱ-7</t>
  </si>
  <si>
    <t>【中铁宝桥（东胜站）】尖轨\1/9\P50\砼;右曲\5310mm\专线(04)6091-Ⅱ-10</t>
  </si>
  <si>
    <t>【中铁宝桥（东胜站）】尖轨\1/9\P50\砼;右直\5310mm\专线(04)6091-Ⅱ-9</t>
  </si>
  <si>
    <t>【中铁宝桥（东胜站）】基本轨\1/9\P50\砼;左开\7682mm\专线(04)6091-Ⅱ-6</t>
  </si>
  <si>
    <t>【中铁宝桥（东胜站）】基本轨\1/9\P50\砼;左开\8140mm\专线(04)6091-Ⅱ-5</t>
  </si>
  <si>
    <t>【中铁宝桥（东胜站）】护轨\1/12\P60\砼;交渡;直\6900mm\SC330-203</t>
  </si>
  <si>
    <t>【中铁宝桥（东胜站）】护轨\1/12\P60\砼;交渡;锐\3330mm\SC340-303</t>
  </si>
  <si>
    <t>【中铁宝桥（东胜站）】护轨\1/12\P60\砼;交渡;侧\4600mm\SC340-202</t>
  </si>
  <si>
    <t>【中铁宝桥（东胜站）】护轨\1/12\P60\砼;复交;槽形\6900mm\SC350-202</t>
  </si>
  <si>
    <t>【中铁宝桥（东胜站）】护轨\1/12\P50\砼\6900mm\专线4259-5</t>
  </si>
  <si>
    <t>【中铁宝桥（东胜站）】护轨\1/12\P50\砼\5100mm\专线4259-6</t>
  </si>
  <si>
    <t>【中铁宝桥（东胜站）】护轨\1/12\P50\砼;复交\5400mm\CB2270-01</t>
  </si>
  <si>
    <t>【中铁宝桥（东胜站）】护轨\1/12\P50\砼 直\4600mm\专线4149-4</t>
  </si>
  <si>
    <t>【中铁宝桥（东胜站）】护轨\1/12\P50\木 直\4500mm\TB411-050</t>
  </si>
  <si>
    <t>【中铁宝桥（东胜站）】合金钢辙叉\1/12\P60\砼\5992mm\专线4230-4</t>
  </si>
  <si>
    <t>【中铁宝桥（东胜站）】导轨\1/9\P60\砼;复交\8496mm\CB2508-02</t>
  </si>
  <si>
    <t>【中铁宝桥（东胜站）】护轨\1/9\P60\砼;交渡;锐;左;槽型\3600mm\CB695-01</t>
  </si>
  <si>
    <t>【中铁宝桥（东胜站）】合金钢辙叉\1/12\P60\砼;右\9992mm\专线4228</t>
  </si>
  <si>
    <t>【中铁宝桥（东胜站）】合金钢辙叉\1/12\P60\砼;左\9992mm\专线4228</t>
  </si>
  <si>
    <t>【中铁宝桥（东胜站）】合金钢辙叉\1/12\P75\砼\9992mm\SC443</t>
  </si>
  <si>
    <t>【中铁宝桥（东胜站）】加长嵌入式钢锰辙叉\1/12\P75\砼;组合;左\9992mm\SC443</t>
  </si>
  <si>
    <t>【中铁宝桥（东胜站）】加长嵌入式钢锰辙叉\1/12\P75\砼;组合;右\9992mm\SC443</t>
  </si>
  <si>
    <t>【中铁宝桥（东胜站）】PG4钢尖轨\1/12\P75\砼;左直\14211mm\CB731G-04</t>
  </si>
  <si>
    <t>【中铁宝桥（东胜站）】PG4钢基本轨\1/12\P75\砼;右直\23400mm\CB731G-01</t>
  </si>
  <si>
    <t>【中铁宝桥（东胜站）】PG4钢基本轨\1/12\P75\砼;右曲\23400mm\CB731G-02</t>
  </si>
  <si>
    <t>【中铁宝桥（东胜站）】PG4钢基本轨\1/12\P75\砼;左曲\23400mm\CB731G-02</t>
  </si>
  <si>
    <t>【中铁宝桥（东胜站）】PG4钢尖轨\1/12\P75\砼;右曲\14211mm\CB731G-03</t>
  </si>
  <si>
    <t>【中铁宝桥（东胜站）】护轨\1/9\P60\砼;交渡;A型;直\4000mm\SC460-202ZH</t>
  </si>
  <si>
    <t>【中铁宝桥（东胜站）】护轨\1/9\P60\砼;交渡\3600mm\CB695-01</t>
  </si>
  <si>
    <t>【中铁宝桥（东胜站）】活动心轨\1/9\P50\砼;右\3700mm\专线(04)6091-Ⅲ-6</t>
  </si>
  <si>
    <t>【中铁宝桥（东胜站）】活动心轨\1/9\P50\砼;左\3700mm\专线(04)6091-Ⅲ-6</t>
  </si>
  <si>
    <t>【中铁宝桥（东胜站）】爆炸硬化锰钢辙叉\1/9\P50\木;交渡\3588mm\专线4143-4</t>
  </si>
  <si>
    <t>【中铁宝桥（东胜站）】基本轨\1/9\P50\砼;右曲\11200mm\专线4151</t>
  </si>
  <si>
    <t>【中铁宝桥（东胜站）】基本轨\1/9\P50\砼;右直\11200mm\专线4151</t>
  </si>
  <si>
    <t>【中铁宝桥（东胜站）】基本轨\1/9\P50\砼;左直\11200mm\专线4151</t>
  </si>
  <si>
    <t>【中铁宝桥（东胜站）】护轨\1/12\P50\砼;复交\5100mm\专线(04)6090-Ⅳ-4</t>
  </si>
  <si>
    <t>【中铁宝桥（东胜站）】导轨\1/12\P60\砼\7736mm\TB/T2341.3</t>
  </si>
  <si>
    <t>【中铁宝桥（东胜站）】导轨\1/12\P60\砼\7730mm\TB/T2341.3</t>
  </si>
  <si>
    <t>【中铁宝桥（东胜站）】活动心轨\1/12\P60\砼;复交 左\15020mm\SC350-106</t>
  </si>
  <si>
    <t>【中铁宝桥（东胜站）】活动心轨\1/12\P60\砼;复交 右\15020mm\SC350-106</t>
  </si>
  <si>
    <t>【中铁宝桥（东胜站）】导轨\1/9\P60\砼 复交\8437mm\SC450-107</t>
  </si>
  <si>
    <t>【中铁宝桥（东胜站）】导轨\1/9\P50\砼;复交\8496mm\CB2262-02</t>
  </si>
  <si>
    <t>【中铁宝桥（东胜站）】导轨\1/9\P50\复交\8647mm\专线6056-6</t>
  </si>
  <si>
    <t>【中铁宝桥（东胜站）】基本轨\1/9\P43\木;左曲\12500mm\TB402-020</t>
  </si>
  <si>
    <t>【中铁宝桥（东胜站）】基本轨\1/18\P60\砼;右直\19192mm\专线4224-5A</t>
  </si>
  <si>
    <t>【中铁宝桥（东胜站）】基本轨\1/18\P60\砼;右曲\19192mm\专线4224-6A</t>
  </si>
  <si>
    <t>【中铁宝桥（东胜站）】基本轨\1/12\P75\砼 右直\23400mm\SC381-102</t>
  </si>
  <si>
    <t>【中铁宝桥（东胜站）】基本轨\1/12\P60\砼;左直\16792mm\专线4229-5</t>
  </si>
  <si>
    <t>【中铁宝桥（东胜站）】基本轨\1/12\P60\砼;左曲\16792mm\专线4229-6</t>
  </si>
  <si>
    <t>【中铁宝桥（东胜站）】基本轨\1/12\P60\砼;右直\16792mm\专线4229-5</t>
  </si>
  <si>
    <t>【中铁宝桥（东胜站）】基本轨\1/12\P50\砼;右直\16292mm\专线4258-4</t>
  </si>
  <si>
    <t>【中铁宝桥（东胜站）】PG4钢尖轨\1/12\P75\砼;左曲\14211mm\CB731G-03</t>
  </si>
  <si>
    <t>【中铁宝桥（东胜站）】PG4钢尖轨\1/12\P75\砼;右直\14211mm\CB731G-04</t>
  </si>
  <si>
    <t>【中铁宝桥（东胜站）】PG4钢基本轨\1/12\P75\砼;左直\23400mm\CB731G-01</t>
  </si>
  <si>
    <t>【中铁宝桥（东胜站）】爆炸硬化锰钢辙叉\1/12\P75\砼;组合;左开\5992mm\CB734G</t>
  </si>
  <si>
    <t>【中铁宝桥（东胜站）】爆炸硬化锰钢辙叉\1/12\P75\砼;组合;右开\5992mm\CB734G</t>
  </si>
  <si>
    <t>【中铁宝桥（东胜站）】活动心轨\1/12\P60\砼;右;复交\15174mm\SC350-106WA</t>
  </si>
  <si>
    <t>【中铁宝桥（东胜站）】活动心轨\1/12\P60\砼;左;复交\15174mm\SC350-106WA</t>
  </si>
  <si>
    <t>【中铁宝桥（东胜站）】护轨\1/12\P60\砼;直;复交\5700mm\SC583-202ZH</t>
  </si>
  <si>
    <t>【中铁宝桥（东胜站）】爆炸硬化锰钢辙叉\1/12\P75\砼;交渡\5992mm\SC443-202</t>
  </si>
  <si>
    <t>【中铁宝桥（东胜站）】尖轨\1/12\P60\砼;左直\12400mm\专线4229-8W</t>
  </si>
  <si>
    <t>【中铁宝桥（东胜站）】尖轨\1/12\P60\砼;左曲\12400mm\专线4229-7W</t>
  </si>
  <si>
    <t>【中铁宝桥（东胜站）】护轨\1/9\P60\砼;交渡\2900mm\CB697-01</t>
  </si>
  <si>
    <t>【中铁宝桥（东胜站）】辙叉\1/9\P60\砼;交渡;左\4311mm\CB685-01</t>
  </si>
  <si>
    <t>【中铁宝桥（东胜站）】护轨\1/9\P60\砼;交渡;B型;侧;槽形\3330mm\CB691-01</t>
  </si>
  <si>
    <t>【中铁宝桥（东胜站）】护轨\1/9\P60\砼;交渡;A型;侧;槽形\3330mm\CB691-01</t>
  </si>
  <si>
    <t>【中铁宝桥（东胜站）】护轨\1/9\P60\砼;交渡;右;侧\3800mm\CB685A-03</t>
  </si>
  <si>
    <t>【中铁宝桥（东胜站）】护轨\1/9\P60\砼;交渡;锐;左;槽形\3000mm\SC391C-202</t>
  </si>
  <si>
    <t>【中铁宝桥（东胜站）】锰钢辙叉\1/9\P60\砼;交渡;钝\4954mm\CB693-01</t>
  </si>
  <si>
    <t>【中铁宝桥（东胜站）】锰钢辙叉\1/9\P60\砼;交渡;锐\3687mm\CB692-01</t>
  </si>
  <si>
    <t>【中铁宝桥（东胜站）】锰钢辙叉\1/9\P60\砼;交渡;右\4311mm\CB685-01</t>
  </si>
  <si>
    <t>【中铁宝桥（东胜站）】护轨\1/9\P60\砼;交渡;左;侧\3800mm\CB685A-03</t>
  </si>
  <si>
    <t>【中铁宝桥（东胜站）】护轨\1/9\P60\砼;交渡;锐;右\3000mm\CB692-02</t>
  </si>
  <si>
    <t>【中铁宝桥（东胜站）】锰钢辙叉\1/9\P50\砼;交渡\3592mm\CB319-01</t>
  </si>
  <si>
    <t>【中铁宝桥（东胜站）】锰钢辙叉\1/9\P50\砼;交渡\3588mm\专线(02)4151-Ⅲ-4</t>
  </si>
  <si>
    <t>【中铁宝桥（东胜站）】锰钢辙叉\1/9\P50\砼;交渡;锐\3811mm\CB2215-01</t>
  </si>
  <si>
    <t>【中铁宝桥（东胜站）】锰钢辙叉\1/9\P50\砼;交渡;锐\3108mm\专(02)7663-Ⅲ-2</t>
  </si>
  <si>
    <t>【中铁宝桥（东胜站）】锰钢辙叉\1/9\P50\砼;交渡;钝\4954mm\CB2216-01</t>
  </si>
  <si>
    <t>【中铁宝桥（东胜站）】锰钢辙叉\1/9\P50\砼;交渡;钝\4440mm\专(02)7663-Ⅳ-2</t>
  </si>
  <si>
    <t>【中铁宝桥（东胜站）】锰钢辙叉\1/9\P50\木\3588mm\TB1164-010</t>
  </si>
  <si>
    <t>【中铁宝桥（东胜站）】锰钢辙叉\1/9\P50\木;交渡;锐\3108mm\叁标线7096-3</t>
  </si>
  <si>
    <t>【中铁宝桥（东胜站）】锰钢辙叉\1/12\P60\砼;交渡\5992mm\SC330-202</t>
  </si>
  <si>
    <t>【中铁宝桥（东胜站）】锰钢辙叉\1/12\P60\砼;交渡;锐\3605mm\SC340-302</t>
  </si>
  <si>
    <t>【中铁宝桥（东胜站）】锰钢辙叉\1/12\P60\砼;交渡;锐\3582mm\专线7652-4</t>
  </si>
  <si>
    <t>【中铁宝桥（东胜站）】导轨\1/12\P60\砼;复交;曲\9772mm\SC350-107</t>
  </si>
  <si>
    <t>【中铁宝桥（东胜站）】导轨\1/12\P50\砼;左\9692mm\CB2269-02</t>
  </si>
  <si>
    <t>【中铁宝桥（东胜站）】V形基本轨\1/9\P60\砼;复交;钝\8456mm\SC450-106</t>
  </si>
  <si>
    <t>【中铁宝桥（东胜站）】V形基本轨\1/12\P60\砼;复交\4832mm\SC350-105W</t>
  </si>
  <si>
    <t>【中铁宝桥（东胜站）】长心轨\1/12\P75\砼;右;可动心\11177mm\SC381-204</t>
  </si>
  <si>
    <t>【中铁宝桥（东胜站）】翼轨\1/12\P75\砼;右开可动心左\12700mm\SC381-202</t>
  </si>
  <si>
    <t>【中铁宝桥（东胜站）】翼轨\1/12\P75\砼;右开可动心右\12700mm\SC381-203</t>
  </si>
  <si>
    <t>【中铁宝桥（东胜站）】基本轨\1/12\P50\木;左直\12500mm\TB405-010</t>
  </si>
  <si>
    <t>【中铁宝桥（东胜站）】基本轨\1/12\P50\木;左曲\12500mm\TB405-020</t>
  </si>
  <si>
    <t>【中铁宝桥（东胜站）】基本轨\1/12\P50\木;右直\12500mm\TB405-010</t>
  </si>
  <si>
    <t>【中铁宝桥（东胜站）】基本轨\1/12\P50\木;右曲\12500mm\TB405-020</t>
  </si>
  <si>
    <t>【中铁宝桥（东胜站）】基本轨\1/12\P50\木;砼;左直\15700mm\专线4148-4</t>
  </si>
  <si>
    <t>【中铁宝桥（东胜站）】基本轨\1/12\P50\木;砼;左曲\15700mm\专线4148-5</t>
  </si>
  <si>
    <t>【中铁宝桥（东胜站）】基本轨\1/12\P50\木;砼;右直\15700mm\专线4148-4</t>
  </si>
  <si>
    <t>【中铁宝桥（东胜站）】基本轨\1/12\P50\木;砼;右曲\15700mm\专线4148-5</t>
  </si>
  <si>
    <t>【中铁宝桥（东胜站）】活动心轨\1/9\P50\木;左;复交\3700mm\专线6056-5</t>
  </si>
  <si>
    <t>【中铁宝桥（东胜站）】活动心轨\1/9\P50\木;右;复交\3700mm\专线6056-5</t>
  </si>
  <si>
    <t>【中铁宝桥（东胜站）】护轨\1/9\P60\砼;交渡;直;槽形\5400mm\SC391C-101</t>
  </si>
  <si>
    <t>【中铁宝桥（东胜站）】尖轨\1/12\P60\砼;右直\12400mm\专线4229-8W</t>
  </si>
  <si>
    <t>【中铁宝桥（东胜站）】尖轨\1/12\P60\砼;右曲\12400mm\专线4229-7W</t>
  </si>
  <si>
    <t>【中铁宝桥（东胜站）】基本轨\1/12\P60\砼;左直\16792mm\专线4229-5W</t>
  </si>
  <si>
    <t>【中铁宝桥（东胜站）】基本轨\1/12\P60\砼;左曲\16792mm\专线4229-6W</t>
  </si>
  <si>
    <t>【中铁宝桥（东胜站）】基本轨\1/12\P60\砼;右直\16792mm\专线4229-5W</t>
  </si>
  <si>
    <t>【中铁宝桥（东胜站）】基本轨\1/12\P60\砼;右曲\16792mm\专线4229-6W</t>
  </si>
  <si>
    <t>【中铁宝桥（东胜站）】护轨\1/9\P43\木;直\3900mm\TB408-050</t>
  </si>
  <si>
    <t>【中铁宝桥（东胜站）】温调尖轨\P60\P60\砼;左侧\10000mm\研线TF9913-3</t>
  </si>
  <si>
    <t>【中铁宝桥（东胜站）】温调尖轨\P60\P60\砼;右侧\10000mm\研线TF9913-3</t>
  </si>
  <si>
    <t>【中铁宝桥（东胜站）】迎轮护轨\1/12\P75\AT\2446mm\SC381-106</t>
  </si>
  <si>
    <t>【中铁宝桥（东胜站）】锰钢辙叉\1/9\P50\砼\4313mm\CB2214-01(修)</t>
  </si>
  <si>
    <t>【中铁宝桥（东胜站）】护轨\1/9\P60\砼;交渡;锐;左\3000mm\CB692-02</t>
  </si>
  <si>
    <t>【中铁宝桥（东胜站）】护轨\1/9\P60\砼;交渡;右直\5400mm\CB685A-02</t>
  </si>
  <si>
    <t>【中铁宝桥（东胜站）】护轨\1/9\P60\砼;交渡;锐;右;槽形\3000mm\SC391C-202</t>
  </si>
  <si>
    <t>【中铁宝桥（东胜站）】锰钢辙叉\1/12\P60\砼;交渡;钝\4676mm\专线7653-3</t>
  </si>
  <si>
    <t>【中铁宝桥（东胜站）】锰钢辙叉\1/12\P60\砼;交渡;钝\4676mm\SC340-401</t>
  </si>
  <si>
    <t>【中铁宝桥（东胜站）】锰钢辙叉\1/12\P50\砼;复交\5992mm\CB2218-01</t>
  </si>
  <si>
    <t>【中铁宝桥（东胜站）】尖轨\1/9\P60\砼;左直;交渡\12400mm\SC390-104</t>
  </si>
  <si>
    <t>【中铁宝桥（东胜站）】尖轨\1/9\P60\砼;左直;交渡\12400mm\SC(07)390-104</t>
  </si>
  <si>
    <t>【中铁宝桥（东胜站）】尖轨\1/9\P60\砼;左直;复交\5280mm\CB2507-04</t>
  </si>
  <si>
    <t>【中铁宝桥（东胜站）】尖轨\1/9\P60\砼;左直;复交\5230mm\SC450-104</t>
  </si>
  <si>
    <t>【中铁宝桥（东胜站）】尖轨\1/9\P60\砼;左曲;交渡\12400mm\SC390-103</t>
  </si>
  <si>
    <t>【中铁宝桥（东胜站）】尖轨\1/9\P60\砼;左曲;交渡\12400mm\SC(07)390-103</t>
  </si>
  <si>
    <t>【中铁宝桥（东胜站）】尖轨\1/9\P60\砼;左曲;复交\5280mm\CB2507-06</t>
  </si>
  <si>
    <t>【中铁宝桥（东胜站）】尖轨\1/9\P60\砼;左曲;复交\5230mm\SC450-105</t>
  </si>
  <si>
    <t>【中铁宝桥（东胜站）】护轨\1/9\P60\砼;交渡;锐;槽形\3000mm\SC391C-202</t>
  </si>
  <si>
    <t>【中铁宝桥（东胜站）】护轨\1/9\P60\砼;交渡;侧;槽形\3330mm\SC391C-102</t>
  </si>
  <si>
    <t>【中铁宝桥（东胜站）】护轨\1/9\P60\砼;复交\4000mm\SC450-202</t>
  </si>
  <si>
    <t>【中铁宝桥（东胜站）】护轨\1/9\P50\木;直\3900mm\TB410-050</t>
  </si>
  <si>
    <t>【中铁宝桥（东胜站）】护轨\1/9\P50\木 交渡\3250mm\专线7513-4</t>
  </si>
  <si>
    <t>【中铁宝桥（东胜站）】护轨\1/12\P60\砼;交渡;锐\3000mm\铁联线023-5</t>
  </si>
  <si>
    <t>【中铁宝桥（东胜站）】护轨\1/12\P60\砼;交渡;侧\5210mm\SC330-204</t>
  </si>
  <si>
    <t>【中铁宝桥（东胜站）】护轨\1/12\P60\砼;侧\4800mm\铁联线007-7</t>
  </si>
  <si>
    <t>【中铁宝桥（东胜站）】短心轨\1/12\P75\砼;右;可动心\6633mm\SC381-205</t>
  </si>
  <si>
    <t>【中铁宝桥（东胜站）】叉跟尖轨\1/12\P75\砼;右;可动心\4530mm\SC381-206</t>
  </si>
  <si>
    <t>【中铁宝桥（东胜站）】V形基本轨\1/9\P50\木;复交\8666mm\专线6056-4</t>
  </si>
  <si>
    <t>【中铁宝桥（东胜站）】锰钢辙叉\1/9\P50\砼\3588mm\专线(02)4151-Ⅲ-2</t>
  </si>
  <si>
    <t>【中铁宝桥（东胜站）】锰钢辙叉\1/9\P50\木;交渡;钝\4440mm\叁标线7097-3</t>
  </si>
  <si>
    <t>【中铁宝桥（东胜站）】锰钢辙叉\1/12\P75\砼;交渡\5992mm\SC443-202</t>
  </si>
  <si>
    <t>【中铁宝桥（东胜站）】锰钢辙叉\1/12\P75\砼;交渡;锐\2995mm\SC443-302</t>
  </si>
  <si>
    <t>【中铁宝桥（东胜站）】锰钢辙叉\1/12\P60\砼\5927mm\专线4192-3</t>
  </si>
  <si>
    <t>【中铁宝桥（东胜站）】锰钢辙叉\1/12\P60\木\5927mm\专线4192-3</t>
  </si>
  <si>
    <t>【中铁宝桥（东胜站）】锰钢辙叉\1/12\P50\砼\4557mm\叁标线3127-16</t>
  </si>
  <si>
    <t>【中铁宝桥（东胜站）】锰钢辙叉\1/12\P50\木\4557mm\专线4146-4</t>
  </si>
  <si>
    <t>【中铁宝桥（东胜站）】锰钢辙叉\1/12\P50\木;交渡;锐\3153mm\叁标线7409-3</t>
  </si>
  <si>
    <t>【中铁宝桥（东胜站）】锰钢辙叉\1/12\P50\木;交渡;钝\5190mm\叁标线7410-3</t>
  </si>
  <si>
    <t>【中铁宝桥（东胜站）】尖轨\1/9\P60\砼;右直;交渡\12400mm\SC390-104</t>
  </si>
  <si>
    <t>【中铁宝桥（东胜站）】尖轨\1/9\P60\砼;右直;交渡\12400mm\SC(07)390-104</t>
  </si>
  <si>
    <t>【中铁宝桥（东胜站）】尖轨\1/9\P60\砼;右直;复交\5280mm\CB2507-05</t>
  </si>
  <si>
    <t>【中铁宝桥（东胜站）】尖轨\1/9\P60\砼;右直;复交\5230mm\SC450-104</t>
  </si>
  <si>
    <t>【中铁宝桥（东胜站）】尖轨\1/9\P60\砼;右曲;交渡\12400mm\SC390-103</t>
  </si>
  <si>
    <t>【中铁宝桥（东胜站）】尖轨\1/9\P60\砼;右曲;交渡\12400mm\SC(07)390-103</t>
  </si>
  <si>
    <t>【中铁宝桥（东胜站）】尖轨\1/9\P60\砼;右曲;复交\5280mm\CB2507-07</t>
  </si>
  <si>
    <t>【中铁宝桥（东胜站）】尖轨\1/9\P60\砼;右曲;复交\5230mm\SC450-105</t>
  </si>
  <si>
    <t>【中铁宝桥（东胜站）】尖轨\1/9\P50\砼;左直;复交\5280mm\CB2261-04</t>
  </si>
  <si>
    <t>【中铁宝桥（东胜站）】尖轨\1/9\P50\砼;左曲;复交\5280mm\CB2261-06</t>
  </si>
  <si>
    <t>【中铁宝桥（东胜站）】尖轨\1/9\P50\砼;右直;复交\5280mm\CB2261-05</t>
  </si>
  <si>
    <t>【中铁宝桥（东胜站）】胶接钢轨\60kg/m\16.00m\U75V\无孔</t>
  </si>
  <si>
    <t>【中铁宝桥（东胜站）】胶接钢轨\60kg/m\12.50m\U75V\无孔</t>
  </si>
  <si>
    <t>【中铁宝桥（东胜站）】胶接钢轨\75kg/m\8.00m\U75V\无孔</t>
  </si>
  <si>
    <t>【中铁宝桥（东胜站）】胶接钢轨\75kg/m\10.00m\U75V\无孔</t>
  </si>
  <si>
    <t>【中铁宝桥（东胜站）】胶接钢轨\60kg/m\12.50m\U76CrRe\无孔</t>
  </si>
  <si>
    <t>【中铁宝桥（东胜站）】胶接钢轨\75kg/m\25.00m\U75V\无孔</t>
  </si>
  <si>
    <t>【中铁宝桥（东胜站）】胶接钢轨\75kg/m\12.50m\U75V\有孔</t>
  </si>
  <si>
    <t>【中铁宝桥（东胜站）】胶接钢轨\60kg/m\8.00m\U71Mn\无孔</t>
  </si>
  <si>
    <t>【中铁宝桥（东胜站）】胶接钢轨\60kg/m\25.00m\U75V\无孔</t>
  </si>
  <si>
    <t>【中铁宝桥（东胜站）】锰钢辙叉\1/12\P43\木;交渡;锐\3108mm\叁标线7070-3</t>
  </si>
  <si>
    <t>【中铁宝桥（东胜站）】尖轨\1/9\P60\木;左\6450mm\专线4195-7</t>
  </si>
  <si>
    <t>【中铁宝桥（东胜站）】尖轨\1/9\P50\木;左\6250mm\专线4146-6</t>
  </si>
  <si>
    <t>【中铁宝桥（东胜站）】尖轨\1/9\P50\木;左\6250mm\专线4106-6</t>
  </si>
  <si>
    <t>【中铁宝桥（东胜站）】尖轨\1/9\P50\木;右\6250mm\专线4106-6</t>
  </si>
  <si>
    <t>【中铁宝桥（东胜站）】尖轨\1/12\P50\砼;右;复交\4200mm\CB2269-03</t>
  </si>
  <si>
    <t>【中铁宝桥（东胜站）】尖轨\1/12\P50\木;左曲\7700mm\专线4104-6</t>
  </si>
  <si>
    <t>【中铁宝桥（东胜站）】尖轨\1/12\P50\木;左\7700mm\专线4145-6</t>
  </si>
  <si>
    <t>【中铁宝桥（东胜站）】尖轨\1/12\P50\木;右曲\7700mm\专线4104-6</t>
  </si>
  <si>
    <t>【中铁宝桥（东胜站）】尖轨\1/12\P50\木;右\7700mm\专线4145-6</t>
  </si>
  <si>
    <t>【中铁宝桥（东胜站）】护轨\1/9\P60\砼;交渡;A;侧;槽形\3330mm\SC391C-102</t>
  </si>
  <si>
    <t>【中铁宝桥（东胜站）】护轨\1/9\P60\砼;交渡;B;侧;槽形\3330mm\SC391C-102</t>
  </si>
  <si>
    <t>【中铁宝桥（东胜站）】尖轨\1/9\P60\砼;交渡;右曲\12400mm\CB684-03</t>
  </si>
  <si>
    <t>【中铁宝桥（东胜站）】尖轨\1/9\P60\砼;交渡;右直\12400mm\CB684-04</t>
  </si>
  <si>
    <t>【中铁宝桥（东胜站）】尖轨\1/9\P60\砼;交渡;左曲\12400mm\CB684-03</t>
  </si>
  <si>
    <t>【中铁宝桥（东胜站）】尖轨\1/9\P60\砼;交渡;左直\12400mm\CB684-04</t>
  </si>
  <si>
    <t>【中铁宝桥（东胜站）】基本轨\1/9\P60\砼;交渡;右直\15042mm\CB684-01</t>
  </si>
  <si>
    <t>【中铁宝桥（东胜站）】基本轨\1/9\P60\砼;交渡;右曲\15042mm\CB684-02</t>
  </si>
  <si>
    <t>【中铁宝桥（东胜站）】基本轨\1/9\P60\砼;交渡;左曲\15042mm\CB684-02</t>
  </si>
  <si>
    <t>【中铁宝桥（东胜站）】基本轨\1/9\P60\砼;交渡;左直\15042mm\CB684-01</t>
  </si>
  <si>
    <t>【中铁宝桥（东胜站）】护轨\1/9\P60\砼;交渡;左直\5400mm\CB685A-02</t>
  </si>
  <si>
    <t>【中铁宝桥（东胜站）】尖轨\1/9\P50\砼;右曲;复交\5280mm\CB2261-07</t>
  </si>
  <si>
    <t>【中铁宝桥（东胜站）】尖轨\1/9\P50\木;左\6250mm\TB404-030</t>
  </si>
  <si>
    <t>【中铁宝桥（东胜站）】尖轨\1/9\P50\木;右\6250mm\TB404-030</t>
  </si>
  <si>
    <t>【中铁宝桥（东胜站）】尖轨\1/9\P43\木;右\6250mm\TB402-030</t>
  </si>
  <si>
    <t>【中铁宝桥（东胜站）】尖轨\1/18\P60\砼;左直\15680mm\专线4224-8A</t>
  </si>
  <si>
    <t>【中铁宝桥（东胜站）】尖轨\1/18\P60\砼;左曲\15680mm\专线4224-7A</t>
  </si>
  <si>
    <t>【中铁宝桥（东胜站）】尖轨\1/18\P60\砼;右直\15680mm\专线4224-8A</t>
  </si>
  <si>
    <t>【中铁宝桥（东胜站）】尖轨\1/18\P60\砼;右曲\15680mm\专线4224-7A</t>
  </si>
  <si>
    <t>【中铁宝桥（东胜站）】尖轨\1/12\P60\砼;左直;交渡\12480mm\SC330-105</t>
  </si>
  <si>
    <t>【中铁宝桥（东胜站）】尖轨\1/12\P60\砼;左直;复交\10040mm\SC350-103W</t>
  </si>
  <si>
    <t>【中铁宝桥（东胜站）】尖轨\1/12\P60\砼;左曲;交渡\12480mm\SC330-104</t>
  </si>
  <si>
    <t>【中铁宝桥（东胜站）】锰钢辙叉\1/9\P60\砼\4309mm\专线(02)4204-Ⅲ-4</t>
  </si>
  <si>
    <t>【中铁宝桥（东胜站）】锰钢辙叉\1/9\P60\砼;交渡\4311mm\SC390-201</t>
  </si>
  <si>
    <t>【中铁宝桥（东胜站）】锰钢辙叉\1/9\P60\砼;交渡;锐\3687mm\SC391-201</t>
  </si>
  <si>
    <t>【中铁宝桥（东胜站）】锰钢辙叉\1/9\P60\砼;交渡;钝\4954mm\SC391-301</t>
  </si>
  <si>
    <t>【中铁宝桥（东胜站）】锰钢辙叉\1/9\P50\砼\3588mm\专线4143-4</t>
  </si>
  <si>
    <t>【中铁宝桥（东胜站）】锰钢辙叉\1/9\P50\木;交渡;锐\3108mm\专线7514-3</t>
  </si>
  <si>
    <t>【中铁宝桥（东胜站）】锰钢辙叉\1/9\P50\木;交渡;钝\4440mm\专线7515-3</t>
  </si>
  <si>
    <t>【中铁宝桥（东胜站）】锰钢辙叉\1/12\P60\砼\5992mm\专线4230-4</t>
  </si>
  <si>
    <t>【中铁宝桥（东胜站）】锰钢辙叉\1/12\P50\砼\5992mm\专线4259-4</t>
  </si>
  <si>
    <t>【中铁宝桥（东胜站）】锰钢辙叉\1/12\P50\木\5927mm\专线4149-3</t>
  </si>
  <si>
    <t>【中铁宝桥（东胜站）】尖轨\1/9\P60\砼;左\6450mm\专线(02)4204-Ⅱ-6</t>
  </si>
  <si>
    <t>【中铁宝桥（东胜站）】胶接钢轨\60kg/m\12.50m\U75V\有孔</t>
  </si>
  <si>
    <t>【中铁宝桥（东胜站）】胶接钢轨\60kg/m\12.50m\U71Mn\无孔</t>
  </si>
  <si>
    <t>【中铁宝桥（东胜站）】胶接钢轨\60kg/m\9.00m\U75V\无孔</t>
  </si>
  <si>
    <t>【中铁宝桥（东胜站）】胶接钢轨\60kg/m\12.00m\U75V\无孔</t>
  </si>
  <si>
    <t>【中铁宝桥（东胜站）】胶接钢轨\75kg/m\12.50m\U75V\无孔</t>
  </si>
  <si>
    <t>【中铁宝桥（东胜站）】胶接钢轨\60kg/m\7.00m\U71Mn\无孔</t>
  </si>
  <si>
    <t>【中铁宝桥（东胜站）】胶接钢轨\75kg/m\7.00m\U75V\无孔</t>
  </si>
  <si>
    <t>【中铁宝桥（东胜站）】异型钢轨\50-43kg/m\12.50m\U75V\有孔</t>
  </si>
  <si>
    <t>【中铁宝桥（东胜站）】异型钢轨\60-50kg/m\12.50m\U75V\有孔</t>
  </si>
  <si>
    <t>【中铁宝桥（东胜站）】异型钢轨\60-50kg/m\6.25m\U71Mn\有孔</t>
  </si>
  <si>
    <t>【中铁宝桥（东胜站）】异型钢轨\60-50kg/m\12.50m\U71Mn\有孔</t>
  </si>
  <si>
    <t>【中铁宝桥（东胜站）】基本轨\1/9\P60\砼;左直\11200mm\专线4204-6</t>
  </si>
  <si>
    <t>【中铁宝桥（东胜站）】基本轨\1/9\P60\砼;左曲\11200mm\专线4204-7</t>
  </si>
  <si>
    <t>【中铁宝桥（东胜站）】基本轨\1/9\P60\砼;右直\11200mm\专线4204-6</t>
  </si>
  <si>
    <t>【中铁宝桥（东胜站）】基本轨\1/9\P60\砼;右曲\11200mm\专线4204-7</t>
  </si>
  <si>
    <t>【中铁宝桥（东胜站）】基本轨\1/9\P60\木;左直\11200mm\专线4195-4</t>
  </si>
  <si>
    <t>【中铁宝桥（东胜站）】基本轨\1/9\P60\木;左曲\11200mm\专线4195-5</t>
  </si>
  <si>
    <t>【中铁宝桥（东胜站）】基本轨\1/9\P60\木;右直\11200mm\专线4195-4</t>
  </si>
  <si>
    <t>【中铁宝桥（东胜站）】基本轨\1/9\P60\木;右曲\11200mm\专线4195-5</t>
  </si>
  <si>
    <t>【中铁宝桥（东胜站）】基本轨\1/9\P50\木;左直\12500mm\专线4106-4</t>
  </si>
  <si>
    <t>【中铁宝桥（东胜站）】基本轨\1/9\P50\木;左曲\12500mm\专线4106-5</t>
  </si>
  <si>
    <t>【中铁宝桥（东胜站）】基本轨\1/9\P50\木;右直\12500mm\专线4106-4</t>
  </si>
  <si>
    <t>【中铁宝桥（东胜站）】护轨\1/9\P60\砼;右开;直;槽形\5400mm\SC390C-202</t>
  </si>
  <si>
    <t>【中铁宝桥（东胜站）】护轨\1/9\P60\砼;左开;直;槽形\5400mm\SC390C-202</t>
  </si>
  <si>
    <t>【中铁宝桥（东胜站）】护轨\1/9\P60\砼;复交;右\3800mm\CB2509A-01</t>
  </si>
  <si>
    <t>【中铁宝桥（东胜站）】护轨\1/9\P60\砼;复交;左\3800mm\CB2509A-01</t>
  </si>
  <si>
    <t>【中铁宝桥（东胜站）】尖轨\1/18\P60\砼;右直\19040mm\CB2644-04</t>
  </si>
  <si>
    <t>【中铁宝桥（东胜站）】尖轨\1/18\P60\砼,右曲\19040mm\CB2644-03</t>
  </si>
  <si>
    <t>【中铁宝桥（东胜站）】基本轨\1/18\P60\砼,右曲\20392mm\CB2644-02</t>
  </si>
  <si>
    <t>【中铁宝桥（东胜站）】基本轨\1/18\P60\砼;右开\20392mm\CB2644-01</t>
  </si>
  <si>
    <t>【中铁宝桥（东胜站）】叉跟尖轨\1/18\P75\砼;右开\4536mm\SC488-206</t>
  </si>
  <si>
    <t>【中铁宝桥（东胜站）】基本轨\1/18\P75\砼;曲;右开\19192mm\SC488-103</t>
  </si>
  <si>
    <t>【中铁宝桥（东胜站）】基本轨\1/18\P75\砼;直;右开\19192mm\SC488-102</t>
  </si>
  <si>
    <t>【中铁宝桥（东胜站）】尖轨\1/12\P60\砼;左曲;复交\7560mm\SC350-104W</t>
  </si>
  <si>
    <t>【中铁宝桥（东胜站）】尖轨\1/12\P60\砼;右直;交渡\12480mm\SC330-105</t>
  </si>
  <si>
    <t>【中铁宝桥（东胜站）】尖轨\1/12\P60\砼;右直;复交\10040mm\SC350-103W</t>
  </si>
  <si>
    <t>【中铁宝桥（东胜站）】尖轨\1/12\P60\砼;右曲;交渡\12480mm\SC330-104</t>
  </si>
  <si>
    <t>【中铁宝桥（东胜站）】尖轨\1/12\P60\砼;右曲;复交\7560mm\SC350-104W</t>
  </si>
  <si>
    <t>【中铁宝桥（东胜站）】尖轨\1/12\P50\砼;左直\13080mm\专线4258-7</t>
  </si>
  <si>
    <t>【中铁宝桥（东胜站）】尖轨\1/12\P50\砼;左曲\13080mm\专线4258-6</t>
  </si>
  <si>
    <t>【中铁宝桥（东胜站）】尖轨\1/12\P50\砼;直;复交\7630mm\CB2268-06</t>
  </si>
  <si>
    <t>【中铁宝桥（东胜站）】尖轨\1/12\P50\砼;直;复交\7630mm\CB2268-04</t>
  </si>
  <si>
    <t>【中铁宝桥（东胜站）】尖轨\1/12\P50\砼;曲;复交\7630mm\CB2268-07</t>
  </si>
  <si>
    <t>【中铁宝桥（东胜站）】尖轨\1/9\P60\砼;右\6450mm\专线(02)4204-Ⅱ-6</t>
  </si>
  <si>
    <t>【中铁宝桥（东胜站）】尖轨\1/9\P50\砼;左\6450mm\专线(02)4151-Ⅱ-6</t>
  </si>
  <si>
    <t>【中铁宝桥（东胜站）】尖轨\1/9\P50\砼;右\6450mm\专线(02)4151-Ⅱ-6</t>
  </si>
  <si>
    <t>【中铁宝桥（东胜站）】尖轨\1/9\P50\木;左直;复交\5310mm\专线6055-7</t>
  </si>
  <si>
    <t>【中铁宝桥（东胜站）】尖轨\1/9\P50\木;左曲;复交\5310mm\专线6055-9</t>
  </si>
  <si>
    <t>【中铁宝桥（东胜站）】尖轨\1/9\P50\木;左\6450mm\专线4142-6</t>
  </si>
  <si>
    <t>【中铁宝桥（东胜站）】尖轨\1/9\P50\木;右直;复交\5310mm\专线6055-8</t>
  </si>
  <si>
    <t>【中铁宝桥（东胜站）】尖轨\1/9\P50\木;右曲;复交\5310mm\专线6055-10</t>
  </si>
  <si>
    <t>【中铁宝桥（东胜站）】尖轨\1/9\P50\木;右\6450mm\专线4142-6</t>
  </si>
  <si>
    <t>【中铁宝桥（东胜站）】尖轨\1/12\P75\砼;左曲\14211mm\SC381-104</t>
  </si>
  <si>
    <t>【中铁宝桥（东胜站）】尖轨\1/12\P75\砼;右直\14211mm\SC381-105</t>
  </si>
  <si>
    <t>【中铁宝桥（东胜站）】异型钢轨\75-60kg/m\6.25m\U71Mn\无孔</t>
  </si>
  <si>
    <t>【中铁宝桥（东胜站）】异型钢轨\75-60kg/m\12.50m\U75V\有孔</t>
  </si>
  <si>
    <t>【中铁宝桥（东胜站）】异型钢轨\75-60kg/m\12.50m\U71Mn\无孔</t>
  </si>
  <si>
    <t>【中铁宝桥（东胜站）】异型钢轨\60-50kg/m\12.50m\U71Mn\无孔</t>
  </si>
  <si>
    <t>【中铁宝桥（东胜站）】翼轨\1/18\P60\砼;右开左\16021mm\专线4225A-5</t>
  </si>
  <si>
    <t>【中铁宝桥（东胜站）】翼轨\1/18\P60\砼;右开右\16021mm\专线4225A-5</t>
  </si>
  <si>
    <t>【中铁宝桥（东胜站）】翼轨\1/18\P60\砼;左开左\16021mm\专线4225A-5</t>
  </si>
  <si>
    <t>【中铁宝桥（东胜站）】翼轨\1/18\P60\砼;左开右\16021mm\专线4225A-5</t>
  </si>
  <si>
    <t>【中铁宝桥（东胜站）】爆炸硬化锰钢辙叉\1/9\P60\砼;交渡\4311mm\SC390-201</t>
  </si>
  <si>
    <t>【中铁宝桥（东胜站）】爆炸硬化锰钢辙叉\1/9\P60\砼;交渡;钝\4954mm\SC391-301</t>
  </si>
  <si>
    <t>【中铁宝桥（东胜站）】爆炸硬化锰钢辙叉\1/9\P60\砼;交渡 锐\3687mm\SC391-201</t>
  </si>
  <si>
    <t>【中铁宝桥（东胜站）】基本轨\1/9\P50\木;右曲\12500mm\专线4106-5</t>
  </si>
  <si>
    <t>【中铁宝桥（东胜站）】基本轨\1/12\P75\砼;右直\23400mm\SC381-102</t>
  </si>
  <si>
    <t>【中铁宝桥（东胜站）】基本轨\1/12\P60\左直\16792mm\CB599-04;专4229-5</t>
  </si>
  <si>
    <t>【中铁宝桥（东胜站）】基本轨\1/12\P60\左曲\16792mm\CB599-03;专4229-6</t>
  </si>
  <si>
    <t>【中铁宝桥（东胜站）】基本轨\1/12\P60\右直\16792mm\CB599-04;专4229-5</t>
  </si>
  <si>
    <t>【中铁宝桥（东胜站）】基本轨\1/12\P60\右曲\16792mm\CB599-03;专4229-6</t>
  </si>
  <si>
    <t>【中铁宝桥（东胜站）】基本轨\1/12\P50\木;左直\12500mm\专线4145-4</t>
  </si>
  <si>
    <t>【中铁宝桥（东胜站）】基本轨\1/12\P50\木;左直\12500mm\专线4104-4</t>
  </si>
  <si>
    <t>【中铁宝桥（东胜站）】基本轨\1/12\P50\木;左曲\12500mm\专线4104-5</t>
  </si>
  <si>
    <t>【中铁宝桥（东胜站）】基本轨\1/12\P50\木;右直\12500mm\专线4145-4</t>
  </si>
  <si>
    <t>【中铁宝桥（东胜站）】基本轨\1/12\P50\木;右直\12500mm\专线4104-4</t>
  </si>
  <si>
    <t>【中铁宝桥（东胜站）】护轨\1/12\P60\砼;交渡;侧;槽型\5210mm\SC330-204</t>
  </si>
  <si>
    <t>【中铁宝桥（东胜站）】护轨\1/9\P50\砼;交渡;槽型;右\3600mm\CB2801-01</t>
  </si>
  <si>
    <t>【中铁宝桥（东胜站）】护轨\1/9\P50\砼;交渡;槽型;左\3600mm\CB2801-01</t>
  </si>
  <si>
    <t>【中铁宝桥（东胜站）】护轨\1/9\P50\砼;交渡;槽型;右\3100mm\CB2801-02</t>
  </si>
  <si>
    <t>【中铁宝桥（东胜站）】护轨\1/9\P50\砼;交渡;槽型;左\3100mm\CB2801-02</t>
  </si>
  <si>
    <t>【中铁宝桥（东胜站）】护轨\1/9\P50\砼;交渡;锐;槽型;右\3000mm\CB2215-02</t>
  </si>
  <si>
    <t>【中铁宝桥（东胜站）】护轨\1/9\P50\砼;交渡;直;槽型\3100mm\CB2214-01</t>
  </si>
  <si>
    <t>【中铁宝桥（东胜站）】护轨\1/9\P50\砼;侧\3600mm\CB2213-02</t>
  </si>
  <si>
    <t>【中铁宝桥（东胜站）】护轨\1/9\P50\砼;直\3600mm\CB2213-01</t>
  </si>
  <si>
    <t>【中铁宝桥（东胜站）】尖轨\1/9\P50\砼;左\6450mm\CB2230-03</t>
  </si>
  <si>
    <t>【中铁宝桥（东胜站）】尖轨\1/9\P50\砼;右\6450mm\CB2230-03</t>
  </si>
  <si>
    <t>【中铁宝桥（东胜站）】尖轨\1/12\P50\砼;曲;复交\7630mm\CB2268-05</t>
  </si>
  <si>
    <t>【中铁宝桥（东胜站）】基本轨\1/9\P60\砼;左直\15042mm\SC(07)390-101</t>
  </si>
  <si>
    <t>【中铁宝桥（东胜站）】基本轨\1/9\P60\砼;左直;交渡\15042mm\SC390-101</t>
  </si>
  <si>
    <t>【中铁宝桥（东胜站）】基本轨\1/9\P60\砼;左直;复交\7817mm\SC450-103</t>
  </si>
  <si>
    <t>【中铁宝桥（东胜站）】基本轨\1/9\P60\砼;左直;复交\7787mm\CB2507-01</t>
  </si>
  <si>
    <t>【中铁宝桥（东胜站）】基本轨\1/9\P60\砼;左曲\15042mm\SC(07)390-102</t>
  </si>
  <si>
    <t>【中铁宝桥（东胜站）】基本轨\1/9\P60\砼;左曲;交渡\15042mm\SC390-102</t>
  </si>
  <si>
    <t>【中铁宝桥（东胜站）】基本轨\1/9\P60\砼;左曲;复交\9025mm\CB2507-02</t>
  </si>
  <si>
    <t>【中铁宝桥（东胜站）】基本轨\1/9\P60\砼;左曲;复交\10249mm\SC450-102</t>
  </si>
  <si>
    <t>【中铁宝桥（东胜站）】基本轨\1/9\P60\砼;右直\15042mm\SC(07)390-101</t>
  </si>
  <si>
    <t>【中铁宝桥（东胜站）】基本轨\1/9\P60\砼;右直;交渡\15042mm\SC390-101</t>
  </si>
  <si>
    <t>【中铁宝桥（东胜站）】尖轨\1/12\P75\砼;右曲\14211mm\SC381-104</t>
  </si>
  <si>
    <t>【中铁宝桥（东胜站）】尖轨\1/12\P60\砼;左直\12400mm\专线4229-8</t>
  </si>
  <si>
    <t>【中铁宝桥（东胜站）】尖轨\1/12\P60\砼;左曲\12400mm\专线4229-7</t>
  </si>
  <si>
    <t>【中铁宝桥（东胜站）】尖轨\1/12\P60\砼;右直\12400mm\专线4229-8</t>
  </si>
  <si>
    <t>【中铁宝桥（东胜站）】尖轨\1/12\P60\砼;右曲\12400mm\专线4229-7</t>
  </si>
  <si>
    <t>【中铁宝桥（东胜站）】尖轨\1/12\P50\砼;右直\13080mm\专线4258-7</t>
  </si>
  <si>
    <t>【中铁宝桥（东胜站）】尖轨\1/12\P50\砼;右曲\13080mm\专线4258-6</t>
  </si>
  <si>
    <t>【中铁宝桥（东胜站）】尖轨\1/12\P50\木;左\7700mm\TB405-030</t>
  </si>
  <si>
    <t>【中铁宝桥（东胜站）】尖轨\1/12\P50\木;右\7700mm\TB405-030</t>
  </si>
  <si>
    <t>【中铁宝桥（东胜站）】尖轨\1/12\P50\木;砼;左直\11300mm\专线4148-7</t>
  </si>
  <si>
    <t>【中铁宝桥（东胜站）】尖轨\1/12\P50\木;砼;左曲\11300mm\专线4148-6</t>
  </si>
  <si>
    <t>【中铁山桥（肃宁站）】爆炸硬化锰钢辙叉\1/9\P60\木;交渡\4309mm\专线4196-3</t>
  </si>
  <si>
    <t>中铁山桥集团有限公司</t>
  </si>
  <si>
    <t>中铁山桥</t>
  </si>
  <si>
    <t>GNWZBP（TH）ZECG2020-041</t>
  </si>
  <si>
    <t>国家能源e购商城中铁山桥道岔配件肃宁站商城铺货长协采购框架合同</t>
  </si>
  <si>
    <t>【中铁山桥（肃宁站）】爆炸硬化锰钢辙叉\1/9\P50\砼;交渡;钝\4440mm\专线7515-3</t>
  </si>
  <si>
    <t>【中铁山桥（肃宁站）】爆炸硬化锰钢辙叉\1/9\P50\木;交渡;锐\3108mm\专线7514-3</t>
  </si>
  <si>
    <t>【中铁山桥（肃宁站）】爆炸硬化锰钢辙叉\1/12\P75\砼;交渡;组合;左开\5992\CB746G</t>
  </si>
  <si>
    <t>【中铁山桥（肃宁站）】爆炸硬化锰钢辙叉\1/12\P75\砼;交渡;组合;右开\5992\CB746G</t>
  </si>
  <si>
    <t>【中铁山桥（肃宁站）】爆炸硬化锰钢辙叉\1/12\P60\砼;交渡;钝\4676mm\铁联线024-3</t>
  </si>
  <si>
    <t>【中铁山桥（肃宁站）】爆炸硬化锰钢辙叉\1/12\P60\木;交渡;钝\5300mm\专线7494-3</t>
  </si>
  <si>
    <t>【中铁山桥（肃宁站）】尖轨\1/9\P50\木;左直;复交\5256mm\叁标线6017-7</t>
  </si>
  <si>
    <t>【中铁山桥（肃宁站）】尖轨\1/9\P50\木;左曲;复交\5256mm\叁标线6017-9</t>
  </si>
  <si>
    <t>【中铁山桥（肃宁站）】尖轨\1/12\P50\木;左直\7450mm\专线6059-7</t>
  </si>
  <si>
    <t>【中铁山桥（肃宁站）】尖轨\1/12\P50\木;左曲\7450mm\专线6059-7</t>
  </si>
  <si>
    <t>【中铁山桥（肃宁站）】基本轨\1/12\P50\木;右曲\12500mm\专线4104-5</t>
  </si>
  <si>
    <t>【中铁山桥（肃宁站）】基本轨\1/12\P43\木;曲\12500mm\TB403-020</t>
  </si>
  <si>
    <t>【中铁山桥（肃宁站）】护轨\1/9\P60\砼;木\3800mm\专线4196-4;CB506-2</t>
  </si>
  <si>
    <t>【中铁山桥（肃宁站）】护轨\1/9\P60\交渡\3000mm\CB525-01</t>
  </si>
  <si>
    <t>【中铁山桥（肃宁站）】护轨\1/9\P50\砼\4600mm\专线(02)4151-Ⅲ-5</t>
  </si>
  <si>
    <t>【中铁山桥（肃宁站）】护轨\1/9\P50\砼;交渡;钝\3600mm\专线(02)7663-Ⅲ-3</t>
  </si>
  <si>
    <t>【中铁山桥（肃宁站）】护轨\1/9\P50\砼;交渡;锐\3000mm\CB2260-01</t>
  </si>
  <si>
    <t>【中铁山桥（肃宁站）】护轨\1/9\P50\砼;交渡;侧\3600mm\CB2213A-02</t>
  </si>
  <si>
    <t>【中铁山桥（肃宁站）】护轨\1/9\P50\木;交渡\3250mm\专线7513-4;CB218-01</t>
  </si>
  <si>
    <t>【中铁山桥（肃宁站）】护轨\1/9\P50\木;交渡\3060mm\叁标线7096-4</t>
  </si>
  <si>
    <t>【中铁山桥（肃宁站）】护轨\1/12\P60\砼\6900mm\铁联线007-6;CB600-02</t>
  </si>
  <si>
    <t>【中铁山桥（肃宁站）】基本轨\1/18\P60\砼;左直\20392mm\CB2644-01</t>
  </si>
  <si>
    <t>【中铁山桥（肃宁站）】基本轨\1/18\P60\砼;左曲\20392mm\CB2644-02</t>
  </si>
  <si>
    <t>【中铁山桥（肃宁站）】尖轨\1/18\P60\砼;左直\19040mm\CB2644-04</t>
  </si>
  <si>
    <t>【中铁山桥（肃宁站）】尖轨\1/18\P60\砼;左曲\19040mm\CB2644-03</t>
  </si>
  <si>
    <t>【中铁山桥（肃宁站）】活动心轨\1/12\P50\砼;复交;右\4200mm\CB2269-03</t>
  </si>
  <si>
    <t>【中铁山桥（肃宁站）】活动心轨\1/12\P50\砼;复交;左\4200mm\CB2269-03</t>
  </si>
  <si>
    <t>【中铁山桥（肃宁站）】护轨\1/18\P60\砼;直;槽型\8200mm\CB2645-02</t>
  </si>
  <si>
    <t>【中铁山桥（肃宁站）】护轨\1/18\P60\砼;侧;槽型\8200mm\CB2645-02</t>
  </si>
  <si>
    <t>【中铁山桥（肃宁站）】锰钢辙叉\1/18\P60\砼;单开\8992mm\CB2645-01</t>
  </si>
  <si>
    <t>【中铁山桥（肃宁站）】护轨\1/12\P60\砼;直;槽型\6900mm\SC330-203</t>
  </si>
  <si>
    <t>【中铁山桥（肃宁站）】护轨\1/12\P60\砼;交渡;锐\3330mm\专线SC340-303槽型</t>
  </si>
  <si>
    <t>【中铁山桥（肃宁站）】基本轨\1/9\P60\砼;右直;复交\7817mm\SC450-103</t>
  </si>
  <si>
    <t>【中铁山桥（肃宁站）】基本轨\1/9\P60\砼;右直;复交\7787mm\CB2507-01</t>
  </si>
  <si>
    <t>【中铁山桥（肃宁站）】基本轨\1/9\P60\砼;右曲\15042mm\SC(07)390-102</t>
  </si>
  <si>
    <t>【中铁山桥（肃宁站）】基本轨\1/9\P60\砼;右曲;交渡\15042mm\SC390-102</t>
  </si>
  <si>
    <t>【中铁山桥（肃宁站）】基本轨\1/9\P60\砼;右曲;复交\11525mm\CB2507-03</t>
  </si>
  <si>
    <t>【中铁山桥（肃宁站）】基本轨\1/9\P60\砼;右曲;复交\10249mm\SC450-102</t>
  </si>
  <si>
    <t>【中铁山桥（肃宁站）】基本轨\1/9\P60\砼;复交\8505mm\CB2508-01</t>
  </si>
  <si>
    <t>【中铁山桥（肃宁站）】基本轨\1/9\P60\木;右;复交\7682mm\专线6055-4</t>
  </si>
  <si>
    <t>【中铁山桥（肃宁站）】基本轨\1/9\P50\砼;左直;复交\7785mm\CB2261-01</t>
  </si>
  <si>
    <t>【中铁山桥（肃宁站）】基本轨\1/9\P50\左曲\11200mm\CB236-02;专线4151-7</t>
  </si>
  <si>
    <t>【中铁山桥（肃宁站）】基本轨\1/9\P50\砼;左曲;复交\9025mm\CB2261-02</t>
  </si>
  <si>
    <t>【中铁山桥（肃宁站）】尖轨\1/12\P50\木;砼;右直\11300mm\专线4148-7</t>
  </si>
  <si>
    <t>【中铁山桥（肃宁站）】尖轨\1/12\P50\木;砼;右曲\11300mm\专线4148-6</t>
  </si>
  <si>
    <t>【中铁山桥（肃宁站）】基本轨\1/9\P60\砼;左直\11492mm\专线(02)4204-Ⅱ-4</t>
  </si>
  <si>
    <t>【中铁山桥（肃宁站）】基本轨\1/9\P60\砼;左曲\11492mm\专线(02)4204-Ⅱ-5</t>
  </si>
  <si>
    <t>【中铁山桥（肃宁站）】基本轨\1/9\P60\砼;右直\11492mm\专线(02)4204-Ⅱ-4</t>
  </si>
  <si>
    <t>【中铁山桥（肃宁站）】基本轨\1/9\P60\砼;右曲\11492mm\专线(02)4204-Ⅱ-5</t>
  </si>
  <si>
    <t>【中铁山桥（肃宁站）】基本轨\1/9\P50\砼;左直\11492mm\专线(02)4151-Ⅱ-4</t>
  </si>
  <si>
    <t>【中铁山桥（肃宁站）】基本轨\1/9\P50\砼;左曲\11492mm\专线(02)4151-Ⅱ-5</t>
  </si>
  <si>
    <t>【中铁山桥（肃宁站）】基本轨\1/9\P50\砼;右直\11492mm\专线(02)4151-Ⅱ-4</t>
  </si>
  <si>
    <t>【中铁山桥（肃宁站）】基本轨\1/9\P50\砼;右曲\11492mm\专线(02)4151-Ⅱ-5</t>
  </si>
  <si>
    <t>【中铁山桥（肃宁站）】基本轨\1/9\P50\木;左直\12500mm\TB404-010</t>
  </si>
  <si>
    <t>【中铁山桥（肃宁站）】尖轨\1/12\P50\木;右直\7450mm\专线6059-7</t>
  </si>
  <si>
    <t>【中铁山桥（肃宁站）】尖轨\1/12\P50\木;右曲\7450mm\专线6059-7</t>
  </si>
  <si>
    <t>【中铁山桥（肃宁站）】基本轨\1/12\P60\木;左直;交渡\15700mm\专线4129-4</t>
  </si>
  <si>
    <t>【中铁山桥（肃宁站）】基本轨\1/12\P60\木;左直;复交\10879mm\专线6048-4</t>
  </si>
  <si>
    <t>【中铁山桥（肃宁站）】基本轨\1/12\P60\木;左曲;交渡\15700mm\专线4129-5</t>
  </si>
  <si>
    <t>【中铁山桥（肃宁站）】基本轨\1/12\P60\木;左曲;复交\10825mm\专线6048-5</t>
  </si>
  <si>
    <t>【中铁山桥（肃宁站）】基本轨\1/12\P60\木;右直;交渡\15700mm\专线4129-4</t>
  </si>
  <si>
    <t>【中铁山桥（肃宁站）】基本轨\1/12\P60\木;右直;复交\10879mm\专线6048-4</t>
  </si>
  <si>
    <t>【中铁山桥（肃宁站）】基本轨\1/12\P60\木;右曲;交渡\15700mm\专线4129-5</t>
  </si>
  <si>
    <t>【中铁山桥（肃宁站）】基本轨\1/12\P60\木;右曲;复交\17255mm\专线6048-6</t>
  </si>
  <si>
    <t>【中铁山桥（肃宁站）】基本轨\1/12\P50\木\17310mm\专线6020-4</t>
  </si>
  <si>
    <t>【中铁山桥（肃宁站）】护轨\1/12\P60\砼\4600mm\专线4130-4;CB502-02</t>
  </si>
  <si>
    <t>【中铁山桥（肃宁站）】护轨\1/12\P60\木;砼\5100mm\专线4192-4;CB556-02</t>
  </si>
  <si>
    <t>【中铁山桥（肃宁站）】护轨\1/12\P60\木;侧\5100mm\专线4221-5</t>
  </si>
  <si>
    <t>【中铁山桥（肃宁站）】护轨\1/12\P50\砼\4500mm\TB411-040</t>
  </si>
  <si>
    <t>【中铁山桥（肃宁站）】护轨\1/12\P50\木;砼\4600mm\专线4149-4;CB291-01</t>
  </si>
  <si>
    <t>【中铁山桥（肃宁站）】导轨\1/9\P60\木;复交;左\8647mm\专线6045-6</t>
  </si>
  <si>
    <t>【中铁山桥（肃宁站）】锰钢辙叉\1/9\P60\砼\4309mm\专线4196-3</t>
  </si>
  <si>
    <t>【中铁山桥（肃宁站）】锰钢辙叉\1/12\P75\砼;交渡;钝\4676mm\SC443-401</t>
  </si>
  <si>
    <t>【中铁山桥（肃宁站）】锰钢辙叉\1/12\P50\木\4557mm\TB1165-010</t>
  </si>
  <si>
    <t>【中铁山桥（肃宁站）】锰钢辙叉\1/12\P43\木\4557mm\TB1163-010</t>
  </si>
  <si>
    <t>【中铁山桥（肃宁站）】尖轨\1/9\P60\木;左\6450mm\专线4195-6</t>
  </si>
  <si>
    <t>【中铁山桥（肃宁站）】护轨\1/12\P60\砼;交渡;侧\4600mm\专线SC340-202槽型</t>
  </si>
  <si>
    <t>【中铁山桥（肃宁站）】护轨\1/12\P60\砼;直\5210mm\专线SC330-204槽型</t>
  </si>
  <si>
    <t>【中铁山桥（肃宁站）】翼轨\1/18\P75\砼;左\16700mm\SC488-202</t>
  </si>
  <si>
    <t>【中铁山桥（肃宁站）】翼轨\1/18\P75\砼;右\16700mm\SC488-203</t>
  </si>
  <si>
    <t>【中铁山桥（肃宁站）】短心轨\1/18\P75\砼;右;可动心\8520mm\SC488-205</t>
  </si>
  <si>
    <t>【中铁山桥（肃宁站）】尖轨\1/18\P75\砼;右曲\16600mm\SC488-104</t>
  </si>
  <si>
    <t>【中铁山桥（肃宁站）】尖轨\1/18\P75\砼;右直\16600mm\SC488-105</t>
  </si>
  <si>
    <t>【中铁山桥（肃宁站）】长心轨\1/18\P75\砼;右;可动心\13576mm\SC488-204</t>
  </si>
  <si>
    <t>【中铁山桥（肃宁站）】尖轨\1/6\P50\木;右;对称\4500mm\专线5817-4</t>
  </si>
  <si>
    <t>【中铁山桥（肃宁站）】锰钢辙叉\1/9\P50\砼;复交\4309mm\CB2214-01</t>
  </si>
  <si>
    <t>【中铁山桥（肃宁站）】活动心轨\1/12\P50\砼;复交;左\4200mm\专线6090-Ⅲ-6</t>
  </si>
  <si>
    <t>【中铁山桥（肃宁站）】基本轨\1/9\P50\砼;右直;复交\7785mm\CB2261-01</t>
  </si>
  <si>
    <t>【中铁山桥（肃宁站）】基本轨\1/9\P50\砼;右曲;复交\11525mm\CB2261-03</t>
  </si>
  <si>
    <t>【中铁山桥（肃宁站）】基本轨\1/9\P50\砼;复交\8505mm\CB2262-01</t>
  </si>
  <si>
    <t>【中铁山桥（肃宁站）】基本轨\1/9\P50\木;复交\8240mm\专线6055-5</t>
  </si>
  <si>
    <t>【中铁山桥（肃宁站）】基本轨\1/9\P43\木;右直\12500mm\TB402-010</t>
  </si>
  <si>
    <t>【中铁山桥（肃宁站）】基本轨\1/18\P60\砼;左直\19192mm\专线4224-5A</t>
  </si>
  <si>
    <t>【中铁山桥（肃宁站）】基本轨\1/18\P60\砼;左曲\19192mm\专线4224-6A</t>
  </si>
  <si>
    <t>【中铁山桥（肃宁站）】基本轨\1/12\P75\砼;左直\23400mm\SC381-102</t>
  </si>
  <si>
    <t>【中铁山桥（肃宁站）】基本轨\1/12\P75\砼;左曲\23400mm\SC381-103</t>
  </si>
  <si>
    <t>【中铁山桥（肃宁站）】基本轨\1/12\P75\砼;右曲\23400mm\SC381-103</t>
  </si>
  <si>
    <t>【中铁山桥（肃宁站）】基本轨\1/9\P50\木;左直\11200mm\专线4142-4</t>
  </si>
  <si>
    <t>【中铁山桥（肃宁站）】基本轨\1/9\P50\木;左曲\12500mm\TB404-020</t>
  </si>
  <si>
    <t>【中铁山桥（肃宁站）】基本轨\1/9\P50\木;左曲\11200mm\专线4142-5</t>
  </si>
  <si>
    <t>【中铁山桥（肃宁站）】基本轨\1/9\P50\木;左;复交\7682mm\专线6055-4</t>
  </si>
  <si>
    <t>【中铁山桥（肃宁站）】基本轨\1/9\P50\木;右直\12500mm\TB404-010</t>
  </si>
  <si>
    <t>【中铁山桥（肃宁站）】基本轨\1/9\P50\木;右直\11200mm\专线4142-4</t>
  </si>
  <si>
    <t>【中铁山桥（肃宁站）】基本轨\1/9\P50\木;右曲\12500mm\TB404-020</t>
  </si>
  <si>
    <t>【中铁山桥（肃宁站）】基本轨\1/9\P50\木;右曲\11200mm\专线4142-5</t>
  </si>
  <si>
    <t>【中铁山桥（肃宁站）】基本轨\1/9\P50\木;右;复交\7682mm\专线6055-4</t>
  </si>
  <si>
    <t>【中铁山桥（肃宁站）】基本轨\1/9\P50\木;复交\12500mm\专线6055-6</t>
  </si>
  <si>
    <t>【中铁山桥（肃宁站）】基本轨\1/9\P43\木;左直\12500mm\TB402-010</t>
  </si>
  <si>
    <t>【中铁山桥（肃宁站）】基本轨\1/12\P50\木\10879mm\专线6059-4</t>
  </si>
  <si>
    <t>【中铁山桥（肃宁站）】基本轨\1/12\P50\木\10585mm\专线6060-4</t>
  </si>
  <si>
    <t>【中铁山桥（肃宁站）】基本轨\1/12\P50\木;左曲\10825mm\专线6059-5</t>
  </si>
  <si>
    <t>【中铁山桥（肃宁站）】尖轨\1/9\P60\木;右\6450mm\专线4195-6</t>
  </si>
  <si>
    <t>【中铁山桥（肃宁站）】尖轨\1/9\P43\木;左\6250mm\TB402-030</t>
  </si>
  <si>
    <t>【中铁山桥（肃宁站）】尖轨\1/12\P75\砼;左直\14211mm\SC381-105</t>
  </si>
  <si>
    <t>【中铁山桥（肃宁站）】尖轨\1/12\P60\木;砼;左直\11300mm\专线4191-7</t>
  </si>
  <si>
    <t>【中铁山桥（肃宁站）】尖轨\1/12\P60\木;砼;左曲\11300mm\专线4191-6</t>
  </si>
  <si>
    <t>【中铁山桥（肃宁站）】尖轨\1/12\P60\木;砼;右直\11300mm\专线4191-7</t>
  </si>
  <si>
    <t>【中铁山桥（肃宁站）】尖轨\1/12\P60\木;砼;右曲\11300mm\专线4191-6</t>
  </si>
  <si>
    <t>【中铁山桥（肃宁站）】尖轨\1/12\P50\砼;左;复交\4200mm\CB2269-03</t>
  </si>
  <si>
    <t>【中铁山桥（肃宁站）】尖轨\1/12\P50\木;左直\7700mm\专线4104-6</t>
  </si>
  <si>
    <t>【中铁山桥（肃宁站）】尖轨\1/12\P50\木;右直\7700mm\专线4104-6</t>
  </si>
  <si>
    <t>【中铁山桥（肃宁站）】尖轨\1/12\P43\木;左\7700mm\TB403-030</t>
  </si>
  <si>
    <t>【中铁山桥（肃宁站）】活动心轨\1/12\P50\砼;复交;右\4200mm\专线6090-Ⅲ-6</t>
  </si>
  <si>
    <t>【中铁山桥（肃宁站）】护轨总成\1/9\P50\木\11000mm\TB410-050</t>
  </si>
  <si>
    <t>【中铁山桥（肃宁站）】护轨\1/9\P60\砼;交渡;锐\3600mm\SC392C-201</t>
  </si>
  <si>
    <t>【中铁山桥（肃宁站）】护轨\1/9\P50\砼;交渡;锐\3000mm\CB2215-02</t>
  </si>
  <si>
    <t>【中铁山桥（肃宁站）】异型钢轨\75-60kg/m\12.50m\PG4\无孔</t>
  </si>
  <si>
    <t>【中铁山桥（肃宁站）】护轨\1/9\P50\砼;交渡;侧\3100mm\CB2214-01</t>
  </si>
  <si>
    <t>【中铁山桥（肃宁站）】护轨\1/6\P50\木\2700mm\专线5818-5</t>
  </si>
  <si>
    <t>【中铁山桥（肃宁站）】尖轨\1/12\P50\木;复交;左曲\7450mm\专线6059-8</t>
  </si>
  <si>
    <t>【中铁山桥（肃宁站）】尖轨\1/12\P50\木;复交;右直\7450mm\专线6059-9</t>
  </si>
  <si>
    <t>【中铁山桥（肃宁站）】尖轨\1/12\P50\木;复交;右曲\7450mm\专线6059-10</t>
  </si>
  <si>
    <t>【中铁山桥（肃宁站）】导轨\1/9\P50\砼;复交\8647mm\专线(04)6091-III-5</t>
  </si>
  <si>
    <t>【中铁山桥（肃宁站）】基本轨\1/12\P50\木;右曲\17255mm\专线6059-6</t>
  </si>
  <si>
    <t>【中铁山桥（肃宁站）】尖轨\1/12\P60\木;左直;复交\7450mm\专线6048-7A</t>
  </si>
  <si>
    <t>【中铁山桥（肃宁站）】尖轨\1/12\P60\木;左曲;复交\7450mm\专线6048-9A</t>
  </si>
  <si>
    <t>【中铁山桥（肃宁站）】尖轨\1/12\P60\木;右直;复交\7450mm\专线6048-8A</t>
  </si>
  <si>
    <t>【中铁山桥（肃宁站）】尖轨\1/12\P60\木;右曲;复交\7450mm\专线6048-10A</t>
  </si>
  <si>
    <t>【中铁山桥（肃宁站）】伸缩器尖轨\P60;研线TF9912-4;左;1000mm</t>
  </si>
  <si>
    <t>【中铁山桥（肃宁站）】伸缩器尖轨\P60;研线TF9912-4;右;1000mm</t>
  </si>
  <si>
    <t>【中铁山桥（肃宁站）】伸缩器基本轨\P60;研线TF9912-3;左;1000mm</t>
  </si>
  <si>
    <t>【中铁山桥（肃宁站）】伸缩器基本轨\P60;研线TF9912-3;右;1000mm</t>
  </si>
  <si>
    <t>【中铁山桥（肃宁站）】锰钢辙叉\1/9\P60\木;交渡;锐\3184mm\专线7489-3</t>
  </si>
  <si>
    <t>【中铁山桥（肃宁站）】锰钢辙叉\1/9\P60\木;交渡;钝\4198mm\专线7490-3</t>
  </si>
  <si>
    <t>【中铁山桥（肃宁站）】尖轨\1/12\P43\木;右\7700mm\TB403-030</t>
  </si>
  <si>
    <t>【中铁山桥（肃宁站）】基本轨\1/9\P43\木;右曲\12500mm\TB402-020</t>
  </si>
  <si>
    <t>【中铁山桥（肃宁站）】基本轨\1/12\P60\木;砼;左直\15700mm\专线4191-4</t>
  </si>
  <si>
    <t>【中铁山桥（肃宁站）】基本轨\1/12\P60\木;砼;左曲\15700mm\专线4191-5</t>
  </si>
  <si>
    <t>【中铁山桥（肃宁站）】基本轨\1/12\P60\木;砼;右直\15700mm\专线4191-4</t>
  </si>
  <si>
    <t>【中铁山桥（肃宁站）】基本轨\1/12\P60\木;砼;右曲\15700mm\专线4191-5</t>
  </si>
  <si>
    <t>【中铁山桥（肃宁站）】基本轨\1/12\P50\木;左曲\12500mm\专线4145-5</t>
  </si>
  <si>
    <t>【中铁山桥（肃宁站）】基本轨\1/12\P50\木;右曲\12500mm\专线4145-5</t>
  </si>
  <si>
    <t>【中铁山桥（肃宁站）】基本轨\1/12\P43\木;直\12500mm\TB403-010</t>
  </si>
  <si>
    <t>【中铁山桥（肃宁站）】护轨\1/9\P60\木;交渡\3250mm\专线7579-3</t>
  </si>
  <si>
    <t>【中铁山桥（肃宁站）】护轨\1/9\P50\木;交渡\3900mm\叁标线7095-5</t>
  </si>
  <si>
    <t>【中铁山桥（肃宁站）】导轨\1/12\P50\木;复交\10572mm\专线6060-6</t>
  </si>
  <si>
    <t>【中铁山桥（肃宁站）】基本轨\1/9\P50\砼;曲;复交\12520mm\专线6091-Ⅱ-4</t>
  </si>
  <si>
    <t>【中铁山桥（肃宁站）】基本轨\1/9\P50\砼;左直;复交\7682mm\专线6091-Ⅱ-6</t>
  </si>
  <si>
    <t>【中铁山桥（肃宁站）】基本轨\1/6\P50\木;左曲;对称\7812mm\专线5817-3</t>
  </si>
  <si>
    <t>【中铁山桥（肃宁站）】基本轨\1/6\P50\木;右曲;对称\7812mm\专线5817-3</t>
  </si>
  <si>
    <t>【中铁山桥（肃宁站）】基本轨\1/12\P50\砼;曲;复交\16911mm\专线6090-Ⅱ-5</t>
  </si>
  <si>
    <t>【中铁山桥（肃宁站）】基本轨\1/12\P50\砼;曲;复交\10811mm\专线6090-Ⅱ-5</t>
  </si>
  <si>
    <t>【中铁山桥（肃宁站）】V形基本轨\1/9\P50\砼;复交\8666mm\专线(04)6091-Ⅲ-4</t>
  </si>
  <si>
    <t>【中铁山桥（肃宁站）】V形基本轨\1/12\P50\木;复交\10585mm\专线6060-4</t>
  </si>
  <si>
    <t>【中铁山桥（肃宁站）】基本轨\1/12\P50\砼;右直\10814mm\专线(04)6090-Ⅱ-4</t>
  </si>
  <si>
    <t>【中铁山桥（肃宁站）】基本轨\1/12\P50\砼;左直\10814mm\专线(04)6090-Ⅱ-4</t>
  </si>
  <si>
    <t>【中铁山桥（肃宁站）】锰钢辙叉\1/9\P43\木\3588mm\TB1162-010</t>
  </si>
  <si>
    <t>【中铁山桥（肃宁站）】锰钢辙叉\1/9\P43\木;交渡;钝\5000mm\叁标线7070-3</t>
  </si>
  <si>
    <t>【中铁山桥（肃宁站）】锰钢辙叉\1/12\P60\木;交渡;锐\3299mm\专线7564-3</t>
  </si>
  <si>
    <t>【中铁山桥（肃宁站）】锰钢辙叉\1/12\P60\木;交渡;钝\5300mm\专线7565-3</t>
  </si>
  <si>
    <t>【中铁山桥（肃宁站）】尖轨\1/9\P60\木;左直;复交\5310mm\专线6044-7A</t>
  </si>
  <si>
    <t>【中铁山桥（肃宁站）】尖轨\1/9\P60\木;左曲;复交\5310mm\专线6044-9A</t>
  </si>
  <si>
    <t>【中铁山桥（肃宁站）】护轨\1/9\P50\木;交渡\3050mm\专线7514-4;CB219-01</t>
  </si>
  <si>
    <t>【中铁山桥（肃宁站）】护轨\1/12\P75\砼;左直;槽形\7800mm\SC381-207B</t>
  </si>
  <si>
    <t>【中铁山桥（肃宁站）】护轨\1/12\P75\砼;交渡;直;槽形\6900mm\SC443-203</t>
  </si>
  <si>
    <t>【中铁山桥（肃宁站）】护轨\1/12\P75\砼;交渡;锐\3000mm\SC443-303</t>
  </si>
  <si>
    <t>【中铁山桥（肃宁站）】护轨\1/12\P75\砼;交渡;侧;槽形\4800mm\SC443-204</t>
  </si>
  <si>
    <t>【中铁山桥（肃宁站）】护轨\1/12\P60\砼;锐\3000mm\铁联线023-5;CB584-01</t>
  </si>
  <si>
    <t>【中铁山桥（肃宁站）】护轨\1/12\P60\木;直\6900mm\专线4221-4</t>
  </si>
  <si>
    <t>【中铁山桥（肃宁站）】等离子尖轨\1/9\P50\砼;左\6450mm\专线(02)4151-Ⅱ-6</t>
  </si>
  <si>
    <t>【中铁山桥（肃宁站）】等离子尖轨1/9\P60砼;右曲;交渡12400mm\SC(07)390-103</t>
  </si>
  <si>
    <t>【中铁山桥（肃宁站）】等离子尖轨1/9\P60砼;左曲;交渡12400mm\SC(07)390-103</t>
  </si>
  <si>
    <t>【中铁山桥（肃宁站）】等离子尖轨\1/12\P60\砼;右曲;交渡\12480mm\SC330-104</t>
  </si>
  <si>
    <t>【中铁山桥（肃宁站）】基本轨\1/12\P50\砼;复交\16911mm\专线(04)6090-Ⅱ-5</t>
  </si>
  <si>
    <t>【中铁山桥（肃宁站）】锰钢辙叉\1/12\P60\砼;交渡;锐\3605mm\CB666-01</t>
  </si>
  <si>
    <t>【中铁山桥（肃宁站）】锰钢辙叉\1/12\P60\砼;交渡;钝\4676mm\CB658-01</t>
  </si>
  <si>
    <t>【中铁山桥（肃宁站）】护轨\1/9\P50\砼;交渡;直;槽型\3800mm\CB2213A-01</t>
  </si>
  <si>
    <t>【中铁山桥（肃宁站）】护轨\1/9\P50\砼;交渡;锐;槽型\3000mm\CB2260-01</t>
  </si>
  <si>
    <t>【中铁山桥（肃宁站）】护轨\1/9\P50\砼;交渡;锐;槽型\3000mm\CB2215-02</t>
  </si>
  <si>
    <t>【中铁山桥（肃宁站）】护轨\1/9\P50\砼;交渡;侧;槽型\3600mm\CB2213A-02</t>
  </si>
  <si>
    <t>【中铁山桥（肃宁站）】护轨\1/9\P50\砼;交渡;侧;槽型\3100mm\CB2214-01</t>
  </si>
  <si>
    <t>【中铁山桥（肃宁站）】护轨\1/12\P60\砼;交渡;直\6900mm\CB645-01</t>
  </si>
  <si>
    <t>【中铁山桥（肃宁站）】护轨\1/12\P60\砼;交渡;锐\3330mm\CB666-02</t>
  </si>
  <si>
    <t>【中铁山桥（肃宁站）】护轨\1/12\P60\砼;交渡;侧\4600mm\CB665-01</t>
  </si>
  <si>
    <t>【中铁山桥（肃宁站）】基本轨\1/12\P60\砼;左直;交渡\15700mm\SC330-102</t>
  </si>
  <si>
    <t>【中铁山桥（肃宁站）】基本轨\1/12\P60\砼;左曲;交渡\15700mm\SC330-103</t>
  </si>
  <si>
    <t>【中铁山桥（肃宁站）】基本轨\1/12\P60\砼;左曲;复交\13270mm\SC350-102W</t>
  </si>
  <si>
    <t>【中铁山桥（肃宁站）】基本轨\1/12\P60\砼;右直;交渡\15700mm\SC330-102</t>
  </si>
  <si>
    <t>【中铁山桥（肃宁站）】基本轨\1/12\P60\砼;右曲\16792mm\专线4229-6</t>
  </si>
  <si>
    <t>【中铁山桥（肃宁站）】基本轨\1/12\P60\砼;右曲;交渡\15700mm\SC330-103</t>
  </si>
  <si>
    <t>【中铁山桥（肃宁站）】基本轨\1/12\P60\砼;右曲;复交\13270mm\SC350-102W</t>
  </si>
  <si>
    <t>【中铁山桥（肃宁站）】基本轨\1/12\P50\砼\9710mm\CB2269-01</t>
  </si>
  <si>
    <t>【中铁山桥（肃宁站）】基本轨\1/12\P50\砼;左直\16292mm\专线4258-4</t>
  </si>
  <si>
    <t>【中铁山桥（肃宁站）】基本轨\1/12\P50\砼;左直\10814mm\CB2268-01</t>
  </si>
  <si>
    <t>【中铁山桥（肃宁站）】基本轨\1/12\P50\砼;左曲\16292mm\专线4258-5</t>
  </si>
  <si>
    <t>【中铁山桥（肃宁站）】尖轨\1/9\P60\木;右直;复交\5310mm\专线6044-8A</t>
  </si>
  <si>
    <t>【中铁山桥（肃宁站）】尖轨\1/9\P60\木;右曲;复交\5310mm\专线6044-10A</t>
  </si>
  <si>
    <t>【中铁山桥（肃宁站）】尖轨\1/9\P50\木;右直;复交\5256mm\叁标线6017-8</t>
  </si>
  <si>
    <t>【中铁山桥（肃宁站）】尖轨\1/9\P50\木;右曲;复交\5256mm\叁标线6017-10</t>
  </si>
  <si>
    <t>【中铁山桥（肃宁站）】尖轨\1/9\P50\木;右\6250mm\专线4146-6</t>
  </si>
  <si>
    <t>【中铁山桥（肃宁站）】基本轨\1/9\P60\木;左曲;复交\9300mm\专线6044-5</t>
  </si>
  <si>
    <t>【中铁山桥（肃宁站）】基本轨\1/9\P60\木;左;复交\7682mm\专线6044-4</t>
  </si>
  <si>
    <t>【中铁山桥（肃宁站）】基本轨\1/9\P60\木;右曲;复交\12500mm\专线6044-6</t>
  </si>
  <si>
    <t>【中铁山桥（肃宁站）】基本轨\1/9\P60\木;右;复交\7682mm\专线6044-4</t>
  </si>
  <si>
    <t>【中铁山桥（肃宁站）】基本轨\1/9\P50\木;复交\8285mm\叁标线6017-5</t>
  </si>
  <si>
    <t>【中铁山桥（肃宁站）】基本轨\1/9\P50\木;复交\7624mm\叁标线6017-4</t>
  </si>
  <si>
    <t>【中铁山桥（肃宁站）】等离子尖轨\1/12\P60\砼;左曲;交渡\12480mm\SC330-104</t>
  </si>
  <si>
    <t>【中铁山桥（肃宁站）】基本轨\1/9\P50\砼;右直\11492mm\CB2230-01</t>
  </si>
  <si>
    <t>【中铁山桥（肃宁站）】基本轨\1/9\P50\砼;右曲\11492mm\CB2230-02</t>
  </si>
  <si>
    <t>【中铁山桥（肃宁站）】基本轨\1/9\P50\砼;左直\11492mm\CB2230-01</t>
  </si>
  <si>
    <t>【中铁山桥（肃宁站）】基本轨\1/9\P50\砼;左曲\11492mm\CB2230-02</t>
  </si>
  <si>
    <t>【中铁山桥（肃宁站）】护轨\1/12\P50\砼;直\6900mm\CB2233-01</t>
  </si>
  <si>
    <t>【中铁山桥（肃宁站）】护轨\1/12\P50\砼;侧\5100mm\CB2233-02</t>
  </si>
  <si>
    <t>【中铁山桥（肃宁站）】基本轨\1/12\P50\砼;右直\16292mm\CB2232-01</t>
  </si>
  <si>
    <t>【中铁山桥（肃宁站）】基本轨\1/12\P50\砼;右曲\16292mm\CB2232-02</t>
  </si>
  <si>
    <t>【中铁山桥（肃宁站）】尖轨\1/12\P50\砼;右曲\13080mm\CB2232-03</t>
  </si>
  <si>
    <t>【中铁山桥（肃宁站）】尖轨\1/12\P50\砼;右直\13080mm\CB2232-04</t>
  </si>
  <si>
    <t>【中铁山桥（肃宁站）】基本轨\1/12\P50\砼;左直\16292mm\CB2232-01</t>
  </si>
  <si>
    <t>【中铁山桥（肃宁站）】基本轨\1/12\P50\砼;左曲\10845mm\CB2268-02</t>
  </si>
  <si>
    <t>【中铁山桥（肃宁站）】基本轨\1/12\P50\砼;右直\10814mm\CB2268-01</t>
  </si>
  <si>
    <t>【中铁山桥（肃宁站）】基本轨\1/12\P50\砼;右曲\16945mm\CB2268-03</t>
  </si>
  <si>
    <t>【中铁山桥（肃宁站）】基本轨\1/12\P50\砼;右曲\16292mm\专线4258-5</t>
  </si>
  <si>
    <t>【中铁山桥（肃宁站）】基本轨\1/12\P50\木;砼;左曲\15700mm\专线4148-4</t>
  </si>
  <si>
    <t>【中铁山桥（肃宁站）】活动心轨\1/9\P60\砼;左;复交\3593mm\CB2508-03</t>
  </si>
  <si>
    <t>【中铁山桥（肃宁站）】活动心轨\1/9\P60\砼;左;复交\3564mm\SC450-108</t>
  </si>
  <si>
    <t>【中铁山桥（肃宁站）】活动心轨\1/9\P60\砼;右;复交\3593mm\CB2508-03</t>
  </si>
  <si>
    <t>【中铁山桥（肃宁站）】活动心轨\1/9\P60\砼;右;复交\3564mm\SC450-108</t>
  </si>
  <si>
    <t>【中铁山桥（肃宁站）】活动心轨\1/9\P50\砼;左;复交\3593mm\CB2262-03</t>
  </si>
  <si>
    <t>【中铁山桥（肃宁站）】活动心轨\1/9\P50\砼;右;复交\3593mm\CB2262-03</t>
  </si>
  <si>
    <t>【中铁山桥（肃宁站）】基本轨\1/9\P50\木;复交\12500mm\叁标线6017-6</t>
  </si>
  <si>
    <t>【中铁山桥（肃宁站）】活动心轨\1/9\P60\木;左;复交\3700mm\专线6045-5</t>
  </si>
  <si>
    <t>【中铁山桥（肃宁站）】活动心轨\1/9\P60\木;右;复交\3700mm\专线6045-5</t>
  </si>
  <si>
    <t>【中铁山桥（肃宁站）】活动心轨\1/9\P50\木;左;复交\3700mm\叁标线6018-6</t>
  </si>
  <si>
    <t>【中铁山桥（肃宁站）】活动心轨\1/9\P50\木;右;复交\3700mm\叁标线6018-6</t>
  </si>
  <si>
    <t>【中铁山桥（肃宁站）】活动心轨\1/12\P60\木;左\4200mm\专线6049-5</t>
  </si>
  <si>
    <t>【中铁山桥（肃宁站）】活动心轨\1/12\P60\木;右\4200mm\专线6049-5</t>
  </si>
  <si>
    <t>【中铁山桥（肃宁站）】护轨\1/9\P60\木;交渡;直\3800mm\专线4196-4</t>
  </si>
  <si>
    <t>【中铁山桥（肃宁站）】护轨\1/9\P60\木;交渡;锐\2900mm\专线7580-4</t>
  </si>
  <si>
    <t>【中铁山桥（肃宁站）】护轨\1/12\P75\砼;交渡;锐\3000mm\SC443-302</t>
  </si>
  <si>
    <t>【中铁山桥（肃宁站）】护轨\1/12\P60\砼\6900mm\CB566-01</t>
  </si>
  <si>
    <t>【中铁山桥（肃宁站）】基本轨\1/12\P50\砼;左曲\16292mm\CB2232-02</t>
  </si>
  <si>
    <t>【中铁山桥（肃宁站）】尖轨\1/12\P50\砼;左曲\13080mm\CB2232-03</t>
  </si>
  <si>
    <t>【中铁山桥（肃宁站）】尖轨\1/12\P50\砼;左直\13080mm\CB2232-04</t>
  </si>
  <si>
    <t>【中铁山桥（肃宁站）】锰钢辙叉\1/12\P60\砼\5992mm\CB643-01</t>
  </si>
  <si>
    <t>【中铁山桥（肃宁站）】护轨\1/12\P60\砼;侧\5210mm\CB645-02</t>
  </si>
  <si>
    <t>【中铁山桥（肃宁站）】基本轨\1/12\P60\砼;右直\15700mm\CB642-01</t>
  </si>
  <si>
    <t>【中铁山桥（肃宁站）】基本轨\1/12\P60\砼;右曲\15700mm\CB642-02</t>
  </si>
  <si>
    <t>【中铁山桥（肃宁站）】尖轨\1/12\P60\砼;右曲\12480mm\CB642-03</t>
  </si>
  <si>
    <t>【中铁山桥（肃宁站）】尖轨\1/12\P60\砼;右直\12480mm\CB642-04</t>
  </si>
  <si>
    <t>【中铁山桥（肃宁站）】基本轨\1/12\P60\砼;左直\15700mm\CB642-01</t>
  </si>
  <si>
    <t>【中铁山桥（肃宁站）】基本轨\1/12\P60\砼;左曲\15700mm\CB642-02</t>
  </si>
  <si>
    <t>【中铁山桥（肃宁站）】活动心轨\1/12\P60\砼;左\15020mm\SC350-106W</t>
  </si>
  <si>
    <t>【中铁山桥（肃宁站）】活动心轨\1/12\P60\砼;右\15020mm\SC350-106W</t>
  </si>
  <si>
    <t>【中铁山桥（肃宁站）】护轨\1/9\P60\砼\3800mm\专线(02)4204-Ⅲ-5</t>
  </si>
  <si>
    <t>【中铁山桥（肃宁站）】护轨\1/9\P60\砼 侧\3800mm\SC390C-203</t>
  </si>
  <si>
    <t>【中铁山桥（肃宁站）】护轨\1/9\P50\砼\3600mm\专线(02)4151-Ⅲ-5</t>
  </si>
  <si>
    <t>【中铁山桥（肃宁站）】护轨\1/9\P50\砼;交渡;直\3600mm\专线(02)7663-Ⅱ-4</t>
  </si>
  <si>
    <t>【中铁山桥（肃宁站）】护轨\1/9\P50\砼;交渡;锐\3050mm\专线(02)7663-Ⅲ-5</t>
  </si>
  <si>
    <t>【中铁山桥（肃宁站）】护轨\1/9\P50\砼;交渡;侧\3200mm\专线(02)7663-Ⅱ-5</t>
  </si>
  <si>
    <t>【中铁山桥（肃宁站）】护轨\1/9\P50\砼;复交\3600mm\CB2263-01</t>
  </si>
  <si>
    <t>【中铁山桥（肃宁站）】护轨\1/9\P50\砼;复交;槽形\3600mm\CB2273-01</t>
  </si>
  <si>
    <t>【中铁山桥（肃宁站）】护轨\1/9\P50\木;砼\3600mm\专线4143-5;CB214-02</t>
  </si>
  <si>
    <t>【中铁山桥（肃宁站）】护轨\1/12\P60\木;锐\3100mm\专线7564-4;CB637-01</t>
  </si>
  <si>
    <t>【中铁山桥（肃宁站）】护轨\1/12\P60\木;侧\4600mm\专线7499-3;CB508-01</t>
  </si>
  <si>
    <t>【中铁山桥（肃宁站）】导轨\1/9\P50\木;复交\8755mm\叁标线6018-5</t>
  </si>
  <si>
    <t>【中铁山桥（肃宁站）】导轨\1/12\P60\木;复交\10572mm\专线6049-6</t>
  </si>
  <si>
    <t>【中铁山桥（肃宁站）】导轨\1/12\P50\木\8755mm\专线6060-6</t>
  </si>
  <si>
    <t>【中铁山桥（肃宁站）】导轨\1/12\P50\木\10572mm\专线6060-6</t>
  </si>
  <si>
    <t>【中铁山桥（肃宁站）】锰钢辙叉\1/6\P50\砼;交渡;锐\3604mm\专线7659-Ⅲ-4</t>
  </si>
  <si>
    <t>【中铁山桥（肃宁站）】锰钢辙叉\1/6\P50\砼;交渡;钝\4730mm\专线7659-Ⅳ-3</t>
  </si>
  <si>
    <t>【中铁山桥（肃宁站）】基本轨\1/9\P50\木;左曲;复交\8240mm\专线6055-5</t>
  </si>
  <si>
    <t>【中铁山桥（肃宁站）】基本轨\1/9\P50\木;右曲;复交\8240mm\专线6055-5</t>
  </si>
  <si>
    <t>【中铁山桥（肃宁站）】基本轨\1/12\P75\砼 左曲\23400mm\SC381-103</t>
  </si>
  <si>
    <t>【中铁山桥（肃宁站）】等离子尖轨\1/12\P60\砼;右曲\12400mm\专线4229-7</t>
  </si>
  <si>
    <t>【中铁山桥（肃宁站）】等离子尖轨\1/12\P60\砼;左曲\12400mm\专线4229-7</t>
  </si>
  <si>
    <t>【中铁山桥（肃宁站）】等离子尖轨\1/9\P50\砼;右\6450mm\专线(02)4151-Ⅱ-6</t>
  </si>
  <si>
    <t>【中铁山桥（肃宁站）】翼轨镶嵌式合金钢辙叉1/9\P50\砼\3588mm专线(02)4151-Ⅲ-4</t>
  </si>
  <si>
    <t>【中铁山桥（肃宁站）】基本轨\1/18\P60\砼;右直\20392mm\CB2644-01</t>
  </si>
  <si>
    <t>【中铁山桥（肃宁站）】锰钢辙叉\1/18\P60\砼;右开\8992mm\CB2645-01</t>
  </si>
  <si>
    <t>【中铁山桥（肃宁站）】护轨\1/12\P50\砼;交渡;锐\3330mm\CB2220-02</t>
  </si>
  <si>
    <t>【中铁山桥（肃宁站）】护轨\1/12\P50\砼;交渡;侧\4500mm\CB2286-01</t>
  </si>
  <si>
    <t>【中铁山桥（肃宁站）】翼轨镶嵌式合金钢辙叉\1/12\P60\砼\5992mm\专线SC330-202</t>
  </si>
  <si>
    <t>【中铁山桥（肃宁站）】锰钢辙叉\1/12\P50\砼;交渡;钝\4730mm\CB2288-01</t>
  </si>
  <si>
    <t>【中铁山桥（肃宁站）】锰钢辙叉\1/12\P50\砼;交渡;锐\3604mm\CB2287-01</t>
  </si>
  <si>
    <t>【中铁山桥（肃宁站）】尖轨\1/12\P60\砼;左曲\12480mm\CB642-03</t>
  </si>
  <si>
    <t>【中铁山桥（肃宁站）】尖轨\1/12\P60\砼;左直\12480mm\CB642-04</t>
  </si>
  <si>
    <t>【中铁山桥（肃宁站）】护轨\1/9\P60\砼;单开;直;槽形\5400mm\SC390C-202</t>
  </si>
  <si>
    <t>【中铁山桥（肃宁站）】基本轨\1/9\P50\砼;复交\8140mm\专线(04)6091-Ⅱ-5</t>
  </si>
  <si>
    <t>【中铁山桥（肃宁站）】V形基本轨\1/12\P50\砼\10908mm\专线(04)6090-Ⅲ-4</t>
  </si>
  <si>
    <t>【中铁山桥（肃宁站）】尖轨\1/12\P50\砼;左直\7040mm\专线(04)6090-Ⅱ-6</t>
  </si>
  <si>
    <t>【中铁山桥（肃宁站）】V形基本轨\1/12\P60\砼;复交\4820mm\SC350-105W</t>
  </si>
  <si>
    <t>【中铁山桥（肃宁站）】基本轨\1/12\P60\砼;右曲;复交\13267mm\SC350-102W</t>
  </si>
  <si>
    <t>【中铁山桥（肃宁站）】导轨\1/12\P50\砼;复交\10894mm\专线(04)6090-Ⅲ-5</t>
  </si>
  <si>
    <t>【中铁山桥（肃宁站）】基本轨\1/12\P60\砼;左曲;复交\13267mm\SC350-102W</t>
  </si>
  <si>
    <t>【中铁山桥（肃宁站）】尖轨\1/12\P50\砼;左曲\7040mm\专线(04)6090-Ⅱ-7</t>
  </si>
  <si>
    <t>【中铁山桥（肃宁站）】护轨\1/9\P50\木 交渡 锐\3050mm\专线7514-4</t>
  </si>
  <si>
    <t>【中铁山桥（肃宁站）】护轨\1/9\P50\木 复交\3600mm\专线4143-5</t>
  </si>
  <si>
    <t>【中铁山桥（肃宁站）】护轨\1/12\P60\砼\4800mm\铁联线007-7;CB600-03</t>
  </si>
  <si>
    <t>【中铁山桥（肃宁站）】护轨\1/12\P60\砼;直\6900mm\专线SC330-203</t>
  </si>
  <si>
    <t>【中铁山桥（肃宁站）】护轨\1/12\P60\砼;直\6900mm\铁联线007-6</t>
  </si>
  <si>
    <t>【中铁山桥（肃宁站）】护轨\1/18\P60\砼;侧\6600mm\专线4225A-9</t>
  </si>
  <si>
    <t>【中铁山桥（肃宁站）】短心轨\1/18\P60\砼;左\8476mm\专线4225A-7</t>
  </si>
  <si>
    <t>【中铁山桥（肃宁站）】短心轨\1/18\P60\砼;右\8476mm\专线4225A-7</t>
  </si>
  <si>
    <t>【中铁山桥（肃宁站）】长心轨\1/12\P75\砼;左;可动心\11177mm\SC381-204</t>
  </si>
  <si>
    <t>【中铁山桥（肃宁站）】翼轨\1/12\P75\砼;左开可动心左\12700mm\SC381-202</t>
  </si>
  <si>
    <t>【中铁山桥（肃宁站）】翼轨\1/12\P75\砼;左开可动心右\12700mm\SC381-203</t>
  </si>
  <si>
    <t>【中铁山桥（肃宁站）】基本轨\1/12\P75\砼 左直\23400mm\SC381-102</t>
  </si>
  <si>
    <t>【中铁山桥（肃宁站）】护轨\1/12\P75\砼;左侧;槽形\6500mm\SC381-207</t>
  </si>
  <si>
    <t>【中铁山桥（肃宁站）】短心轨\1/12\P75\砼;左;可动心\6633mm\SC381-205</t>
  </si>
  <si>
    <t>【中铁山桥（肃宁站）】叉跟尖轨\1/12\P75\砼;左;可动心\4530mm\SC381-206</t>
  </si>
  <si>
    <t>【中铁山桥（肃宁站）】护轨\1/9\P60\砼;交渡;锐;右;槽型\3600mm\CB695-01</t>
  </si>
  <si>
    <t>【中铁山桥（肃宁站）】护轨\1/9\P60\砼;右;侧\3800mm\SC390C-203</t>
  </si>
  <si>
    <t>【中铁山桥（肃宁站）】护轨\1/9\P50\砼;交渡;锐;左\3000mm\CB2260-01</t>
  </si>
  <si>
    <t>【中铁山桥（肃宁站）】护轨\1/9\P50\砼;交渡;锐;右\3000mm\CB2260-01</t>
  </si>
  <si>
    <t>【中铁山桥（肃宁站）】护轨\1/9\P60\砼;左;侧\3800mm\SC390C-203</t>
  </si>
  <si>
    <t>【中铁山桥（肃宁站）】护轨\1/12\P75\砼;右;侧;槽形\6500mm\SC381-207</t>
  </si>
  <si>
    <t>【中铁山桥（肃宁站）】护轨\1/12\P75\砼;右;直;槽形\7800mm\SC381-207B</t>
  </si>
  <si>
    <t>【中铁山桥（肃宁站）】护轨\1/18\P75\砼;右;侧;槽型\6600mm\SC488-208</t>
  </si>
  <si>
    <t>【中铁山桥（肃宁站）】护轨\1/18\P75\砼;右;直;槽型\7600mm\SC488-207</t>
  </si>
  <si>
    <t>【中铁山桥（肃宁站）】护轨\1/9\P60\砼;B型ZH;直;\3800mm\CB2518A-01</t>
  </si>
  <si>
    <t>【中铁山桥（肃宁站）】护轨\1/9\P60\砼;B型ZH;侧\3330mm\CB2518A-02</t>
  </si>
  <si>
    <t>【中铁山桥（肃宁站）】护轨\1/9\P60\砼;交渡;B型;直\4000mm\SC460-202ZH</t>
  </si>
  <si>
    <t>【中铁山桥（肃宁站）】尖轨\1/12\P50\砼;右曲\7040mm\专线(04)6090-Ⅱ-7</t>
  </si>
  <si>
    <t>【中铁山桥（肃宁站）】尖轨\1/12\P50\砼;右直\7040mm\专线(04)6090-Ⅱ-6</t>
  </si>
  <si>
    <t>【中铁山桥（肃宁站）】基本轨\1/9\P50\砼;右直\8140mm\专线(04)6091-Ⅱ-5</t>
  </si>
  <si>
    <t>【中铁山桥（肃宁站）】基本轨\1/9\P50\砼;右直\7682mm\专线(04)6091-Ⅱ-6</t>
  </si>
  <si>
    <t>【中铁山桥（肃宁站）】基本轨\1/9\P50\砼;左直\12520mm\专线(04)6091-Ⅱ-4</t>
  </si>
  <si>
    <t>【中铁山桥（肃宁站）】尖轨\1/9\P50\砼;左曲\5310mm\专线(04)6091-Ⅱ-8</t>
  </si>
  <si>
    <t>【中铁山桥（肃宁站）】尖轨\1/9\P50\砼;左直\5310mm\专线(04)6091-Ⅱ-7</t>
  </si>
  <si>
    <t>【中铁山桥（肃宁站）】尖轨\1/9\P50\砼;右曲\5310mm\专线(04)6091-Ⅱ-10</t>
  </si>
  <si>
    <t>【中铁山桥（肃宁站）】尖轨\1/9\P50\砼;右直\5310mm\专线(04)6091-Ⅱ-9</t>
  </si>
  <si>
    <t>【中铁山桥（肃宁站）】基本轨\1/9\P50\砼;左开\7682mm\专线(04)6091-Ⅱ-6</t>
  </si>
  <si>
    <t>【中铁山桥（肃宁站）】基本轨\1/9\P50\砼;左开\8140mm\专线(04)6091-Ⅱ-5</t>
  </si>
  <si>
    <t>【中铁山桥（肃宁站）】护轨\1/12\P60\砼;交渡;直\6900mm\SC330-203</t>
  </si>
  <si>
    <t>【中铁山桥（肃宁站）】护轨\1/12\P60\砼;交渡;锐\3330mm\SC340-303</t>
  </si>
  <si>
    <t>【中铁山桥（肃宁站）】护轨\1/12\P60\砼;交渡;侧\4600mm\SC340-202</t>
  </si>
  <si>
    <t>【中铁山桥（肃宁站）】护轨\1/12\P60\砼;复交;槽形\6900mm\SC350-202</t>
  </si>
  <si>
    <t>【中铁山桥（肃宁站）】护轨\1/12\P50\砼\6900mm\专线4259-5</t>
  </si>
  <si>
    <t>【中铁山桥（肃宁站）】护轨\1/12\P50\砼\5100mm\专线4259-6</t>
  </si>
  <si>
    <t>【中铁山桥（肃宁站）】护轨\1/12\P50\砼;复交\5400mm\CB2270-01</t>
  </si>
  <si>
    <t>【中铁山桥（肃宁站）】护轨\1/12\P50\砼 直\4600mm\专线4149-4</t>
  </si>
  <si>
    <t>【中铁山桥（肃宁站）】护轨\1/12\P50\木 直\4500mm\TB411-050</t>
  </si>
  <si>
    <t>【中铁山桥（肃宁站）】合金钢辙叉\1/12\P60\砼\5992mm\专线4230-4</t>
  </si>
  <si>
    <t>【中铁山桥（肃宁站）】导轨\1/9\P60\砼;复交\8496mm\CB2508-02</t>
  </si>
  <si>
    <t>【中铁山桥（肃宁站）】护轨\1/9\P60\砼;交渡;锐;左;槽型\3600mm\CB695-01</t>
  </si>
  <si>
    <t>【中铁山桥（肃宁站）】合金钢辙叉\1/12\P60\砼;右\9992mm\专线4228</t>
  </si>
  <si>
    <t>【中铁山桥（肃宁站）】合金钢辙叉\1/12\P60\砼;左\9992mm\专线4228</t>
  </si>
  <si>
    <t>【中铁山桥（肃宁站）】合金钢辙叉\1/12\P75\砼\9992mm\SC443</t>
  </si>
  <si>
    <t>【中铁山桥（肃宁站）】加长嵌入式钢锰辙叉\1/12\P75\砼;组合;左\9992mm\SC443</t>
  </si>
  <si>
    <t>【中铁山桥（肃宁站）】加长嵌入式钢锰辙叉\1/12\P75\砼;组合;右\9992mm\SC443</t>
  </si>
  <si>
    <t>【中铁山桥（肃宁站）】PG4钢尖轨\1/12\P75\砼;左直\14211mm\CB731G-04</t>
  </si>
  <si>
    <t>【中铁山桥（肃宁站）】PG4钢基本轨\1/12\P75\砼;右直\23400mm\CB731G-01</t>
  </si>
  <si>
    <t>【中铁山桥（肃宁站）】PG4钢基本轨\1/12\P75\砼;右曲\23400mm\CB731G-02</t>
  </si>
  <si>
    <t>【中铁山桥（肃宁站）】PG4钢基本轨\1/12\P75\砼;左曲\23400mm\CB731G-02</t>
  </si>
  <si>
    <t>【中铁山桥（肃宁站）】PG4钢尖轨\1/12\P75\砼;右曲\14211mm\CB731G-03</t>
  </si>
  <si>
    <t>【中铁山桥（肃宁站）】护轨\1/9\P60\砼;交渡;A型;直\4000mm\SC460-202ZH</t>
  </si>
  <si>
    <t>【中铁山桥（肃宁站）】护轨\1/9\P60\砼;交渡\3600mm\CB695-01</t>
  </si>
  <si>
    <t>【中铁山桥（肃宁站）】活动心轨\1/9\P50\砼;右\3700mm\专线(04)6091-Ⅲ-6</t>
  </si>
  <si>
    <t>【中铁山桥（肃宁站）】活动心轨\1/9\P50\砼;左\3700mm\专线(04)6091-Ⅲ-6</t>
  </si>
  <si>
    <t>【中铁山桥（肃宁站）】爆炸硬化锰钢辙叉\1/9\P50\木;交渡\3588mm\专线4143-4</t>
  </si>
  <si>
    <t>【中铁山桥（肃宁站）】基本轨\1/9\P50\砼;右曲\11200mm\专线4151</t>
  </si>
  <si>
    <t>【中铁山桥（肃宁站）】基本轨\1/9\P50\砼;右直\11200mm\专线4151</t>
  </si>
  <si>
    <t>【中铁山桥（肃宁站）】基本轨\1/9\P50\砼;左直\11200mm\专线4151</t>
  </si>
  <si>
    <t>【中铁山桥（肃宁站）】护轨\1/12\P50\砼;复交\5100mm\专线(04)6090-Ⅳ-4</t>
  </si>
  <si>
    <t>【中铁山桥（肃宁站）】导轨\1/12\P60\砼\7736mm\TB/T2341.3</t>
  </si>
  <si>
    <t>【中铁山桥（肃宁站）】导轨\1/12\P60\砼\7730mm\TB/T2341.3</t>
  </si>
  <si>
    <t>【中铁山桥（肃宁站）】活动心轨\1/12\P60\砼;复交 左\15020mm\SC350-106</t>
  </si>
  <si>
    <t>【中铁山桥（肃宁站）】活动心轨\1/12\P60\砼;复交 右\15020mm\SC350-106</t>
  </si>
  <si>
    <t>【中铁山桥（肃宁站）】导轨\1/9\P60\砼 复交\8437mm\SC450-107</t>
  </si>
  <si>
    <t>【中铁山桥（肃宁站）】导轨\1/9\P50\砼;复交\8496mm\CB2262-02</t>
  </si>
  <si>
    <t>【中铁山桥（肃宁站）】导轨\1/9\P50\复交\8647mm\专线6056-6</t>
  </si>
  <si>
    <t>【中铁山桥（肃宁站）】基本轨\1/9\P43\木;左曲\12500mm\TB402-020</t>
  </si>
  <si>
    <t>【中铁山桥（肃宁站）】基本轨\1/18\P60\砼;右直\19192mm\专线4224-5A</t>
  </si>
  <si>
    <t>【中铁山桥（肃宁站）】基本轨\1/18\P60\砼;右曲\19192mm\专线4224-6A</t>
  </si>
  <si>
    <t>【中铁山桥（肃宁站）】基本轨\1/12\P75\砼 右直\23400mm\SC381-102</t>
  </si>
  <si>
    <t>【中铁山桥（肃宁站）】基本轨\1/12\P60\砼;左直\16792mm\专线4229-5</t>
  </si>
  <si>
    <t>【中铁山桥（肃宁站）】基本轨\1/12\P60\砼;左曲\16792mm\专线4229-6</t>
  </si>
  <si>
    <t>【中铁山桥（肃宁站）】基本轨\1/12\P60\砼;右直\16792mm\专线4229-5</t>
  </si>
  <si>
    <t>【中铁山桥（肃宁站）】基本轨\1/12\P50\砼;右直\16292mm\专线4258-4</t>
  </si>
  <si>
    <t>【中铁山桥（肃宁站）】PG4钢尖轨\1/12\P75\砼;左曲\14211mm\CB731G-03</t>
  </si>
  <si>
    <t>【中铁山桥（肃宁站）】PG4钢尖轨\1/12\P75\砼;右直\14211mm\CB731G-04</t>
  </si>
  <si>
    <t>【中铁山桥（肃宁站）】PG4钢基本轨\1/12\P75\砼;左直\23400mm\CB731G-01</t>
  </si>
  <si>
    <t>【中铁山桥（肃宁站）】爆炸硬化锰钢辙叉\1/12\P75\砼;组合;左开\5992mm\CB734G</t>
  </si>
  <si>
    <t>【中铁山桥（肃宁站）】爆炸硬化锰钢辙叉\1/12\P75\砼;组合;右开\5992mm\CB734G</t>
  </si>
  <si>
    <t>【中铁山桥（肃宁站）】活动心轨\1/12\P60\砼;右;复交\15174mm\SC350-106WA</t>
  </si>
  <si>
    <t>【中铁山桥（肃宁站）】活动心轨\1/12\P60\砼;左;复交\15174mm\SC350-106WA</t>
  </si>
  <si>
    <t>【中铁山桥（肃宁站）】护轨\1/12\P60\砼;直;复交\5700mm\SC583-202ZH</t>
  </si>
  <si>
    <t>【中铁山桥（肃宁站）】爆炸硬化锰钢辙叉\1/12\P75\砼;交渡\5992mm\SC443-202</t>
  </si>
  <si>
    <t>【中铁山桥（肃宁站）】尖轨\1/12\P60\砼;左直\12400mm\专线4229-8W</t>
  </si>
  <si>
    <t>【中铁山桥（肃宁站）】尖轨\1/12\P60\砼;左曲\12400mm\专线4229-7W</t>
  </si>
  <si>
    <t>【中铁山桥（肃宁站）】护轨\1/9\P60\砼;交渡\2900mm\CB697-01</t>
  </si>
  <si>
    <t>【中铁山桥（肃宁站）】辙叉\1/9\P60\砼;交渡;左\4311mm\CB685-01</t>
  </si>
  <si>
    <t>【中铁山桥（肃宁站）】护轨\1/9\P60\砼;交渡;B型;侧;槽形\3330mm\CB691-01</t>
  </si>
  <si>
    <t>【中铁山桥（肃宁站）】护轨\1/9\P60\砼;交渡;A型;侧;槽形\3330mm\CB691-01</t>
  </si>
  <si>
    <t>【中铁山桥（肃宁站）】护轨\1/9\P60\砼;交渡;右;侧\3800mm\CB685A-03</t>
  </si>
  <si>
    <t>【中铁山桥（肃宁站）】护轨\1/9\P60\砼;交渡;锐;左;槽形\3000mm\SC391C-202</t>
  </si>
  <si>
    <t>【中铁山桥（肃宁站）】锰钢辙叉\1/9\P60\砼;交渡;钝\4954mm\CB693-01</t>
  </si>
  <si>
    <t>【中铁山桥（肃宁站）】锰钢辙叉\1/9\P60\砼;交渡;锐\3687mm\CB692-01</t>
  </si>
  <si>
    <t>【中铁山桥（肃宁站）】锰钢辙叉\1/9\P60\砼;交渡;右\4311mm\CB685-01</t>
  </si>
  <si>
    <t>【中铁山桥（肃宁站）】护轨\1/9\P60\砼;交渡;左;侧\3800mm\CB685A-03</t>
  </si>
  <si>
    <t>【中铁山桥（肃宁站）】护轨\1/9\P60\砼;交渡;锐;右\3000mm\CB692-02</t>
  </si>
  <si>
    <t>【中铁山桥（肃宁站）】锰钢辙叉\1/9\P50\砼;交渡\3592mm\CB319-01</t>
  </si>
  <si>
    <t>【中铁山桥（肃宁站）】锰钢辙叉\1/9\P50\砼;交渡\3588mm\专线(02)4151-Ⅲ-4</t>
  </si>
  <si>
    <t>【中铁山桥（肃宁站）】锰钢辙叉\1/9\P50\砼;交渡;锐\3811mm\CB2215-01</t>
  </si>
  <si>
    <t>【中铁山桥（肃宁站）】锰钢辙叉\1/9\P50\砼;交渡;锐\3108mm\专(02)7663-Ⅲ-2</t>
  </si>
  <si>
    <t>【中铁山桥（肃宁站）】锰钢辙叉\1/9\P50\砼;交渡;钝\4954mm\CB2216-01</t>
  </si>
  <si>
    <t>【中铁山桥（肃宁站）】锰钢辙叉\1/9\P50\砼;交渡;钝\4440mm\专(02)7663-Ⅳ-2</t>
  </si>
  <si>
    <t>【中铁山桥（肃宁站）】锰钢辙叉\1/9\P50\木\3588mm\TB1164-010</t>
  </si>
  <si>
    <t>【中铁山桥（肃宁站）】锰钢辙叉\1/9\P50\木;交渡;锐\3108mm\叁标线7096-3</t>
  </si>
  <si>
    <t>【中铁山桥（肃宁站）】锰钢辙叉\1/12\P60\砼;交渡\5992mm\SC330-202</t>
  </si>
  <si>
    <t>【中铁山桥（肃宁站）】锰钢辙叉\1/12\P60\砼;交渡;锐\3605mm\SC340-302</t>
  </si>
  <si>
    <t>【中铁山桥（肃宁站）】锰钢辙叉\1/12\P60\砼;交渡;锐\3582mm\专线7652-4</t>
  </si>
  <si>
    <t>【中铁山桥（肃宁站）】导轨\1/12\P60\砼;复交;曲\9772mm\SC350-107</t>
  </si>
  <si>
    <t>【中铁山桥（肃宁站）】导轨\1/12\P50\砼;左\9692mm\CB2269-02</t>
  </si>
  <si>
    <t>【中铁山桥（肃宁站）】V形基本轨\1/9\P60\砼;复交;钝\8456mm\SC450-106</t>
  </si>
  <si>
    <t>【中铁山桥（肃宁站）】V形基本轨\1/12\P60\砼;复交\4832mm\SC350-105W</t>
  </si>
  <si>
    <t>【中铁山桥（肃宁站）】长心轨\1/12\P75\砼;右;可动心\11177mm\SC381-204</t>
  </si>
  <si>
    <t>【中铁山桥（肃宁站）】翼轨\1/12\P75\砼;右开可动心左\12700mm\SC381-202</t>
  </si>
  <si>
    <t>【中铁山桥（肃宁站）】翼轨\1/12\P75\砼;右开可动心右\12700mm\SC381-203</t>
  </si>
  <si>
    <t>【中铁山桥（肃宁站）】基本轨\1/12\P50\木;左直\12500mm\TB405-010</t>
  </si>
  <si>
    <t>【中铁山桥（肃宁站）】基本轨\1/12\P50\木;左曲\12500mm\TB405-020</t>
  </si>
  <si>
    <t>【中铁山桥（肃宁站）】基本轨\1/12\P50\木;右直\12500mm\TB405-010</t>
  </si>
  <si>
    <t>【中铁山桥（肃宁站）】基本轨\1/12\P50\木;右曲\12500mm\TB405-020</t>
  </si>
  <si>
    <t>【中铁山桥（肃宁站）】基本轨\1/12\P50\木;砼;左直\15700mm\专线4148-4</t>
  </si>
  <si>
    <t>【中铁山桥（肃宁站）】基本轨\1/12\P50\木;砼;左曲\15700mm\专线4148-5</t>
  </si>
  <si>
    <t>【中铁山桥（肃宁站）】基本轨\1/12\P50\木;砼;右直\15700mm\专线4148-4</t>
  </si>
  <si>
    <t>【中铁山桥（肃宁站）】基本轨\1/12\P50\木;砼;右曲\15700mm\专线4148-5</t>
  </si>
  <si>
    <t>【中铁山桥（肃宁站）】活动心轨\1/9\P50\木;左;复交\3700mm\专线6056-5</t>
  </si>
  <si>
    <t>【中铁山桥（肃宁站）】活动心轨\1/9\P50\木;右;复交\3700mm\专线6056-5</t>
  </si>
  <si>
    <t>【中铁山桥（肃宁站）】护轨\1/9\P60\砼;交渡;直;槽形\5400mm\SC391C-101</t>
  </si>
  <si>
    <t>【中铁山桥（肃宁站）】尖轨\1/12\P60\砼;右直\12400mm\专线4229-8W</t>
  </si>
  <si>
    <t>【中铁山桥（肃宁站）】尖轨\1/12\P60\砼;右曲\12400mm\专线4229-7W</t>
  </si>
  <si>
    <t>【中铁山桥（肃宁站）】基本轨\1/12\P60\砼;左直\16792mm\专线4229-5W</t>
  </si>
  <si>
    <t>【中铁山桥（肃宁站）】基本轨\1/12\P60\砼;左曲\16792mm\专线4229-6W</t>
  </si>
  <si>
    <t>【中铁山桥（肃宁站）】基本轨\1/12\P60\砼;右直\16792mm\专线4229-5W</t>
  </si>
  <si>
    <t>【中铁山桥（肃宁站）】基本轨\1/12\P60\砼;右曲\16792mm\专线4229-6W</t>
  </si>
  <si>
    <t>【中铁山桥（肃宁站）】护轨\1/9\P43\木;直\3900mm\TB408-050</t>
  </si>
  <si>
    <t>【中铁山桥（肃宁站）】温调尖轨\P60\P60\砼;左侧\10000mm\研线TF9913-3</t>
  </si>
  <si>
    <t>【中铁山桥（肃宁站）】温调尖轨\P60\P60\砼;右侧\10000mm\研线TF9913-3</t>
  </si>
  <si>
    <t>【中铁山桥（肃宁站）】迎轮护轨\1/12\P75\AT\2446mm\SC381-106</t>
  </si>
  <si>
    <t>【中铁山桥（肃宁站）】锰钢辙叉\1/9\P50\砼\4313mm\CB2214-01(修)</t>
  </si>
  <si>
    <t>【中铁山桥（肃宁站）】护轨\1/9\P60\砼;交渡;锐;左\3000mm\CB692-02</t>
  </si>
  <si>
    <t>【中铁山桥（肃宁站）】护轨\1/9\P60\砼;交渡;右直\5400mm\CB685A-02</t>
  </si>
  <si>
    <t>【中铁山桥（肃宁站）】护轨\1/9\P60\砼;交渡;锐;右;槽形\3000mm\SC391C-202</t>
  </si>
  <si>
    <t>【中铁山桥（肃宁站）】锰钢辙叉\1/12\P60\砼;交渡;钝\4676mm\专线7653-3</t>
  </si>
  <si>
    <t>【中铁山桥（肃宁站）】锰钢辙叉\1/12\P60\砼;交渡;钝\4676mm\SC340-401</t>
  </si>
  <si>
    <t>【中铁山桥（肃宁站）】锰钢辙叉\1/12\P50\砼;复交\5992mm\CB2218-01</t>
  </si>
  <si>
    <t>【中铁山桥（肃宁站）】尖轨\1/9\P60\砼;左直;交渡\12400mm\SC390-104</t>
  </si>
  <si>
    <t>【中铁山桥（肃宁站）】尖轨\1/9\P60\砼;左直;交渡\12400mm\SC(07)390-104</t>
  </si>
  <si>
    <t>【中铁山桥（肃宁站）】尖轨\1/9\P60\砼;左直;复交\5280mm\CB2507-04</t>
  </si>
  <si>
    <t>【中铁山桥（肃宁站）】尖轨\1/9\P60\砼;左直;复交\5230mm\SC450-104</t>
  </si>
  <si>
    <t>【中铁山桥（肃宁站）】尖轨\1/9\P60\砼;左曲;交渡\12400mm\SC390-103</t>
  </si>
  <si>
    <t>【中铁山桥（肃宁站）】尖轨\1/9\P60\砼;左曲;交渡\12400mm\SC(07)390-103</t>
  </si>
  <si>
    <t>【中铁山桥（肃宁站）】尖轨\1/9\P60\砼;左曲;复交\5280mm\CB2507-06</t>
  </si>
  <si>
    <t>【中铁山桥（肃宁站）】尖轨\1/9\P60\砼;左曲;复交\5230mm\SC450-105</t>
  </si>
  <si>
    <t>【中铁山桥（肃宁站）】护轨\1/9\P60\砼;交渡;锐;槽形\3000mm\SC391C-202</t>
  </si>
  <si>
    <t>【中铁山桥（肃宁站）】护轨\1/9\P60\砼;交渡;侧;槽形\3330mm\SC391C-102</t>
  </si>
  <si>
    <t>【中铁山桥（肃宁站）】护轨\1/9\P60\砼;复交\4000mm\SC450-202</t>
  </si>
  <si>
    <t>【中铁山桥（肃宁站）】护轨\1/9\P50\木;直\3900mm\TB410-050</t>
  </si>
  <si>
    <t>【中铁山桥（肃宁站）】护轨\1/9\P50\木 交渡\3250mm\专线7513-4</t>
  </si>
  <si>
    <t>【中铁山桥（肃宁站）】护轨\1/12\P60\砼;交渡;锐\3000mm\铁联线023-5</t>
  </si>
  <si>
    <t>【中铁山桥（肃宁站）】护轨\1/12\P60\砼;交渡;侧\5210mm\SC330-204</t>
  </si>
  <si>
    <t>【中铁山桥（肃宁站）】护轨\1/12\P60\砼;侧\4800mm\铁联线007-7</t>
  </si>
  <si>
    <t>【中铁山桥（肃宁站）】短心轨\1/12\P75\砼;右;可动心\6633mm\SC381-205</t>
  </si>
  <si>
    <t>【中铁山桥（肃宁站）】叉跟尖轨\1/12\P75\砼;右;可动心\4530mm\SC381-206</t>
  </si>
  <si>
    <t>【中铁山桥（肃宁站）】V形基本轨\1/9\P50\木;复交\8666mm\专线6056-4</t>
  </si>
  <si>
    <t>【中铁山桥（肃宁站）】锰钢辙叉\1/9\P50\砼\3588mm\专线(02)4151-Ⅲ-2</t>
  </si>
  <si>
    <t>【中铁山桥（肃宁站）】锰钢辙叉\1/9\P50\木;交渡;钝\4440mm\叁标线7097-3</t>
  </si>
  <si>
    <t>【中铁山桥（肃宁站）】锰钢辙叉\1/12\P75\砼;交渡\5992mm\SC443-202</t>
  </si>
  <si>
    <t>【中铁山桥（肃宁站）】锰钢辙叉\1/12\P75\砼;交渡;锐\2995mm\SC443-302</t>
  </si>
  <si>
    <t>【中铁山桥（肃宁站）】锰钢辙叉\1/12\P60\砼\5927mm\专线4192-3</t>
  </si>
  <si>
    <t>【中铁山桥（肃宁站）】锰钢辙叉\1/12\P60\木\5927mm\专线4192-3</t>
  </si>
  <si>
    <t>【中铁山桥（肃宁站）】锰钢辙叉\1/12\P50\砼\4557mm\叁标线3127-16</t>
  </si>
  <si>
    <t>【中铁山桥（肃宁站）】锰钢辙叉\1/12\P50\木\4557mm\专线4146-4</t>
  </si>
  <si>
    <t>【中铁山桥（肃宁站）】锰钢辙叉\1/12\P50\木;交渡;锐\3153mm\叁标线7409-3</t>
  </si>
  <si>
    <t>【中铁山桥（肃宁站）】锰钢辙叉\1/12\P50\木;交渡;钝\5190mm\叁标线7410-3</t>
  </si>
  <si>
    <t>【中铁山桥（肃宁站）】尖轨\1/9\P60\砼;右直;交渡\12400mm\SC390-104</t>
  </si>
  <si>
    <t>【中铁山桥（肃宁站）】尖轨\1/9\P60\砼;右直;交渡\12400mm\SC(07)390-104</t>
  </si>
  <si>
    <t>【中铁山桥（肃宁站）】尖轨\1/9\P60\砼;右直;复交\5280mm\CB2507-05</t>
  </si>
  <si>
    <t>【中铁山桥（肃宁站）】尖轨\1/9\P60\砼;右直;复交\5230mm\SC450-104</t>
  </si>
  <si>
    <t>【中铁山桥（肃宁站）】尖轨\1/9\P60\砼;右曲;交渡\12400mm\SC390-103</t>
  </si>
  <si>
    <t>【中铁山桥（肃宁站）】尖轨\1/9\P60\砼;右曲;交渡\12400mm\SC(07)390-103</t>
  </si>
  <si>
    <t>【中铁山桥（肃宁站）】尖轨\1/9\P60\砼;右曲;复交\5280mm\CB2507-07</t>
  </si>
  <si>
    <t>【中铁山桥（肃宁站）】尖轨\1/9\P60\砼;右曲;复交\5230mm\SC450-105</t>
  </si>
  <si>
    <t>【中铁山桥（肃宁站）】尖轨\1/9\P50\砼;左直;复交\5280mm\CB2261-04</t>
  </si>
  <si>
    <t>【中铁山桥（肃宁站）】尖轨\1/9\P50\砼;左曲;复交\5280mm\CB2261-06</t>
  </si>
  <si>
    <t>【中铁山桥（肃宁站）】尖轨\1/9\P50\砼;右直;复交\5280mm\CB2261-05</t>
  </si>
  <si>
    <t>【中铁山桥（肃宁站）】胶接钢轨\60kg/m\16.00m\U75V\无孔</t>
  </si>
  <si>
    <t>【中铁山桥（肃宁站）】胶接钢轨\60kg/m\12.50m\U75V\无孔</t>
  </si>
  <si>
    <t>【中铁山桥（肃宁站）】胶接钢轨\75kg/m\8.00m\U75V\无孔</t>
  </si>
  <si>
    <t>【中铁山桥（肃宁站）】胶接钢轨\75kg/m\10.00m\U75V\无孔</t>
  </si>
  <si>
    <t>【中铁山桥（肃宁站）】胶接钢轨\60kg/m\12.50m\U76CrRe\无孔</t>
  </si>
  <si>
    <t>【中铁山桥（肃宁站）】胶接钢轨\75kg/m\25.00m\U75V\无孔</t>
  </si>
  <si>
    <t>【中铁山桥（肃宁站）】胶接钢轨\75kg/m\12.50m\U75V\有孔</t>
  </si>
  <si>
    <t>【中铁山桥（肃宁站）】胶接钢轨\60kg/m\8.00m\U71Mn\无孔</t>
  </si>
  <si>
    <t>【中铁山桥（肃宁站）】胶接钢轨\60kg/m\25.00m\U75V\无孔</t>
  </si>
  <si>
    <t>【中铁山桥（肃宁站）】锰钢辙叉\1/12\P43\木;交渡;锐\3108mm\叁标线7070-3</t>
  </si>
  <si>
    <t>【中铁山桥（肃宁站）】尖轨\1/9\P60\木;左\6450mm\专线4195-7</t>
  </si>
  <si>
    <t>【中铁山桥（肃宁站）】尖轨\1/9\P50\木;左\6250mm\专线4146-6</t>
  </si>
  <si>
    <t>【中铁山桥（肃宁站）】尖轨\1/9\P50\木;左\6250mm\专线4106-6</t>
  </si>
  <si>
    <t>【中铁山桥（肃宁站）】尖轨\1/9\P50\木;右\6250mm\专线4106-6</t>
  </si>
  <si>
    <t>【中铁山桥（肃宁站）】尖轨\1/12\P50\砼;右;复交\4200mm\CB2269-03</t>
  </si>
  <si>
    <t>【中铁山桥（肃宁站）】尖轨\1/12\P50\木;左曲\7700mm\专线4104-6</t>
  </si>
  <si>
    <t>【中铁山桥（肃宁站）】尖轨\1/12\P50\木;左\7700mm\专线4145-6</t>
  </si>
  <si>
    <t>【中铁山桥（肃宁站）】尖轨\1/12\P50\木;右曲\7700mm\专线4104-6</t>
  </si>
  <si>
    <t>【中铁山桥（肃宁站）】尖轨\1/12\P50\木;右\7700mm\专线4145-6</t>
  </si>
  <si>
    <t>【中铁山桥（肃宁站）】护轨\1/9\P60\砼;交渡;A;侧;槽形\3330mm\SC391C-102</t>
  </si>
  <si>
    <t>【中铁山桥（肃宁站）】护轨\1/9\P60\砼;交渡;B;侧;槽形\3330mm\SC391C-102</t>
  </si>
  <si>
    <t>【中铁山桥（肃宁站）】尖轨\1/9\P60\砼;交渡;右曲\12400mm\CB684-03</t>
  </si>
  <si>
    <t>【中铁山桥（肃宁站）】尖轨\1/9\P60\砼;交渡;右直\12400mm\CB684-04</t>
  </si>
  <si>
    <t>【中铁山桥（肃宁站）】尖轨\1/9\P60\砼;交渡;左曲\12400mm\CB684-03</t>
  </si>
  <si>
    <t>【中铁山桥（肃宁站）】尖轨\1/9\P60\砼;交渡;左直\12400mm\CB684-04</t>
  </si>
  <si>
    <t>【中铁山桥（肃宁站）】基本轨\1/9\P60\砼;交渡;右直\15042mm\CB684-01</t>
  </si>
  <si>
    <t>【中铁山桥（肃宁站）】基本轨\1/9\P60\砼;交渡;右曲\15042mm\CB684-02</t>
  </si>
  <si>
    <t>【中铁山桥（肃宁站）】基本轨\1/9\P60\砼;交渡;左曲\15042mm\CB684-02</t>
  </si>
  <si>
    <t>【中铁山桥（肃宁站）】基本轨\1/9\P60\砼;交渡;左直\15042mm\CB684-01</t>
  </si>
  <si>
    <t>【中铁山桥（肃宁站）】护轨\1/9\P60\砼;交渡;左直\5400mm\CB685A-02</t>
  </si>
  <si>
    <t>【中铁山桥（肃宁站）】尖轨\1/9\P50\砼;右曲;复交\5280mm\CB2261-07</t>
  </si>
  <si>
    <t>【中铁山桥（肃宁站）】尖轨\1/9\P50\木;左\6250mm\TB404-030</t>
  </si>
  <si>
    <t>【中铁山桥（肃宁站）】尖轨\1/9\P50\木;右\6250mm\TB404-030</t>
  </si>
  <si>
    <t>【中铁山桥（肃宁站）】尖轨\1/9\P43\木;右\6250mm\TB402-030</t>
  </si>
  <si>
    <t>【中铁山桥（肃宁站）】尖轨\1/18\P60\砼;左直\15680mm\专线4224-8A</t>
  </si>
  <si>
    <t>【中铁山桥（肃宁站）】尖轨\1/18\P60\砼;左曲\15680mm\专线4224-7A</t>
  </si>
  <si>
    <t>【中铁山桥（肃宁站）】尖轨\1/18\P60\砼;右直\15680mm\专线4224-8A</t>
  </si>
  <si>
    <t>【中铁山桥（肃宁站）】尖轨\1/18\P60\砼;右曲\15680mm\专线4224-7A</t>
  </si>
  <si>
    <t>【中铁山桥（肃宁站）】尖轨\1/12\P60\砼;左直;交渡\12480mm\SC330-105</t>
  </si>
  <si>
    <t>【中铁山桥（肃宁站）】尖轨\1/12\P60\砼;左直;复交\10040mm\SC350-103W</t>
  </si>
  <si>
    <t>【中铁山桥（肃宁站）】尖轨\1/12\P60\砼;左曲;交渡\12480mm\SC330-104</t>
  </si>
  <si>
    <t>【中铁山桥（肃宁站）】锰钢辙叉\1/9\P60\砼\4309mm\专线(02)4204-Ⅲ-4</t>
  </si>
  <si>
    <t>【中铁山桥（肃宁站）】锰钢辙叉\1/9\P60\砼;交渡\4311mm\SC390-201</t>
  </si>
  <si>
    <t>【中铁山桥（肃宁站）】锰钢辙叉\1/9\P60\砼;交渡;锐\3687mm\SC391-201</t>
  </si>
  <si>
    <t>【中铁山桥（肃宁站）】锰钢辙叉\1/9\P60\砼;交渡;钝\4954mm\SC391-301</t>
  </si>
  <si>
    <t>【中铁山桥（肃宁站）】锰钢辙叉\1/9\P50\砼\3588mm\专线4143-4</t>
  </si>
  <si>
    <t>【中铁山桥（肃宁站）】锰钢辙叉\1/9\P50\木;交渡;锐\3108mm\专线7514-3</t>
  </si>
  <si>
    <t>【中铁山桥（肃宁站）】锰钢辙叉\1/9\P50\木;交渡;钝\4440mm\专线7515-3</t>
  </si>
  <si>
    <t>【中铁山桥（肃宁站）】锰钢辙叉\1/12\P60\砼\5992mm\专线4230-4</t>
  </si>
  <si>
    <t>【中铁山桥（肃宁站）】锰钢辙叉\1/12\P50\砼\5992mm\专线4259-4</t>
  </si>
  <si>
    <t>【中铁山桥（肃宁站）】锰钢辙叉\1/12\P50\木\5927mm\专线4149-3</t>
  </si>
  <si>
    <t>【中铁山桥（肃宁站）】尖轨\1/9\P60\砼;左\6450mm\专线(02)4204-Ⅱ-6</t>
  </si>
  <si>
    <t>【中铁山桥（肃宁站）】胶接钢轨\60kg/m\12.50m\U75V\有孔</t>
  </si>
  <si>
    <t>【中铁山桥（肃宁站）】胶接钢轨\60kg/m\12.50m\U71Mn\无孔</t>
  </si>
  <si>
    <t>【中铁山桥（肃宁站）】胶接钢轨\60kg/m\9.00m\U75V\无孔</t>
  </si>
  <si>
    <t>【中铁山桥（肃宁站）】胶接钢轨\60kg/m\12.00m\U75V\无孔</t>
  </si>
  <si>
    <t>【中铁山桥（肃宁站）】胶接钢轨\75kg/m\12.50m\U75V\无孔</t>
  </si>
  <si>
    <t>【中铁山桥（肃宁站）】胶接钢轨\60kg/m\7.00m\U71Mn\无孔</t>
  </si>
  <si>
    <t>【中铁山桥（肃宁站）】胶接钢轨\75kg/m\7.00m\U75V\无孔</t>
  </si>
  <si>
    <t>【中铁山桥（肃宁站）】异型钢轨\50-43kg/m\12.50m\U75V\有孔</t>
  </si>
  <si>
    <t>【中铁山桥（肃宁站）】异型钢轨\60-50kg/m\12.50m\U75V\有孔</t>
  </si>
  <si>
    <t>【中铁山桥（肃宁站）】异型钢轨\60-50kg/m\6.25m\U71Mn\有孔</t>
  </si>
  <si>
    <t>【中铁山桥（肃宁站）】异型钢轨\60-50kg/m\12.50m\U71Mn\有孔</t>
  </si>
  <si>
    <t>【中铁山桥（肃宁站）】基本轨\1/9\P60\砼;左直\11200mm\专线4204-6</t>
  </si>
  <si>
    <t>【中铁山桥（肃宁站）】基本轨\1/9\P60\砼;左曲\11200mm\专线4204-7</t>
  </si>
  <si>
    <t>【中铁山桥（肃宁站）】基本轨\1/9\P60\砼;右直\11200mm\专线4204-6</t>
  </si>
  <si>
    <t>【中铁山桥（肃宁站）】基本轨\1/9\P60\砼;右曲\11200mm\专线4204-7</t>
  </si>
  <si>
    <t>【中铁山桥（肃宁站）】基本轨\1/9\P60\木;左直\11200mm\专线4195-4</t>
  </si>
  <si>
    <t>【中铁山桥（肃宁站）】基本轨\1/9\P60\木;左曲\11200mm\专线4195-5</t>
  </si>
  <si>
    <t>【中铁山桥（肃宁站）】基本轨\1/9\P60\木;右直\11200mm\专线4195-4</t>
  </si>
  <si>
    <t>【中铁山桥（肃宁站）】基本轨\1/9\P60\木;右曲\11200mm\专线4195-5</t>
  </si>
  <si>
    <t>【中铁山桥（肃宁站）】基本轨\1/9\P50\木;左直\12500mm\专线4106-4</t>
  </si>
  <si>
    <t>【中铁山桥（肃宁站）】基本轨\1/9\P50\木;左曲\12500mm\专线4106-5</t>
  </si>
  <si>
    <t>【中铁山桥（肃宁站）】基本轨\1/9\P50\木;右直\12500mm\专线4106-4</t>
  </si>
  <si>
    <t>【中铁山桥（肃宁站）】护轨\1/9\P60\砼;右开;直;槽形\5400mm\SC390C-202</t>
  </si>
  <si>
    <t>【中铁山桥（肃宁站）】护轨\1/9\P60\砼;左开;直;槽形\5400mm\SC390C-202</t>
  </si>
  <si>
    <t>【中铁山桥（肃宁站）】护轨\1/9\P60\砼;复交;右\3800mm\CB2509A-01</t>
  </si>
  <si>
    <t>【中铁山桥（肃宁站）】护轨\1/9\P60\砼;复交;左\3800mm\CB2509A-01</t>
  </si>
  <si>
    <t>【中铁山桥（肃宁站）】尖轨\1/18\P60\砼;右直\19040mm\CB2644-04</t>
  </si>
  <si>
    <t>【中铁山桥（肃宁站）】尖轨\1/18\P60\砼,右曲\19040mm\CB2644-03</t>
  </si>
  <si>
    <t>【中铁山桥（肃宁站）】基本轨\1/18\P60\砼,右曲\20392mm\CB2644-02</t>
  </si>
  <si>
    <t>【中铁山桥（肃宁站）】基本轨\1/18\P60\砼;右开\20392mm\CB2644-01</t>
  </si>
  <si>
    <t>【中铁山桥（肃宁站）】叉跟尖轨\1/18\P75\砼;右开\4536mm\SC488-206</t>
  </si>
  <si>
    <t>【中铁山桥（肃宁站）】基本轨\1/18\P75\砼;曲;右开\19192mm\SC488-103</t>
  </si>
  <si>
    <t>【中铁山桥（肃宁站）】基本轨\1/18\P75\砼;直;右开\19192mm\SC488-102</t>
  </si>
  <si>
    <t>【中铁山桥（肃宁站）】尖轨\1/12\P60\砼;左曲;复交\7560mm\SC350-104W</t>
  </si>
  <si>
    <t>【中铁山桥（肃宁站）】尖轨\1/12\P60\砼;右直;交渡\12480mm\SC330-105</t>
  </si>
  <si>
    <t>【中铁山桥（肃宁站）】尖轨\1/12\P60\砼;右直;复交\10040mm\SC350-103W</t>
  </si>
  <si>
    <t>【中铁山桥（肃宁站）】尖轨\1/12\P60\砼;右曲;交渡\12480mm\SC330-104</t>
  </si>
  <si>
    <t>【中铁山桥（肃宁站）】尖轨\1/12\P60\砼;右曲;复交\7560mm\SC350-104W</t>
  </si>
  <si>
    <t>【中铁山桥（肃宁站）】尖轨\1/12\P50\砼;左直\13080mm\专线4258-7</t>
  </si>
  <si>
    <t>【中铁山桥（肃宁站）】尖轨\1/12\P50\砼;左曲\13080mm\专线4258-6</t>
  </si>
  <si>
    <t>【中铁山桥（肃宁站）】尖轨\1/12\P50\砼;直;复交\7630mm\CB2268-06</t>
  </si>
  <si>
    <t>【中铁山桥（肃宁站）】尖轨\1/12\P50\砼;直;复交\7630mm\CB2268-04</t>
  </si>
  <si>
    <t>【中铁山桥（肃宁站）】尖轨\1/12\P50\砼;曲;复交\7630mm\CB2268-07</t>
  </si>
  <si>
    <t>【中铁山桥（肃宁站）】尖轨\1/9\P60\砼;右\6450mm\专线(02)4204-Ⅱ-6</t>
  </si>
  <si>
    <t>【中铁山桥（肃宁站）】尖轨\1/9\P50\砼;左\6450mm\专线(02)4151-Ⅱ-6</t>
  </si>
  <si>
    <t>【中铁山桥（肃宁站）】尖轨\1/9\P50\砼;右\6450mm\专线(02)4151-Ⅱ-6</t>
  </si>
  <si>
    <t>【中铁山桥（肃宁站）】尖轨\1/9\P50\木;左直;复交\5310mm\专线6055-7</t>
  </si>
  <si>
    <t>【中铁山桥（肃宁站）】尖轨\1/9\P50\木;左曲;复交\5310mm\专线6055-9</t>
  </si>
  <si>
    <t>【中铁山桥（肃宁站）】尖轨\1/9\P50\木;左\6450mm\专线4142-6</t>
  </si>
  <si>
    <t>【中铁山桥（肃宁站）】尖轨\1/9\P50\木;右直;复交\5310mm\专线6055-8</t>
  </si>
  <si>
    <t>【中铁山桥（肃宁站）】尖轨\1/9\P50\木;右曲;复交\5310mm\专线6055-10</t>
  </si>
  <si>
    <t>【中铁山桥（肃宁站）】尖轨\1/9\P50\木;右\6450mm\专线4142-6</t>
  </si>
  <si>
    <t>【中铁山桥（肃宁站）】尖轨\1/12\P75\砼;左曲\14211mm\SC381-104</t>
  </si>
  <si>
    <t>【中铁山桥（肃宁站）】尖轨\1/12\P75\砼;右直\14211mm\SC381-105</t>
  </si>
  <si>
    <t>【中铁山桥（肃宁站）】异型钢轨\75-60kg/m\6.25m\U71Mn\无孔</t>
  </si>
  <si>
    <t>【中铁山桥（肃宁站）】异型钢轨\75-60kg/m\12.50m\U75V\有孔</t>
  </si>
  <si>
    <t>【中铁山桥（肃宁站）】异型钢轨\75-60kg/m\12.50m\U71Mn\无孔</t>
  </si>
  <si>
    <t>【中铁山桥（肃宁站）】异型钢轨\60-50kg/m\12.50m\U71Mn\无孔</t>
  </si>
  <si>
    <t>【中铁山桥（肃宁站）】翼轨\1/18\P60\砼;右开左\16021mm\专线4225A-5</t>
  </si>
  <si>
    <t>【中铁山桥（肃宁站）】翼轨\1/18\P60\砼;右开右\16021mm\专线4225A-5</t>
  </si>
  <si>
    <t>【中铁山桥（肃宁站）】翼轨\1/18\P60\砼;左开左\16021mm\专线4225A-5</t>
  </si>
  <si>
    <t>【中铁山桥（肃宁站）】翼轨\1/18\P60\砼;左开右\16021mm\专线4225A-5</t>
  </si>
  <si>
    <t>【中铁山桥（肃宁站）】爆炸硬化锰钢辙叉\1/9\P60\砼;交渡\4311mm\SC390-201</t>
  </si>
  <si>
    <t>【中铁山桥（肃宁站）】爆炸硬化锰钢辙叉\1/9\P60\砼;交渡;钝\4954mm\SC391-301</t>
  </si>
  <si>
    <t>【中铁山桥（肃宁站）】爆炸硬化锰钢辙叉\1/9\P60\砼;交渡 锐\3687mm\SC391-201</t>
  </si>
  <si>
    <t>【中铁山桥（肃宁站）】基本轨\1/9\P50\木;右曲\12500mm\专线4106-5</t>
  </si>
  <si>
    <t>【中铁山桥（肃宁站）】基本轨\1/12\P75\砼;右直\23400mm\SC381-102</t>
  </si>
  <si>
    <t>【中铁山桥（肃宁站）】基本轨\1/12\P60\左直\16792mm\CB599-04;专4229-5</t>
  </si>
  <si>
    <t>【中铁山桥（肃宁站）】基本轨\1/12\P60\左曲\16792mm\CB599-03;专4229-6</t>
  </si>
  <si>
    <t>【中铁山桥（肃宁站）】基本轨\1/12\P60\右直\16792mm\CB599-04;专4229-5</t>
  </si>
  <si>
    <t>【中铁山桥（肃宁站）】基本轨\1/12\P60\右曲\16792mm\CB599-03;专4229-6</t>
  </si>
  <si>
    <t>【中铁山桥（肃宁站）】基本轨\1/12\P50\木;左直\12500mm\专线4145-4</t>
  </si>
  <si>
    <t>【中铁山桥（肃宁站）】基本轨\1/12\P50\木;左直\12500mm\专线4104-4</t>
  </si>
  <si>
    <t>【中铁山桥（肃宁站）】基本轨\1/12\P50\木;左曲\12500mm\专线4104-5</t>
  </si>
  <si>
    <t>【中铁山桥（肃宁站）】基本轨\1/12\P50\木;右直\12500mm\专线4145-4</t>
  </si>
  <si>
    <t>【中铁山桥（肃宁站）】基本轨\1/12\P50\木;右直\12500mm\专线4104-4</t>
  </si>
  <si>
    <t>【中铁山桥（肃宁站）】护轨\1/12\P60\砼;交渡;侧;槽型\5210mm\SC330-204</t>
  </si>
  <si>
    <t>【中铁山桥（肃宁站）】护轨\1/9\P50\砼;交渡;槽型;右\3600mm\CB2801-01</t>
  </si>
  <si>
    <t>【中铁山桥（肃宁站）】护轨\1/9\P50\砼;交渡;槽型;左\3600mm\CB2801-01</t>
  </si>
  <si>
    <t>【中铁山桥（肃宁站）】护轨\1/9\P50\砼;交渡;槽型;右\3100mm\CB2801-02</t>
  </si>
  <si>
    <t>【中铁山桥（肃宁站）】护轨\1/9\P50\砼;交渡;槽型;左\3100mm\CB2801-02</t>
  </si>
  <si>
    <t>【中铁山桥（肃宁站）】护轨\1/9\P50\砼;交渡;锐;槽型;右\3000mm\CB2215-02</t>
  </si>
  <si>
    <t>【中铁山桥（肃宁站）】护轨\1/9\P50\砼;交渡;直;槽型\3100mm\CB2214-01</t>
  </si>
  <si>
    <t>【中铁山桥（肃宁站）】护轨\1/9\P50\砼;侧\3600mm\CB2213-02</t>
  </si>
  <si>
    <t>【中铁山桥（肃宁站）】护轨\1/9\P50\砼;直\3600mm\CB2213-01</t>
  </si>
  <si>
    <t>【中铁山桥（肃宁站）】尖轨\1/9\P50\砼;左\6450mm\CB2230-03</t>
  </si>
  <si>
    <t>【中铁山桥（肃宁站）】尖轨\1/9\P50\砼;右\6450mm\CB2230-03</t>
  </si>
  <si>
    <t>【中铁山桥（肃宁站）】尖轨\1/12\P50\砼;曲;复交\7630mm\CB2268-05</t>
  </si>
  <si>
    <t>【中铁山桥（肃宁站）】基本轨\1/9\P60\砼;左直\15042mm\SC(07)390-101</t>
  </si>
  <si>
    <t>【中铁山桥（肃宁站）】基本轨\1/9\P60\砼;左直;交渡\15042mm\SC390-101</t>
  </si>
  <si>
    <t>【中铁山桥（肃宁站）】基本轨\1/9\P60\砼;左直;复交\7817mm\SC450-103</t>
  </si>
  <si>
    <t>【中铁山桥（肃宁站）】基本轨\1/9\P60\砼;左直;复交\7787mm\CB2507-01</t>
  </si>
  <si>
    <t>【中铁山桥（肃宁站）】基本轨\1/9\P60\砼;左曲\15042mm\SC(07)390-102</t>
  </si>
  <si>
    <t>【中铁山桥（肃宁站）】基本轨\1/9\P60\砼;左曲;交渡\15042mm\SC390-102</t>
  </si>
  <si>
    <t>【中铁山桥（肃宁站）】基本轨\1/9\P60\砼;左曲;复交\9025mm\CB2507-02</t>
  </si>
  <si>
    <t>【中铁山桥（肃宁站）】基本轨\1/9\P60\砼;左曲;复交\10249mm\SC450-102</t>
  </si>
  <si>
    <t>【中铁山桥（肃宁站）】基本轨\1/9\P60\砼;右直\15042mm\SC(07)390-101</t>
  </si>
  <si>
    <t>【中铁山桥（肃宁站）】基本轨\1/9\P60\砼;右直;交渡\15042mm\SC390-101</t>
  </si>
  <si>
    <t>【中铁山桥（肃宁站）】尖轨\1/12\P75\砼;右曲\14211mm\SC381-104</t>
  </si>
  <si>
    <t>【中铁山桥（肃宁站）】尖轨\1/12\P60\砼;左直\12400mm\专线4229-8</t>
  </si>
  <si>
    <t>【中铁山桥（肃宁站）】尖轨\1/12\P60\砼;左曲\12400mm\专线4229-7</t>
  </si>
  <si>
    <t>【中铁山桥（肃宁站）】尖轨\1/12\P60\砼;右直\12400mm\专线4229-8</t>
  </si>
  <si>
    <t>【中铁山桥（肃宁站）】尖轨\1/12\P60\砼;右曲\12400mm\专线4229-7</t>
  </si>
  <si>
    <t>【中铁山桥（肃宁站）】尖轨\1/12\P50\砼;右直\13080mm\专线4258-7</t>
  </si>
  <si>
    <t>【中铁山桥（肃宁站）】尖轨\1/12\P50\砼;右曲\13080mm\专线4258-6</t>
  </si>
  <si>
    <t>【中铁山桥（肃宁站）】尖轨\1/12\P50\木;左\7700mm\TB405-030</t>
  </si>
  <si>
    <t>【中铁山桥（肃宁站）】尖轨\1/12\P50\木;右\7700mm\TB405-030</t>
  </si>
  <si>
    <t>【中铁山桥（肃宁站）】尖轨\1/12\P50\木;砼;左直\11300mm\专线4148-7</t>
  </si>
  <si>
    <t>【中铁山桥（肃宁站）】尖轨\1/12\P50\木;砼;左曲\11300mm\专线4148-6</t>
  </si>
  <si>
    <t xml:space="preserve">【福斯】传动油 TITAN UTTO TO-4 10W;1×205L </t>
  </si>
  <si>
    <t>福斯润滑油（中国）有限公司</t>
  </si>
  <si>
    <t>福斯</t>
  </si>
  <si>
    <t>GNWZBP(TH)ZYCG2020-001-01</t>
  </si>
  <si>
    <t>福斯润滑油商城经营主体铺货长协（北京东能）</t>
  </si>
  <si>
    <t>北京东能投资有限公司</t>
  </si>
  <si>
    <t xml:space="preserve">【福斯】传动油 TITAN UTTO TO-4 30;1×18L </t>
  </si>
  <si>
    <t xml:space="preserve">【福斯】传动油 TITAN UTTO TO-4 30;1×170kg </t>
  </si>
  <si>
    <t xml:space="preserve">【福斯】万能防冻液 AP-45;1×200kg -45℃ </t>
  </si>
  <si>
    <t xml:space="preserve">【福斯】防冻液 万能防冻液 AP-35;1×200kg -35℃ </t>
  </si>
  <si>
    <t xml:space="preserve">【福斯】特种润滑脂 MOLY HD 0;1×170kg </t>
  </si>
  <si>
    <t xml:space="preserve">【福斯】特种润滑脂 MOLY HD 1;1×170kg </t>
  </si>
  <si>
    <t xml:space="preserve">【福斯】特种润滑脂 MOLY HD 2;1×170kg </t>
  </si>
  <si>
    <t xml:space="preserve">【福斯】特种润滑脂 LX 2;1×17kg </t>
  </si>
  <si>
    <t xml:space="preserve">【福斯】特种润滑脂 LXM 2C(W);1×17kg </t>
  </si>
  <si>
    <t xml:space="preserve">【福斯】特种润滑脂 LXM 2C(W);1×180kg </t>
  </si>
  <si>
    <t xml:space="preserve">【福斯】特种润滑脂 LXM 0C (W) ;1×17kg </t>
  </si>
  <si>
    <t xml:space="preserve">【福斯】特种润滑脂 LXM 0C (W) ;1×180kg </t>
  </si>
  <si>
    <t xml:space="preserve">【福斯】矿山开式齿轮润滑脂 CENTAK OG W;1×170kg </t>
  </si>
  <si>
    <t xml:space="preserve">【福斯】矿山开式齿轮润滑脂 CENTAK OG S;1×170kg </t>
  </si>
  <si>
    <t xml:space="preserve">【福斯】矿山开式齿轮润滑脂 CENTAK OG W PLUS;1×170kg </t>
  </si>
  <si>
    <t xml:space="preserve">【福斯】防锈油 排水型防锈剂 DFO 8101;1×15kg </t>
  </si>
  <si>
    <t xml:space="preserve">【福斯】防锈油 排水型防锈剂 DFO 8101;1×156kg </t>
  </si>
  <si>
    <t xml:space="preserve">【福斯】阻燃液压油 RENOSAFE DU 46;1×191.15kg </t>
  </si>
  <si>
    <t xml:space="preserve">【福斯】齿轮油 高极压工业齿轮油 CLP 68;1×180kg </t>
  </si>
  <si>
    <t xml:space="preserve">【福斯】液压支架用乳化油 2BW-C;HFAE10-4 1×200kg </t>
  </si>
  <si>
    <t xml:space="preserve">【福斯】液压支架用乳化油 CN202;HFAE10-5(W) 1×200kg </t>
  </si>
  <si>
    <t xml:space="preserve">【福斯】液压支架用乳化油 CN302;HFAE15-5(W) 1×200kg </t>
  </si>
  <si>
    <t xml:space="preserve">【福斯】矿山支架存储运输液801E MFD-35;1×200kg -35℃ </t>
  </si>
  <si>
    <t xml:space="preserve">【福斯】齿轮油 矿山专用齿轮油 380;1×180kg </t>
  </si>
  <si>
    <t xml:space="preserve">【福斯】CST矿山专用油 100;1×180kg </t>
  </si>
  <si>
    <t xml:space="preserve">【福斯】矿山支架装配膏 LW ASSEMBLY GEL;1×17kg </t>
  </si>
  <si>
    <t xml:space="preserve">【福斯】柴油机油 泰坦银力达 CF 20W-50;1×18L </t>
  </si>
  <si>
    <t xml:space="preserve">【福斯】柴油机油 泰坦银力达 CF 20W-50;1×170kg </t>
  </si>
  <si>
    <t xml:space="preserve">【福斯】柴油机油 泰坦红力达 CH 15W-40;1×18L </t>
  </si>
  <si>
    <t xml:space="preserve">【福斯】柴油机油 泰坦红力达 CH 15W-40;1×170kg </t>
  </si>
  <si>
    <t xml:space="preserve">【福斯】柴油机油 泰坦蓝力达 CG 15W-40;1×4L </t>
  </si>
  <si>
    <t xml:space="preserve">【福斯】柴油机油 泰坦金力达 CI 20W-50;1×170kg </t>
  </si>
  <si>
    <t xml:space="preserve">【福斯】齿轮油 泰坦速拓 GL-5 80W-90;1×4L </t>
  </si>
  <si>
    <t xml:space="preserve">【福斯】齿轮油 泰坦速拓 GL-5 80W-90;1×18L </t>
  </si>
  <si>
    <t xml:space="preserve">【福斯】齿轮油 泰坦速拓 GL-5 80W-90;1×205L </t>
  </si>
  <si>
    <t xml:space="preserve">【福斯】齿轮油 泰坦速拓 GL-5 85W-90 1×18L </t>
  </si>
  <si>
    <t xml:space="preserve">【福斯】齿轮油 泰坦速拓 GL-5 85W-90;1×180kg </t>
  </si>
  <si>
    <t xml:space="preserve">【福斯】齿轮油 泰坦速拓 GL-5 85W-140;1×180kg </t>
  </si>
  <si>
    <t xml:space="preserve">【福斯】合成工业齿轮油 UNISYN CLP 460;1×17kg </t>
  </si>
  <si>
    <t xml:space="preserve">【福斯】合成工业齿轮油 UNISYN CLP 460;1×175kg </t>
  </si>
  <si>
    <t xml:space="preserve">【福斯】特种润滑脂 URETHYN XHD 2;1×25kg </t>
  </si>
  <si>
    <t xml:space="preserve">【福斯】特种润滑脂 URETHYN XHD 2;1×5kg </t>
  </si>
  <si>
    <t xml:space="preserve">【福斯】特种润滑脂 STABYL HD;1×180kg </t>
  </si>
  <si>
    <t xml:space="preserve">【福斯】高温润滑脂 RENOLIT HI-TEMP 460;1×20kg </t>
  </si>
  <si>
    <t xml:space="preserve">【福斯】高温润滑脂 RENOLIT HI-TEMP 220;1×18kg </t>
  </si>
  <si>
    <t xml:space="preserve">【福斯】高温润滑脂 RENOLIT HI-TEMP 100;1×18kg </t>
  </si>
  <si>
    <t xml:space="preserve">【福斯】特种润滑脂 RENOLIT EP3;1×17kg </t>
  </si>
  <si>
    <t xml:space="preserve">【福斯】电商极压锂基润滑脂 RENOLIT EP2;1×17kg </t>
  </si>
  <si>
    <t xml:space="preserve">【福斯】电商极压锂基润滑脂 RENOLIT EP2;1×180kg </t>
  </si>
  <si>
    <t xml:space="preserve">【福斯】特种润滑脂 RENOLIT EP1;1×17kg </t>
  </si>
  <si>
    <t xml:space="preserve">【福斯】特种润滑脂 RENOLIT EP 000/00;1×180kg </t>
  </si>
  <si>
    <t xml:space="preserve">【福斯】电商极压锂基润滑脂 RENOLIT EP 000/00;1×17kg </t>
  </si>
  <si>
    <t xml:space="preserve">【福斯】特种润滑脂 RENOLIT LX-EP 1;1×17kg </t>
  </si>
  <si>
    <t xml:space="preserve">【福斯】特种润滑脂 RENOLIT LX-EP 1;1×180kg </t>
  </si>
  <si>
    <t xml:space="preserve">【福斯】特种润滑脂 RENOLIT LX-EP 2;1×17kg </t>
  </si>
  <si>
    <t xml:space="preserve">【福斯】特种润滑脂 RENOLIT LX-EP 2;1×180kg </t>
  </si>
  <si>
    <t xml:space="preserve">【福斯】特种润滑脂 RENOLIT LX-EPT 3;1×17kg </t>
  </si>
  <si>
    <t xml:space="preserve">【福斯】润滑脂 CEPLATTYN KG10HMF-2500;1×50kg </t>
  </si>
  <si>
    <t xml:space="preserve">【福斯】润滑脂 CEPLATTYN KG10HMF-2500;1×190kg </t>
  </si>
  <si>
    <t xml:space="preserve">【福斯】润滑脂 CEPLATTYN KG10HMF-1000;1×180kg </t>
  </si>
  <si>
    <t xml:space="preserve">【福斯】清洗剂 RENOLIN WP-C;1×17.4kg </t>
  </si>
  <si>
    <t xml:space="preserve">【福斯】空压机油 RENOLIN UNISYN OL 68;1×170kg </t>
  </si>
  <si>
    <t xml:space="preserve">【福斯】空压机油 RENOLIN UNISYN OL 32;1×16.7kg </t>
  </si>
  <si>
    <t xml:space="preserve">【福斯】空压机油 RENOLIN UNISYN OL32;1×171.18kg </t>
  </si>
  <si>
    <t xml:space="preserve">【福斯】齿轮油 RENOLIN UNISYN CLP 680;1×17kg </t>
  </si>
  <si>
    <t xml:space="preserve">【福斯】齿轮油 RENOLIN UNISYN CLP 680;1×175kg </t>
  </si>
  <si>
    <t xml:space="preserve">【福斯】空压机油 RENOLIN SC 68;1×16kg </t>
  </si>
  <si>
    <t xml:space="preserve">【福斯】空压机油 RENOLIN SC 68;1×170kg </t>
  </si>
  <si>
    <t xml:space="preserve">【福斯】空压机油 RENOLIN SC 46;1×18kg </t>
  </si>
  <si>
    <t xml:space="preserve">【福斯】空压机油 RENOLIN SC 46;1×170kg </t>
  </si>
  <si>
    <t xml:space="preserve">【福斯】空压机油 RENOLIN SC 32;1×16kg </t>
  </si>
  <si>
    <t xml:space="preserve">【福斯】空压机油 RENOLIN SC 32;1×170kg </t>
  </si>
  <si>
    <t xml:space="preserve">【福斯】工业齿轮油 RENOLIN PGL 320;1×220kg </t>
  </si>
  <si>
    <t xml:space="preserve">【福斯】空压机油 RENOLIN PAG 46;1×19kg </t>
  </si>
  <si>
    <t xml:space="preserve">【福斯】空压机油 RENOLIN PAG 46;1×200kg </t>
  </si>
  <si>
    <t xml:space="preserve">【福斯】工业齿轮油 RENOLIN EPG 220;1×16kg </t>
  </si>
  <si>
    <t xml:space="preserve">【福斯】工业齿轮油 RENOLIN EPG 220;1×180kg </t>
  </si>
  <si>
    <t xml:space="preserve">【福斯】汽轮机油 RENOLIN DT 68;1×170kg </t>
  </si>
  <si>
    <t xml:space="preserve">【福斯】汽轮机油 RENOLIN DT 46;1×170kg </t>
  </si>
  <si>
    <t xml:space="preserve">【福斯】汽轮机油 RENOLIN DT 32;1×170kg </t>
  </si>
  <si>
    <t xml:space="preserve">【福斯】液压油 RENOLIN B 30;1×170kg </t>
  </si>
  <si>
    <t xml:space="preserve">【福斯】液压油 RENOLIN B 10;1×170kg </t>
  </si>
  <si>
    <t xml:space="preserve">【福斯】液压油 RENOLIN AW 68;1×170kg </t>
  </si>
  <si>
    <t xml:space="preserve">【福斯】液压油 RENOLIN AW 46;1×16kg </t>
  </si>
  <si>
    <t xml:space="preserve">【福斯】液压油 RENOLIN AW 46;1×170kg </t>
  </si>
  <si>
    <t xml:space="preserve">【福斯】液压油 RENOLIN AW 32 ;1×170kg </t>
  </si>
  <si>
    <t xml:space="preserve">【福斯】液压油 HYDROTHERM 46 MC;1×216kg </t>
  </si>
  <si>
    <t xml:space="preserve">【福斯】齿轮油 GEARMASTER SYN 1000;1×175kg </t>
  </si>
  <si>
    <t xml:space="preserve">【福斯】汽轮机油 ETERNA 46;1×16kg </t>
  </si>
  <si>
    <t xml:space="preserve">【福斯】汽轮机油 ETERNA 32;1×16kg </t>
  </si>
  <si>
    <t xml:space="preserve">【福斯】齿轮油 CEPLATTYN GT RN;1×175kg </t>
  </si>
  <si>
    <t xml:space="preserve">【福斯】齿轮油 CEPLATTYN GT 10;1×50kg </t>
  </si>
  <si>
    <t xml:space="preserve">【福斯】齿轮油 CEPLATTYN GT 10;1×190kg </t>
  </si>
  <si>
    <t xml:space="preserve">【福斯】润滑脂 STABYL EOS E 2;1×5kg </t>
  </si>
  <si>
    <t xml:space="preserve">【福斯】特种润滑脂 GLEITMO 585 K PLUS;1×0.4kg </t>
  </si>
  <si>
    <t xml:space="preserve">【福斯】电商特种润滑脂 GLEITMO 585 K;1×0.4kg </t>
  </si>
  <si>
    <t xml:space="preserve">【福斯】特种润滑脂 GLEITMO 585 K PLUS;1×5kg </t>
  </si>
  <si>
    <t xml:space="preserve">【福斯】开齿润滑脂 CEPLATTYN BL;1×5kg </t>
  </si>
  <si>
    <t xml:space="preserve">【福斯】开齿润滑脂 CEPLATTYN 300;1×5kg </t>
  </si>
  <si>
    <t xml:space="preserve">【福斯】特种润滑脂 STABYL LX 460 SYN;1×5kg </t>
  </si>
  <si>
    <t xml:space="preserve">【福斯】特种润滑脂 STABYL LX 460 SYN;1×25kg </t>
  </si>
  <si>
    <t xml:space="preserve">【福斯】防冻液 RENOLIN FRICOFIN 45;1×200kg -45℃ </t>
  </si>
  <si>
    <t xml:space="preserve">【福斯】液压油 RENOLIN UNISYN HL P32;1×17kg </t>
  </si>
  <si>
    <t xml:space="preserve">【福斯】液压油 ECO-HYD 46 S;1×188.19kg </t>
  </si>
  <si>
    <t xml:space="preserve">【福斯】齿轮油 RENOLIN CLP 680;1×180kg </t>
  </si>
  <si>
    <t xml:space="preserve">【福斯】齿轮油 RENOLIN PG 680;1×220kg </t>
  </si>
  <si>
    <t xml:space="preserve">【福斯】齿轮油 RENOLIN CLP 220;1×18kg </t>
  </si>
  <si>
    <t xml:space="preserve">【福斯】齿轮油 LUBRITECH GOM 320;1×180kg </t>
  </si>
  <si>
    <t xml:space="preserve">【福斯】汽轮机油 RENOLIN ETERNA 68;1×170kg </t>
  </si>
  <si>
    <t xml:space="preserve">【福斯】阻燃液压液 HYDROTHERM 46 LC;1×216kg </t>
  </si>
  <si>
    <t xml:space="preserve">【福斯】齿轮油 RENOLIN UNISYN CLP320;175.58kg </t>
  </si>
  <si>
    <t xml:space="preserve">【福斯】齿轮油 RENOLIN PG 320;1×220kg </t>
  </si>
  <si>
    <t xml:space="preserve">【福斯】齿轮油 RENOLIN PG 460;1×220kg </t>
  </si>
  <si>
    <t xml:space="preserve">【福斯】齿轮油 RENOLIN PG 150;1×216.7kg </t>
  </si>
  <si>
    <t xml:space="preserve">【福斯】齿轮油 LUBRITECH GOM 150;1×180kg </t>
  </si>
  <si>
    <t xml:space="preserve">【福斯】低凝液压油 RENOLIN B 46 HVI;1×170kg </t>
  </si>
  <si>
    <t xml:space="preserve">【福斯】极压及齿轮润滑脂 CEPLATTYN KG 10 HMF;1×190kg </t>
  </si>
  <si>
    <t xml:space="preserve">【福斯】抗磨齿轮油 LUBRITECH GOS 150;1×175kg </t>
  </si>
  <si>
    <t xml:space="preserve">【福斯】抗磨齿轮油 LUBRITECH GOS 460;1×175kg </t>
  </si>
  <si>
    <t xml:space="preserve">【福斯】压缩机油 RENOLIN UNISYN OL 46;1×170kg </t>
  </si>
  <si>
    <t xml:space="preserve">【福斯】特种润滑脂 CEPLATTYN 100 IV;1×50kg </t>
  </si>
  <si>
    <t xml:space="preserve">【福斯】极压及齿轮润滑脂 CEPLATTYN KG 10 HMF;1×15kg </t>
  </si>
  <si>
    <t xml:space="preserve">【福斯】齿轮油 RENOLIN CLP 460;1×180kg </t>
  </si>
  <si>
    <t xml:space="preserve">【福斯】螺杆式压缩机油 RENOLIN 4000;1×170kg </t>
  </si>
  <si>
    <t xml:space="preserve">【福斯】压缩机油 RENOLIN UNISYN OL 68;1×170kg </t>
  </si>
  <si>
    <t xml:space="preserve">【福斯】抗磨液压油 RENOLIN B 15;1×16kg </t>
  </si>
  <si>
    <t xml:space="preserve">【福斯】抗磨液压油 RENOLIN B 20;1×170kg </t>
  </si>
  <si>
    <t xml:space="preserve">【福斯】清洗剂 RENOCLEAN SPEZIAL 2000;1×200kg </t>
  </si>
  <si>
    <t xml:space="preserve">【福斯】电商液压油 LUBRITECH GOH 46;1×170kg </t>
  </si>
  <si>
    <t xml:space="preserve">【福斯】开式齿轮油 GEARMASTER CLPF 1500;1×180kg </t>
  </si>
  <si>
    <t xml:space="preserve">【福斯】开式齿轮油 GEARMASTER CLPF 1500;1×50kg </t>
  </si>
  <si>
    <t xml:space="preserve">【福斯】电商特种润滑脂 GLEITMO 585 K;1×5kg </t>
  </si>
  <si>
    <t xml:space="preserve">【福斯】抗磨齿轮油 LUBRITECH GOM 680;1×180kg </t>
  </si>
  <si>
    <t xml:space="preserve">【福斯】抗磨齿轮油 RENOLIN CLP 220;1×180kg </t>
  </si>
  <si>
    <t xml:space="preserve">【福斯】清洗剂 RENOCLEAN SPEZIAL 2000;1×20kg </t>
  </si>
  <si>
    <t xml:space="preserve">【福斯】抗磨液压油 III/RENOLIN B 20;1×16kg </t>
  </si>
  <si>
    <t xml:space="preserve">【福斯】立磨齿轮油 Fuchs CF-M 320;1×180kg </t>
  </si>
  <si>
    <t xml:space="preserve">【福斯】齿轮油 RENOLIN CLP 150;1×180kg </t>
  </si>
  <si>
    <t xml:space="preserve">【福斯】液压油 RENOLIN ZAF B 68 HT;1×170kg </t>
  </si>
  <si>
    <t xml:space="preserve">【福斯】液压油 RENOLIN ZAF 46 B;1×170kg </t>
  </si>
  <si>
    <t xml:space="preserve">【福斯】汽轮机油 RENOLIN ETERNA 46;1×170kg </t>
  </si>
  <si>
    <t xml:space="preserve">【福斯】开齿润滑油 CEPLATTYN SF 10;1×185kg </t>
  </si>
  <si>
    <t xml:space="preserve">【福斯】立磨专用磨辊油 FUCHS CF-B 680;1×220kg </t>
  </si>
  <si>
    <t xml:space="preserve">【福斯】抗磨齿轮油 LUBRITECH GOS 680;1×175kg </t>
  </si>
  <si>
    <t xml:space="preserve">【福斯】抗磨齿轮油 LUBRITECH GOS 220;1×175kg </t>
  </si>
  <si>
    <t xml:space="preserve">【福斯】齿轮油 FUCHS PGP 680;1×220kg </t>
  </si>
  <si>
    <t xml:space="preserve">【福斯】工业齿轮油 RENOLIN UNISYN CLP220;173.96kg </t>
  </si>
  <si>
    <t xml:space="preserve">【福斯】压缩机油 RENOLIN UNISYN OL 46;1×16.8kg </t>
  </si>
  <si>
    <t xml:space="preserve">【福斯】立磨液压油 FUCHS CF-H 46;1×177.71kg </t>
  </si>
  <si>
    <t xml:space="preserve">【福斯】齿轮油 CEPLATTYN SF 6;1×185kg </t>
  </si>
  <si>
    <t xml:space="preserve">【福斯】齿轮油 CEPLATTYN SF 30;1×50kg </t>
  </si>
  <si>
    <t xml:space="preserve">【福斯】齿轮油 RENOLIN CLP 150;1×18kg </t>
  </si>
  <si>
    <t xml:space="preserve">【福斯】抗磨齿轮油 LUBRITECH GOS 320;1×175kg </t>
  </si>
  <si>
    <t xml:space="preserve">【福斯】开式齿轮油 CEPLATTYN SF 10;1×50kg </t>
  </si>
  <si>
    <t xml:space="preserve">【福斯】极压及齿轮润滑脂 CEPLATTYN RN;1×190kg </t>
  </si>
  <si>
    <t xml:space="preserve">【福斯】齿轮油 RENOLIN PG 220;1×220kg </t>
  </si>
  <si>
    <t xml:space="preserve">【福斯】汽轮机油 RENOLIN ETERNA 32;1×170kg </t>
  </si>
  <si>
    <t xml:space="preserve">【福斯】低凝液压油 RENOLIN B 68 HVI;1×170kg </t>
  </si>
  <si>
    <t xml:space="preserve">【福斯】齿轮油 RENOLIN CLP 320;1×18kg </t>
  </si>
  <si>
    <t xml:space="preserve">【福斯】齿轮油 RENOLIN CLP 320;1×180kg </t>
  </si>
  <si>
    <t xml:space="preserve">【福斯】抗磨齿轮油 LUBRITECH GOM 460;1×180kg </t>
  </si>
  <si>
    <t xml:space="preserve">【福斯】极压及齿轮润滑脂 CEPLATTYN KG 10 LC;1×170kg </t>
  </si>
  <si>
    <t xml:space="preserve">【福斯】齿轮油 RENOLIN UNISYN CLP320;17.13kg </t>
  </si>
  <si>
    <t xml:space="preserve">【福斯】机械油 RENOLIN DTA 46;1×170kg </t>
  </si>
  <si>
    <t xml:space="preserve">【福斯】特种润滑脂 CEPLATTYN 100 IV;1×170kg </t>
  </si>
  <si>
    <t xml:space="preserve">【福斯】开式齿轮油 CEPLATTYN SF 30;1×185kg </t>
  </si>
  <si>
    <t xml:space="preserve">【福斯】轴承润滑油 RENOLIT GP 2;1×17kg </t>
  </si>
  <si>
    <t xml:space="preserve">【福斯】开齿润滑脂 CEPLATTYN 300;1×45kg </t>
  </si>
  <si>
    <t xml:space="preserve">【福斯】齿轮油 LUBRITECH GOM 220;1×180kg </t>
  </si>
  <si>
    <t xml:space="preserve">【福斯】高温轴承润滑脂 URETHYN MP2;1×15kg </t>
  </si>
  <si>
    <t xml:space="preserve">【福斯】齿轮油 CEPLATTYN SF 6;1×50kg </t>
  </si>
  <si>
    <t xml:space="preserve">【福斯】抗磨液压油 RENOLIN B 15;1×170kg </t>
  </si>
  <si>
    <t>GNWZBP(TH)ZYCG2020-001-02</t>
  </si>
  <si>
    <t>福斯润滑油商城经营主体铺货长协（北京鑫聚永辉科技）</t>
  </si>
  <si>
    <t>北京鑫聚永辉科技有限公司</t>
  </si>
  <si>
    <t>GNWZBP(TH)ZYCG2020-001-03</t>
  </si>
  <si>
    <t>福斯润滑油商城经营主体铺货长协（常德市超能工贸）</t>
  </si>
  <si>
    <t>常德市超能工贸有限公司</t>
  </si>
  <si>
    <t>GNWZBP(TH)ZYCG2020-001-04</t>
  </si>
  <si>
    <t>福斯润滑油商城经营主体铺货长协（上海厚启机械）</t>
  </si>
  <si>
    <t>上海厚启机械科技有限公司</t>
  </si>
  <si>
    <t>GNWZBP(TH)ZYCG2020-001-05</t>
  </si>
  <si>
    <t>福斯润滑油商城经营主体铺货长协（上海率源流体）</t>
  </si>
  <si>
    <t>上海率源流体技术有限公司</t>
  </si>
  <si>
    <t>GNWZBP(TH)ZYCG2020-001-06</t>
  </si>
  <si>
    <t>福斯润滑油商城经营主体铺货长协（鄂尔多斯市伊达）</t>
  </si>
  <si>
    <t>鄂尔多斯市伊达商贸有限责任公司</t>
  </si>
  <si>
    <t>GNWZBP(TH)ZYCG2020-001-07</t>
  </si>
  <si>
    <t>福斯润滑油商城经营主体铺货长协（鄂尔多斯市泰新）</t>
  </si>
  <si>
    <t>鄂尔多斯市泰新贸易有限责任公司</t>
  </si>
  <si>
    <t>GNWZBP(TH)ZYCG2020-001-08</t>
  </si>
  <si>
    <t>福斯润滑油商城经营主体铺货长协（内蒙古优帮）</t>
  </si>
  <si>
    <t>内蒙古优帮商贸有限公司</t>
  </si>
  <si>
    <t>GNWZBP(TH)ZYCG2020-001-09</t>
  </si>
  <si>
    <t>福斯润滑油商城经营主体铺货长协（宁夏广科达）</t>
  </si>
  <si>
    <t>宁夏广科达商贸有限公司</t>
  </si>
  <si>
    <t>GNWZBP(TH)ZYCG2020-001-10</t>
  </si>
  <si>
    <t>福斯润滑油商城经营主体铺货长协（吉林省天吉）</t>
  </si>
  <si>
    <t>吉林省天吉物贸有限责任公司</t>
  </si>
  <si>
    <t>GNWZBP(TH)ZYCG2020-001-11</t>
  </si>
  <si>
    <t>福斯润滑油商城经营主体铺货长协（山东伟鹏）</t>
  </si>
  <si>
    <t>山东伟鹏润滑科技有限公司</t>
  </si>
  <si>
    <t>GNWZBP(TH)ZYCG2020-001-12</t>
  </si>
  <si>
    <t>福斯润滑油商城经营主体铺货长协（河北奥尔赛斯实业）</t>
  </si>
  <si>
    <t>河北奥尔赛斯实业有限公司</t>
  </si>
  <si>
    <t>GNWZBP(TH)ZYCG2020-001-13</t>
  </si>
  <si>
    <t>福斯润滑油商城经营主体铺货长协（太原市聚兴辰）</t>
  </si>
  <si>
    <t>太原市聚兴辰商贸有限公司</t>
  </si>
  <si>
    <t>GNWZBP(TH)ZYCG2020-001-14</t>
  </si>
  <si>
    <t>福斯润滑油商城经营主体铺货长协（陕西恒昌泰达）</t>
  </si>
  <si>
    <t>陕西恒昌泰达物资有限公司</t>
  </si>
  <si>
    <t>GNWZBP(TH)ZYCG2020-001-15</t>
  </si>
  <si>
    <t>福斯润滑油商城经营主体铺货长协（河南森隆机械）</t>
  </si>
  <si>
    <t>河南森隆机械科技有限公司</t>
  </si>
  <si>
    <t>GNWZBP(TH)ZYCG2020-001-16</t>
  </si>
  <si>
    <t>福斯润滑油商城经营主体铺货长协（淄博东能物资）</t>
  </si>
  <si>
    <t>淄博东能物资有限公司</t>
  </si>
  <si>
    <t>GNWZBP(TH)ZYCG2020-001-17</t>
  </si>
  <si>
    <t>福斯润滑油商城经营主体铺货长协（天津巴伦商贸）</t>
  </si>
  <si>
    <t>天津巴伦商贸有限公司</t>
  </si>
  <si>
    <t>【土家香】菜籽油\4.8L</t>
  </si>
  <si>
    <t>土家香</t>
  </si>
  <si>
    <t>【顺发电商】香菇\250g</t>
  </si>
  <si>
    <t>顺发电商</t>
  </si>
  <si>
    <t>【顺发电商】黑木耳\250g</t>
  </si>
  <si>
    <t>【顺发电商】核桃\2000g</t>
  </si>
  <si>
    <t>【顺发电商】土蜂蜜\500g/罐</t>
  </si>
  <si>
    <t>【茵茵食品】仔姜\450g</t>
  </si>
  <si>
    <t>茵茵食品</t>
  </si>
  <si>
    <t>【茵茵食品】萝卜干\400g</t>
  </si>
  <si>
    <t>【茵茵食品】木瓜丝\400g</t>
  </si>
  <si>
    <t>【顺发电商】笋干\500g</t>
  </si>
  <si>
    <t>【恩润】菜籽油\2.5L</t>
  </si>
  <si>
    <t>GNWZBP(TH)ZECG2020-027</t>
  </si>
  <si>
    <t>国家能源e购商城2020年度北京配送恩润品牌食用油铺货采购框架合同</t>
  </si>
  <si>
    <t>【恩润】野山茶油\5L</t>
  </si>
  <si>
    <t>【恩润】野山茶油\750ml×2瓶</t>
  </si>
  <si>
    <t>【恩润】野山茶油\550ml</t>
  </si>
  <si>
    <t>【龙净环保】控制器\SuPulse/T-MK\脉冲电源\SuPulse\龙净环保\国产</t>
  </si>
  <si>
    <t>福建龙净环保股份有限公司</t>
  </si>
  <si>
    <t>龙净环保</t>
  </si>
  <si>
    <t>GNWZBP(TH)ZYCG2020-178</t>
  </si>
  <si>
    <t>国家能源e购商城2020年度北京配送（神华天泓）龙净环保除尘器备件集团级单一来源长协采购框架合同</t>
  </si>
  <si>
    <t>【龙净环保】电压表\MVC96-U1\0-500V\1.5级</t>
  </si>
  <si>
    <t>【龙净环保】电阻\ZG12\400Ω\1600W</t>
  </si>
  <si>
    <t>【龙净环保】防扭块组件\ZT24-3.0\电除尘器\2BEL284/2-4</t>
  </si>
  <si>
    <t>【龙净环保】控制板CDDZB V1.1\除尘控制系统\GGYAj-1.8A/72kV福建龙净</t>
  </si>
  <si>
    <t>【龙净环保】电阻\ZG12\500Ω\2000W</t>
  </si>
  <si>
    <t>【龙净环保】电容器\HCGF5A\400V\进口</t>
  </si>
  <si>
    <t>【龙净环保】电压表\85C1-A\0-100kV\1.5级</t>
  </si>
  <si>
    <t>【龙净环保】电抗器\PBDKQ-08\高频电源\GGYAJ-STR\龙净环保\国产</t>
  </si>
  <si>
    <t>【龙净环保】数据采集卡\DUT 4000\除尘控制系统\DDJX5016F1\福建龙净</t>
  </si>
  <si>
    <t>【龙净环保】振打杆\FGZ1415.5-1\除尘器\BE</t>
  </si>
  <si>
    <t>【龙净环保】中压变压器\ZYB-02\脉冲电源\SuPulse\龙净环保\国产</t>
  </si>
  <si>
    <t>【龙净环保】接口模块\TIVC-JK-01\三相电源\TIVC-5\龙净环保\国产</t>
  </si>
  <si>
    <t>【龙净环保】一次电流板\YCDLB-VF\调频电源\VTR01\龙净环保\国产</t>
  </si>
  <si>
    <t>【龙净环保】三相整流桥\DF200AA160\380V\200A</t>
  </si>
  <si>
    <t>【龙净环保】喷雾喷嘴\WBE-P.4\0-4MPa\差压\0.25mm\2205\30mm</t>
  </si>
  <si>
    <t>【龙净环保】气化板\QHB150×300mm\灰斗\无</t>
  </si>
  <si>
    <t>【龙净环保】散热风机\S4D400\230-400V 135W</t>
  </si>
  <si>
    <t>【龙净环保】电压表\6C2-A-100µA\0-100kV\1.5级</t>
  </si>
  <si>
    <t>【龙净环保】脉冲转换器\JSD-TFA-1001S\脉冲电源\SuPulse\龙净环保\国产</t>
  </si>
  <si>
    <t>【定制】手提袋\规格：300mm×400mm×100mm</t>
  </si>
  <si>
    <t>广东省力际彩印厂（普通合伙））</t>
  </si>
  <si>
    <t>定制</t>
  </si>
  <si>
    <t>WZSCCG-2020-BJ-2065</t>
  </si>
  <si>
    <t>国家能源e购商城集团标识手提袋长协采购铺货采购合同</t>
  </si>
  <si>
    <t>广东省力际彩印厂(普通合伙)</t>
  </si>
  <si>
    <t>【龙净环保】阴极振打海波轮\GGAj02-1.2/72CG-YJ\硅整流变压器</t>
  </si>
  <si>
    <t>【龙净环保】触发模块\SuPulse/T-CF\脉冲电源\SuPulse\龙净环保\国产</t>
  </si>
  <si>
    <t>【龙净环保】电压电流取样器\CY2020\三相电源控制器\福建龙净</t>
  </si>
  <si>
    <t>【龙净环保】输入模块\RM2010\电除尘\RMD-KFH\龙净环保</t>
  </si>
  <si>
    <t>【龙净环保】控制器面板\MVC196-MB\K型高压电源\GGAJ-02K\龙净环保\国产</t>
  </si>
  <si>
    <t>【龙净环保】电阻\QXR\1kΩ\50W</t>
  </si>
  <si>
    <t>【龙净环保】行选板\EHX\E系列低压控制系统\EDK\龙净环保\国产</t>
  </si>
  <si>
    <t>【有魔有样】白色胚体三阶魔方\种类：正方体,阶数：三阶段</t>
  </si>
  <si>
    <t>有魔有样</t>
  </si>
  <si>
    <t>WZSCCG-2020-BJ-2061</t>
  </si>
  <si>
    <t>国家能源e购商城魔方长协采购铺货采购合同</t>
  </si>
  <si>
    <t>【有魔有样】彩色三阶魔方\种类：正方体,阶数：三阶段</t>
  </si>
  <si>
    <t>【龙净环保】硅堆\2CLG-0.4A-35kV\国产</t>
  </si>
  <si>
    <t>【龙净环保】扩展模块\LK222\P系列低压\DDPX\龙净环保\国产</t>
  </si>
  <si>
    <t>【龙净环保】机柜热交换器\HE0075\电除尘器高频电源\STR03\龙净环保\国产</t>
  </si>
  <si>
    <t>【龙净环保】二极管\DD380\380A\380V</t>
  </si>
  <si>
    <t>【龙净环保】控制终端\CTV-01\调频电源\VTR01\龙净环保\国产</t>
  </si>
  <si>
    <t>【龙净环保】电磁振打行列控制器\DCZD-HL\静电除尘器\GGAJ02-WFb\福建龙净</t>
  </si>
  <si>
    <t>【龙净环保】光电转换器\DFE-850</t>
  </si>
  <si>
    <t>【龙净环保】扩展模块\LK223\P系列低压控制系统\DDPX\龙净环保\国产</t>
  </si>
  <si>
    <t>【龙净环保】可控硅触发模块TIVC-CFM\控制柜\GGAj02TIVC-0.8/80\龙净</t>
  </si>
  <si>
    <t>【龙净环保】振打锤\TB42403.0\电除尘器\2BEL284/2-4</t>
  </si>
  <si>
    <t>【龙净环保】电流表\MVC96-I1\0-200A\1级</t>
  </si>
  <si>
    <t>【龙净环保】电抗器\PBDKQ-16\高频电源\GGYAJ-STR\龙净环保\国产</t>
  </si>
  <si>
    <t>【龙净环保】控制器\SuPulse/T-ZK\脉冲电源\SuPulse\龙净环保\国产</t>
  </si>
  <si>
    <t>【龙净环保】高频电源取样板\FQYB\除尘控制系统\GGYAj-1.8A/72kV\福建龙净</t>
  </si>
  <si>
    <t>【龙净环保】振打棒\TB40006-1\电除尘\RMD-KFH\龙净环保</t>
  </si>
  <si>
    <t>【龙净环保】隔离变压器\R100A-07\除尘控制系统\GGYAj-1.8A/72kV</t>
  </si>
  <si>
    <t>【龙净环保】电容\SHK-800-630-MSS 630μF\除尘控制系统\BE\福建龙净</t>
  </si>
  <si>
    <t>【龙净环保】行选板\MZD-HX\电除尘\GGAj02-K\福建龙净</t>
  </si>
  <si>
    <t>【龙净环保】电加热器\T508-5\电除尘器\BE-BW\龙净环保\国产</t>
  </si>
  <si>
    <t>【龙净环保】电压采样模块\CY1020\SL型高压电源\EIVC-3\龙净环保\国产</t>
  </si>
  <si>
    <t>【龙净环保】散热器\STR03-10\高频电源\GGYAJ-STR\龙净环保\国产</t>
  </si>
  <si>
    <t>【龙净环保】绝缘杆连接套管\T514\除尘器\BE</t>
  </si>
  <si>
    <t>【龙净环保】电阻\ZG12\1kΩ\250W</t>
  </si>
  <si>
    <t>【龙净环保】电容器\947C731K801CD\800V\进口</t>
  </si>
  <si>
    <t>【龙净环保】硅堆\2CLG-2A-25kV\国产</t>
  </si>
  <si>
    <t>【龙净环保】检流计板\XZDLHGQB\GGYAj-1.8A/72kV\福建龙净</t>
  </si>
  <si>
    <t>【龙净环保】电流表\6C2-A\0-1.5A\1级</t>
  </si>
  <si>
    <t>【龙净环保】电接点温度计\WSSX411J\0-150℃\110mm\双上限\螺纹</t>
  </si>
  <si>
    <t>【龙净环保】二次电流板\ECDLB-VF\调频电源\VTR01\龙净环保\国产</t>
  </si>
  <si>
    <t>【龙净环保】电流表板\ECDLB05\高频电源\GGYAJ-STR05\龙净环保\国产</t>
  </si>
  <si>
    <t>【龙净环保】高分子复合绝缘子\H520-φ70\静电除尘器\BEH</t>
  </si>
  <si>
    <t>【龙净环保】并联电感\BLDG-06\高频电源\GGYAJ-STR\龙净环保\国产</t>
  </si>
  <si>
    <t>【龙净环保】电加热器\DYB-500W/380V\电除尘器\BE-BW\龙净环保\国产</t>
  </si>
  <si>
    <t>【龙净环保】电容器\757K 750µF±10%\AC800V\国产</t>
  </si>
  <si>
    <t>【龙净环保】并联电感\BLDG-04\高频电源\GGYAJ-STR\龙净环保\国产</t>
  </si>
  <si>
    <t>【龙净环保】电阻\RI8\26MΩ\30W</t>
  </si>
  <si>
    <t>【龙净环保】锥形绝缘轴\T501-1\静电除尘器\2BEH744/6-5</t>
  </si>
  <si>
    <t>【龙净环保】二极管\DD380N\380A\380V</t>
  </si>
  <si>
    <t>【龙净环保】电源板\MZD-DY\电除尘\GGAj02-K\福建龙净</t>
  </si>
  <si>
    <t>【龙净环保】螺旋二极管\ZP20A 1200V\静电除尘器\福建龙净</t>
  </si>
  <si>
    <t>【龙净环保】电容器\YTC45K 0.001µF±10%\4500V\国产</t>
  </si>
  <si>
    <t>【龙净环保】人孔门\TB10101.0\静电除尘器\2BEH744/6-5</t>
  </si>
  <si>
    <t>【龙净环保】散热器\VTR01-1.0\调频电源\VTR01\龙净环保\国产</t>
  </si>
  <si>
    <t>【龙净环保】开关量输入模块\GK4032\SL型高压电源\EIVC-3\龙净环保\国产</t>
  </si>
  <si>
    <t>【龙净环保】并联电感\BLDG-10\高频电源\GGYAJ-STR\龙净环保\国产</t>
  </si>
  <si>
    <t>【龙净环保】动瓷瓶总成\GN-DCP\80kV\10A</t>
  </si>
  <si>
    <t>【龙净环保】二极管\2CLG\1A\20000V</t>
  </si>
  <si>
    <t>【龙净环保】硅堆\2CLG-1.6A-25kV\国产</t>
  </si>
  <si>
    <t>【龙净环保】串联电容\XZDRB-04\高频电源\GGYAJ-STR\龙净环保\国产</t>
  </si>
  <si>
    <t>【龙净环保】电加热器\T508-1\电除尘器\BE-BW\龙净环保\国产</t>
  </si>
  <si>
    <t>【龙净环保】信号板\VFXH\调频电源\VTR01\龙净环保\国产</t>
  </si>
  <si>
    <t>【龙净环保】串联电容\XZDRB-08\高频电源\GGYAJ-STR\龙净环保\国产</t>
  </si>
  <si>
    <t>【龙净环保】绝缘加热器\DDBHT\电除尘器\FE239/2-1E</t>
  </si>
  <si>
    <t>【龙净环保】通讯板\COMM-K\高压控制柜\GGAJ02K-1.0/72\福建龙净</t>
  </si>
  <si>
    <t>【龙净环保】一次电压取样板\YCDYQYB</t>
  </si>
  <si>
    <t>【龙净环保】电加热器\T508-4\电除尘器\BE-BW\龙净环保\国产</t>
  </si>
  <si>
    <t>【龙净环保】开关电源\HF20W-T-A\AC220V\DC5V DC12V\0.5A</t>
  </si>
  <si>
    <t>【龙净环保】控制终端\TD400\P系列低压控制系统\DDPX\龙净环保\国产</t>
  </si>
  <si>
    <t>【龙净环保】列选板\ELX\E系列低压控制系统\EDK\龙净环保\国产</t>
  </si>
  <si>
    <t>【龙净环保】输出板\EOUT\E系列低压控制系统\EDK\龙净环保\国产</t>
  </si>
  <si>
    <t>【龙净环保】振打器线圈组件\TB40013.1\电除尘器\DK</t>
  </si>
  <si>
    <t>【龙净环保】高压硅堆\YTC-1.6A 35kV\静电除尘器\2BEH323 2-4</t>
  </si>
  <si>
    <t>【龙净环保】钢带夹组-阴极\TB40006.2\静电除尘器\2BEH744/6-5</t>
  </si>
  <si>
    <t>【龙净环保】单路信号隔离器\GLQ-DL\脉冲电源\SuPulse\龙净环保\国产</t>
  </si>
  <si>
    <t>【龙净环保】串联电感\CLDG-06\高频电源\GGYAJ-STR\龙净环保\国产</t>
  </si>
  <si>
    <t>【龙净环保】压敏电阻板\BPZRB\调频电源\VTR01\龙净环保\国产</t>
  </si>
  <si>
    <t>【龙净环保】电抗器\PBDKQ-04\高频电源\GGYAJ-STR\龙净环保\国产</t>
  </si>
  <si>
    <t>【龙净环保】主板\AZD-ZKB-hd\除尘控制系统-振打柜\AZD-BEL\福建龙净</t>
  </si>
  <si>
    <t>【龙净环保】高频电源终端\CTH-02\GGYAj-1.8A/72kV\福建龙净</t>
  </si>
  <si>
    <t>【龙净环保】电阻\ZG12\500Ω\3000W</t>
  </si>
  <si>
    <t>【龙净环保】IGBT模块\2MBI1200\塑料封装</t>
  </si>
  <si>
    <t>【龙净环保】串联电容\XZDRB-06\高频电源\GGYAJ-STR\龙净环保\国产</t>
  </si>
  <si>
    <t>【龙净环保】隔离开关\GN-80-3-4\80kV\10A</t>
  </si>
  <si>
    <t>【龙净环保】输入输出模块\EIVC-4140\SL型高压电源\EIVC-3\龙净环保\国产</t>
  </si>
  <si>
    <t>【龙净环保】冲洗喷嘴\WBE-P.1\0-4MPa\差压\0.25mm\316L\30mm</t>
  </si>
  <si>
    <t>【龙净环保】冲洗喷嘴\WBE-P.3\0-4MPa\差压\0.25mm\2205\30mm</t>
  </si>
  <si>
    <t>【龙净环保】电加热器\T021-2B\电除尘器\BE-BW\龙净环保\国产</t>
  </si>
  <si>
    <t>【龙净环保】散热器\LJHB-18\高频电源\GGYAJ-STR\龙净环保\国产</t>
  </si>
  <si>
    <t>【龙净环保】控制终端\LK-070FE\P系列低压\DDPX\龙净环保\国产</t>
  </si>
  <si>
    <t>【龙净环保】高频降压电阻板\JYDZB\电除尘器\2beh321/2-4\国产</t>
  </si>
  <si>
    <t>【龙净环保】钢带夹组-阳极\TB40007.1\静电除尘器\2BEH744/6-5</t>
  </si>
  <si>
    <t>【龙净环保】控制终端\LK-070FS\P系列低压\DDPX\龙净环保\国产</t>
  </si>
  <si>
    <t>【龙净环保】振打器\TB40025.1\电除尘器\TB40\龙净环保\国产</t>
  </si>
  <si>
    <t>【龙净环保】继电器板\K01C-JDQ Ver1.0\GGAj02-1.8A/66kV</t>
  </si>
  <si>
    <t>【龙净环保】电加热器\T508-7\电除尘器\BE-BW\龙净环保\国产</t>
  </si>
  <si>
    <t>【龙净环保】电流互感器\LMK-0.66/B\380V\40/1\0.5级\10VA\贯穿式</t>
  </si>
  <si>
    <t>【龙净环保】电阻\ZG12\500Ω\1100W</t>
  </si>
  <si>
    <t>【龙净环保】二次电流表板\ECDLB\除尘控制系统\GGYAj-1.8A/72kV\福建龙净</t>
  </si>
  <si>
    <t>【龙净环保】控制终端\TD2X\P系列低压控制系统\DDPX\龙净环保\国产</t>
  </si>
  <si>
    <t>【龙净环保】二次电压表板\ECDYB\除尘控制系统\GGYAj-1.8A/72kV\福建龙净</t>
  </si>
  <si>
    <t>【龙净环保】散热器\STR03-16\高频电源\GGYAJ-STR\龙净环保\国产</t>
  </si>
  <si>
    <t>【龙净环保】综合板\MZD-ZH\电除尘\GGAj02-K\福建龙净</t>
  </si>
  <si>
    <t>【龙净环保】电压调整控制器\MVC-196\电除尘\GGAj02-K\福建龙净</t>
  </si>
  <si>
    <t>【龙净环保】电阻\ZG12\150Ω\1500W</t>
  </si>
  <si>
    <t>【龙净环保】串口服务器\Nport 5430\MOXA</t>
  </si>
  <si>
    <t>【龙净环保】电压表\72C1-V\0-500V\1.5级</t>
  </si>
  <si>
    <t>【龙净环保】承压绝缘子\T515-4\电袋除尘器\RFER40/R-RL</t>
  </si>
  <si>
    <t>【龙净环保】PLC控制器\S7-200CN CPU226 216-2AD23-0XB8\S7-200CN CPU226 216-2AD23-0XB8</t>
  </si>
  <si>
    <t>【龙净环保】通讯隔离器\MCD-1C\电除尘\GGAj02-K\福建龙净</t>
  </si>
  <si>
    <t>【龙净环保】电压取样板\DYQYB-VF\调频电源\VTR01\龙净环保\国产</t>
  </si>
  <si>
    <t>【龙净环保】取样板\TRQ\K型高压电源\GGAJ-02K\龙净环保\国产</t>
  </si>
  <si>
    <t>【龙净环保】电抗器\PBDKQ-06\高频电源\GGYAJ-STR\龙净环保\国产</t>
  </si>
  <si>
    <t>【龙净环保】IGBT模块\FZ600R12KE3\英飞凌</t>
  </si>
  <si>
    <t>【龙净环保】控制器\TIVC5000-HDGD-hd\三相电源控制器\福建龙净</t>
  </si>
  <si>
    <t>【龙净环保】驱动板\QDB\电除尘\GGAIJ-0.7\66\福建龙净</t>
  </si>
  <si>
    <t>【龙净环保】振打密封套(阳极)\TB40007-1\高压静电除尘器\MZZ1-1</t>
  </si>
  <si>
    <t>【龙净环保】可控硅组件\DCC-P200\K型高压电源\GGAJ-02K\龙净环保\国产</t>
  </si>
  <si>
    <t>【龙净环保】主控模块\CPU224-LK\P系列低压\DDPX\龙净环保\国产</t>
  </si>
  <si>
    <t>【龙净环保】高压瓷瓶\T/L8.722.561\国产</t>
  </si>
  <si>
    <t>【龙净环保】采样模块TIVC-CYM\电除尘控制柜\GGAj02TIVC-0.8/80\龙净</t>
  </si>
  <si>
    <t>【龙净环保】电源模块\S-100-24\AC220V\DC24V\4.5A</t>
  </si>
  <si>
    <t>【龙净环保】阴极卡箍\TB40018.1.1\电除尘器\TB40\龙净环保\国产</t>
  </si>
  <si>
    <t>【龙净环保】隔离变压器\R100-97-5-27\K型高压电源\GGAJ-02K</t>
  </si>
  <si>
    <t>【龙净环保】电抗器\PBDKQ-10\高频电源\GGYAJ-STR\龙净环保\国产</t>
  </si>
  <si>
    <t>【龙净环保】取样板\LKG-12-06\静电除尘器\2BEH744/6-5</t>
  </si>
  <si>
    <t>【龙净环保】硅堆\2CLG-1A-35kV\国产</t>
  </si>
  <si>
    <t>【龙净环保】相控板\MZD-XK\除尘控制系统\DDPX4104FL\福建龙净</t>
  </si>
  <si>
    <t>【龙净环保】变压器橡皮垫\2.O\静电除尘器\2BEH744/6-5</t>
  </si>
  <si>
    <t>【龙净环保】开关电源板\HF35-F-A\SL型高压电源\EIVC-3\龙净环保\国产</t>
  </si>
  <si>
    <t>【龙净环保】电压表\85C1-V\0-500V\1.5级</t>
  </si>
  <si>
    <t>【龙净环保】IGBT触发板\QDJKB Ver1.6\除尘控制系统\BE\福建龙净</t>
  </si>
  <si>
    <t>【龙净环保】电容器\637K 630µF±10%\800V\国产</t>
  </si>
  <si>
    <t>【龙净环保】功率控制器\TYQ-01\脉冲电源\SuPulse\龙净环保\国产</t>
  </si>
  <si>
    <t>【龙净环保】灰水分离器滤芯\LKBWS-100\国产\龙净环保</t>
  </si>
  <si>
    <t>【龙净环保】散热器\SRX-YFI\高频电源\GGYAJ-STR\龙净环保\国产</t>
  </si>
  <si>
    <t>【龙净环保】阳极卡箍\TB40016.1\电除尘器\TB40\龙净环保\国产</t>
  </si>
  <si>
    <t>【龙净环保】阻尼电阻\ZG12\静电除尘器\MZZ1-1\龙净环保</t>
  </si>
  <si>
    <t>【龙净环保】主控板\FMHC-02\高频电源\GGYAJ-STR05\龙净环保\国产</t>
  </si>
  <si>
    <t>【龙净环保】隔离变压器\R50-02-9-29\GGAj02-1.8A/66kV\福建龙净</t>
  </si>
  <si>
    <t>【龙净环保】电压表板\ECDYB05\高频电源\GGYAJ-STR05\龙净环保\国产</t>
  </si>
  <si>
    <t>【龙净环保】压敏电阻\MYG-20D122K</t>
  </si>
  <si>
    <t>【龙净环保】隔离开关\GN-80-3-D\80kV\10A</t>
  </si>
  <si>
    <t>【龙净环保】测温线\DCC-CW\国产</t>
  </si>
  <si>
    <t>【龙净环保】ALC端子板\DZB-20\A系列低压\DDJX\龙净环保\国产</t>
  </si>
  <si>
    <t>【龙净环保】智能通讯\DAU-32A\静电除尘器\2BEH744/6-5</t>
  </si>
  <si>
    <t>【龙净环保】振打锤\TB42402.0\电布除尘器\2FE-240 2-2L</t>
  </si>
  <si>
    <t>【龙净环保】扩展模块\LK221\P系列低压\DDPX\龙净环保\国产</t>
  </si>
  <si>
    <t>【龙净环保】绝缘轴\T501-3\高分子</t>
  </si>
  <si>
    <t>【龙净环保】列选板\MZD-LX\电除尘\GGAj02-K\福建龙净</t>
  </si>
  <si>
    <t>【龙净环保】散热器\STR02-10\高频电源\GGYAJ-STR\龙净环保\国产</t>
  </si>
  <si>
    <t>【龙净环保】开关量输出模块\GK4041\SL型高压电源\EIVC-3\龙净环保\国产</t>
  </si>
  <si>
    <t>【龙净环保】喷雾喷嘴\WBE-P.2\0-4MPa\差压\0.25mm\316L\30mm</t>
  </si>
  <si>
    <t>【龙净环保】隔离开关\GN-80-3-S\80kV\10A</t>
  </si>
  <si>
    <t>【龙净环保】电阻\ZG12\250Ω\1500W</t>
  </si>
  <si>
    <t>【龙净环保】热交换器\HE0045-113\电除尘器高频电源\STR03\福建龙净\国产</t>
  </si>
  <si>
    <t>【龙净环保】振打锤\TB42401.0\电除尘器\2BEL158/2-3</t>
  </si>
  <si>
    <t>【龙净环保】电压表\72C1-A-50µA\0-100kV\1.5级</t>
  </si>
  <si>
    <t>【龙净环保】散热器\LJHB-25\调频电源\VTR01\龙净环保\国产</t>
  </si>
  <si>
    <t>【龙净环保】温度板\ETEMP\E系列低压控制系统\EDK\龙净环保\国产</t>
  </si>
  <si>
    <t>【龙净环保】采样触发模块\EIVC-CYCF\SL型高压电源\EIVC-3\龙净环保\国产</t>
  </si>
  <si>
    <t>【龙净环保】穿墙套管\CK1-100\静电除尘器\2BEH744/6-5</t>
  </si>
  <si>
    <t>【龙净环保】散热器\LJHB-22\高频电源\GGYAJ-STR\龙净环保\国产</t>
  </si>
  <si>
    <t>【龙净环保】控制板\Ver3.1 AZD-DY\除尘控制系统\RFER40/R-RL</t>
  </si>
  <si>
    <t>【龙净环保】综合板\LKG-12-05\静电除尘器\2BEH744/6-5</t>
  </si>
  <si>
    <t>【龙净环保】硅堆\2CLG-0.4A-25kV\国产</t>
  </si>
  <si>
    <t>【龙净环保】电流表\6L2-A-5A\0-400A\1级</t>
  </si>
  <si>
    <t>【龙净环保】模拟量输入板\EAIN\E系列低压控制系统\EDK\龙净环保\国产</t>
  </si>
  <si>
    <t>【龙净环保】阴极线\波形型 Q235\电除尘器\2BEL284/2-5</t>
  </si>
  <si>
    <t>【龙净环保】电阻\ZG12\600Ω\750W</t>
  </si>
  <si>
    <t>【龙净环保】电流表\72C1-A\0-1A\1级</t>
  </si>
  <si>
    <t>【龙净环保】稳定电源\HF20W-S15\380V\DC15V\1.5A</t>
  </si>
  <si>
    <t>【龙净环保】电加热器\T508-2\电除尘器\BE-BW\龙净环保\国产</t>
  </si>
  <si>
    <t>【龙净环保】控制终端\SuPulse/H\脉冲电源\SuPulse\龙净环保\国产</t>
  </si>
  <si>
    <t>【龙净环保】散热器\LJHB-28\调频电源\VTR01\龙净环保\国产</t>
  </si>
  <si>
    <t>【龙净环保】变换器\BF-3\K型高压电源\GGAJ-02K\龙净环保\国产</t>
  </si>
  <si>
    <t>【龙净环保】电压表\6C2-V\0-1000V\1.5级</t>
  </si>
  <si>
    <t>【龙净环保】智能通讯转换器\ADAM-6520\电除尘低压控制系统\IPC\龙净环保\国产</t>
  </si>
  <si>
    <t>【龙净环保】脉冲板\FDPCA02&amp;1.4\除尘控制系统\BE\福建龙净环保股份有限公司</t>
  </si>
  <si>
    <t>【龙净环保】硅堆\2CLG-2A-35kV\国产</t>
  </si>
  <si>
    <t>【龙净环保】断电振打输出板\LKD-03-08\静电除尘器\2BEH744/6-5</t>
  </si>
  <si>
    <t>【龙净环保】可控硅触发模块\CF1020\SL型高压电源\EIVC-3\龙净环保\国产</t>
  </si>
  <si>
    <t>【龙净环保】驱动板\2SP0320T2B0-12\调频电源\VTR01\龙净环保\国产</t>
  </si>
  <si>
    <t>【龙净环保】显示终端\FE4000\高频电源\GGYAJ-STR\龙净环保\国产</t>
  </si>
  <si>
    <t>【龙净环保】一次电压检测板\YCDYJC\GGYAj-1.8A/72kV\福建龙净</t>
  </si>
  <si>
    <t>【龙净环保】叠层母排\A1126\调频电源\VTR01\龙净环保\国产</t>
  </si>
  <si>
    <t>【龙净环保】机柜换热器\DCC-D75W\高频电源\GGAj02K\福建龙净环保\国产</t>
  </si>
  <si>
    <t>【龙净环保】热备接口板\AZD-RJB\除尘控制系统-振打柜\AZD-BEL\福建龙净</t>
  </si>
  <si>
    <t>【龙净环保】电流表\6C2-A\0-3A\1级</t>
  </si>
  <si>
    <t>【龙净环保】输入端子板\LKT-03-06\静电除尘器\2BEH744/6-5</t>
  </si>
  <si>
    <t>【龙净环保】控制板\Ver1.0 ASC-16\除尘控制系统\RFER40/R-RL</t>
  </si>
  <si>
    <t>【龙净环保】电阻\ZG12\700Ω\1200W</t>
  </si>
  <si>
    <t>【龙净环保】电源板\EPOWER\E系列低压控制系统\EDK\龙净环保\国产</t>
  </si>
  <si>
    <t>【龙净环保】电压表\72C1-A-100µA\0-100kV\1.5级</t>
  </si>
  <si>
    <t>【龙净环保】采样模块\SuPulse/T-CY\脉冲电源\SuPulse\龙净环保\国产</t>
  </si>
  <si>
    <t>【龙净环保】压敏电阻板\YMDZB\除尘控制系统\GGYAj-1.8A/72kV\福建龙净</t>
  </si>
  <si>
    <t>【龙净环保】隔离开关\GN-8/3-2 单级(左)\电除尘\2BEL275/2-4</t>
  </si>
  <si>
    <t>【龙净环保】电流表\6L2-A-5A\0-200A\1级</t>
  </si>
  <si>
    <t>【龙净环保】串联电感\CLDG-04\高频电源\GGYAJ-STR\龙净环保\国产</t>
  </si>
  <si>
    <t>【龙净环保】静瓷瓶总成\GN-JCP\80kV\10A</t>
  </si>
  <si>
    <t>【龙净环保】阻容吸收电阻板\MZD-ZR\A系列低压\DDJX\龙净环保\国产</t>
  </si>
  <si>
    <t>【龙净环保】散热风机\RAH1238S\5.5 m3/min AC230V 52W</t>
  </si>
  <si>
    <t>【龙净环保】主控板\MVC196E-01 Ver2.2\GGAj02-1.8A/66kV</t>
  </si>
  <si>
    <t>【龙净环保】电压表\MVC96-U2\0-100kV\1.5级</t>
  </si>
  <si>
    <t>【龙净环保】电抗器\PBDKQ-20\调频电源\VTR01\龙净环保\国产</t>
  </si>
  <si>
    <t>【龙净环保】取样板\FQYB05\高频电源\GGYAJ-STR05\龙净环保\国产</t>
  </si>
  <si>
    <t>【龙净环保】RCD吸收板\RCDXSB\GGYAj-1.8A/72kV\福建龙净</t>
  </si>
  <si>
    <t>【龙净环保】输入端子板\LKT-03-05\静电除尘器\2BEH744/6-5</t>
  </si>
  <si>
    <t>【龙净环保】控制器\SuPulse/H-ZK\脉冲电源\SuPulse\龙净环保\国产</t>
  </si>
  <si>
    <t>【龙净环保】报警输出板\LKD-03-07\静电除尘器\2BEH744/6-5</t>
  </si>
  <si>
    <t>【龙净环保】电流表\72L1-A\0-5A\1级</t>
  </si>
  <si>
    <t>【龙净环保】串联电容\XZDRB-20\高频电源\GGYAJ-STR\龙净环保\国产</t>
  </si>
  <si>
    <t>【龙净环保】续流二极管板\MZD-XLB\A系列低压控制系统\DDJX\龙净环保\国产</t>
  </si>
  <si>
    <t>【龙净环保】散热器\LJHB-23\高频电源\GGYAJ-STR\龙净环保\国产</t>
  </si>
  <si>
    <t>【龙净环保】八路远程驱动器\MCD-8F\电除尘\GGAj02-K\福建龙净</t>
  </si>
  <si>
    <t>【龙净环保】电磁振打综合控制器\DCZD-ZK-300\除尘器\GGAJ02-WFb\龙净</t>
  </si>
  <si>
    <t>【龙净环保】通讯分配板\LKD-03-06\静电除尘器\2BEH744/6-5</t>
  </si>
  <si>
    <t>【龙净环保】硅堆\2CLG-1A-25kV\国产</t>
  </si>
  <si>
    <t>【龙净环保】可控硅组件\DCC-P500\K型高压电源\GGAJ-02K\龙净环保\国产</t>
  </si>
  <si>
    <t>【龙净环保】线圈组件\TB40006.1.2\电除尘器\TB40\龙净环保\国产</t>
  </si>
  <si>
    <t>【龙净环保】可控硅组件V1-V6\W3C-1200-90FA\脉冲电源\SuPulse</t>
  </si>
  <si>
    <t>【龙净环保】电流互感器\LMK-0.66/B\380V\20/1\0.5级\10VA\贯穿式</t>
  </si>
  <si>
    <t>【龙净环保】主板\VFDSP-01\调频电源\VTR01\龙净环保\国产</t>
  </si>
  <si>
    <t>【龙净环保】振打密封套(阳极)\ZD40016-1\静电除尘器\2BEH323 2-4</t>
  </si>
  <si>
    <t>【龙净环保】控制终端\TIVC5000-HMI\三相电源控制器\福建龙净</t>
  </si>
  <si>
    <t>【龙净环保】低压控制终端\CTL-01\除尘控制系统\RFER40/R-RL\福建龙净</t>
  </si>
  <si>
    <t>【龙净环保】隔离变压器\R260A-11-07-27\GGYAj-1.8A/72kV</t>
  </si>
  <si>
    <t>【龙净环保】电阻\ZG12\1kΩ\1200W</t>
  </si>
  <si>
    <t>【龙净环保】振打密封套(阴极)\ZD40016-3\静电除尘器\2BEH323 2-4</t>
  </si>
  <si>
    <t>【龙净环保】可控硅组件\TIVC-KKG\三相电源\TIVC-5\龙净环保\国产</t>
  </si>
  <si>
    <t>【龙净环保】振打线圈\TB40006.1\静电除尘器\2BEH744/6-5</t>
  </si>
  <si>
    <t>【龙净环保】继电器板\JDQB V1.0\GGYAj-1.8A/72kV\福建龙净</t>
  </si>
  <si>
    <t>【龙净环保】主控板\EMAIN\E系列低压控制系统\EDK\龙净环保\国产</t>
  </si>
  <si>
    <t>【龙净环保】脉冲板\MCB-HD\高频高压整流器\GGYAJ\福建龙净环保股份有限公司</t>
  </si>
  <si>
    <t>【龙净环保】电压表\6C2-V\0-500V\1.5级</t>
  </si>
  <si>
    <t>【龙净环保】RCD吸收板\BPRCD\调频电源\VTR01\龙净环保\国产\</t>
  </si>
  <si>
    <t>【龙净环保】电阻\ZG12\2kΩ\500W</t>
  </si>
  <si>
    <t>【龙净环保】密封垫\GP-MFD\国产</t>
  </si>
  <si>
    <t>【龙净环保】电阻\ZG12\180Ω\1800W</t>
  </si>
  <si>
    <t>【龙净环保】振打器组件\TB40008.1 380V 加高型\除尘器\BE</t>
  </si>
  <si>
    <t>【龙净环保】电阻\ZG12\700Ω\2800W</t>
  </si>
  <si>
    <t>【龙净环保】电加热器\T508-8\电除尘器\BE-BW\龙净环保\国产</t>
  </si>
  <si>
    <t>【龙净环保】热备接口板\LKD-03-05\静电除尘器\2BEH744/6-5</t>
  </si>
  <si>
    <t>【龙净环保】ATC主控板\ATC20A-ZK\电除尘\GGAj02-K\福建龙净</t>
  </si>
  <si>
    <t>【龙净环保】谐振电容板\CLDR\电除尘器高频电源\STR03\福建龙净\国产</t>
  </si>
  <si>
    <t>【龙净环保】相控取样板\EXKQY\E系列低压\EDK\龙净环保\国产</t>
  </si>
  <si>
    <t>【龙净环保】IGBT模块\2MBI900\塑料封装</t>
  </si>
  <si>
    <t>【龙净环保】阴极线\针刺型 Q235\电除尘器\2BEL284/2-4</t>
  </si>
  <si>
    <t>【龙净环保】IGBT模块\2MBI600\塑料封装</t>
  </si>
  <si>
    <t>【龙净环保】二极管\DD350\350A\380V</t>
  </si>
  <si>
    <t>【龙净环保】控制器\SuPulse-ZK\脉冲电源\SuPulse\龙净环保\国产</t>
  </si>
  <si>
    <t>【龙净环保】电压表\6C2-A-100µA\0-120kV\1.5级</t>
  </si>
  <si>
    <t>【龙净环保】ATC端子板\LKT-03-04\静电除尘器\2BEH744/6-5</t>
  </si>
  <si>
    <t>【龙净环保】层=层叠母排\CDMP10\高频电源\GGYAJ-STR\龙净环保\国产</t>
  </si>
  <si>
    <t>【龙净环保】串联电感\CLDG-08\高频电源\GGYAJ-STR\龙净环保\国产</t>
  </si>
  <si>
    <t>【龙净环保】散热器\LJHB-29\调频电源\VTR01\龙净环保\国产</t>
  </si>
  <si>
    <t>【龙净环保】IGBT模块\FZ900R12KE4\英飞凌</t>
  </si>
  <si>
    <t>【龙净环保】电容器\930C 1200V 3µF±10%\1200V\国产</t>
  </si>
  <si>
    <t>【龙净环保】承压绝缘子\T515-2\静电除尘器\BEH\福建龙净</t>
  </si>
  <si>
    <t>【龙净环保】支柱绝缘子\FE212/2-3\电袋复合除尘器\FE212/2</t>
  </si>
  <si>
    <t>【龙净环保】输入板\EIN\E系列低压控制系统\EDK\龙净环保\国产</t>
  </si>
  <si>
    <t>【龙净环保】隔离变压器\R320A-11\高频电源\GGYAJ-STR\龙净环保\国产</t>
  </si>
  <si>
    <t>【龙净环保】电流表\MVC96-I2\0-2A\1级</t>
  </si>
  <si>
    <t>【龙净环保】继电器板\JDQB-VF\调频电源\VTR01\龙净环保\国产</t>
  </si>
  <si>
    <t>【龙净环保】电加热器\T508-6\电除尘器\BE-BW\龙净环保\国产</t>
  </si>
  <si>
    <t>【龙净环保】控制板\Ver2.9 FMHC-01\除尘控制系统</t>
  </si>
  <si>
    <t>【龙净环保】可控硅组件\DCC-P800\K型高压电源\GGAJ-02K\龙净环保\国产</t>
  </si>
  <si>
    <t>【龙净环保】串联谐振电感\CLDG\电除尘器高频电源\STR03\福建龙净\国产</t>
  </si>
  <si>
    <t>【Graver】滤芯\TBG-5-60-P\5μmum</t>
  </si>
  <si>
    <t>广州应塘电力科技有限公司</t>
  </si>
  <si>
    <t>Graver</t>
  </si>
  <si>
    <t>GNWZBP(TH)ZYCG2020-277</t>
  </si>
  <si>
    <t>国家能源e购商城南方配送广东、贵州、海南区域2020-2023年度GRAVER滤芯树脂区域级长协采购铺货采购合同</t>
  </si>
  <si>
    <t>【Graver】滤芯\TBG-RO-40-P\5μmum</t>
  </si>
  <si>
    <t>【Graver】滤芯\TBG-100-40-P\100μmum</t>
  </si>
  <si>
    <t>【Graver】滤芯\TBG-1-40-P\1μmum</t>
  </si>
  <si>
    <t>【Graver】熔喷滤芯\CMBF 5-40 NN\5μmum</t>
  </si>
  <si>
    <t>【Graver】折叠式可反洗滤芯\AFA-70-PP-010\1μmum</t>
  </si>
  <si>
    <t>【Graver】折叠式可反洗滤芯\AFA-70-PP-050\5μmum</t>
  </si>
  <si>
    <t>【Graver】油净化装置\GVOP-20\20l/min 脱水能力≤50ppm NAS1638  3-7级\不锈钢</t>
  </si>
  <si>
    <t>【Graver】油净化装置\GVOP-100\100l/min 脱水能力≤50ppm NAS1638  3-7级\不锈钢</t>
  </si>
  <si>
    <t>【Graver】油净化装置\GVOP-200\200l/min 脱水能力≤50ppm NAS1638  3-7级\不锈钢</t>
  </si>
  <si>
    <t>【Graver】油净化装置\GCOP-200\200l/min 过滤后油液含水量≤100ppm NAS1638  3-7级\不锈钢</t>
  </si>
  <si>
    <t>【Graver】滤油小车\GTOP-50\50l/min NAS1638  3-7级\不锈钢</t>
  </si>
  <si>
    <t>【Graver】干性离子树脂滤芯\GTAF-653V-EH\快速降酸，提高油液电阻值um</t>
  </si>
  <si>
    <t>【Graver】干性离子树脂滤芯\GTCF-653V-EH\快速降酸，提高油液电阻值um</t>
  </si>
  <si>
    <t>【Graver】滤芯\GT198-39-XV\X表示过滤精度(A为1μm，B为3μm，C为6μm，D为12μm，E为22μm)um</t>
  </si>
  <si>
    <t>【Graver】滤芯\GT198-16-XV\X表示过滤精度(A为1μm，B为3μm，C为6μm，D为12μm，E为22μm)um</t>
  </si>
  <si>
    <t>【Graver】滤芯\GTCF-1A\高性能聚结滤芯um</t>
  </si>
  <si>
    <t>【Graver】滤芯\GTSF-2A\高性能分离滤芯um</t>
  </si>
  <si>
    <t>【Graver】滤芯\GT890-39-XV\X表示过滤精度(A为1μm，B为3μm，C为6μm，D为12μm，E为22μm)um</t>
  </si>
  <si>
    <t>【Graver】滤芯\GT168-08-XV\X表示过滤精度(A为1μm，B为3μm，C为6μm，D为12μm，E为22μm)um</t>
  </si>
  <si>
    <t>【Graver】滤芯\GT319-20-XV\X表示过滤精度(A为1μm，B为3μm，C为6μm，D为12μm，E为22μm)um</t>
  </si>
  <si>
    <t>【Graver】滤芯\GT189-13-XV\X表示过滤精度(A为1μm，B为3μm，C为6μm，D为12μm，E为22μm)um</t>
  </si>
  <si>
    <t>【Graver】滤芯\GT184-13-XV\X表示过滤精度(A为1μm，B为3μm，C为6μm，D为12μm，E为22μm)um</t>
  </si>
  <si>
    <t>【Graver】滤芯\GT197-39-XV\X表示过滤精度(A为1μm，B为3μm，C为6μm，D为12μm，E为22μm)um</t>
  </si>
  <si>
    <t>【Graver】离子交换树脂(阳树脂)\Hydroxide99%</t>
  </si>
  <si>
    <t>【Graver】离子交换树脂(阴树脂)\Hydroxide/Chloride95%/3%</t>
  </si>
  <si>
    <t>【Graver】定冷水树脂\Hydroxide95%</t>
  </si>
  <si>
    <t>【惠普】打印机 HP LaserJet Pro M203dn A4幅面，打印颜色：黑白，打印速度：28ppm，自动双面，有线网口，一年保修</t>
  </si>
  <si>
    <t>惠普贸易（上海）有限公司</t>
  </si>
  <si>
    <t>惠普</t>
  </si>
  <si>
    <t>GNWZBP(TH)ZECG2020-078</t>
  </si>
  <si>
    <t>IT专区惠普打印机及相关耗材商品铺货采购合同</t>
  </si>
  <si>
    <t>北京扬帆耐力贸易有限公司</t>
  </si>
  <si>
    <t>【惠普】激光打印机 HP Color LaserJet Pro M254dn A4幅面，打印颜色：彩色，打印速度：21ppm，自动双面，有线网口，一年保修</t>
  </si>
  <si>
    <t>【惠普】激光打印机 HP Laser 103a A4幅面，打印颜色：黑白，打印速度：20ppm，手动双面，USB接口，一年上门保修</t>
  </si>
  <si>
    <t>【惠普】打印机 HP Laser NS 1020 A4幅面，打印颜色：黑白，打印速度：20ppm，手动双面，USB接口，随机2500页耗材，一年上门保修</t>
  </si>
  <si>
    <t>【惠普】激光打印机 HP Laser NS 1020n A4幅面，打印颜色：黑白，打印速度：20ppm，手动双面，有线网口，一年保修</t>
  </si>
  <si>
    <t>【惠普】激光打印机 HP LaserJet Pro M305dn A4幅面，打印颜色：黑白，打印速度：35ppm，自动双面，有线网口，一年上门保修</t>
  </si>
  <si>
    <t>【惠普】激光打印机 HP LaserJet Pro M405n A4幅面，打印颜色：黑白，打印速度：38ppm，手动双面，有线网口，一年上门保修</t>
  </si>
  <si>
    <t>【惠普】打印机 HP LaserJet Pro M405dn A4幅面，打印颜色：黑白，打印速度：38ppm，自动双面，有线网口，一年上门保修</t>
  </si>
  <si>
    <t>【惠普】激光打印机 HP Color LaserJet Pro M454dn A4幅面，打印颜色：彩色，打印速度：27ppm，自动双面，有线网口，一年上门保修</t>
  </si>
  <si>
    <t>【惠普】打印机 HP LaserJet Enterprise 700 M712dn A3幅面，打印颜色：黑白，打印速度：41ppm，自动双面，有线网口，3年上门保修</t>
  </si>
  <si>
    <t>【惠普】打印机 HP LaserJet Enterprise M806dn A3幅面，打印颜色：黑白，打印速度：56ppm，自动双面，有线网口，一年上门保修</t>
  </si>
  <si>
    <t>【惠普】激光打印机 HP LaserJet Pro M701a A3幅面，打印颜色：黑白，打印速度：31ppm，手动双面，USB接口，一年上门保修</t>
  </si>
  <si>
    <t>【惠普】激光打印机 HP LaserJet Pro M706n A3幅面，打印颜色：黑白，打印速度：35ppm，手动双面，有线网口，3年上门保修</t>
  </si>
  <si>
    <t>【惠普】激光打印机 HP LaserJet Pro M706n Duplexer   A3幅面，打印颜色：黑白，打印速度：35ppm，自动双面，有线网口，3年上门保修</t>
  </si>
  <si>
    <t>【惠普】打印机 HP Color LaserJet Pro CP5225dn A3幅面，打印颜色：彩色，打印速度：20ppm，自动双面，有线网口，2年上门保修</t>
  </si>
  <si>
    <t>【惠普】激光打印机 HP Color LaserJet Ent M751dn A3幅面，打印颜色：彩色，打印速度：40ppm，自动双面，有线网口，3年上门保修</t>
  </si>
  <si>
    <t>【惠普】激光打印机 HP Color LaserJet Ent M856dn A3幅面，打印颜色：彩色，打印速度：55ppm，自动双面，有线网口，免费安装，一年上门保修</t>
  </si>
  <si>
    <t>【惠普】彩色打印机 HP Color LaserJet Enterprise M552dn A4幅面，打印颜色：彩色，打印速度：33ppm，自动双面，有线网口，一年上门保修</t>
  </si>
  <si>
    <t>【惠普】激光打印机 HP LaserJet Enterprise M507dn A4幅面，打印颜色：黑白，打印速度：43ppm，自动双面，有线网口，3年上门保修</t>
  </si>
  <si>
    <t>【惠普】激光打印机 HP LaserJet Ent M610dn A4幅面，打印颜色：黑白，打印速度：52ppm，自动双面，有线网口，3年上门保修</t>
  </si>
  <si>
    <t>【惠普】激光打印机 HP LaserJet Ent M611dn A4幅面，打印颜色：黑白，打印速度：61ppm，自动双面，有线网口，3年上门保修</t>
  </si>
  <si>
    <t>【惠普】激光打印机 HP LaserJet Ent M612dn A4幅面，打印颜色：黑白，打印速度：71ppm，自动双面，有线网口，3年上门保修</t>
  </si>
  <si>
    <t>【惠普】激光打印机 HP LaserJet Pro M203dw A4幅面，打印颜色：黑白，打印速度：28ppm，自动双面，无线网络，一年保修</t>
  </si>
  <si>
    <t>【惠普】多功能一体机 HP LaserJet Pro MFP M227fdn 四合一，A4幅面，打印颜色：黑白，打印速度：28ppm，自动双面，有线网口，一年保修</t>
  </si>
  <si>
    <t>【惠普】多功能一体机 HP Color LaserJet Pro MFP M281fdn 四合一，A4幅面，打印颜色：彩色，打印速度：21ppm，自动双面，有线网口，一年保修</t>
  </si>
  <si>
    <t>【惠普】多功能一体机 HP Laser MFP 133pn 四合一，A4幅面，打印颜色：黑白，打印速度：20ppm，手动双面，有线网口，一年保修</t>
  </si>
  <si>
    <t>【惠普】激光打印机 HP Laser NS MFP 1005 三合一，A4幅面，打印颜色：黑白，打印速度：20ppm，手动双面，USB接口，随机耗材：2000页，1年上门保修</t>
  </si>
  <si>
    <t>【惠普】多功能一体机 HP LaserJet Pro 500 Color MFP M570dw 三合一，A4幅面，打印颜色：彩色，打印速度：30ppm，自动双面，有线网口，无线网络，一年保修</t>
  </si>
  <si>
    <t>【惠普】多功能一体机 HP LaserJet Pro MFP M329dn 三合一，A4幅面，打印颜色：黑白，打印速度：35ppm，自动双面，有线网口，一年上门保修</t>
  </si>
  <si>
    <t>【惠普】多功能一体机 HP LaserJet Pro MFP M429fdn 四合一，A4幅面，打印颜色：黑白，打印速度：38ppm，自动双面，有线网口，一年上门保修</t>
  </si>
  <si>
    <t>【惠普】打印机 HP Color LaserJet Pro MFP M479fdw 四合一，A4幅面，打印颜色：彩色，打印速度：27ppm，自动双面，有线网口，无线网络，一年上门保修</t>
  </si>
  <si>
    <t>【惠普】多功能一体机 HP Color LaserJet Enterprise MFP M577dn 三合一，A4幅面，打印颜色：彩色，打印速度：38ppm，自动双面，有线网口，一年上门保修</t>
  </si>
  <si>
    <t>【惠普】多功能一体机 HP LaserJet Pro MFP M227fdw 四合一，A4幅面，打印颜色：黑白，打印速度：28ppm，自动双面，无线网络，一年上门保修</t>
  </si>
  <si>
    <t>【惠普】多功能一体机 HP Color LaserJet Enterprise MFP M681dh 三合一，A4幅面，打印颜色：彩色，打印速度：47ppm，自动双面，有线网口，ADF，一年上门保修</t>
  </si>
  <si>
    <t>【惠普】喷墨打印机 HP OfficeJet Pro 8216 A4幅面，打印颜色：彩色，打印速度：22ppm黑白，18ppm彩色，自动双面，有线网口，无线网络，双纸盒，一年保修</t>
  </si>
  <si>
    <t>【惠普】喷墨打印机 HP Officejet 7110 Wide Format A3幅面，打印颜色：彩色，打印速度：15ppm黑白，8ppm彩色，手动双面，有线网口，无线网络，一年保修</t>
  </si>
  <si>
    <t>【惠普】打印机 HP OfficeJet 200 Mobile A4幅面，打印颜色：彩色，打印速度：19ppm黑白，9ppm彩色，手动双面，无线网络，标配电池，一年保修</t>
  </si>
  <si>
    <t>【惠普】打印机 HP PageWide Pro 452dn A4幅面，打印颜色：彩色，打印速度：40ppm，自动双面，有线网口，一年保修</t>
  </si>
  <si>
    <t>【惠普】打印机 HP PageWide Pro 552dw A4幅面，打印颜色：彩色，打印速度：50ppm，自动双面，有线网口，一年保修</t>
  </si>
  <si>
    <t>【惠普】多功能一体机 HP PageWide Enterprise Color 556dn A4幅面，打印颜色：彩色，打印速度：50ppm，自动双面，有线网口，一年上门保修</t>
  </si>
  <si>
    <t>【惠普】多功能一体机 HP OfficeJet 258 Mobile AiO  三合一，A4幅面，打印颜色：彩色，打印速度：10ppm黑白，7ppm彩色，无线网络，标配电池，一年保修</t>
  </si>
  <si>
    <t>【惠普】多功能一体机 HP OfficeJet Pro 8730 All-in-One  四合一，A4幅面，打印颜色：彩色，打印速度：36ppm，自动双面，有线网口，无线网络，一年上门保修</t>
  </si>
  <si>
    <t>【惠普】多功能一体机 HP OfficeJet Pro 9010 AiO  四合一，A4幅面，打印颜色：彩色，打印速度：22ppm黑白，18ppm彩色，自动双面，有线网口，无线网络，一年保修</t>
  </si>
  <si>
    <t>【惠普】多功能一体机 HP OfficeJet Pro 9020 AiO  四合一，A4幅面，打印颜色：彩色，打印速度：24ppm黑白，20ppm彩色，自动双面，有线网口，无线网络，一年保修</t>
  </si>
  <si>
    <t>【惠普】打印机 HP OfficeJet Pro 7740 WF AiO  四合一，A3幅面，打印颜色：彩色，打印速度：22ppm黑白，18ppm彩色，手动双面，有线网口，无线网络，一年保修</t>
  </si>
  <si>
    <t>【惠普】多功能一体机 HP PageWide Pro MFP 577dw 四合一，A4幅面，打印颜色：彩色，打印速度：50ppm黑白，50ppm彩色，自动双面，有线网口，无线网络，一年上门保修</t>
  </si>
  <si>
    <t>【惠普】多功能一体机 HP PageWide Pro MFP 477dn 四合一，A4幅面，打印颜色：彩色，打印速度：40ppm黑白，40ppm彩色，自动双面，有线网口，一年保修</t>
  </si>
  <si>
    <t>【惠普】多功能一体机 HP PageWide Enterprise Color MFP 586dn 三合一，A4幅面，打印颜色：彩色，打印速度：50ppm黑白，50ppm彩色，自动双面，有线网口，一年上门保修</t>
  </si>
  <si>
    <t>【惠普】复合机 HP LaserJet Ent Flow MFP M830 A3幅面，打印颜色：黑白，打印速度：56ppm，自动双面，有线网口，ADF，落地4纸盒，1年上门保修</t>
  </si>
  <si>
    <t>【惠普】多功能一体机 HP Color LaserJet Enterprise flow MFP M880z A3幅面，打印颜色：彩色，打印速度：45ppm，自动双面，有线网口，ADF，落地4纸盒，1年上门保修</t>
  </si>
  <si>
    <t>【惠普】复合机 HP Color LaserJet Ent MFP M776dn A3幅面，打印颜色：彩色，打印速度：45ppm，自动双面，有线网口，ADF，1年上门保修</t>
  </si>
  <si>
    <t>【惠普】复合机 HP LaserJet M437dn MFP A3幅面，打印颜色：黑白，打印速度：22ppm，自动双面，有线网口，1年上门保修</t>
  </si>
  <si>
    <t>【惠普】复合机 HP LaserJet M439dn MFP A3幅面，打印颜色：黑白，打印速度：24ppm，自动双面，有线网口，1年上门保修</t>
  </si>
  <si>
    <t>【惠普】复合机 HP LaserJet Managed MFP E72525dn A3幅面，打印颜色：黑白，打印速度：25ppm，自动双面，有线网口，ADF，1年上门保修</t>
  </si>
  <si>
    <t>【惠普】复合机 HP LaserJet Managed MFP E72535dn A3幅面，打印颜色：黑白，打印速度：35ppm，自动双面，有线网口，ADF，1年上门保修</t>
  </si>
  <si>
    <t>【惠普】复合机 HP LaserJet Managed Flow MFP E82540z A3幅面，打印颜色：黑白，打印速度：40ppm，自动双面，有线网口，ADF，1年上门保修</t>
  </si>
  <si>
    <t>【惠普】复合机 HP LaserJet Managed Flow MFP E82550z A3幅面，打印颜色：黑白，打印速度：50ppm，自动双面，有线网口，ADF，1年上门保修</t>
  </si>
  <si>
    <t>【惠普】复合机 HP LaserJet Managed Flow MFP E82560z A3幅面，打印颜色：黑白，打印速度：60ppm，自动双面，有线网口，ADF，1年上门保修</t>
  </si>
  <si>
    <t>【惠普】复合一体机 HP LaserJet Clr Mgd MFP E77422dn A3幅面，打印颜色：彩色，打印速度：22ppm，自动双面，有线网口，ADF，1年上门保修</t>
  </si>
  <si>
    <t>【惠普】复合机 HP Color LaserJet Managed MFP E77825dn A3幅面，打印颜色：彩色，打印速度：25ppm，自动双面，有线网口，ADF，1年上门保修</t>
  </si>
  <si>
    <t>【惠普】复合机 HP Color LaserJet Managed MFP E77830dn A3幅面，打印颜色：彩色，打印速度：30ppm，自动双面，有线网口，ADF，1年上门保修</t>
  </si>
  <si>
    <t>【惠普】复合机 HP Color LaserJet Managed Flow MFP E87640z A3幅面，打印颜色：彩色，打印速度：40ppm，自动双面，有线网口，ADF，1年上门保修</t>
  </si>
  <si>
    <t>【惠普】复合机 HP Color LaserJet Managed Flow MFP E87650z A3幅面，打印颜色：彩色，打印速度：50ppm，自动双面，有线网口，ADF，1年上门保修</t>
  </si>
  <si>
    <t>【惠普】复合机 HP Color LaserJet Managed Flow MFP E87660z A3幅面，打印颜色：彩色，打印速度：60ppm，自动双面，有线网口，ADF，1年上门保修</t>
  </si>
  <si>
    <t>【惠普】复印机 HP LaserJet MFP M72630dn A3幅面，打印颜色：黑白，打印速度：30ppm，自动双面，有线网口，ADF，1年上门保修</t>
  </si>
  <si>
    <t>【惠普】复合机 HP LaserJet Clr Mgd MFP E77428dn A3幅面，打印颜色：彩色，打印速度：28ppm，自动双面，有线网口，ADF，1年上门保修</t>
  </si>
  <si>
    <t>【惠普】复合机 HP LaserJet M437dn MFP （增加自动进稿器） A3幅面，打印颜色：黑白，打印速度：22ppm，自动双面，有线网口，ADF，1年上门保修</t>
  </si>
  <si>
    <t>【惠普】复合机 HP LaserJet M439dn MFP （增加自动进稿器） A3幅面，打印颜色：黑白，打印速度：24ppm，自动双面，有线网口，ADF，1年上门保修</t>
  </si>
  <si>
    <t>【惠普】复合机 HP PageWide 774dn A3幅面，打印颜色：彩色，打印速度：35ppm，自动双面，有线网口，ADF，1年上门保修</t>
  </si>
  <si>
    <t>【惠普】复合机 HP PageWide 779dn A3幅面，打印颜色：彩色，打印速度：45ppm，自动双面，有线网口，ADF，1年上门保修</t>
  </si>
  <si>
    <t>【惠普】复合机 HP LaserJet Managed MFP E72425dn A3幅面，打印颜色：黑白，打印速度：25ppm，自动双面，有线网口，ADF，1年上门保修</t>
  </si>
  <si>
    <t>【惠普】复合机 HP LaserJet Managed MFP E72430dn A3幅面，打印颜色：黑白，打印速度：30ppm，自动双面，有线网口，ADF，1年上门保修</t>
  </si>
  <si>
    <t>【惠普】复合机 HP LaserJet Managed Flow MFP E72525z A3幅面，打印颜色：黑白，打印速度：25ppm，自动双面，有线网口，ADF，1年上门保修</t>
  </si>
  <si>
    <t>【惠普】复合机 HP LaserJet MFP E72530dn A3幅面，打印颜色：黑白，打印速度：30ppm，自动双面，有线网口，ADF，1年上门保修</t>
  </si>
  <si>
    <t>【惠普】复合机 HP LaserJet Managed Flow MFP E72530z A3幅面，打印颜色：黑白，打印速度：30ppm，自动双面，有线网口，ADF，1年上门保修</t>
  </si>
  <si>
    <t>【惠普】复合机 HP LaserJet Managed Flow MFP E72535z A3幅面，打印颜色：黑白，打印速度：35ppm，自动双面，有线网口，ADF，1年上门保修</t>
  </si>
  <si>
    <t>【惠普】复合机 HP Color LaserJet Managed MFP E77822dn A3幅面，打印颜色：彩色，打印速度：22ppm，自动双面，有线网口，ADF，1年上门保修</t>
  </si>
  <si>
    <t>【惠普】复合机 HP Color LaserJet Managed Flow MFP E77822z A3幅面，打印颜色：彩色，打印速度：22ppm，自动双面，有线网口，ADF，1年上门保修</t>
  </si>
  <si>
    <t>【惠普】复合机 HP Color LaserJet Managed Flow MFP E77825z A3幅面，打印颜色：彩色，打印速度：25ppm，自动双面，有线网口，ADF，1年上门保修</t>
  </si>
  <si>
    <t>【惠普】复合机 HP Color LaserJet Managed Flow MFP E77830z A3幅面，打印颜色：彩色，打印速度：30ppm，自动双面，有线网口，ADF，1年上门保修</t>
  </si>
  <si>
    <t>【惠普】打印一体机 HP LaserJet Enterprise MFP M725dn 三合一，A3幅面，打印颜色：黑白，打印速度：41PPM，自动双面，有线网口，ADF，1年上门保修</t>
  </si>
  <si>
    <t>【惠普】多功能一体机 HP LaserJet Pro MFP M435nw 三合一，A3幅面，打印颜色：黑白，打印速度：31PPM，手动双面，无线网络，1年上门保修</t>
  </si>
  <si>
    <t>【惠普】打印机 HP LaserJet M439nda MFP 三合一，A3幅面，打印颜色：黑白，打印速度：24PPM，自动双面，有线网口，ADF，1年上门保修</t>
  </si>
  <si>
    <t>【惠普】复合机 HP PageWide Enterprise Color Flow MFP 785zs 四合一，A3幅面，打印颜色：彩色，打印速度：55ppm，自动双面，无线网络，ADF，1年上门保修</t>
  </si>
  <si>
    <t>【惠普】硒鼓 HP 307A 黑色硒鼓CE740A 7000页,适用HP Color CP5225系列 等</t>
  </si>
  <si>
    <t>【惠普】硒鼓 HP 645A 青色硒鼓C9731A 12000页,适用HP Color 5500/5550系列等</t>
  </si>
  <si>
    <t>【惠普】硒鼓 HP 645A 黄色硒鼓C9732A 12000页,适用HP Color 5500/5550系列等</t>
  </si>
  <si>
    <t>【惠普】硒鼓 HP 645A 品红色硒鼓C9733A 12000页,适用HP Color 5500/5550系列等</t>
  </si>
  <si>
    <t>【惠普】硒鼓 HP 201A 黑色硒鼓CF400A 1420页,适用HP Color LaserJet Pro 200 M252n Printer</t>
  </si>
  <si>
    <t>【惠普】碳粉盒 HP 118A 青色碳粉盒W2081A 700页,适用HP Color Laser 150a Printer</t>
  </si>
  <si>
    <t>【惠普】碳粉盒 HP 118A 黄色碳粉盒W2082A 700页,适用HP Color Laser 150a Printer</t>
  </si>
  <si>
    <t>【惠普】碳粉盒 HP 118A 品红色碳粉盒W2083A 700页,适用HP Color Laser 150a Printer</t>
  </si>
  <si>
    <t>【惠普】硒鼓 HP 201X 青色大容量硒鼓CF401X 2300页,适用HP Color LaserJet Pro 200 M252n Printer</t>
  </si>
  <si>
    <t>【惠普】硒鼓 HP 201X 黄色大容量硒鼓CF402X 2300页,适用HP Color LaserJet Pro 200 M252n Printer</t>
  </si>
  <si>
    <t>【惠普】硒鼓 HP 201X 品红色大容量硒鼓CF403X 2300页,适用HP Color LaserJet Pro 200 M252n Printer</t>
  </si>
  <si>
    <t>【惠普】墨盒 HP 650A 黑色硒鼓CE270A 13500页,适用HP Color CP5525,M750系列 等</t>
  </si>
  <si>
    <t>【惠普】碳粉盒 HP 118A 黑色碳粉盒W2080A 1000页,适用HP Color Laser 150a Printer</t>
  </si>
  <si>
    <t>【惠普】硒鼓 HP 110A 黑色硒鼓W1110A 1500页,适用HP Laser 108a Printer</t>
  </si>
  <si>
    <t>【惠普】硒鼓 HP 410A 黑色硒鼓CF410A 2300页,适用HP Color LaserJet Pro M452dn Printer</t>
  </si>
  <si>
    <t>【惠普】硒鼓 HP 650A 青色硒鼓CE271A 15000页,适用HP Color CP5525,M750系列 等</t>
  </si>
  <si>
    <t>【惠普】墨盒 HP 650A 黄色硒鼓CE272A 15000页,适用HP Color CP5525,M750系列 等</t>
  </si>
  <si>
    <t>【惠普】硒鼓 HP 650A 品红色硒鼓CE273A 15000页,适用HP Color CP5525,M750系列 等</t>
  </si>
  <si>
    <t>【惠普】硒鼓 HP 201A 青色硒鼓CF401A 1330页,适用HP Color LaserJet Pro 200 M252n Printer</t>
  </si>
  <si>
    <t>【惠普】硒鼓 HP 201A 黄色硒鼓CF402A 1330页,适用HP Color LaserJet Pro 200 M252n Printer</t>
  </si>
  <si>
    <t>【惠普】硒鼓 HP 201A 品红色硒鼓CF403A 1330页,适用HP Color LaserJet Pro 200 M252n Printer</t>
  </si>
  <si>
    <t>【惠普】硒鼓 HP 201X 黑色大容量硒鼓CF400X 2800页,适用HP Color LaserJet Pro 200 M252n Printer</t>
  </si>
  <si>
    <t>【惠普】硒鼓 HP 37X 黑色大容量硒鼓CF237X 25000页,适用HP Enterprise M608/M609/M631/M632/M633系列等</t>
  </si>
  <si>
    <t>【惠普】硒鼓 HP 410X 青色大容量硒鼓CF411X 5000页,适用HP Color LaserJet Pro M452dn Printer</t>
  </si>
  <si>
    <t>【惠普】硒鼓 HP 410X 黄色大容量硒鼓CF412X 5000页,适用HP Color LaserJet Pro M452dn Printer</t>
  </si>
  <si>
    <t>【惠普】硒鼓 HP 410X 品红色大容量硒鼓CF413X 5000页,适用HP Color LaserJet Pro M452dn Printer</t>
  </si>
  <si>
    <t>【惠普】硒鼓 HP 124A 黑色硒鼓Q6000A 2500页,适用HP Color 1600/2600/2605,CM1015/CM1017 MFP 系列  等</t>
  </si>
  <si>
    <t>【惠普】硒鼓 HP 87X 黑色大容量硒鼓CF287X 18000页,适用HP LaserJet Enterprise M506dn Printer</t>
  </si>
  <si>
    <t>【惠普】硒鼓 HP 307A 青色硒鼓CE741A 7300页,适用HP Color CP5225系列 等</t>
  </si>
  <si>
    <t>【惠普】硒鼓 HP 307A 黄色硒鼓CE742A 7300页,适用HP Color CP5225系列 等</t>
  </si>
  <si>
    <t>【惠普】硒鼓 HP 307A 品红色硒鼓CE743A 7300页,适用HP Color CP5225系列 等</t>
  </si>
  <si>
    <t>【惠普】硒鼓 HP 312A 黑色硒鼓CF380A 2280页,适用HP Color  MFP M476 系列等</t>
  </si>
  <si>
    <t>【惠普】硒鼓 HP 410X 黑色大容量硒鼓CF410X 6500页,适用HP Color LaserJet Pro M452dn Printer</t>
  </si>
  <si>
    <t>【惠普】硒鼓 HP 87A 黑色硒鼓CF287A 8550页,适用HP LaserJet Enterprise M506dn Printer</t>
  </si>
  <si>
    <t>【惠普】硒鼓 HP 93A 黑色硒鼓CZ192A 12000页,适用HP Pro 400 MFP M435nwm M701/ M706系列等</t>
  </si>
  <si>
    <t>【惠普】硒鼓 HP 416X 黑色大容量硒鼓W2040X 7500页,(适用于HP Color LaserJet Pro M454nw)</t>
  </si>
  <si>
    <t>【惠普】硒鼓 HP 416X 青色大容量硒鼓W2041X 6000页,(适用于HP Color LaserJet Pro M454nw)</t>
  </si>
  <si>
    <t>【惠普】硒鼓 HP 416X 黄色大容量硒鼓W2042X 6000页,(适用于HP Color LaserJet Pro M454nw)</t>
  </si>
  <si>
    <t>【惠普】硒鼓 HP 416X 品红色大容量硒鼓W2043X 6000页,(适用于HP Color LaserJet Pro M454nw)</t>
  </si>
  <si>
    <t>【惠普】硒鼓 HP 88A 黑色硒鼓CC388A 1500页,适用HP LaserJet P1106 Printer</t>
  </si>
  <si>
    <t>【惠普】硒鼓 HP 12A 黑色硒鼓(双包装)Q2612AF 2×2000页,适用HP LaserJet 1020 Plus Printer</t>
  </si>
  <si>
    <t>【惠普】硒鼓 HP 304A 黑色硒鼓CC530A 3500页,适用HP Color CP2025,CM2320 MFP 系列等</t>
  </si>
  <si>
    <t>【惠普】粉盒 HP 204A 青色硒鼓CF511A 900页,适用HP Color LaserJet Pro M154a Prntr</t>
  </si>
  <si>
    <t>【惠普】粉盒 HP 204A 黄色硒鼓CF512A 900页,适用HP Color LaserJet Pro M154a Prntr</t>
  </si>
  <si>
    <t>【惠普】粉盒 HP 204A 品红色硒鼓CF513A 900页,适用HP Color LaserJet Pro M154a Prntr</t>
  </si>
  <si>
    <t>【惠普】硒鼓 HP 652A 黑色硒鼓CF320A 11500页,适用HP Color Enterprise M651 系列等</t>
  </si>
  <si>
    <t>【惠普】粉盒 HP 204A 黑色硒鼓CF510A 1100页,适用HP Color LaserJet Pro M154a Prntr</t>
  </si>
  <si>
    <t>【惠普】硒鼓 HP 410A 青色硒鼓CF411A 2300页,适用HP Color LaserJet Pro M452dn Printer</t>
  </si>
  <si>
    <t>【惠普】硒鼓 HP 410A 黄色硒鼓CF412A 2300页,适用HP Color LaserJet Pro M452dn Printer</t>
  </si>
  <si>
    <t>【惠普】硒鼓 HP 410A 品红色硒鼓CF413A 2300页,适用HP Color LaserJet Pro M452dn Printer</t>
  </si>
  <si>
    <t>【惠普】硒鼓 HP 89Y 黑色超大容量硒鼓CF289Y 20000页,适用惠普HP LaserJet Enterprise M507n M507x M507dn</t>
  </si>
  <si>
    <t>【惠普】硒鼓 HP 124A 青色硒鼓Q6001A 2000页,适用HP Color 1600/2600/2605,CM1015/CM1017 MFP 系列  等</t>
  </si>
  <si>
    <t>【惠普】硒鼓 HP 124A 黄色硒鼓Q6002A 2000页,适用HP Color 1600/2600/2605,CM1015/CM1017 MFP 系列  等</t>
  </si>
  <si>
    <t>【惠普】硒鼓 HP 124A 品红色硒鼓Q6003A 2000页,适用HP Color 1600/2600/2605,CM1015/CM1017 MFP 系列  等</t>
  </si>
  <si>
    <t>【惠普】硒鼓 HP 416A 青色硒鼓W2041A 2100页,(适用于HP Color LaserJet Pro M454nw)</t>
  </si>
  <si>
    <t>【惠普】硒鼓 HP 416A 黄色硒鼓W2042A 2100页,(适用于HP Color LaserJet Pro M454nw)</t>
  </si>
  <si>
    <t>【惠普】硒鼓 HP 416A 品红色硒鼓W2043A 2100页,(适用于HP Color LaserJet Pro M454nw)</t>
  </si>
  <si>
    <t>【惠普】墨粉 HP 12A 黑色硒鼓Q2612A 2000页,适用HP LaserJet 1020 Plus Printer</t>
  </si>
  <si>
    <t>【惠普】墨粉 HP 305A 黑色硒鼓CE410A 2090页,适用HP Pro M351a/M451,M375/M475系列 等</t>
  </si>
  <si>
    <t>【惠普】硒鼓 HP 648A 青色硒鼓CE261A 11000页,适用HP Color CP4525,CP4025 系列等</t>
  </si>
  <si>
    <t>【惠普】硒鼓 HP 648A 黄色硒鼓CE262A 11000页,适用HP Color CP4525,CP4025 系列等</t>
  </si>
  <si>
    <t>【惠普】硒鼓 HP 648A 品红色硒鼓CE263A 11000页,适用HP Color CP4525,CP4025 系列等</t>
  </si>
  <si>
    <t>【惠普】硒鼓 HP 55A 黑色硒鼓CE255A 6000页,适用HP P3015,M521,500 MFP M525 系列 等</t>
  </si>
  <si>
    <t>【惠普】墨盒 HP 16A 黑色硒鼓Q7516A 12000页,适用HP 5200系列等</t>
  </si>
  <si>
    <t>【惠普】硒鼓 HP 77A 黑色硒鼓CF277A 3100页,(适用于 HP LaserJet Pro M405 系列/MFP M429 系列)</t>
  </si>
  <si>
    <t>【惠普】墨粉 HP 305A 青色硒鼓CE411A 2600页,适用HP Pro M351a/M451,M375/M475系列 等</t>
  </si>
  <si>
    <t>【惠普】墨粉 HP 305A 黄色硒鼓CE412A 2600页,适用HP Pro M351a/M451,M375/M475系列 等</t>
  </si>
  <si>
    <t>【惠普】墨粉 HP 305A 品红色硒鼓CE413A 2600页,适用HP Pro M351a/M451,M375/M475系列 等</t>
  </si>
  <si>
    <t>【惠普】硒鼓 HP 125A 黑色硒鼓CB540A 2200页,适用HP Color CP1215/1515n/1518ni/ ,CM1312 MFP 系列等</t>
  </si>
  <si>
    <t>【惠普】墨盒 HP 80A 黑色硒鼓CF280A 2560页,适用HP Pro 400 M401,M425 MFP系列 等</t>
  </si>
  <si>
    <t>【惠普】硒鼓 HP 125A 青色硒鼓CB541A 1400页,适用HP Color CP1215/1515n/1518ni/ ,CM1312 MFP 系列等</t>
  </si>
  <si>
    <t>【惠普】硒鼓 HP 125A 黄色硒鼓CB542A 1400页,适用HP Color CP1215/1515n/1518ni/ ,CM1312 MFP 系列等</t>
  </si>
  <si>
    <t>【惠普】硒鼓 HP 125A 品红色硒鼓CB543A 1400页,适用HP Color CP1215/1515n/1518ni/ ,CM1312 MFP 系列等</t>
  </si>
  <si>
    <t>【惠普】墨盒 HP 05A 黑色硒鼓CE505A 2300页,适用HP P2035 , P2055系列等</t>
  </si>
  <si>
    <t>【惠普】硒鼓 HP 89X 黑色大容量硒鼓CF289X 10000页,适用惠普HP LaserJet Enterprise M507n M507x M507dn</t>
  </si>
  <si>
    <t>【惠普】墨盒 HP 15A 黑色硒鼓C7115A 2500页,适用HP 1000/1005/1200系列,3300/3330/3380MFP等</t>
  </si>
  <si>
    <t>【惠普】硒鼓 HP 647A 黑色硒鼓CE260A 8500页,适用HP Color CP4025,CP4525,CM4540 系列 等</t>
  </si>
  <si>
    <t>【惠普】硒鼓 HP 416A 黑色硒鼓W2040A 2400页,(适用于HP Color LaserJet Pro M454nw)</t>
  </si>
  <si>
    <t>【惠普】硒鼓 HP 37Y 黑色超大容量硒鼓CF237Y 41000页,适用HP Enterprise M608/M609/M631/M632/M633系列等</t>
  </si>
  <si>
    <t>【惠普】硒鼓 HP 77X 黑色大容量硒鼓CF277X 9800页,(适用于 HP LaserJet Pro M405 系列/MFP M429 系列)</t>
  </si>
  <si>
    <t>【惠普】碳粉盒 HP 659A 青色碳粉盒W2011A 13000页,适用于 HP Color LaserJet Enterprise M856dn</t>
  </si>
  <si>
    <t>【惠普】碳粉盒 HP 659A 黄色碳粉盒W2012A 13000页,适用于 HP Color LaserJet Enterprise M856dn</t>
  </si>
  <si>
    <t>【惠普】碳粉盒 HP 659A 品红色碳粉盒W2013A 13000页,适用于 HP Color LaserJet Enterprise M856dn</t>
  </si>
  <si>
    <t>【惠普】碳粉盒 HP 659A 黑色碳粉盒W2010A 16000页,适用于 HP Color LaserJet Enterprise M856dn</t>
  </si>
  <si>
    <t>【惠普】硒鼓 HP 89A 黑色硒鼓CF289A 5000页,适用M507n M507dn M528dn M528f M528c 等</t>
  </si>
  <si>
    <t>【惠普】硒鼓 HP 42X 黑色大容量硒鼓Q5942X 20000页,适用HP 4250,4350系列等</t>
  </si>
  <si>
    <t>【惠普】硒鼓 HP 826A 青色碳粉盒CF311A 31500页,适用HP Color Enterprise M855系列等</t>
  </si>
  <si>
    <t>【惠普】硒鼓 HP 826A 黄色碳粉盒CF312A 31500页,适用HP Color Enterprise M855系列等</t>
  </si>
  <si>
    <t>【惠普】硒鼓 HP 826A 品红色碳粉盒CF313A 31500页,适用HP Color Enterprise M855系列等</t>
  </si>
  <si>
    <t>【惠普】硒鼓 HP 88A 黑色硒鼓（双包装）CC388AD 2×1500页,适用HP  P1007/ P1008,P1106/ P1108,M1219nf , M1136/ M1139, M1213nf/M1216nfh, M1218nfs, M202/ M226/ M12</t>
  </si>
  <si>
    <t>【惠普】硒鼓 HP 37A 黑色硒鼓CF237A 11000页,适用HP Enterprise M607/M608/M609/M631/M632/M633 系列等</t>
  </si>
  <si>
    <t>【惠普】硒鼓 HP 826A 黑色碳粉盒CF310A 29000页,适用HP Color Enterprise M855系列等</t>
  </si>
  <si>
    <t>【惠普】成像鼓 HP 32A 成像鼓CF232A 23000页,适用HP Pro M203, M227,M230, M206系列等</t>
  </si>
  <si>
    <t>【惠普】硒鼓 HP 34A 成像鼓CF234A 9200页,适用HP Ultra M106, M134系列等</t>
  </si>
  <si>
    <t>【惠普】成像鼓 HP 132A 成像鼓W1132A 黑色16000/彩色8000页,(适用于HP Color Laser 150a)</t>
  </si>
  <si>
    <t>【惠普】硒鼓 HP 19A 成像鼓CF219A 12000页,适用HP Pro M104, M132系列等</t>
  </si>
  <si>
    <t>【惠普】硒鼓 HP 30A 黑色碳粉盒CF230A 1600页,适用HP Pro M203,M227系列等</t>
  </si>
  <si>
    <t>【惠普】硒鼓 HP 312X 黑色大容量硒鼓CF380X 4400页,适用HP Color  MFP M476 系列等</t>
  </si>
  <si>
    <t>【惠普】硒鼓 HP 126A 成像鼓CE314A 黑色14000页/彩色7000页,适用Color CP1025,100 color MFP M175,M275 MFP, M176n/M177fw等</t>
  </si>
  <si>
    <t>【惠普】成像鼓 HP 109A 黑色成像鼓W1109A 20000页,适用于 HP Laser NS MFP 1005 系列/1020 系列</t>
  </si>
  <si>
    <t>【惠普】硒鼓 HP 654A 青色硒鼓CF331A 15000页,适用HP Color Enterprise M651 系列等</t>
  </si>
  <si>
    <t>【惠普】硒鼓 HP 654A 黄色硒鼓CF332A 15000页,适用HP Color Enterprise M651 系列等</t>
  </si>
  <si>
    <t>【惠普】硒鼓 HP 654A 品红色硒鼓CF333A 15000页,适用HP Color Enterprise M651 系列等</t>
  </si>
  <si>
    <t>【惠普】硒鼓 HP 656X 青色大容量硒鼓CF461X 22000页,适用HP Color Enterprise M652/M653 系列等</t>
  </si>
  <si>
    <t>【惠普】硒鼓 HP 656X 黄色大容量硒鼓CF462X 22000页,适用HP Color Enterprise M652/M653 系列等</t>
  </si>
  <si>
    <t>【惠普】硒鼓 HP 656X 品红色大容量硒鼓CF463X 22000页,适用HP Color Enterprise M652/M653 系列等</t>
  </si>
  <si>
    <t>【惠普】碳粉盒 HP 658X 黑色大容量碳粉盒W2000X 33000页,适用M751dn/M751n等</t>
  </si>
  <si>
    <t>【惠普】成像鼓 HP 660A 成像鼓W2004A 65000页,适用于M751dn/M751n打印机</t>
  </si>
  <si>
    <t>【惠普】硒鼓 HP 654X 黑色大容量硒鼓CF330X 21000页,适用HP Color Enterprise M651 系列等</t>
  </si>
  <si>
    <t>【惠普】碳粉盒 HP 658X 青色大容量碳粉盒W2001X 28000页,适用M751dn/M751n等</t>
  </si>
  <si>
    <t>【惠普】碳粉盒 HP 658X 黄色大容量碳粉盒W2002X 28000页,适用M751dn/M751n等</t>
  </si>
  <si>
    <t>【惠普】碳粉盒 HP 658X 品红色大容量碳粉盒W2003X 28000页,适用M751dn/M751n等</t>
  </si>
  <si>
    <t>【惠普】硒鼓 HP 49X 黑色大容量硒鼓Q5949X 6000页,适用HP 1160,1320系列,3390,3392等</t>
  </si>
  <si>
    <t>【惠普】硒鼓 HP 88X 黑色大容量硒鼓CC388X 1700页,适用HP  P1007/ P1008,P1106/ P1108,M1219nf , M1136/ M1139, M1213nf/M1216nfh, M1218nfs, M202/ M226/ M126/ M128系</t>
  </si>
  <si>
    <t>【惠普】硒鼓 HP 656X 黑色大容量硒鼓CF460X 27000页,适用HP Color Enterprise M652/M653 系列等</t>
  </si>
  <si>
    <t>【惠普】硒鼓 HP 657X 青色大容量硒鼓CF471X 23000页,适用HP Color Enterprise M681/M682 系列等</t>
  </si>
  <si>
    <t>【惠普】硒鼓 HP 657X 黄色大容量硒鼓CF472X 23000页,适用HP Color Enterprise M681/M682 系列等</t>
  </si>
  <si>
    <t>【惠普】硒鼓 HP 657X 品红色大容量硒鼓CF473X 23000页,适用HP Color Enterprise M681/M682 系列等</t>
  </si>
  <si>
    <t>【惠普】硒鼓 HP 649X 黑色硒鼓CE260X 17000页,适用HP Color CP4525 系列等</t>
  </si>
  <si>
    <t>【惠普】硒鼓 HP W1003AC 黑色合约型硒鼓W1003AC 1500页,(适用于HP 103a 131a 133pn)</t>
  </si>
  <si>
    <t>【惠普】硒鼓 HP 33A 黑色碳粉盒CF233A 2300页,适用HP Ultra M106, M134系列等</t>
  </si>
  <si>
    <t>【惠普】粉盒 HP 108A 黑色智能闪充粉盒双包装W1108AD 2×2500页,适用于HP 150a 150w 179fnw 178nw</t>
  </si>
  <si>
    <t>【惠普】碳粉盒 HP 658A 青色碳粉盒W2001A 6000页,适用M751dn/M751n等</t>
  </si>
  <si>
    <t>【惠普】碳粉盒 HP 658A 黄色碳粉盒W2002A 6000页,适用M751dn/M751n等</t>
  </si>
  <si>
    <t>【惠普】碳粉盒 HP 658A 品红色碳粉盒W2003A 6000页,适用M751dn/M751n等</t>
  </si>
  <si>
    <t>【惠普】碳粉盒 HP 658A 黑色碳粉盒W2000A 7000页,适用M751dn/M751n等</t>
  </si>
  <si>
    <t>【惠普】硒鼓 HP 507A 青色硒鼓CE401A 6000页,适用HP LaserJet Pro 500 Clr MFP M570dw Prntr</t>
  </si>
  <si>
    <t>【惠普】硒鼓 HP 507A 黄色硒鼓CE402A 6000页,适用HP LaserJet Pro 500 Clr MFP M570dw Prntr</t>
  </si>
  <si>
    <t>【惠普】硒鼓 HP 507A 品红色硒鼓CE403A 6000页,适用HP LaserJet Pro 500 Clr MFP M570dw Prntr</t>
  </si>
  <si>
    <t>【惠普】硒鼓 HP 507X 黑色大容量硒鼓CE400X 11000页,适用HP LaserJet Pro 500 Clr MFP M570dw Prntr</t>
  </si>
  <si>
    <t>【惠普】硒鼓 HP 55X 黑色硒鼓CE255X 12500页,适用HP LaserJet Pro MFP M521dn Printer</t>
  </si>
  <si>
    <t>【惠普】硒鼓 HP 507A 黑色硒鼓CE400A 5500页,适用HP color M551,M575, M570dw等</t>
  </si>
  <si>
    <t>【惠普】硒鼓 HP 655A 黑色硒鼓CF450A 12500页,适用HP Color Enterprise M652/M653/M681/M682 系列等</t>
  </si>
  <si>
    <t>【惠普】硒鼓 HP 655A 青色硒鼓CF451A 10500页,适用HP Color Enterprise M652/M653/M681/M682 系列等</t>
  </si>
  <si>
    <t>【惠普】硒鼓 HP 655A 黄色硒鼓CF452A 10500页,适用HP Color Enterprise M652/M653/M681/M682 系列等</t>
  </si>
  <si>
    <t>【惠普】硒鼓 HP 655A 品红色硒鼓CF453A 10500页,适用HP Color Enterprise M652/M653/M681/M682 系列等</t>
  </si>
  <si>
    <t>【惠普】硒鼓 HP 657X 黑色大容量硒鼓CF470X 28000页,适用HP Color Enterprise M681/M682 系列等</t>
  </si>
  <si>
    <t>【惠普】墨盒 HP 704号彩色墨盒CN693AA 200页,适用20602010等</t>
  </si>
  <si>
    <t>【惠普】墨盒 HP 901号黑色墨盒CC653AA 200页,适用J4580,J4660,4500系列等</t>
  </si>
  <si>
    <t>【惠普】墨盒 HP 703号黑色墨盒CD887AA 600页,适用D730, F735, K109a,K109g, K209a, K209g,K510a等</t>
  </si>
  <si>
    <t>【惠普】墨盒 HP 933XL 青色大容量墨盒CN054AA 825页,适用HP Officejet 7110 Wide Format ePrinter</t>
  </si>
  <si>
    <t>【惠普】墨盒 HP 933XL 品红色大容量墨盒CN055AA 825页,适用HP Officejet 7110 Wide Format ePrinter</t>
  </si>
  <si>
    <t>【惠普】墨盒 HP 933XL 黄色大容量墨盒CN056AA 825页,适用HP Officejet 7110 Wide Format ePrinter</t>
  </si>
  <si>
    <t>【惠普】墨盒 HP 704号黑色墨盒CN692AA 480页,适用20602010等</t>
  </si>
  <si>
    <t>【惠普】墨盒 HP 951XL 大容量青色墨盒CN046AA 1500页,适用8100,8600系列,8610, 8620,251dw, 276dw等</t>
  </si>
  <si>
    <t>【惠普】墨盒 HP 951XL 大容量品红色墨盒CN047AA 1500页,适用8100,8600系列,8610, 8620,251dw, 276dw等</t>
  </si>
  <si>
    <t>【惠普】墨盒 HP 951XL 大容量黄色墨盒CN048AA 1500页,适用8100,8600系列,8610, 8620,251dw, 276dw等</t>
  </si>
  <si>
    <t>【惠普】墨盒 HP 22号彩色墨盒C9352AA 165页,适用4355, 5610, J3606, J3608, J5508,1402, 1410, 3902, 3940, D1360, D1460, D2460, F370, F380, F2120, F2179, F2180, F</t>
  </si>
  <si>
    <t>【惠普】墨盒 HP 975X 黑色大容量页宽打印机墨盒L0S09AA 10000页,适用Pro 577系列, 477系列,552系列, 452系列等</t>
  </si>
  <si>
    <t>【惠普】墨盒 HP 975X 青色大容量页宽打印机墨盒L0S00AA 7000页,适用Pro 577系列, 477系列,552系列, 452系列等</t>
  </si>
  <si>
    <t>【惠普】墨盒 HP 975X 品红色大容量页宽打印机墨盒L0S03AA 7000页,适用Pro 577系列, 477系列,552系列, 452系列等</t>
  </si>
  <si>
    <t>【惠普】墨盒 HP 975X 黄色大容量页宽打印机墨盒L0S06AA 7000页,适用Pro 577系列, 477系列,552系列, 452系列等</t>
  </si>
  <si>
    <t>【惠普】墨盒 HP 950XL 大容量黑色墨盒CN045AA 2300页,适用8100,8600系列,8610, 8620,251dw, 276dw等</t>
  </si>
  <si>
    <t>【惠普】墨盒 HP 862号 黑色照片墨盒CB317ZZ 130页,适用C5388, D5468, B8558, 7510,C309a,C309g,C310a,C410d等</t>
  </si>
  <si>
    <t>【惠普】墨盒 HP 862号品红青色墨盒CB318ZZ 300页,适用C5388,,C309a, C309g, C310a,C410d,B209a, B210a,B110a, D5468,B8558, 5510, 6510, 7510等</t>
  </si>
  <si>
    <t>【惠普】墨盒 HP 862号品红色墨盒CB319ZZ 300页,适用C5388,,C309a, C309g, C310a,C410d,B209a, B210a,B110a, D5468,B8558, 5510, 6510, 7510等</t>
  </si>
  <si>
    <t>【惠普】墨盒 HP 862黄色墨盒CB320ZZ 300页,适用C5388,,C309a, C309g, C310a,C410d,B209a, B210a,B110a, D5468,B8558, 5510, 6510, 7510等</t>
  </si>
  <si>
    <t>【惠普】墨盒 HP 975A 黑色页宽打印机墨盒L0R97AA 3500页,适用Pro 577系列, 477系列,552系列, 452系列等</t>
  </si>
  <si>
    <t>【惠普】墨盒 HP 11号 青色打印头C4811A 适用HP Designjet500,800系列,10ps,20ps,50ps,100,120系列,800ps,815mfp,820mfp,9110,9120,9130, 1000,1100系列,1200系列, 2230</t>
  </si>
  <si>
    <t>【惠普】墨盒 HP 11号品红色打印头C4812A 适用HP Designjet500,800系列,10ps,20ps,50ps,100,120系列,800ps,815mfp,820mfp,9110,9120,9130, 1000,1100系列,1200系列, 223</t>
  </si>
  <si>
    <t>【惠普】墨盒 HP 11号 黄色打印头C4813A 适用HP Designjet500,800系列,10ps,20ps,50ps,100,120系列,800ps,815mfp,820mfp,9110,9120,9130, 1000,1100系列,1200系列, 2230</t>
  </si>
  <si>
    <t>【惠普】墨盒 HP 851号 黑色墨盒C9364ZZ 420页,适用2578, C4188, 6318,D5168,8038,D4168,H470b，K7108,100, 150等</t>
  </si>
  <si>
    <t>【惠普】墨盒 HP 975A 青色页宽打印机墨盒L0R88AA 3000页,适用Pro 577系列, 477系列,552系列, 452系列等</t>
  </si>
  <si>
    <t>【惠普】墨盒 HP 975A 品红色页宽打印机墨盒L0R91AA 3000页,适用Pro 577系列, 477系列,552系列, 452系列等</t>
  </si>
  <si>
    <t>【惠普】墨盒 HP 975A 黄色页宽打印机墨盒L0R94AA 3000页,适用Pro 577系列, 477系列,552系列, 452系列等</t>
  </si>
  <si>
    <t>【惠普】墨盒 HP 852号 黑色墨盒C8765ZZ 480页,适用1508,1608,2358,2608, 6208,7208, K7108,7838, 8158, 8458, 8758,Pro B8338,5748, 6548, 6848, 9808, 9868,460cb,H47</t>
  </si>
  <si>
    <t>【惠普】墨盒 HP 56号黑色墨盒C6656AA 520页,适用1110, 1210, 1315, 1350, 2110, 2310, 2410, 2510,4110, 4255, 4256, 5510, 5608, 5609, 5610, 5679, 6110,7150, 7155,</t>
  </si>
  <si>
    <t>【惠普】墨盒 HP 702XL-BK黑色墨盒CC660AA 600页,适用J3508,J3608,J5508,J3606等</t>
  </si>
  <si>
    <t>【惠普】墨盒 HP 11号黑色打印头C4810A 适用HP Designjet500,800系列,10ps,20ps,50ps,100,120系列,800ps,815mfp,820mfp,9110,9120,9130, 1000,1100系列,1200系列, 2230,</t>
  </si>
  <si>
    <t>【惠普】墨盒 HP 970 Officejet 黑色墨盒CN621AA 3000页,适用HP Officejet Pro X451dw, X551dw, X476dw MFP, X576dw MFP等</t>
  </si>
  <si>
    <t>【惠普】墨盒 HP 971 Officejet 青色墨盒CN622AA 2500页,适用HP Officejet Pro X451dw, X551dw, X476dw MFP, X576dw MFP等</t>
  </si>
  <si>
    <t>【惠普】墨盒 HP 971 Officejet 品红色墨盒CN623AA 2500页,适用HP Officejet Pro X451dw, X551dw, X476dw MFP, X576dw MFP等</t>
  </si>
  <si>
    <t>【惠普】墨盒 HP 971 Officejet 黄色墨盒CN624AA 2500页,适用HP Officejet Pro X451dw, X551dw, X476dw MFP, X576dw MFP等</t>
  </si>
  <si>
    <t>【惠普】墨水瓶 HP GT53XL 黑色墨水瓶1VV21AA 6000页,(适用于HP INK Tank 310 410 319 419 318 418)</t>
  </si>
  <si>
    <t>【惠普】墨盒 HP 27墨盒 C8727AA 280页,适用5510, 6150,450CBI, 3420, 5160, 5550, 5551, 5650, 5850,1210, 1315, 1350, 2110, 2150, 2310, 2450, 2550,7350, 7550等</t>
  </si>
  <si>
    <t>【惠普】墨盒 HP 45号黑色墨盒51645AA 930页,适用710c, 720c, 815c, 820cxi, 830c, 850c, 870cxi, 880c, 890c, 895cxi, 930c, 950c, 955c, 970cxi, 990cxi, 1000cxi, 11</t>
  </si>
  <si>
    <t>【惠普】墨盒 HP 855号彩色墨盒C8766ZZ 330页,适用1508, 1608, 2358, C3188, C4188,6208,6318,7208,325, 335, 375, 385, 425, 475, 7838, 8038, 8158, 8458, 8758, D5168</t>
  </si>
  <si>
    <t>【惠普】墨盒 HP 976Y 黑色超大容量页宽打印机墨盒L0R08A 17000页,适用Pro 552系列,577系列等</t>
  </si>
  <si>
    <t>【惠普】墨盒 HP 976Y 青色超大容量页宽打印机墨盒L0R05A 13000页,适用Pro 552系列,577系列等</t>
  </si>
  <si>
    <t>【惠普】墨盒 HP 976Y 品红色超大容量页宽打印机墨盒L0R06A 13000页,适用Pro 552系列,577系列等</t>
  </si>
  <si>
    <t>【惠普】墨盒 HP 976Y 黄色超大容量页宽打印机墨盒L0R07A 13000页,适用Pro 552系列,577系列等</t>
  </si>
  <si>
    <t>【惠普】墨盒 HP 78彩色彩色墨盒C6578DA 560页,适用750,5110,v40,920c, 930c, 948c, 950c, 970cxi, 990cxi, 1180c, 1220c, 1280, 3820, 6122, 9300等</t>
  </si>
  <si>
    <t>【惠普】墨盒 HP 970XL高容 原装墨盒（黑）CN625AA 9200页,适用HP Officejet Pro X451dw, X551dw, X476dw MFP, X576dw MFP等</t>
  </si>
  <si>
    <t>【惠普】墨盒 HP 971XL高容 原装墨盒（青）CN626AA 6600页,适用HP Officejet Pro X451dw, X551dw, X476dw MFP, X576dw MFP等</t>
  </si>
  <si>
    <t>【惠普】墨盒 HP 971XL高容 原装墨盒（品红）CN627AA 6600页,适用HP Officejet Pro X451dw, X551dw, X476dw MFP, X576dw MFP等</t>
  </si>
  <si>
    <t>【惠普】墨盒 HP 971XL高容 原装墨盒（黄）CN628AA 6600页,适用HP Officejet Pro X451dw, X551dw, X476dw MFP, X576dw MFP等</t>
  </si>
  <si>
    <t>【惠普】墨盒 HP 940XL号 超高容青色墨盒C4907AA 1400页,适用8500,8500A,8000等</t>
  </si>
  <si>
    <t>【惠普】墨盒 HP 940XL号 超高容品红色墨盒C4908AA 1400页,适用8500,8500A,8000等</t>
  </si>
  <si>
    <t>【惠普】墨盒 HP 940XL号 超高容黄色墨盒C4909AA 1400页,适用8500,8500A,8000等</t>
  </si>
  <si>
    <t>【惠普】墨盒 HP 932XL 黑色大容量墨盒CN053AA 1000页,适用7610,7612, 7110, 7510等</t>
  </si>
  <si>
    <t>【惠普】墨盒 HP 62 黑色墨盒C2P04AA 200页,适用HP200 移动打印机,258 Mobile All-in-One等</t>
  </si>
  <si>
    <t>【惠普】墨盒 HP 959XL 黑色超大容量墨盒L0R42AA 3000页,适用8210,8216,8710,8720, 8730,7720/7730/7740等</t>
  </si>
  <si>
    <t>【惠普】墨盒 HP 62XL 黑色大容量墨盒C2P05AA 600页,适用HP200 移动打印机,258 Mobile All-in-One等</t>
  </si>
  <si>
    <t>【惠普】墨盒 HP 915 青色墨盒3YM15AA 315页,(适用于HP OfficeJet Pro 8020)</t>
  </si>
  <si>
    <t>【惠普】墨盒 HP 915 品红色墨盒3YM16AA 315页,(适用于HP OfficeJet Pro 8020)</t>
  </si>
  <si>
    <t>【惠普】墨盒 HP 915 黄色墨盒3YM17AA 315页,(适用于HP OfficeJet Pro 8020)</t>
  </si>
  <si>
    <t>【惠普】墨盒 HP 804 彩色墨盒T6N09AA 165页,适用HP ENVY Photo 6220,6222等</t>
  </si>
  <si>
    <t>【惠普】墨盒 HP 915 黑色墨盒3YM18AA 300页,(适用于HP OfficeJet Pro 8020)</t>
  </si>
  <si>
    <t>【惠普】墨盒 HP 981X 青色大容量页宽打印机墨盒L0R09A 10000页,适用HP Enterprise Color 586 系列; 556 系列等</t>
  </si>
  <si>
    <t>【惠普】墨盒 HP 981X 品红色大容量页宽打印机墨盒L0R10A 10000页,适用HP Enterprise Color 586 系列; 556 系列等</t>
  </si>
  <si>
    <t>【惠普】墨盒 HP 981X 黄色大容量页宽打印机墨盒L0R11A 10000页,适用HP Enterprise Color 586 系列; 556 系列等</t>
  </si>
  <si>
    <t>【惠普】墨盒 HP 980青色墨盒D8J07A 6600页,适用HP Officejet Ent X585, X555等</t>
  </si>
  <si>
    <t>【惠普】墨盒 HP 980品红色墨盒D8J08A 6600页,适用HP Officejet Ent X585, X555等</t>
  </si>
  <si>
    <t>【惠普】墨盒 HP 980黄色墨盒D8J09A 6600页,适用HP Officejet Ent X585, X555等</t>
  </si>
  <si>
    <t>【惠普】墨盒 HP 981Y 黑色超大容量页宽打印机墨盒L0R16A 20000页,适用HP Enterprise Color 586 系列; 556 系列等</t>
  </si>
  <si>
    <t>【惠普】墨盒 HP 18号 黑色墨盒C4936A 850页,适用 K5300, K5400, K8600, L7380, L7580, L7590等</t>
  </si>
  <si>
    <t>【惠普】墨盒 HP 965XL 青色墨盒3JA81AA 1600页,(适用于HP OfficeJet Pro 9010/9019/9020)</t>
  </si>
  <si>
    <t>【惠普】墨盒 HP 965XL 品红色墨盒3JA82AA 1600页,(适用于HP OfficeJet Pro 9010/9019/9020)</t>
  </si>
  <si>
    <t>【惠普】墨盒 HP 965XL 黄色大容量墨盒3JA83AA 1600页,(适用于HP OfficeJet Pro 9010/9019/9020)</t>
  </si>
  <si>
    <t>【惠普】墨盒 HP 88XL青色墨盒C9391A 1700页,适用L7580,L7590, K550系列,K5400dn,K8600等</t>
  </si>
  <si>
    <t>【惠普】墨盒 HP 88XL 品红色墨盒C9392A 1980页,适用L7580,L7590, K550系列,K5400dn,K8600等</t>
  </si>
  <si>
    <t>【惠普】墨盒 HP 88XL 黄色墨盒C9393A 1540页,适用L7580,L7590, K550系列,K5400dn,K8600等</t>
  </si>
  <si>
    <t>【惠普】墨盒 HP  62 彩色墨盒C2P06AA 165页,适用HP200 移动打印机,258 Mobile All-in-One等</t>
  </si>
  <si>
    <t>【惠普】墨盒 HP 18号 青色墨盒C4937A 860页,适用 K5300, K5400, K8600, L7380, L7580, L7590等</t>
  </si>
  <si>
    <t>【惠普】墨盒 HP 18号品红色墨盒C4938A 1000页,适用 K5300, K5400, K8600, L7380, L7580, L7590等</t>
  </si>
  <si>
    <t>【惠普】墨盒 HP 18号 黄色墨盒C4939A 860页,适用 K5300, K5400, K8600, L7380, L7580, L7590等</t>
  </si>
  <si>
    <t>【惠普】墨盒 HP 965 黑色墨盒3JA80AA 1000页,(适用于HP OfficeJet Pro 9010/9019/9020)</t>
  </si>
  <si>
    <t>【惠普】墨盒 HP 965 青色墨盒3JA77AA 700页,(适用于HP OfficeJet Pro 9010/9019/9020)</t>
  </si>
  <si>
    <t>【惠普】墨盒 HP 965 品红色墨盒3JA78AA 700页,(适用于HP OfficeJet Pro 9010/9019/9020)</t>
  </si>
  <si>
    <t>【惠普】墨盒 HP 965 黄色墨盒3JA79AA 700页,(适用于HP OfficeJet Pro 9010/9019/9020)</t>
  </si>
  <si>
    <t>【惠普】墨盒 HP 981A 黑色页宽打印机墨盒J3M71A 6000页,适用HP Enterprise Color 586 系列; 556 系列等</t>
  </si>
  <si>
    <t>【惠普】墨盒 HP 981X 黑色大容量页宽打印机墨盒L0R12A 11000页,适用HP Enterprise Color 586 系列; 556 系列等</t>
  </si>
  <si>
    <t>【惠普】墨盒 HP 932  黑色墨盒CN057AA 400页,适用7610,7612, 7110, 7510等</t>
  </si>
  <si>
    <t>【惠普】墨盒 HP 981Y 青色超大容量页宽打印机墨盒L0R13A 16000页,适用HP Enterprise Color 586 系列; 556 系列等</t>
  </si>
  <si>
    <t>【惠普】墨盒 HP 981Y 品红色超大容量页宽打印机墨盒L0R14A 16000页,适用HP Enterprise Color 586 系列; 556 系列等</t>
  </si>
  <si>
    <t>【惠普】墨盒 HP 981Y 黄色超大容量页宽打印机墨盒L0R15A 16000页,适用HP Enterprise Color 586 系列; 556 系列等</t>
  </si>
  <si>
    <t>【惠普】墨盒 HP 981A 青色页宽打印机墨盒J3M68A 6000页,适用HP Enterprise Color 586 系列; 556 系列等</t>
  </si>
  <si>
    <t>【惠普】墨盒 HP 981A 品红色页宽打印机墨盒J3M69A 6000页,适用HP Enterprise Color 586 系列; 556 系列等</t>
  </si>
  <si>
    <t>【惠普】墨盒 HP 981A 黄色页宽打印机墨盒J3M70A 6000页,适用HP Enterprise Color 586 系列; 556 系列等</t>
  </si>
  <si>
    <t>【惠普】墨盒 HP 980黑色墨盒D8J10A 10000页,适用HP Officejet Ent X585, X555等</t>
  </si>
  <si>
    <t>【惠普】墨盒 HP 88XL 黑色墨盒C9396A 2450页,适用L7580,L7590, K550系列,K5400dn,K8600等</t>
  </si>
  <si>
    <t>【惠普】墨盒 HP 969XL 黑色大容量墨盒3JA85AA 3000页,(适用于HP OfficeJet Pro 9010/9019/9020)</t>
  </si>
  <si>
    <t>【惠普】打印头 HP 连供打印头3JB06AA 适用GT 5810,5820 All-in-One,HP Ink Tank 310/318/319,410/418/419等</t>
  </si>
  <si>
    <t>【惠普】硒鼓 HP 70A 黑色硒鼓Q7570A 15000页,适用HP M5025/M5035 MFP系列等</t>
  </si>
  <si>
    <t>【惠普】墨盒 HP 993X 青色大容量页宽打印机墨盒M0J92AA 16000页,适用750系列,772系列,MFP 777系列等</t>
  </si>
  <si>
    <t>【惠普】墨盒 HP 993X 品红色大容量页宽打印机墨盒M0J96AA 16000页,适用750系列,772系列,MFP 777系列等</t>
  </si>
  <si>
    <t>【惠普】墨盒 HP 993X 黄色大容量页宽打印机墨盒M0K00AA 16000页,适用750系列,772系列,MFP 777系列等</t>
  </si>
  <si>
    <t>【惠普】硒鼓 HP 14X 黑色大容量硒鼓CF214X 17500页,适用HP Enterprise 700 M712 系列, M725 系列等</t>
  </si>
  <si>
    <t>【惠普】硒鼓 HP 504A 青色硒鼓CE251A 7000页,适用HP Color CP3525,CM3530 MFP 系列等</t>
  </si>
  <si>
    <t>【惠普】硒鼓 HP 504A 黄色硒鼓CE252A 7000页,适用HP Color CP3525,CM3530 MFP 系列等</t>
  </si>
  <si>
    <t>【惠普】硒鼓 HP 504A 品红色硒鼓CE253A 7000页,适用HP Color CP3525,CM3530 MFP 系列等</t>
  </si>
  <si>
    <t>【惠普】硒鼓 HP 827A 青色碳粉盒CF301A 32000页,适用HP Color Enterprise flow MFP M880系列等</t>
  </si>
  <si>
    <t>【惠普】硒鼓 HP 827A 黄色碳粉盒CF302A 32000页,适用HP Color Enterprise flow MFP M880系列等</t>
  </si>
  <si>
    <t>【惠普】硒鼓 HP 827A 品红色碳粉盒CF303A 32000页,适用HP Color Enterprise flow MFP M880系列等</t>
  </si>
  <si>
    <t>【惠普】墨盒 HP 982X 青色大容量页宽打印墨盒T0B27A 16000页,适用Enterprise 765系列,780系列, 785系列等</t>
  </si>
  <si>
    <t>【惠普】墨盒 HP 982X 品红色大容量页宽打印墨盒T0B28A 16000页,适用Enterprise 765系列,780系列, 785系列等</t>
  </si>
  <si>
    <t>【惠普】墨盒 HP 982X 黄色大容量页宽打印墨盒T0B29A 16000页,适用Enterprise 765系列,780系列, 785系列等</t>
  </si>
  <si>
    <t>【惠普】硒鼓 HP 653A 青色硒鼓CF321A 16500页,适用HP Color Enterprise M680 系列等</t>
  </si>
  <si>
    <t>【惠普】硒鼓 HP 653A 黄色硒鼓CF322A 16500页,适用HP Color Enterprise M680 系列等</t>
  </si>
  <si>
    <t>【惠普】硒鼓 HP 653A 品红色硒鼓CF323A 16500页,适用HP Color Enterprise M680 系列等</t>
  </si>
  <si>
    <t>【惠普】硒鼓 HP 57A 成像鼓CF257A 80000页,适用HP MFP M436,系列 M433a等</t>
  </si>
  <si>
    <t>【惠普】墨盒 HP 982A 黑色页宽打印墨盒T0B26A 10000页,适用Enterprise 765系列,780系列, 785系列等</t>
  </si>
  <si>
    <t>【惠普】硒鼓 HP 827A 黑色碳粉盒CF300A 29500页,适用HP Color Enterprise flow MFP M880系列等</t>
  </si>
  <si>
    <t>【惠普】墨盒 HP 982A 青色页宽打印墨盒T0B23A 8000页,适用Enterprise 765系列,780系列, 785系列等</t>
  </si>
  <si>
    <t>【惠普】墨盒 HP 982A 品红色页宽打印墨盒T0B24A 8000页,适用Enterprise 765系列,780系列, 785系列等</t>
  </si>
  <si>
    <t>【惠普】墨盒 HP 982A 黄色页宽打印墨盒T0B25A 8000页,适用Enterprise 765系列,780系列, 785系列等</t>
  </si>
  <si>
    <t>【惠普】碳粉盒 HP 333A 黑色碳粉盒W1333A 7400页,适用m437n 439n 437nda 439nda</t>
  </si>
  <si>
    <t>【惠普】硒鼓 HP 651A 青色硒鼓CE341A 16000页,适用HP Enterprise 700 color MFP M775 系列 等</t>
  </si>
  <si>
    <t>【惠普】硒鼓 HP 651A 黄色硒鼓CE342A 16000页,适用HP Enterprise 700 color MFP M775 系列 等</t>
  </si>
  <si>
    <t>【惠普】硒鼓 HP 651A 品红色硒鼓CE343A 16000页,适用HP Enterprise 700 color MFP M775 系列 等</t>
  </si>
  <si>
    <t>【惠普】粉盒 HP 56A 黑色碳粉盒CF256A 7400页,适用HP MFP M436,系列 M433a等</t>
  </si>
  <si>
    <t>【惠普】硒鼓 HP 43X 黑色大容量硒鼓C8543X 30000页,适用HP 9000/9040/9050,M9000/M9040/M9050 MFP 系列等</t>
  </si>
  <si>
    <t>【惠普】硒鼓 HP 56X 黑色大容量碳粉盒CF256X 13700页,适用HP MFP M436系列等</t>
  </si>
  <si>
    <t>【惠普】硒鼓 HP 504X 黑色大容量硒鼓CE250X 10500页,适用HP Color CP3525,CM3530 MFP 系列等</t>
  </si>
  <si>
    <t>【惠普】硒鼓 HP 25X 黑色大容量硒鼓CF325X 40000页,适用HP Enterprise M806,M830系列等</t>
  </si>
  <si>
    <t>【惠普】硒鼓 HP 646A 青色硒鼓CF031A 12500页,适用HP Color CM4540 系列 等</t>
  </si>
  <si>
    <t>【惠普】硒鼓 HP 646A 黄色硒鼓CF032A 12500页,适用HP Color CM4540 系列 等</t>
  </si>
  <si>
    <t>【惠普】硒鼓 HP 646A 品红色硒鼓CF033A 12500页,适用HP Color CM4540 系列 等</t>
  </si>
  <si>
    <t>【惠普】硒鼓 HP 824A 青色碳粉盒CB381A 21000页,适用HP Color CP6015,CM6040 MFP 系列等</t>
  </si>
  <si>
    <t>【惠普】硒鼓 HP 824A 黄色碳粉盒CB382A 21000页,适用HP Color CP6015,CM6040 MFP 系列等</t>
  </si>
  <si>
    <t>【惠普】硒鼓 HP 824A 品红色碳粉盒CB383A 21000页,适用HP Color CP6015,CM6040 MFP 系列等</t>
  </si>
  <si>
    <t>【惠普】硒鼓 HP 651A 黑色硒鼓CE340A 13500页,适用HP Enterprise 700 color MFP M775 系列 等</t>
  </si>
  <si>
    <t>【惠普】成像鼓 HP 828A 青色成像鼓CF359A 35000页,适用Color MFP M880, M855系列等</t>
  </si>
  <si>
    <t>【惠普】成像鼓 HP 828A 黄色成像鼓CF364A 35000页,适用Color MFP M880, M855系列等</t>
  </si>
  <si>
    <t>【惠普】成像鼓 HP 828A 品红色成像鼓CF365A 35000页,适用Color MFP M880, M855系列等</t>
  </si>
  <si>
    <t>【惠普】硒鼓 HP 823A黑色碳粉盒CB380A 16500页,适用HP Color CP6015 系列等</t>
  </si>
  <si>
    <t>【惠普】硒鼓 HP 45A 黑色硒鼓Q5945A 18000页,适用HP M4345 MFP系列等</t>
  </si>
  <si>
    <t>【惠普】硒鼓 HP 825A 黑色碳粉盒CB390A 19500页,适用HP Color CM6040 MFP 系列等</t>
  </si>
  <si>
    <t>【惠普】硒鼓 HP 653X 黑色大容量硒鼓CF320X 21000页,适用HP Color Enterprise M680 系列等</t>
  </si>
  <si>
    <t>【惠普】硒鼓 HP 646X 黑色大容量硒鼓CE264X 17000页,适用HP Color CM4540 系列 等</t>
  </si>
  <si>
    <t>【惠普】成像鼓 HP 黑色管理型成像鼓W9015MC 396000页,适用MFP/Flow MFP E82540/82550/82560机型</t>
  </si>
  <si>
    <t>【惠普】碳粉盒 HP 青色管理型碳粉盒W9191MC 28000页,适用 E77822/E77825/W77830系列机型</t>
  </si>
  <si>
    <t>【惠普】碳粉盒 HP 黄色管理型碳粉盒W9192MC 28000页,适用 E77822/E77825/W77830系列机型</t>
  </si>
  <si>
    <t>【惠普】碳粉盒 HP 品红色管理型碳粉盒W9193MC 28000页,适用 E77822/E77825/W77830系列机型</t>
  </si>
  <si>
    <t>【惠普】碳粉盒 HP 黑色管理型碳粉盒W9037MC 58000页,适用于HP E82540z/50z/60z</t>
  </si>
  <si>
    <t>【惠普】碳粉盒 HP 黑色管理型碳粉盒W9190MC 29000页,适用 E77822/E77825/W77830系列机型</t>
  </si>
  <si>
    <t>【惠普】硒鼓 HP 824A 青色成像鼓CB385A 23000页,适用HP Color CP6015, CM6030/6040 MFP 系列等</t>
  </si>
  <si>
    <t>【惠普】硒鼓 HP 824A 黄色成像鼓CB386A 23000页,适用HP Color CP6015, CM6030/6040 MFP 系列等</t>
  </si>
  <si>
    <t>【惠普】硒鼓 HP 824A 品红色成像鼓CB387A 23000页,适用HP Color CP6015, CM6030/6040 MFP 系列等</t>
  </si>
  <si>
    <t>【惠普】硒鼓 HP 青色管理型碳粉盒W9051MC 52000页,适用E87640 E87650 E87660 系列</t>
  </si>
  <si>
    <t>【惠普】硒鼓 HP 黄色管理型碳粉盒W9052MC 52000页,适用E87640 E87650 E87660 系列</t>
  </si>
  <si>
    <t>【惠普】硒鼓 HP 品红色管理型碳粉盒W9053MC 52000页,适用E87640 E87650 E87660 系列</t>
  </si>
  <si>
    <t>【惠普】碳粉盒 HP 青色管理型碳粉盒W9101MC 20000页,适用于E77422、E77428 系列</t>
  </si>
  <si>
    <t>【惠普】碳粉盒 HP 黄色管理型碳粉盒W9102MC 20000页,适用于E77422、E77428 系列</t>
  </si>
  <si>
    <t>【惠普】碳粉盒 HP 品红色管理型碳粉盒W9103MC 20000页,适用于E77422、E77428 系列</t>
  </si>
  <si>
    <t>【惠普】墨盒 HP 993X 黑色大容量页宽打印机墨盒M0K04AA 20000页,适用750系列,772系列,MFP 777系列等</t>
  </si>
  <si>
    <t>【惠普】硒鼓 HP 黑色管理型碳粉盒W9005MC 48000页,(适用于HP E72525/E72530/E72535系列)</t>
  </si>
  <si>
    <t>【惠普】碳粉盒 HP 黑色管理型碳粉盒W9100MC 25000页,适用于E77422、E77428 系列</t>
  </si>
  <si>
    <t>【惠普】粉盒 HP  黑色合约型碳粉盒W1002YC 33000页,适用72630/72625系列复合机</t>
  </si>
  <si>
    <t>【惠普】碳粉盒 HP 黑色管理型碳粉盒W9025MC 33000页,适用于E72425/E72430</t>
  </si>
  <si>
    <t>【惠普】硒鼓 HP 828A 黑色成像鼓CF358A 35000页,适用Color MFP M880, M855系列等</t>
  </si>
  <si>
    <t>【惠普】墨盒 HP 982X 黑色大容量页宽打印墨盒T0B30A 20000页,适用Enterprise 765系列,780系列, 785系列等</t>
  </si>
  <si>
    <t>【惠普】硒鼓 HP 824A 黑色成像鼓CB384A 23000页,适用HP Color CP6015, CM6030/6040 MFP 系列等</t>
  </si>
  <si>
    <t>【惠普】成像鼓 HP 黑色管理型成像鼓W9054MC 160000页,适用E87640z/E87650z/E87660z机型</t>
  </si>
  <si>
    <t>【惠普】成像鼓 HP 黑色管理型成像鼓W9006MC 200000页,适用于HP E72525/E72530/E72535/E72625/72630系列</t>
  </si>
  <si>
    <t>【惠普】成像鼓 HP 彩色管理型成像鼓W9055MC 145000页,适用E87640z/E87650z/E87660z机型</t>
  </si>
  <si>
    <t>【惠普】硒鼓 HP 黑色管理型碳粉盒W9050MC 54500页,适用E87640 E87650 E87660 系列</t>
  </si>
  <si>
    <t>【惠普】成像鼓 HP 管理型成像鼓W9044MC 100000页,适用MFP/Flow MFP E77822/77825/77830机</t>
  </si>
  <si>
    <t>【惠普】复合机 HP LaserJet Ent Flow MFP M830 A3幅面，打印颜色：黑白，打印速度：56ppm，自动双面，有线网口，ADF，落地4纸盒，3年上门保修</t>
  </si>
  <si>
    <t>【惠普】多功能一体机 HP Color LaserJet Enterprise flow MFP M880z A3幅面，打印颜色：彩色，打印速度：45ppm，自动双面，有线网口，ADF，落地4纸盒，3年上门保修</t>
  </si>
  <si>
    <t>【惠普】复合机 HP Color LaserJet Ent MFP M776dn A3幅面，打印颜色：彩色，打印速度：45ppm，自动双面，有线网口，ADF，3年上门保修</t>
  </si>
  <si>
    <t>【惠普】复合机 HP LaserJet M437dn MFP A3幅面，打印颜色：黑白，打印速度：22ppm，自动双面，有线网口，3年上门保修</t>
  </si>
  <si>
    <t>【惠普】复合机 HP LaserJet M439dn MFP A3幅面，打印颜色：黑白，打印速度：24ppm，自动双面，有线网口，3年上门保修</t>
  </si>
  <si>
    <t>【惠普】复合机 HP LaserJet Managed MFP E72525dn A3幅面，打印颜色：黑白，打印速度：25ppm，自动双面，有线网口，ADF，3年上门保修</t>
  </si>
  <si>
    <t>【惠普】复合机 HP LaserJet Managed MFP E72535dn A3幅面，打印颜色：黑白，打印速度：35ppm，自动双面，有线网口，ADF，3年上门保修</t>
  </si>
  <si>
    <t>【惠普】复合机 HP LaserJet Managed Flow MFP E82540z A3幅面，打印颜色：黑白，打印速度：40ppm，自动双面，有线网口，ADF，3年上门保修</t>
  </si>
  <si>
    <t>【惠普】复合机 HP LaserJet Managed Flow MFP E82550z A3幅面，打印颜色：黑白，打印速度：50ppm，自动双面，有线网口，ADF，3年上门保修</t>
  </si>
  <si>
    <t>【惠普】复合机 HP LaserJet Managed Flow MFP E82560z A3幅面，打印颜色：黑白，打印速度：60ppm，自动双面，有线网口，ADF，3年上门保修</t>
  </si>
  <si>
    <t>【惠普】复合机 HP Color LaserJet Managed MFP E77825dn A3幅面，打印颜色：彩色，打印速度：25ppm，自动双面，有线网口，ADF，3年上门保修</t>
  </si>
  <si>
    <t>【惠普】复合机 HP Color LaserJet Managed MFP E77830dn A3幅面，打印颜色：彩色，打印速度：30ppm，自动双面，有线网口，ADF，3年上门保修</t>
  </si>
  <si>
    <t>【惠普】复合机 HP Color LaserJet Managed Flow MFP E87640z A3幅面，打印颜色：彩色，打印速度：40ppm，自动双面，有线网口，ADF，3年上门保修</t>
  </si>
  <si>
    <t>【惠普】复合机 HP Color LaserJet Managed Flow MFP E87650z A3幅面，打印颜色：彩色，打印速度：50ppm，自动双面，有线网口，ADF，3年上门保修</t>
  </si>
  <si>
    <t>【惠普】复合机 HP Color LaserJet Managed Flow MFP E87660z A3幅面，打印颜色：彩色，打印速度：60ppm，自动双面，有线网口，ADF，3年上门保修</t>
  </si>
  <si>
    <t>【惠普】复印机 HP LaserJet MFP M72630dn A3幅面，打印颜色：黑白，打印速度：30ppm，自动双面，有线网口，ADF，3年上门保修</t>
  </si>
  <si>
    <t>【惠普】复合机 HP LaserJet Clr Mgd MFP E77428dn A3幅面，打印颜色：彩色，打印速度：28ppm，自动双面，有线网口，ADF，3年上门保修</t>
  </si>
  <si>
    <t>【惠普】复合机 HP LaserJet M437dn MFP （增加自动进稿器） A3幅面，打印颜色：黑白，打印速度：22ppm，自动双面，有线网口，ADF，3年上门保修</t>
  </si>
  <si>
    <t>【惠普】复合机 HP LaserJet M439dn MFP （增加自动进稿器） A3幅面，打印颜色：黑白，打印速度：24ppm，自动双面，有线网口，ADF，3年上门保修</t>
  </si>
  <si>
    <t>【惠普】复合机 HP PageWide 774dn A3幅面，打印颜色：彩色，打印速度：35ppm，自动双面，有线网口，ADF，3年上门保修</t>
  </si>
  <si>
    <t>【惠普】复合机 HP PageWide 779dn A3幅面，打印颜色：彩色，打印速度：45ppm，自动双面，有线网口，ADF，3年上门保修</t>
  </si>
  <si>
    <t>【惠普】复合机 HP LaserJet Managed MFP E72425dn A3幅面，打印颜色：黑白，打印速度：25ppm，自动双面，有线网口，ADF，3年上门保修</t>
  </si>
  <si>
    <t>【惠普】复合机 HP LaserJet Managed MFP E72430dn A3幅面，打印颜色：黑白，打印速度：30ppm，自动双面，有线网口，ADF，3年上门保修</t>
  </si>
  <si>
    <t>【惠普】复合机 HP LaserJet Managed Flow MFP E72525z A3幅面，打印颜色：黑白，打印速度：25ppm，自动双面，有线网口，ADF，3年上门保修</t>
  </si>
  <si>
    <t>【惠普】复合机 HP LaserJet MFP E72530dn A3幅面，打印颜色：黑白，打印速度：30ppm，自动双面，有线网口，ADF，3年上门保修</t>
  </si>
  <si>
    <t>【惠普】复合机 HP LaserJet Managed Flow MFP E72530z A3幅面，打印颜色：黑白，打印速度：30ppm，自动双面，有线网口，ADF，3年上门保修</t>
  </si>
  <si>
    <t>【惠普】复合机 HP LaserJet Managed Flow MFP E72535z A3幅面，打印颜色：黑白，打印速度：35ppm，自动双面，有线网口，ADF，3年上门保修</t>
  </si>
  <si>
    <t>【惠普】复合机 HP Color LaserJet Managed MFP E77822dn A3幅面，打印颜色：彩色，打印速度：22ppm，自动双面，有线网口，ADF，3年上门保修</t>
  </si>
  <si>
    <t>【惠普】复合机 HP Color LaserJet Managed Flow MFP E77822z A3幅面，打印颜色：彩色，打印速度：22ppm，自动双面，有线网口，ADF，3年上门保修</t>
  </si>
  <si>
    <t>【惠普】复合机 HP Color LaserJet Managed Flow MFP E77825z A3幅面，打印颜色：彩色，打印速度：25ppm，自动双面，有线网口，ADF，3年上门保修</t>
  </si>
  <si>
    <t>【惠普】复合机 HP Color LaserJet Managed Flow MFP E77830z A3幅面，打印颜色：彩色，打印速度：30ppm，自动双面，有线网口，ADF，3年上门保修</t>
  </si>
  <si>
    <t>【惠普】打印一体机 HP LaserJet Enterprise MFP M725dn 三合一，A3幅面，打印颜色：黑白，打印速度：41PPM，自动双面，有线网口，ADF，3年上门保修</t>
  </si>
  <si>
    <t>【惠普】多功能一体机 HP LaserJet Pro MFP M435nw 三合一，A3幅面，打印颜色：黑白，打印速度：31PPM，手动双面，无线网络，3年上门保修</t>
  </si>
  <si>
    <t>【惠普】打印机 HP LaserJet M439nda MFP 三合一，A3幅面，打印颜色：黑白，打印速度：24PPM，自动双面，有线网口，ADF，3年上门保修</t>
  </si>
  <si>
    <t>【惠普】复合机 HP PageWide Enterprise Color Flow MFP 785zs 四合一，A3幅面，打印颜色：彩色，打印速度：55ppm，自动双面，无线网络，ADF，3年上门保修</t>
  </si>
  <si>
    <t>【惠普】无线打印机 HP OfficeJet 200 蓝牙移动喷墨打印机 A4幅面，打印颜色：彩色，打印速度：19ppm黑白，9ppm彩色，手动双面，蓝牙打印，标配电池，一年保修</t>
  </si>
  <si>
    <t>【惠普】内置装订器 E8系列内置装订器Y1G00A 内置装订器:堆叠量550张,装订厚度50张，适用于复印机E876XX系列、E825XX系列、E778XX系列、E725XX系列、E726XX系列</t>
  </si>
  <si>
    <t>【惠普】平钉装订器 E8系列平钉装订器Y1G18A 平钉装订器:堆叠量3250张,装订厚度65张，适用于复印机E876XX系列、E825XX系列、E778XX系列、E725XX系列</t>
  </si>
  <si>
    <t>【惠普】小册子装订器 E8系列小册子装订器Y1G07A 小册子装订器:堆叠量2250张，平订装订厚度65张,鞍式装订厚度25张，适用于复印机E876XX系列、E825XX系列、E778XX系列、E</t>
  </si>
  <si>
    <t>【惠普】搓纸轮 E7系列工作台Y1G17A E7系列工作台，适用于复印机E778XX系列、E725XX系列、E724XX系列、E774XX系列、E726XX系列</t>
  </si>
  <si>
    <t>【惠普】进纸盒 E7系列底座双纸盒Y1F97A 底座双纸盒:2*520张,A5-A3，适用于复印机E778XX系列、E725XX系列、E724XX系列、E774XX系列、E726XX系列</t>
  </si>
  <si>
    <t>【惠普】进纸盒 E7系列底座大容量纸盒Y1F99A 底座大容量纸盒:2000张A4,复式纸盒，适用于复印机E778XX系列、E725XX系列</t>
  </si>
  <si>
    <t>【惠普】工作底台 E8系列工作台Y1G16A E8系列工作台，适用于复印机E876XX系列、E825XX系列</t>
  </si>
  <si>
    <t>【惠普】进纸盒 E8系列底座双纸盒Y1F98A 底座双纸盒:2*520张,A5-SRA3适用于复印机E876XX系列、E825XX系列</t>
  </si>
  <si>
    <t>【惠普】进纸盒 E8系列底座大容量纸盒Y1G21A 底座大容量纸盒:2000张A4,复式纸盒，适用于复印机E876XX系列、E825XX系列</t>
  </si>
  <si>
    <t>【惠普】进纸盒 E8系列旁路大容量纸盒Y1G20A 旁路大容量纸盒:3000张A4，适用于复印机E876XX系列、E825XX系列、E778XX系列、E725XX系列</t>
  </si>
  <si>
    <t>台电（Teclast）乐环16GB  2.0USB金属U盘 NEX系列亮银色 防水抗摔便携圆环车载优盘  20个起订</t>
  </si>
  <si>
    <t>广东商科信息科技有限公司</t>
  </si>
  <si>
    <t>台电</t>
  </si>
  <si>
    <t>GNWZBP(TH)ZECG2020-082</t>
  </si>
  <si>
    <t>国家能源e购商城台电U盘商品铺货采购合同</t>
  </si>
  <si>
    <t>山东翔威贸易有限公司</t>
  </si>
  <si>
    <t>台电（Teclast）乐环32GB  2.0USB金属U盘 NEX系列亮银色 防水抗摔便携圆环车载优盘 20个起订</t>
  </si>
  <si>
    <t>台电（Teclast）乐环64GB  2.0USB金属U盘 NEX系列亮银色 防水抗摔便携圆环车载优盘  20个起订</t>
  </si>
  <si>
    <t>台电（Teclast） 锋芒16GB USB3.0 U盘 锋芒 深空灰 USB推拉保护 金属车载优盘  20个起订</t>
  </si>
  <si>
    <t>台电（Teclast） 锋芒32GB USB3.0 U盘 锋芒 深空灰 USB推拉保护 金属车载优盘  20个起订（带国家能源集团LOGO）定制款</t>
  </si>
  <si>
    <t>台电（Teclast） 锋芒64GB USB3.0 U盘 锋芒 深空灰 USB推拉保护 金属车载优盘  20个起订</t>
  </si>
  <si>
    <t>台电（Teclast） 锋芒128GB USB3.0 U盘 锋芒 深空灰 USB推拉保护 金属车载优盘  20个起订</t>
  </si>
  <si>
    <t>台电（Teclast）乐影32GB USB3.1 U盘 NEX金属防水系列 银色 带便携圆环 高速车载优盘  20个起订</t>
  </si>
  <si>
    <t>台电（Teclast）乐影64GB USB3.1 U盘 NEX金属防水系列 银色 带便携圆环 高速车载优盘  20个起订</t>
  </si>
  <si>
    <t>台电（Teclast）乐影128GB USB3.1 U盘 NEX金属防水系列 银色 带便携圆环 高速车载优盘 20个起订</t>
  </si>
  <si>
    <t>【佳能】激光打印机 LBP913WZ 功能：单功能黑白打印机；幅面：A4;速度：22页/分钟，分辨率：600dpi*600dpi支持无线/直连网络，内存：256MB,纸盒：150页，一年保修</t>
  </si>
  <si>
    <t>佳能(中国)有限公司</t>
  </si>
  <si>
    <t>GNWZBP(TH)ZECG2020-080</t>
  </si>
  <si>
    <t>IT专区佳能打印机及相关耗材商品铺货采购合同</t>
  </si>
  <si>
    <t>北京神州数码有限公司</t>
  </si>
  <si>
    <t>【佳能】激光打印机 LBP161dn 功能：单功能黑白打印机；幅面：A4;速度：28页/分钟，分辨率：600dpi*600dpi支持网络，双面，内存：256MB,纸盒：250页，一年保修</t>
  </si>
  <si>
    <t>【佳能】激光打印机 LBP162dw 功能：单功能黑白打印机；幅面：A4;速度：28页/分钟，分辨率：600dpi*600dpi支持网络，双面，内存：256MB,纸盒：250页，一年保修</t>
  </si>
  <si>
    <t>【佳能】激光打印机 LBP312x 功能：单功能黑白打印机；幅面：A4;速度：43页/分钟，分辨率：600dpi*600dpi;支持自动双面打印，支持有线网络，内存：1GB,纸盒：550页，一年保修</t>
  </si>
  <si>
    <t>【佳能】激光打印机 LBP325x 功能：单功能黑白打印机；幅面：A4;速度：43页/分钟，分辨率：600dpi*600dpi;支持自动双面打印，支持有线网络，内存：1GB,纸盒：550页，一年保修</t>
  </si>
  <si>
    <t>【佳能】激光打印机 LBP351x 功能：单功能黑白打印机；幅面：A4;速度：55页/分钟，分辨率：600dpi*600dpi;支持自动双面打印，支持有线网络，内存：1GB,纸盒：500页，一年保修</t>
  </si>
  <si>
    <t>【佳能】激光打印机 LBP352x 功能：单功能黑白打印机；幅面：A4;速度：55页/分钟，分辨率：600dpi*600dpi;支持自动双面打印，支持有线网络，内存：1GB,纸盒：500页，一年保修</t>
  </si>
  <si>
    <t>【佳能】激光打印机 LBP8100n 功能：单功能黑白打印机；幅面：A3,速度：30页/分钟，分辨率：600dpi*600dpi;支持有线网络，内存：128MB,纸盒：350页，一年保修</t>
  </si>
  <si>
    <t>【佳能】打印机 LBP8750N 功能：单功能黑白打印机；幅面：A3,速度：30页/分钟，分辨率：600dpi*600dpi;支持有线网络，内存：512MB,纸盒：350页，一年保修</t>
  </si>
  <si>
    <t>【佳能】激光打印机 LBP8780x 功能：单功能黑白打印机；幅面：A3、A4;速度：A3 15页/分钟  A4速度  40页/分钟，分辨率：600dpi*600dpi;支持有线网络、双面，内存：768MB,纸盒：250页，一年保修</t>
  </si>
  <si>
    <t>【佳能】激光打印机 LBP621CW 功能：单功能彩色打印机；幅面：A4;速度： A4速度 18页/分钟，分辨率：1200dpi*1200dpi;支持无线网络，内存：1GB,纸盒：250页，一年保修</t>
  </si>
  <si>
    <t>【佳能】激光打印机 LBP623Cdn 功能：单功能彩色打印机；幅面：A4;速度： A4速度 21页/分钟，分辨率：1200dpi*1200dpi;支持自动双面打印，支持有线网络，内存：1GB,纸盒：250页，一年保修</t>
  </si>
  <si>
    <t>【佳能】激光打印机 LBP623Cdw 功能：单功能彩色打印机；幅面：A4;速度： A4速度 21页/分钟，分辨率：1200dpi*1200dpi;支持自动双面打印，支持有线/无线/直连网络，内存：1GB,纸盒：250页，一年保修</t>
  </si>
  <si>
    <t>【佳能】激光打印机 LBP663Cdn 功能：单功能彩色打印机；幅面：A4;速度： A4速度 27页/分钟，分辨率：1200dpi*1200dpi;支持自动双面打印，支持有线网络，内存：1GB,纸盒：250页，一年保修</t>
  </si>
  <si>
    <t>【佳能】激光打印机 LBP664Cx 功能：单功能彩色打印机；幅面：A4;速度： A4速度 27页/分钟，分辨率：1200dpi*1200dpi;支持自动双面打印，支持有线/无线/直连网络，内存：1GB,纸盒：250页，一年保修</t>
  </si>
  <si>
    <t>【佳能】激光打印机 LBP710Cx 功能：单功能彩色打印机；幅面：A4;速度： A4速度 33页/分钟，分辨率：600dpi*600dpi;支持自动双面打印，支持有线网络，内存：1GB,纸盒：550页，</t>
  </si>
  <si>
    <t>【佳能】激光打印机 LBP712Cx 功能：单功能彩色打印机；幅面：A4;速度： A4速度 38页/分钟，分辨率：600dpi*600dpi;支持自动双面打印，支持有线网络，内存：1GB,纸盒：550页，</t>
  </si>
  <si>
    <t>【佳能】激光打印机 LBP841Cdn 功能：单功能彩色打印机；幅面：A3、A4 ;速度： A3速度 15页/分钟  A4速度26页/分钟，分辨率：1200dpi*1200dpi;支持自动双面打印，支持有线网络，内存：512MB,纸盒：250页，一年保修</t>
  </si>
  <si>
    <t>【佳能】激光打印机 LBP843Cx 功能：单功能彩色打印机；幅面：A3、A4 ;速度： A3速度 15页/分钟  A4速度31页/分钟，分辨率：1200dpi*1200dpi;支持自动双面打印，支持有线网络，内存：1GB,纸盒：250页，一年保修</t>
  </si>
  <si>
    <t>【佳能】多功能一体机 MF449dw 功能：多功能黑白打印机；打印/复印/扫描/传真，幅面：A4;速度：38页/分钟，分辨率：600dpi*600dpi支持自动双面打印，支持有线/无线/直连网络，内存：1GB,纸盒：250页，一年保修</t>
  </si>
  <si>
    <t>【佳能】多功能一体机 IC MF641Cw 功能：多功能彩色打印机；打印/复印/扫描，幅面：A4; 速度18页/分钟，分辨率：1200dpi*1200dpi支持自动双面打印，支持有线/无线/直连网络，内存：1GB,纸盒：250页，一年保修</t>
  </si>
  <si>
    <t>【佳能】多功能一体机 IC MF742Cdw 功能：多功能彩色打印机；打印/复印/扫描，幅面：A4; 速度27页/分钟，分辨率：600dpi*600dpi支持自动双面打印，支持有线/无线/直连网络，内存：1GB,纸盒：250页，一年保修</t>
  </si>
  <si>
    <t>【佳能】多功能一体机 IC MF643Cdw 功能：多功能彩色打印机；打印/复印/扫描，幅面：A4;速度：21页/分钟，分辨率：1200dpi*1200dpi支持自动双面打印，支持有线/无线/直连网络，内存：1GB,纸盒：250页，一年保修</t>
  </si>
  <si>
    <t>【佳能】多功能一体机 IC MF746Cx 功能：多功能彩色打印机；打印/复印/扫描/传真，幅面：A4;速度：27页/分钟，分辨率：1200dpi*1200dpi支持自动双面打印，支持有线/无线/直连网络，内存：1GB,纸盒：250页，一年保修</t>
  </si>
  <si>
    <t>【佳能】多功能一体机 MF266dn 功能：多功能黑白打印机；打印/复印/扫描/传真，幅面：A4;速度：28页/分钟，分辨率：600dpi*600dpi支持自动双面打印，支持有线网络，内存：256MB,纸盒：250页，一年保修</t>
  </si>
  <si>
    <t>【佳能】多功能一体机 MF263dn 功能：多功能黑白打印机；打印/复印/扫描，幅面：A4;速度：28页/分钟，分辨率：600dpi*600dpi支持自动双面打印，内存：1256MB,纸盒：250页，一年保修</t>
  </si>
  <si>
    <t>【佳能】多功能一体机 MF232w 功能：多功能黑白打印机；打印/复印/扫描，幅面：A4;速度：23页/分钟，分辨率：600dpi*600dpi支持有线/无线/直连网络，内存：512MB,纸盒：250页，一年保修</t>
  </si>
  <si>
    <t>【佳能】多功能一体机 MF236n 功能：多功能黑白打印机；打印/复印/扫描/传真，幅面：A4;速度：23页/分钟，分辨率：600dpi*600dpi支持有线网络，内存：512MB,纸盒：250页，一年保修</t>
  </si>
  <si>
    <t>【佳能】多功能一体机 MF441dw 功能：多功能黑白打印机；打印/复印/扫描/传真，幅面：A4;速度：33页/分钟，分辨率：1200dpi*1200dpi支持自动双面打印，支持有线/无线/直连网络，内存：1GB,纸盒：250页，一年保修</t>
  </si>
  <si>
    <t>【佳能】多功能一体机 MF443dw 功能：多功能黑白打印机；打印/复印/扫描，幅面：A4;速度：38页/分钟，分辨率：1200dpi*1200dpi支持自动双面打印，支持有线/无线/直连网络，内存：1GB,纸盒：250页，一年保修</t>
  </si>
  <si>
    <t>【佳能】多功能一体机 MF543dw 功能：多功能黑白打印机；打印/复印/扫描/传真，幅面：A4;速度：43页/分钟，分辨率：1200dpi*1200dpi支持自动双面打印，支持有线/无线/直连网络，内存：1GB,纸盒：550页，一年保修</t>
  </si>
  <si>
    <t>【佳能】多功能一体机 IC MF113w 功能：多功能黑白打印机；打印/复印/扫描，幅面：A4;速度：22页/分钟，分辨率：600dpi*600dpi支持有线/无线/直连网络，内存：256MB,纸盒：150页，一年保修</t>
  </si>
  <si>
    <t>【佳能】多功能一体机 MF243d 功能：多功能黑白打印机；打印/复印/扫描，幅面：A4;速度：27页/分钟，分辨率：600dpi*600dpi支持自动双面打印，内存：128MB,纸盒：250页，一年保修</t>
  </si>
  <si>
    <t>【佳能】多功能一体机 IC MF269dw 功能：多功能黑白打印机；打印/复印/扫描/传真，幅面：A4;速度：28页/分钟，分辨率：600dpi*600dpi支持自动双面打印，支持有线/无线/直连网络，内存：256MB,纸盒：250页，一年保修</t>
  </si>
  <si>
    <t>【佳能】多功能一体机 IC MF645Cx 功能：多功能彩色打印机；打印/复印/扫描/传真，幅面：A4; 速度21页/分钟，分辨率：1200dpi*1200dpi支持自动双面打印，支持有线/无线/直连网络，内存：1GB,纸盒：250页，一年保修</t>
  </si>
  <si>
    <t>【佳能】多功能一体机 MF810Cdn 功能：多功能彩色打印机；打印/复印/扫描/传真，幅面：A4; 速度25页/分钟，分辨率：600dpi*600dpi支持自动双面打印，支持有线网络，内存：1GB,纸盒：550页，一年保修</t>
  </si>
  <si>
    <t>【佳能】喷墨打印机 TS208 功能：彩色喷墨打印单功能机，幅面：A4,速度：彩色文档4ipm/黑白文档7.7ipm/照片65秒</t>
  </si>
  <si>
    <t>【佳能】喷墨打印机 TS308 功能：彩色喷墨打印单功能机，幅面：A4,速度：彩色文档4ipm/黑白文档7.7ipm/照片65秒，标配无线，</t>
  </si>
  <si>
    <t>【佳能】喷墨打印机 TS708 功能：彩色喷墨打印单功能机，幅面：A4,速度：彩色文档10ipm/黑白文档15ipm/照片21秒，墨水：5色，标配无线，带光盘打印，</t>
  </si>
  <si>
    <t>【佳能】喷墨打印机 IX6780 功能：彩色喷墨打印单功能机，幅面：A3+,速度：彩色文档10.4ipm/黑白文档14.5ipm/照片36秒，墨水：5色，后部托盘：150页，</t>
  </si>
  <si>
    <t>【佳能】喷墨打印机 IX6880 功能：彩色喷墨打印单功能机，幅面：A3+,速度：彩色文档10.4ipm/黑白文档14.5ipm/照片36秒，墨水：5色，后部托盘：150页，</t>
  </si>
  <si>
    <t>【佳能】打印机 ip8780 功能：彩色喷墨打印单功能机，幅面：A3+,速度：彩色文档10.4ipm/黑白文档14.5ipm/照片36秒，墨水：6色，后部托盘：150页，</t>
  </si>
  <si>
    <t>【佳能】喷墨打印机 G1810 功能：彩色喷墨打印单功能机，幅面：A4,速度：彩色文档5.0ipm/黑白文档8.8ipm/照片60秒，墨水：4色，后部托盘：100页，三年保修</t>
  </si>
  <si>
    <t>【佳能】喷墨打印机 GM2080 功能：加墨式高容量喷墨打印单功能机，幅面：A4,速度：彩色文档6.8ipm/黑白文档13.0ipm/照片45秒，仅黑色墨水，彩色可选，支持无线，墨水：4色，纸盒：250页，一年保修</t>
  </si>
  <si>
    <t>【佳能】喷墨打印机 G5080 功能：彩色加墨式高容量喷墨打印单功能机，幅面：A4,速度：彩色文档6.8ipm/黑白文档13.0ipm/照片45秒，支持无线，墨水：4色，纸盒：250页，</t>
  </si>
  <si>
    <t xml:space="preserve">【佳能】喷墨打印机 PRO500 功能：彩色喷墨打印单功能机，最大打印幅面：A2，最高分辨率：2400×1200dpi，墨水：12色，支持无线/有线网络打印 </t>
  </si>
  <si>
    <t>【佳能】多功能一体机 TS9580 功能：彩色喷墨打印/复印/扫描一体机，幅面：A3/A4,速度：彩色文档10.0ipm/黑白文档15.0ipm/照片21秒，支持自动双面打印，无边距打印，支持有线/无线/直连网络，墨水：5色，纸盒：100页，一年保修</t>
  </si>
  <si>
    <t>【佳能】多功能一体机 G2810 功能：彩色加墨式高容量喷墨打印/复印/扫描一体机，幅面：A4,速度：彩色文档5.0ipm/黑白文档8.8ipm/照片60秒，支持无边距打印，墨水：4色，后部托盘：100页，三年保修</t>
  </si>
  <si>
    <t>【佳能】多功能一体机 G7080 功能：彩色加墨式高容量喷墨打印/复印/扫描/传真一体机，幅面：A4,速度：彩色文档6.8ipm/黑白文档13.0ipm/照片45秒，支持自动双面打印，无边距打印，支持有线/无线/直连网络，墨水：4色，纸盒：250页，三年保修</t>
  </si>
  <si>
    <t>【佳能】多功能一体机 G4810 功能：彩色加墨式高容量喷墨打印/复印/扫描/传真一体机，幅面：A4,速度：彩色文档5.0ipm/黑白文档8.8ipm/照片60秒，带无线/直连打印、带自动输稿器、墨水：4色，后部托盘：100页，三年保修</t>
  </si>
  <si>
    <t>【佳能】多功能一体机 G6080 功能：彩色加墨式高容量喷墨打印/复印/扫描一体机，幅面：A4,速度：彩色文档6.8ipm/黑白文档13.0ipm/照片45秒，支持自动双面打印，无边距打印，有线/无线/直连，墨水：4色，纸盒：250页，三年保修</t>
  </si>
  <si>
    <t>【佳能】多功能一体机 E568R 功能：彩色喷墨打印/复印/扫描一体机，幅面：A4,速度：彩色文档5.7ipm/黑白文档9.9ipm/照片44秒，支持自动双面打印，无边距打印，支持无线网络，一年保修</t>
  </si>
  <si>
    <t>【佳能】多功能一体机 E4280 功能：彩色喷墨打印/复印/扫描/传真一体机，幅面：A4,速度：彩色文档4.4ipm/黑白文档8.8ipm/照片65秒，支持自动双面打印，无边距打印，支持无线/直连网络，一年保修</t>
  </si>
  <si>
    <t>【佳能】多功能一体机 TS5380粉红 功能：彩色喷墨打印/复印/扫描一体机，幅面：A4,速度：彩色文档6.8ipm/黑白文档13.0ipm/照片43秒，墨水：4色，支持自动双面打印，无边距打印，支持无线/直连网络，一年保修</t>
  </si>
  <si>
    <t>【佳能】多功能一体机 TS5380粉绿 功能：彩色喷墨打印/复印/扫描一体机，幅面：A4,速度：彩色文档6.8ipm/黑白文档13.0ipm/照片43秒，墨水：4色，支持自动双面打印，无边距打印，支持无线/直连网络，一年保修</t>
  </si>
  <si>
    <t>【佳能】多功能一体机 TS8380黑 功能：彩色喷墨打印/复印/扫描一体机，幅面：A4,速度：彩色文档10.0ipm/黑白文档15.0ipm/照片17秒，墨水：6色，支持自动双面打印，支持无线/直连网络，纸盒：100页，一年保修</t>
  </si>
  <si>
    <t>【佳能】多功能一体机 TS8380红 功能：彩色喷墨打印/复印/扫描一体机，幅面：A4,速度：彩色文档10.0ipm/黑白文档15.0ipm/照片17秒，墨水：6色，支持自动双面打印，支持无线/直连网络，纸盒：100页，一年保修</t>
  </si>
  <si>
    <t>【佳能】多功能一体机 TS8380白 功能：彩色喷墨打印/复印/扫描一体机，幅面：A4,速度：彩色文档10.0ipm/黑白文档15.0ipm/照片17秒，墨水：6色，支持自动双面打印，支持无线/直连网络，纸盒：100页，一年保修</t>
  </si>
  <si>
    <t>【佳能】多功能一体机 G3810 功能：彩色加墨式高容量喷墨打印/复印/扫描一体机，幅面：A4,速度：彩色文档5.0ipm/黑白文档8.8ipm/照片60秒，支持无线/直连网络、带自动输稿器、墨水：4色，后部托盘：100页，三年保修</t>
  </si>
  <si>
    <t>【佳能】多功能一体机 GM4080 功能：加墨式高容量喷墨打印/复印/扫描一体机，幅面：A4,速度：彩色文档6.8ipm/黑白文档13.0ipm，支持无边距打印，支持有线/无线/直连网络，墨水：4色，纸盒：250页，三年保修</t>
  </si>
  <si>
    <t>【佳能】多功能一体机 MB5180 功能：彩色高速喷墨打印/复印/扫描/传真一体机，幅面：A4,速度：彩色文档15.5ipm/黑白文档24.0ipm，支持自动双面打印机，支持有线/无线/直连网络，墨水：黑色 彩色墨盒可选，纸盒：250页，一年保修</t>
  </si>
  <si>
    <t>【佳能】多功能一体机 MB5480 功能：彩色高速喷墨打印/复印/扫描/传真一体机，幅面：A4,速度：彩色文档15.5ipm/黑白文档24.0ipm，支持自动双面打印机，支持有线/无线/直连网络，墨水：4色，纸盒：250页，一年保修</t>
  </si>
  <si>
    <t>【佳能】复合机 IR 2206N-1-3 黑白：22页/分、网络打印、复印、扫描、稿台盖板、250页纸盒、上门安装、3年保修</t>
  </si>
  <si>
    <t>【佳能】数码复合机 IR2206AD-1-3 黑白：22页/分、网络打印、复印、扫描、自动输稿器、250页纸盒、上门安装、3年保修</t>
  </si>
  <si>
    <t>【佳能】复合机 iR2625-2-3 黑白：25页/分、无线网络打印、复印、扫描、自动输稿器、550页*2纸盒+工作台、上门安装、3年保修</t>
  </si>
  <si>
    <t>【佳能】复合机 iR2625-3-3 黑白：25页/分、无线网络打印、复印、扫描、自动输稿器、550页*4纸盒、上门安装、3年保修</t>
  </si>
  <si>
    <t>【佳能】复印机 iR2630-2-3 黑白：30页/分、无线网络打印、复印、扫描、自动输稿器、550页*2纸盒+工作台、上门安装、3年保修</t>
  </si>
  <si>
    <t>【佳能】复印机 iR2630--3-3 黑白：30页/分、无线网络打印、复印、扫描、自动输稿器、550页*4纸盒、上门安装、3年保修</t>
  </si>
  <si>
    <t>【佳能】复合机 iR2635-2-3 黑白：35页/分、无线网络打印、复印、扫描、自动输稿器、550页*2纸盒+工作台、上门安装、3年保修</t>
  </si>
  <si>
    <t>【佳能】复合机 iR2635-3-3 黑白：35页/分、无线网络打印、复印、扫描、自动输稿器、550页*4纸盒、上门安装、3年保修</t>
  </si>
  <si>
    <t>【佳能】复合机 iR2645-2-3 黑白：45页/分、无线网络打印、复印、扫描、自动输稿器、550页*2纸盒+工作台、上门安装、3年保修</t>
  </si>
  <si>
    <t>【佳能】复合机 iR2645-3-3 黑白：45页/分、无线网络打印、复印、扫描、自动输稿器、550页*4纸盒、上门安装、3年保修</t>
  </si>
  <si>
    <t>【佳能】复合机 imageRUNNER ADVANCE DX 4725-2M-3 黑白：25页/分、无线网络打印、复印、扫描、自动输稿器、550页*2纸盒+工作台+智控打印 for MEAP ADVANCE V4.3、上门安装、3年保修</t>
  </si>
  <si>
    <t>【佳能】复合机 imageRUNNER ADVANCE DX 4725-3M-3 黑白：25页/分、无线网络打印、复印、扫描、自动输稿器、550页*4纸盒+智控打印 for MEAP ADVANCE V4.3、上门安装、3年保修</t>
  </si>
  <si>
    <t>【佳能】复合机 imageRUNNER ADVANCE DX 4735-2-3 黑白：35页/分、无线网络打印、复印、扫描、自动输稿器、550页*2纸盒+工作台、上门安装、3年保修</t>
  </si>
  <si>
    <t>【佳能】复合机 imageRUNNER ADVANCE DX 4735-3-3 黑白：35页/分、无线网络打印、复印、扫描、自动输稿器、550页*4纸盒、上门安装、3年保修</t>
  </si>
  <si>
    <t>【佳能】复合机 imageRUNNER ADVANCE DX 4735-3M-3 黑白：35页/分、无线网络打印、复印、扫描、自动输稿器、550页*4纸盒+智控打印 for MEAP ADVANCE V4.3、上门安装、3年保修</t>
  </si>
  <si>
    <t>【佳能】复合机 imageRUNNER ADVANCE DX 4745-2-3 黑白：45页/分、无线网络打印、复印、扫描、自动输稿器、550页*2纸盒+工作台、上门安装、3年保修</t>
  </si>
  <si>
    <t>【佳能】复合机 imageRUNNER ADVANCE DX 4745-3-3 黑白：45页/分、无线网络打印、复印、扫描、自动输稿器、550页*4纸盒、上门安装、3年保修</t>
  </si>
  <si>
    <t>【佳能】复合机 imageRUNNER ADVANCE DX 4745-3M-3 黑白：45页/分、无线网络打印、复印、扫描、自动输稿器、550页*4纸盒+智控打印 for MEAP ADVANCE V4.3  上门安装 3年保修</t>
  </si>
  <si>
    <t>【佳能】复合机 imageRUNNER ADVANCE DX 4751-2-3 黑白：51页/分、无线网络打印、复印、扫描、自动输稿器、550页*2纸盒+工作台 上门安装 3年保修</t>
  </si>
  <si>
    <t>【佳能】复合机 imageRUNNER ADVANCE DX 4751-3-3 黑白：51页/分、无线网络打印、复印、扫描、自动输稿器、550页*4纸盒  上门安装 3年保修</t>
  </si>
  <si>
    <t>【佳能】复合机 imageRUNNER ADVANCE DX 4751-3M-3 黑白：51页/分、无线网络打印、复印、扫描、自动输稿器、550页*4纸盒+智控打印 for MEAP ADVANCE V4.3  上门安装 3年保修</t>
  </si>
  <si>
    <t>【佳能】复合机 IR C3120L-2-3 彩色：20页/分、无线网络打印、复印、扫描、自动输稿器、550页*2+工作台 上门安装 3年保修</t>
  </si>
  <si>
    <t>【佳能】复印机 IR C3125-2-3 彩色：25页/分、无线网络打印、复印、扫描、自动输稿器、550页*2+工作台、上门安装、3年保修</t>
  </si>
  <si>
    <t>【佳能】复印机 IR C3125-3-3 彩色：25页/分、无线网络打印、复印、扫描、自动输稿器、550页*4、上门安装、3年保修</t>
  </si>
  <si>
    <t>【佳能】复合机 imageRUNNER ADVANCE DX C3720-2M-3 彩色：20页/分、黑白20页、硬盘、无线网络打印、复印、扫描、自动输稿器、550页*2+工作台+智控打印 for MEAP ADVANCE V4.3 上门安装、3年保修</t>
  </si>
  <si>
    <t>【佳能】复合机 imageRUNNER ADVANCE DX C3720-3M-3 彩色：20页/分、黑白20页、硬盘、无线网络打印、复印、扫描、自动输稿器、550页*4、智控打印 for MEAP ADVANCE V4.3 上门安装、3年保修</t>
  </si>
  <si>
    <t>【佳能】数码复合机 imageRUNNER ADVANCE DX C3725-2-3 彩色：25页/分、黑白25页、硬盘、无线网络打印、复印、扫描、自动输稿器、550页*2+工作台、上门安装、3年保修</t>
  </si>
  <si>
    <t>【佳能】数码复合机 imageRUNNER ADVANCE DX C3725-3-3 彩色：25页/分、黑白25页、硬盘、无线网络打印、复印、扫描、自动输稿器、550页*4、上门安装、3年保修</t>
  </si>
  <si>
    <t>【佳能】激光复合机 imageRUNNER ADVANCE DX C3730-2-3 彩色：30页/分、黑白30页、硬盘、无线网络打印、复印、扫描、自动输稿器、550页*2+工作台、上门安装、3年保修</t>
  </si>
  <si>
    <t>【佳能】激光复合机 imageRUNNER ADVANCE DX C3730-3-3 彩色：30页/分、黑白30页、硬盘、无线网络打印、复印、扫描、自动输稿器、550页*4、上门安装、3年保修</t>
  </si>
  <si>
    <t>【佳能】激光复合机 imageRUNNER ADVANCE DX C3730-3M-3 彩色：30页/分、黑白30页、硬盘、无线网络打印、复印、扫描、自动输稿器、550页*4+智控打印 for MEAP ADVANCE V4.3、上门安装、3年保修</t>
  </si>
  <si>
    <t>【佳能】复合机 imageRUNNER ADVANCE DX 6755-1-3 黑白：55页/分、无线网络打印、复印、扫描、自动输稿器、4个纸盒（550页*2纸盒+1500页*2）、上门安装、3年保修</t>
  </si>
  <si>
    <t>【佳能】复合机  imageRUNNER ADVANCE DX 6765-1-3 黑白：65页/分、无线网络打印、复印、扫描、自动输稿器、4个纸盒（550页*2纸盒+1500页*2）、上门安装、3年保修</t>
  </si>
  <si>
    <t>【佳能】复合机  imageRUNNER ADVANCE DX 6780-1-3 黑白：80页/分、无线网络打印、复印、扫描、自动输稿器、4个纸盒（550页*2纸盒+1500页*2）、上门安装、3年保修</t>
  </si>
  <si>
    <t>【佳能】复合机 imageRUNNER ADVANCE DX C5760-2-3 彩色：60页/分、黑白60页、硬盘、无线网络打印、复印、扫描、自动输稿器、550页*2+工作台、上门安装、3年保修</t>
  </si>
  <si>
    <t>【佳能】复合机 imageRUNNER ADVANCE DX C5750-2-3 彩色：50页/分、黑白50页、硬盘、无线网络打印、复印、扫描、自动输稿器、550页*2+工作台、上门安装、3年保修</t>
  </si>
  <si>
    <t>【佳能】复合机 imageRUNNER ADVANCE DX C5740-2-3 彩色：40页/分、黑白35页、硬盘、无线网络打印、复印、扫描、自动输稿器、550页*2+工作台、上门安装、3年保修</t>
  </si>
  <si>
    <t>【佳能】复合机 imageRUNNER ADVANCE DX C5735-2-3 彩色：35页/分、黑白35页、硬盘、无线网络打印、复印、扫描、自动输稿器、550页*2+工作台、上门安装、3年保修</t>
  </si>
  <si>
    <t>【佳能】复合机 imageRUNNER ADVANCE DX C7780-1-3 彩色：70页/分、黑白80页、硬盘、无线网络打印、复印、扫描、自动输稿器、550页*2+1100页*2；上门安装 3年保修</t>
  </si>
  <si>
    <t>【佳能】复合机 imageRUNNER ADVANCE DX C7770-1-3 彩色：65页/分、黑白70页、硬盘、无线网络打印、复印、扫描、自动输稿器、550页*2+1100页*2、上门安装、3年保修</t>
  </si>
  <si>
    <t>【佳能】硒鼓 CRG039 H 黑鼓(高容) 硒鼓、打印量25000页（适用机型LBP351x、LBP352x）</t>
  </si>
  <si>
    <t>【佳能】硒鼓 CRG040BK黑鼓 硒鼓，打印量6300页（适用机型 LBP710Cx 、LBP712CX）</t>
  </si>
  <si>
    <t>【佳能】硒鼓 CRG054BK黑鼓 硒鼓、打印量1500页(适用机型LBP621Cw/LBP623Cdn/LBP623Cdw )</t>
  </si>
  <si>
    <t>【佳能】硒鼓 CRG052黑鼓 硒鼓，打印量3100页（适用机型LBP211dn/LBP213dn/LBP214dw）</t>
  </si>
  <si>
    <t>【佳能】硒鼓 CRG046 H C兰鼓(高容) 硒鼓，打印量5000页（适用机型LBP645C/LBP653Cdw）</t>
  </si>
  <si>
    <t>【佳能】硒鼓 CRG046 H M品红鼓(高容) 硒鼓，打印量5000页（适用机型LBP645C/LBP653Cdw）</t>
  </si>
  <si>
    <t>【佳能】硒鼓 CRG046 H Y黄鼓(高容) 硒鼓，打印量5000页（适用机型LBP645C/LBP653Cdw）</t>
  </si>
  <si>
    <t>【佳能】硒鼓 CRG045 H BK黑鼓(高容) 硒鼓，打印量2800页（适用机型 LBP613Cdw、LBP611Cn ）</t>
  </si>
  <si>
    <t>【佳能】硒鼓 DRUM CRG029硒鼓 感光鼓、 打印量7000页（适用机型LBP7010C/LBP7018C ）</t>
  </si>
  <si>
    <t>【佳能】硒鼓 CRG332C兰鼓 硒鼓、 打印量6400页（适用机型LBP7780Cx）</t>
  </si>
  <si>
    <t>【佳能】硒鼓 CRG332M品红鼓 硒鼓、 打印量6400页（适用机型LBP7780Cx）</t>
  </si>
  <si>
    <t>【佳能】硒鼓 CRG332Y黄鼓 硒鼓、 打印量6400页（适用机型LBP7780Cx）</t>
  </si>
  <si>
    <t>【佳能】硒鼓 CRG041黑鼓 硒鼓、打印量10000页（适用机型LBP312x）</t>
  </si>
  <si>
    <t>【佳能】硒鼓 CRG040C兰鼓 硒鼓，打印量5400页（适用机型LBP710Cx 、LBP712CX ）</t>
  </si>
  <si>
    <t>【佳能】硒鼓 CRG040M 品红鼓 硒鼓，打印量5400页（适用机型LBP710Cx 、LBP712CX）</t>
  </si>
  <si>
    <t>【佳能】硒鼓 CRG040Y黄鼓 硒鼓，打印量5400页（适用机型LBP710Cx 、LBP712CX ）</t>
  </si>
  <si>
    <t>【佳能】硒鼓 CRG332BK黑鼓 硒鼓、 打印量6100页（适用机型LBP7780Cx）</t>
  </si>
  <si>
    <t>【佳能】硒鼓 CRG045 H C兰鼓(高容) 硒鼓，打印量2200页（适用机型 LBP613Cdw、LBP611Cn ）</t>
  </si>
  <si>
    <t>【佳能】硒鼓 CRG045 H M 品红鼓(高容) 硒鼓，打印量2200页（适用机型 LBP613Cdw、LBP611Cn ）</t>
  </si>
  <si>
    <t>【佳能】硒鼓 CRG045 H Y黄鼓(高容) 硒鼓，打印量2200页（适用机型 LBP613Cdw、LBP611Cn ）</t>
  </si>
  <si>
    <t>【佳能】硒鼓 CRG041高容黑鼓 硒鼓、打印量20000页（适用机型LBP312x）</t>
  </si>
  <si>
    <t>【佳能】硒鼓 CRG052 H 黑鼓(高容) 硒鼓，打印量9200页（适用机型LBP211dn/LBP213dn/LBP214dw）</t>
  </si>
  <si>
    <t>【佳能】硒鼓 CRG303黑鼓 硒鼓、 打印量2000页（适用机型LBP2900、 LBP2900+、LBP3000）</t>
  </si>
  <si>
    <t>【佳能】硒鼓 CRG056 H 黑鼓(高容) 硒鼓、打印量21000页(适用机型LBP325x)</t>
  </si>
  <si>
    <t>【佳能】硒鼓 CRG045C兰鼓 硒鼓，打印量1300页（适用机型 LBP613Cdw、LBP611Cn ）</t>
  </si>
  <si>
    <t>【佳能】硒鼓 CRG045M品红鼓 硒鼓，打印量1300页（适用机型 LBP613Cdw、LBP611Cn ）</t>
  </si>
  <si>
    <t>【佳能】硒鼓 CRG045Y黄鼓 硒鼓，打印量1300页（适用机型 LBP613Cdw、LBP611Cn ）</t>
  </si>
  <si>
    <t>【佳能】硒鼓 CRG039黑鼓 硒鼓、打印量11000页（适用机型LBP351x、LBP352x）</t>
  </si>
  <si>
    <t>【佳能】硒鼓 CRG045BK黑鼓 硒鼓，打印量1400页（适用机型 LBP613Cdw、LBP611Cn ）</t>
  </si>
  <si>
    <t>【佳能】硒鼓 CRG056 L 黑鼓 (初始) 硒鼓、打印量5100页(适用机型LBP325x)</t>
  </si>
  <si>
    <t>【佳能】硒鼓 CRG054M品红鼓 硒鼓、打印量1200页(适用机型LBP621Cw/LBP623Cdn/LBP623Cdw )</t>
  </si>
  <si>
    <t>【佳能】硒鼓 CRG054Y黄鼓 硒鼓、打印量1200页(适用机型LBP621Cw/LBP623Cdn/LBP623Cdw )</t>
  </si>
  <si>
    <t>【佳能】硒鼓 CRG054C兰鼓 硒鼓、打印量1200页(适用机型LBP621Cw/LBP623Cdn/LBP623Cdw )</t>
  </si>
  <si>
    <t>【佳能】硒鼓 CRG925黑鼓 硒鼓、 打印量1600页（适用机型LBP6018、 LBP6018w、LBP6018L ）</t>
  </si>
  <si>
    <t>【佳能】硒鼓 CRG055BK黑鼓 硒鼓，打印量2300页（适用机型LBP663Cdn、LBP663Cdw、LBP664Cx）</t>
  </si>
  <si>
    <t>【佳能】硒鼓 CRG055M品红鼓 硒鼓，打印量2100页（适用机型LBP663Cdn、LBP663Cdw、LBP664Cx）</t>
  </si>
  <si>
    <t>【佳能】硒鼓 CRG055Y黄鼓 硒鼓，打印量2100页（适用机型LBP663Cdn、LBP663Cdw、LBP664Cx）</t>
  </si>
  <si>
    <t>【佳能】硒鼓 CRG055C兰鼓 硒鼓，打印量2100页（适用机型LBP663Cdn、LBP663Cdw、LBP664Cx）</t>
  </si>
  <si>
    <t>【佳能】硒鼓 CRG056黑鼓 硒鼓、打印量10000页(适用机型LBP325x)</t>
  </si>
  <si>
    <t>【佳能】硒鼓 CRG054 H M品红鼓(高容) 硒鼓、打印量2300页(适用机型LBP621Cw/LBP623Cdn/LBP623Cdw )</t>
  </si>
  <si>
    <t>【佳能】硒鼓 CRG054 H Y黄鼓(高容) 硒鼓、打印量2300页(适用机型LBP621Cw/LBP623Cdn/LBP623Cdw )</t>
  </si>
  <si>
    <t>【佳能】硒鼓 CRG054 H C兰鼓(高容) 硒鼓、打印量2300页(适用机型LBP621Cw/LBP623Cdn/LBP623Cdw )</t>
  </si>
  <si>
    <t>【佳能】硒鼓 CRG054 H BK黑鼓(高容) 硒鼓、打印量3100页(适用机型LBP621Cw/LBP623Cdn/LBP623Cdw )</t>
  </si>
  <si>
    <t>【佳能】硒鼓 CRG055 H BK黑鼓(高容) 硒鼓，打印量7600页（适用机型LBP663Cdn、LBP663Cdw、LBP664Cx）</t>
  </si>
  <si>
    <t>【佳能】硒鼓 CRG055 H M品红鼓(高容) 硒鼓，打印量5900页（适用机型LBP663Cdn、LBP663Cdw、LBP664Cx）</t>
  </si>
  <si>
    <t>【佳能】硒鼓 CRG055 H Y黄鼓(高容) 硒鼓，打印量5900页（适用机型LBP663Cdn、LBP663Cdw、LBP664Cx）</t>
  </si>
  <si>
    <t>【佳能】硒鼓 CRG055 H C兰鼓(高容) 硒鼓，打印量5900页（适用机型LBP663Cdn、LBP663Cdw、LBP664Cx）</t>
  </si>
  <si>
    <t>【佳能】硒鼓 CRG046 H BK黑鼓(高容) 硒鼓，打印量6300页（适用机型LBP645C/LBP653Cdw）</t>
  </si>
  <si>
    <t>【佳能】硒鼓 322兰鼓(高容) 硒鼓、 打印量15000页（适用机型LBP9100Cdn)</t>
  </si>
  <si>
    <t>【佳能】硒鼓 322品红鼓(高容) 硒鼓、 打印量15000页（适用机型LBP9100Cdn)</t>
  </si>
  <si>
    <t>【佳能】硒鼓 322黄鼓(高容) 硒鼓、 打印量15000页（适用机型LBP9100Cdn)</t>
  </si>
  <si>
    <t>【佳能】硒鼓 Drum CRG050黑鼓 感光鼓，打印量10000页（适用机型LBP913w/LBP913wz）</t>
  </si>
  <si>
    <t>【佳能】硒鼓 CRG050黑粉 感光鼓，打印量25000页（适用机型LBP913w/LBP913wz）</t>
  </si>
  <si>
    <t>【佳能】硒鼓 CRG303VP黑鼓(双包装) 硒鼓、 打印量4000页（适用机型LBP2900、 LBP2900+、LBP3000）</t>
  </si>
  <si>
    <t>【佳能】硒鼓 CRG319黑鼓 硒鼓、 打印量2100页（适用机型LBP6670dn/LBP251W/LBP252W)</t>
  </si>
  <si>
    <t>【佳能】硒鼓 CRG051H黑粉(高容） 硒鼓、打印量4100页(适用机型LBP162dw、 LBP161dn)</t>
  </si>
  <si>
    <t>【佳能】硒鼓 322黑鼓(高容) 硒鼓、 打印量13000页（适用机型LBP9100Cdn)</t>
  </si>
  <si>
    <t>【佳能】硒鼓 CRG333 H 黑鼓(高容) 硒鼓，打印量17000页（适用机型LBP8780x、 LBP8750n、LBP8100n）</t>
  </si>
  <si>
    <t>【佳能】硒鼓 CRG333黑鼓 硒鼓，打印量10000页（适用机型LBP8780x、 LBP8750n、LBP8100n）</t>
  </si>
  <si>
    <t>【佳能】硒鼓 CRG335黑鼓 硒鼓、 打印量13000页（适用机型LBP843Cx,  LBP841Cdn )</t>
  </si>
  <si>
    <t>【佳能】硒鼓 CRG335兰鼓 硒鼓、 打印量16500页（适用机型LBP843Cx,  LBP841Cdn )</t>
  </si>
  <si>
    <t>【佳能】硒鼓 CRG335品红鼓 硒鼓、 打印量16500页（适用机型LBP843Cx,  LBP841Cdn )</t>
  </si>
  <si>
    <t>【佳能】硒鼓 CRG335黄鼓 硒鼓、 打印量16500页（适用机型LBP843Cx,  LBP841Cdn )</t>
  </si>
  <si>
    <t>【佳能】硒鼓 CRG335E C兰鼓 硒鼓、 打印量7400页（适用机型LBP843Cx,  LBP841Cdn )</t>
  </si>
  <si>
    <t>【佳能】硒鼓 CRG335E M品红鼓 硒鼓、 打印量7400页（适用机型LBP843Cx,  LBP841Cdn )</t>
  </si>
  <si>
    <t>【佳能】硒鼓 CRG335E Y黄鼓 硒鼓、 打印量7400页（适用机型LBP843Cx,  LBP841Cdn )</t>
  </si>
  <si>
    <t>【佳能】硒鼓 CRG335E BK黑鼓 硒鼓、 打印量7000页（适用机型LBP843Cx,  LBP841Cdn )</t>
  </si>
  <si>
    <t>【佳能】硒鼓 CRG337硒鼓 硒鼓、 打印量2400页（适用机型MF249dw/MF246dn/MF236n/MF243d/MF233n/MF232w/MF229dw/MF226dn/MF216n/MF215/F213d/MF212w/MF211）</t>
  </si>
  <si>
    <t>【佳能】硒鼓 CRG045 H M品红鼓(高容) 硒鼓，打印量2200页（适用机型 LBP613Cdw、LBP611Cn ）</t>
  </si>
  <si>
    <t>【佳能】硒鼓 CRG041 H高容黑鼓 硒鼓、打印量20000页（适用机型LBP312x）</t>
  </si>
  <si>
    <t>【佳能】硒鼓 CRG034BK黑粉 墨粉，打印量12000页（适用机型iC MF810Cdn）</t>
  </si>
  <si>
    <t>【佳能】硒鼓 CRG057黑鼓 硒鼓、打印量3100页(适用机型 iC MF441dw、 iC MF443dw、 iC MF449dw )</t>
  </si>
  <si>
    <t>【佳能】硒鼓 CRG057 H 黑鼓(高容) 硒鼓、打印量10000页(适用机型iC MF441dw、 iC MF443dw、 iC MF449dw )</t>
  </si>
  <si>
    <t>【佳能】硒鼓 CRG329BK黑粉 墨粉、 打印量1200页（适用机型LBP7010C,LBP7018C )</t>
  </si>
  <si>
    <t>【佳能】硒鼓 CRG329C兰粉 墨粉、 打印量1000页（适用机型LBP7010C,LBP7018C )</t>
  </si>
  <si>
    <t>【佳能】硒鼓 CRG329M品红粉 墨粉、 打印量1000页（适用机型LBP7010C,LBP7018C )</t>
  </si>
  <si>
    <t>【佳能】硒鼓 CRG329Y黄粉 墨粉、 打印量1000页（适用机型LBP7010C,LBP7018C )</t>
  </si>
  <si>
    <t>【佳能】硒鼓 CRG337VP黑鼓(双包装) 硒鼓、 打印量4800页（适用机型MF249dw/MF246dn/MF236n/MF243d/MF233n/MF232w/MF229dw/MF226dn/MF216n/MF215/F213d/MF212w/MF211）</t>
  </si>
  <si>
    <t>【佳能】硒鼓 CRG328VP黑鼓(双包装) 硒鼓、 打印量4200页（适用机型MF4570,MF4412,MF4420,MF4450,MF4452,MF4550,MF4570,MF4710,MF4712,MF4712G,MF4720w,MF4750,MF4752等）</t>
  </si>
  <si>
    <t>【佳能】硒鼓 CRG328黑鼓 硒鼓、 打印量2100页（适用机型MF4570,MF4412,MF4420,MF4450,MF4452,MF4550,MF4570,MF4710,MF4712,MF4712G,MF4720w,MF4750,MF4752等）</t>
  </si>
  <si>
    <t>【佳能】硒鼓 CRG034M 品红粉 墨粉，打印量7300页（适用机型iC MF810Cdn）</t>
  </si>
  <si>
    <t>【佳能】硒鼓 CRG034C兰粉 墨粉，打印量7300页（适用机型iC MF810Cdn）</t>
  </si>
  <si>
    <t>【佳能】硒鼓 CRG034Y黄粉 墨粉，打印量7300页（适用机型iC MF810Cdn）</t>
  </si>
  <si>
    <t>【佳能】硒鼓 DRUM CRG034M品红鼓 感光鼓，打印量7300页（适用机型iC MF810Cdn）</t>
  </si>
  <si>
    <t>【佳能】硒鼓 DRUM CRG034C兰鼓 感光鼓，打印量7300页（适用机型iC MF810Cdn）</t>
  </si>
  <si>
    <t>【佳能】硒鼓 DRUM CRG034Y黄鼓 感光鼓，打印量7300页（适用机型iC MF810Cdn）</t>
  </si>
  <si>
    <t>【佳能】硒鼓 DRUM CRG034BK黑鼓 感光鼓，打印量12000页（适用机型iC MF810Cdn）</t>
  </si>
  <si>
    <t>【佳能】墨盒 PGI-850PGBK黑盒 墨盒，打印量300页（适用机型IX6780/IX6880/IP7280/IP8780）</t>
  </si>
  <si>
    <t>【佳能】墨盒 PGI-855PGBK黑盒 墨盒，打印量800页（适用机型IX6780/IX6880）</t>
  </si>
  <si>
    <t>【佳能】墨盒 PGI-2800XL C 兰盒 (高容） 墨盒，打印量1500页（适用机型IB4180/IB4080）</t>
  </si>
  <si>
    <t>【佳能】墨盒 PGI-2800XL M 品红盒 (高容） 墨盒，打印量1500页（适用机型IB4180/IB4080）</t>
  </si>
  <si>
    <t>【佳能】墨盒 PGI-2800XL Y 黄盒 (高容） 墨盒，打印量1500页（适用机型IB4180/IB4080）</t>
  </si>
  <si>
    <t>【佳能】墨盒 PG-815黑盒 墨盒、打印量220页(适用机型IP2780/IP2788 )</t>
  </si>
  <si>
    <t>【佳能】墨盒 PGI-2800XL BK 黑盒 (高容） 墨盒，打印量2500页（适用机型IB4180/IB4080）</t>
  </si>
  <si>
    <t>【佳能】墨盒 CLI-851XL C 兰盒（高容） 墨盒，打印量690页（适用机型IX6780/IX6880/IP8780）</t>
  </si>
  <si>
    <t>【佳能】墨盒 CLI-851XL M 品红盒（高容） 墨盒，打印量690页（适用机型IX6780/IX6880/IP8780）</t>
  </si>
  <si>
    <t>【佳能】墨盒 CLI-851XL Y 黄盒（高容） 墨盒，打印量690页（适用机型IX6780/IX6880/IP8780）</t>
  </si>
  <si>
    <t>【佳能】墨盒 CLI-851XL BK 黑盒（高容） 墨盒，打印量5000页（适用机型IX6780/IX6880/IP8780）</t>
  </si>
  <si>
    <t>【佳能】墨盒 PG-845黑盒 墨盒、打印量180 页(适用机型TS208/TS308 )</t>
  </si>
  <si>
    <t>【佳能】墨盒 PGI-850XL PGBK 黑盒（高容） 墨盒，打印量500页（适用机型IX6780/IX6880/IP8780）</t>
  </si>
  <si>
    <t>【佳能】墨盒 CLI-36彩盒 墨盒、打印量191页(适用机型IP110/IP100/TR150 )</t>
  </si>
  <si>
    <t>【佳能】墨盒 CL-816彩盒 墨盒、打印量244页(适用机型IP2780/IP2788 )</t>
  </si>
  <si>
    <t>【佳能】墨盒 CLI-851XL GY 灰盒（高容） 墨盒，打印量3350页（适用机型IP8780）</t>
  </si>
  <si>
    <t>【佳能】墨盒 CL-846彩盒 墨盒、打印量180 页(适用机型TS208/TS308 )</t>
  </si>
  <si>
    <t>【佳能】墨盒 CL-841彩盒 墨盒、打印量180页(适用机型GM2080)</t>
  </si>
  <si>
    <t>【佳能】墨盒 CL-841XL彩盒(高容) 墨盒，照片打印量400页(适用机型GM2080)</t>
  </si>
  <si>
    <t>【佳能】墨盒 CL-846XL 彩盒（高容） 墨盒、打印量300页(适用机型TS208/TS308 )</t>
  </si>
  <si>
    <t>【佳能】墨盒 PG-845XL 黑盒（高容） 墨盒、打印量300 页(适用机型TS208/TS308 )</t>
  </si>
  <si>
    <t>【佳能】墨盒 PGI-35黑盒 墨盒、打印量191页(适用机型IP110/IP100 /TR150)</t>
  </si>
  <si>
    <t>【佳能】墨盒 CLI-881C青盒 墨盒、文档打印量250页、照片打印量87页(适用机型适用机型TS9180、TS8180、TS6180、TR8580、TS9580、TS6380、TS8280、TS6280、TS8380、TS708)</t>
  </si>
  <si>
    <t>【佳能】墨盒 CLI-881PB照片蓝盒 墨盒、文档打印量1660页、照片打印量240页(适用机型TS9180、TS8180、TS8280、TS8380)</t>
  </si>
  <si>
    <t>【佳能】墨盒 CLI-881M品红盒 墨盒、文档打印量250页、照片打印量87页(适用机型TS9180、TS8180、TS6180、TR8580、TS9580、TS6380、TS8280、TS6280、TS8380、TS708)</t>
  </si>
  <si>
    <t>【佳能】墨盒 CLI-881Y黄盒 墨盒、文档打印量250页、照片打印量87页(适用机型TS9180、TS8180、TS6180、TR8580、TS9580、TS6380、TS8280、TS6280、TS8380、TS708)</t>
  </si>
  <si>
    <t>【佳能】墨盒 CLI-881BK黑盒 墨盒、文档打印量750页、照片打印量213页(适用机型TS9180、TS8180、TS6180、TR8580、TS9580、TS6380、TS8280、TS6280、TS8380、TS708)</t>
  </si>
  <si>
    <t>【佳能】粉盒 CLI-42C兰盒 墨盒、打印量484页(适用机型PRO100 )</t>
  </si>
  <si>
    <t>【佳能】粉盒 CLI-42M品红盒 墨盒、打印量410页(适用机型PRO100 )</t>
  </si>
  <si>
    <t>【佳能】粉盒 CLI-42Y黄盒 墨盒、打印量279页(适用机型PRO100 )</t>
  </si>
  <si>
    <t>【佳能】粉盒 CLI-42PC浅兰盒 墨盒、打印量269页(适用机型PRO100 )</t>
  </si>
  <si>
    <t>【佳能】粉盒 CLI-42PM浅品红盒 墨盒、打印量206页(适用机型PRO100 )</t>
  </si>
  <si>
    <t>【佳能】粉盒 CLI-42GY灰盒 墨盒、打印量452页(适用机型PRO100 )</t>
  </si>
  <si>
    <t>【佳能】粉盒 CLI-42LGY浅灰盒 墨盒、打印量855页(适用机型PRO100 )</t>
  </si>
  <si>
    <t>【佳能】墨盒 PG-840黑盒 墨盒、打印量180页(适用机型MX538/MX398/MG3680/TS5180 )</t>
  </si>
  <si>
    <t>【佳能】墨盒 PGI-880PGBK黑盒 墨盒、文档打印量200页(适用机型T适用机型TS9180、TS8180、TS6180、TR8580、TS9580、TS6380、TS8280、TS6280、TS8380、TS708)</t>
  </si>
  <si>
    <t>【佳能】粉盒 CLI-42BK黑盒 墨盒、打印量810页(适用机型PRO100 )</t>
  </si>
  <si>
    <t>【佳能】墨盒 PFI-50MBK亚光黑盒 墨盒，打印量1960 页（适用机型PR500）</t>
  </si>
  <si>
    <t>【佳能】墨盒 PFI-50PBK照片黑盒 墨盒，打印量265 页（适用机型PR500）</t>
  </si>
  <si>
    <t>【佳能】墨盒 PFI-50C青盒 墨盒，打印量675 页（适用机型PR500）</t>
  </si>
  <si>
    <t>【佳能】墨盒 PFI-50M品红盒 墨盒，打印量1035 页（适用机型PR500）</t>
  </si>
  <si>
    <t>【佳能】墨盒 PFI-50Y黄盒 墨盒，打印量319 页（适用机型PR500）</t>
  </si>
  <si>
    <t>【佳能】墨盒 PFI-50B蓝盒 墨盒，打印量955 页（适用机型PR500）</t>
  </si>
  <si>
    <t>【佳能】墨盒 PFI-50PC青盒 墨盒，打印量580页（适用机型PR500）</t>
  </si>
  <si>
    <t>【佳能】墨盒 PFI-50PM照片红盒 墨盒，打印量 380页（适用机型PR500）</t>
  </si>
  <si>
    <t>【佳能】墨盒 PFI-50R红盒 墨盒，打印量 页820（适用机型PR500）</t>
  </si>
  <si>
    <t>【佳能】墨盒 PFI-50GY灰盒 墨盒，打印量117 页（适用机型PR500）</t>
  </si>
  <si>
    <t>【佳能】墨盒 PFI-50PGY照片灰盒 墨盒，打印量 223页（适用机型PR500）</t>
  </si>
  <si>
    <t>【佳能】墨盒 PFI-50CO亮晶盒 墨盒，打印量 565页（适用机型PR500）</t>
  </si>
  <si>
    <t>【佳能】墨盒 PG-840XL黑盒(高容） 墨盒、打印量400页(适用机型MX538/MX398/MG3680/TS5180 )</t>
  </si>
  <si>
    <t>【佳能】墨盒 PG-860XL黑盒(高容） 墨盒，打印量400页(适用机型TS5380)</t>
  </si>
  <si>
    <t>【佳能】墨盒 CL-861XL彩盒(高容) 墨盒，打印量300页(适用机型TS5380)</t>
  </si>
  <si>
    <t>【佳能】墨盒 CL-861彩盒 墨盒，打印量180页(适用机型TS5380)</t>
  </si>
  <si>
    <t>【佳能】墨盒 PG-860黑盒 墨盒，打印量180页(适用机型TS5380)</t>
  </si>
  <si>
    <t>【佳能】墨盒 GI-80C兰墨水 墨水，打印量7700页(适用机型G6080/G7080/G5080)</t>
  </si>
  <si>
    <t>【佳能】墨盒 GI-80M品红墨水 墨水，打印量7700页(适用机型G6080/G7080/G5080)</t>
  </si>
  <si>
    <t>【佳能】墨盒 GI-80Y黄墨水 墨水，打印量7700页(适用机型G6080/G7080/G5080)</t>
  </si>
  <si>
    <t>【佳能】墨盒 GI-80PGBK黑墨水 墨水，打印量6000页(适用机型G6080/G7080/G5080/GM2080/GM4080)</t>
  </si>
  <si>
    <t>【佳能】墨盒 PGI-880XL PGBK 黑盒(高容) 墨盒、文档打印量600页(适用机型T适用机型TS9180、TS8180、TS6180、TR8580、TS9580、TS6380、TS8280、TS6280、TS8380、TS708)</t>
  </si>
  <si>
    <t>【佳能】墨盒 CLI-881XL C 青盒(高容) 墨盒、文档打印量800页、照片打印量87页(适用机型TS9180、TS8180、TS6180、TR8580、TS9580、TS6380、TS8280、TS6280、TS8380、TS708)</t>
  </si>
  <si>
    <t>【佳能】墨盒 CLI-881XL PB 照片蓝盒(高容) 墨盒、文档打印量9140页、照片打印量240页(适用机型TS9180、TS8180、TS8280、TS8380)</t>
  </si>
  <si>
    <t>【佳能】墨盒 CLI-881XL M 品红盒(高容) 墨盒、文档打印量800页、照片打印量87页(适用机型TS9180、TS8180、TS6180、TR8580、TS9580、TS6380、TS8280、TS6280、TS8380、TS708)</t>
  </si>
  <si>
    <t>【佳能】墨盒 CLI-881XL Y 黄盒(高容) 墨盒、文档打印量800页、照片打印量87页(适用机型TS9180、TS8180、TS6180、TR8580、TS9580、TS6380、TS8280、TS6280、TS8380、TS708)</t>
  </si>
  <si>
    <t>【佳能】墨盒 CLI-881XL BK 黑盒(高容) 墨盒、文档打印量4590页、照片打印量213页(适用机型TS9180、TS8180、TS6180、TR8580、TS9580、TS6380、TS8280、TS6280、TS8380、TS708)</t>
  </si>
  <si>
    <t>【佳能】复合机墨粉 NPG-59E Black Toner 墨粉经济装印量5200（适用于iR2200系列）</t>
  </si>
  <si>
    <t>【佳能】复合机墨粉 NPG-59 TONER BLACK 墨粉标准装、印量10200（适用于iR2200系列）</t>
  </si>
  <si>
    <t>【佳能】复合机感光鼓 NPG-59 DRUM UNIT 感光鼓组件、印量70300（适用于iR2200系列）</t>
  </si>
  <si>
    <t>【佳能】感光鼓 NPG-84 DRUM UNIT 感光鼓组件、印量172000（适用于iR2600系列）</t>
  </si>
  <si>
    <t>【佳能】墨粉 NPG-84L TN BK CCN 黑色墨粉经济装、印量6700（适用于iR2600系列）</t>
  </si>
  <si>
    <t>【佳能】墨粉 NPG-84 TN BK OTH 黑色墨粉标准装、印量30000（适用于iR2600系列）</t>
  </si>
  <si>
    <t>【佳能】复合机墨粉 NPG-73 TONER BK  墨粉、黑色、印量42100（适用于4700系列）</t>
  </si>
  <si>
    <t>【佳能】复合机感光鼓 NPG-73 Drum Unit  感光鼓组件、印量338000（适用于iR4700系列）</t>
  </si>
  <si>
    <t>【佳能】复合机墨粉 NPG-67E Toner Yellow 墨粉黄色经济装、印量2500（适用于30/31/37系列）</t>
  </si>
  <si>
    <t>【佳能】复合机墨粉 NPG-67E Toner Magenta 墨粉红色经济装、印量2500（适用于30/31/37系列）</t>
  </si>
  <si>
    <t>【佳能】复合机墨粉 NPG-67E Toner Cyan 墨粉蓝色经济装、印量2500（适用于30/31/37系列）</t>
  </si>
  <si>
    <t>【佳能】复合机墨粉 NPG-67E Toner Black 墨粉黑色经济装、印量5300（适用于30/31/37系列）</t>
  </si>
  <si>
    <t>【佳能】复合机墨粉 NPG-67 Toner Yellow 墨粉黄色标准装、印量19000（适用于30/31/37系列）</t>
  </si>
  <si>
    <t>【佳能】复合机墨粉 NPG-67 Toner Magenta 墨粉红色标准装、印量19000（适用于30/31/37系列）</t>
  </si>
  <si>
    <t>【佳能】复合机墨粉 NPG-67 Toner Cyan 墨粉蓝色标准装、印量19000（适用于30/31/37系列）</t>
  </si>
  <si>
    <t>【佳能】复合机墨粉 NPG-67 Toner Black 墨粉黑色标准装、印量36000（适用于30/31/37系列）</t>
  </si>
  <si>
    <t>【佳能】复合机感光鼓 NPG-67 Drum Unit 感光鼓组件、印量BK63600、CL52500（适用于30/31/37系列）</t>
  </si>
  <si>
    <t>【佳能】复合机墨粉 NPG-71L TONER Y 墨粉黄色经济装、印量26000（适用于5700系列）</t>
  </si>
  <si>
    <t>【佳能】复合机墨粉 NPG-71L TONER M 墨粉红色经济装、印量26000（适用于5700系列）</t>
  </si>
  <si>
    <t>【佳能】复合机墨粉 NPG-71L TONER C  墨粉蓝色经济装、印量26000（适用于5700系列）</t>
  </si>
  <si>
    <t>【佳能】复合机墨粉 NPG-71 TONER Y 墨粉黄色标准装、印量60000（适用于5700系列）</t>
  </si>
  <si>
    <t>【佳能】复合机墨粉 NPG-71 TONER M 墨粉红色标准装、印量60000（适用于5700系列）</t>
  </si>
  <si>
    <t>【佳能】复合机墨粉 NPG-71 TONER C 墨粉蓝色标准装、印量60000（适用于5700系列）</t>
  </si>
  <si>
    <t>【佳能】复合机墨粉 NPG-71 TONER BK  墨粉黑色标准装、印量69000（适用于5700系列）</t>
  </si>
  <si>
    <t>【佳能】复合机感光鼓 NPG-71 DRUM UNIT 感光鼓组件、印量彩色221000（适用于5700系列）</t>
  </si>
  <si>
    <t>【佳能】复合机墨粉 NPG-72 TONER Y 墨粉黄色标准装、印量66500（适用于7700系列）</t>
  </si>
  <si>
    <t>【佳能】复合机墨粉 NPG-72 TONER M 墨粉红色标准装、印量66500（适用于7700系列）</t>
  </si>
  <si>
    <t>【佳能】复合机墨粉 NPG-72 TONER C 墨粉蓝色标准装、印量66500（适用于7700系列）</t>
  </si>
  <si>
    <t>【佳能】复合机墨粉 NPG-72 TONER BK  墨粉黑色标准装、印量82000（适用于7700系列）</t>
  </si>
  <si>
    <t>【佳能】复合机感光鼓 NPG-72 Drum Unit color 感光鼓组件、彩色、印量270000（适用于7700系列）</t>
  </si>
  <si>
    <t>【佳能】复合机感光鼓 NPG-72 Drum Unit BK 感光鼓组件、黑色、印量843000（适用于7700系列）</t>
  </si>
  <si>
    <t>【佳能】粉盒 NPG-54 TONER BLACK 墨粉、黑色、印量56000（适用于6700系列）</t>
  </si>
  <si>
    <t>【佳能】分页装订处理器 AA1 可实现角订、双订，手动装订、无订装订、出纸容量3250张-适用于3700系列</t>
  </si>
  <si>
    <t>【佳能】内置装订处理器 NZZD-K1 可实现角订、双订，出纸容量600张-适用于3700系列</t>
  </si>
  <si>
    <t>【佳能】鞍式分页装订处理器 ASZD-AA1 可实现角订、双订，手动装订、无订装订、骑马装订、出纸容量3250张-适用于3700系列</t>
  </si>
  <si>
    <t>【佳能】鞍式分页装订处理器 ASZD-Y1 可实现角订、双订，手动装订、无订装订、出纸容量3250张-适用于4700系列</t>
  </si>
  <si>
    <t>【佳能】内置装订处理器 NZZD-J1 可实现角订、双订，出纸容量600张-适用于4700系列</t>
  </si>
  <si>
    <t>【佳能】内置装订处理器 KH1 可实现角订、双订，出纸容量600张-适用于5700系列</t>
  </si>
  <si>
    <t>【余晓明】宣恩县A套餐礼包\原味腊肠500g*2、腊肉500g*2、手工压榨菜籽油4.8L、精选香菇250g、黄豆腐竹220g*4袋、覃家坪大米5kg</t>
  </si>
  <si>
    <t>GNWZBP(TH)ZECG2020-168</t>
  </si>
  <si>
    <t>国家能源e购商城2020年度北京配送宣恩县套餐礼包商城铺货长协采购框架合同</t>
  </si>
  <si>
    <t>【余晓明】宣恩县B套餐礼包\原味腊肠500g*2、腊肉500g*2、黑豆油750ml*2、精选香菇250g、精选黑木耳250g、覃家坪大米2.5kg*2</t>
  </si>
  <si>
    <t>【余晓明】宣恩县C套餐礼包\禧月上弦月饼1盒、原味腊肠500g*2、覃家坪大米5kg、黄豆油2L*2、黄豆腐竹220g*4袋、精选香菇250g</t>
  </si>
  <si>
    <t>【北电】齿轮传动组件\JLX69Z/M101\ZGM133N</t>
  </si>
  <si>
    <t>【北电】减速机推力瓦块\JLX69Z\ZGM133N</t>
  </si>
  <si>
    <t>【北电】磨辊轴承大\101MI101-1\ZGM133N</t>
  </si>
  <si>
    <t>【北电】磨辊轴承小\101MI101-2\ZGM133N</t>
  </si>
  <si>
    <t>【北电】磨辊密封件\101MI101A-F-1\ZGM133N</t>
  </si>
  <si>
    <t>【北电】磨辊螺栓\MG10.9\ZGM133N</t>
  </si>
  <si>
    <t>【北电】防磨板1\101MI101-3\ZGM133N</t>
  </si>
  <si>
    <t>【北电】防磨板2\101MI101-4\ZGM133N</t>
  </si>
  <si>
    <t>【北电】防磨板\101MI101-5\ZGM133N</t>
  </si>
  <si>
    <t>【北电】磨盘拆装工具\GJMP101\ZGM133N</t>
  </si>
  <si>
    <t>【北电】推力关节轴承\101MI101-6\ZGM133N</t>
  </si>
  <si>
    <t>【北电】导向块一\20MG60.11.12.07.96J\ZGM133N</t>
  </si>
  <si>
    <t>【北电】导向块二\20MG60.11.12.07.94J\ZGM133N</t>
  </si>
  <si>
    <t>【北电】导向板1\101MI101-7\ZGM133N</t>
  </si>
  <si>
    <t>【北电】导向板2\101MI101-8\ZGM133N</t>
  </si>
  <si>
    <t>【北电】磨煤机拉杆密封装置\GXSW-MZY-MF101\ZGM133N</t>
  </si>
  <si>
    <t>【北电】带榫螺栓\20MG60.11.12.07.98J\ZGM133N</t>
  </si>
  <si>
    <t>【北电】带榫螺栓\20MG60.11.12.07.99J\ZGM133N</t>
  </si>
  <si>
    <t>【北电】导向板螺栓\03MG60-1\ZGM133N</t>
  </si>
  <si>
    <t>【北电】导向板螺栓\03MG60-2\ZGM133N</t>
  </si>
  <si>
    <t>【北电】拉杆装置\101MI101-9\ZGM133N</t>
  </si>
  <si>
    <t>【北电】磨环托盘\20MG62.11.08.01JF\ZGM133N</t>
  </si>
  <si>
    <t>【北电】刮板装置\101MI101A-F-3\ZGM133N</t>
  </si>
  <si>
    <t>【北电】通丝螺栓\101-MI-101-1\ZGM133N</t>
  </si>
  <si>
    <t>【北电】双头螺栓\101-MI-101-2\ZGM133N</t>
  </si>
  <si>
    <t>【北电】丝杠\101-MI-101-2-2\ZGM133N</t>
  </si>
  <si>
    <t>【北电】喷嘴动环\MG62.11.08.03\ZGM133N</t>
  </si>
  <si>
    <t>【北电】旋转喷嘴\20MG62.11.08.92\ZGM133N</t>
  </si>
  <si>
    <t>【北电】耐磨板\20MG62.12.10.30\ZGM133N</t>
  </si>
  <si>
    <t>【北电】主电机联轴器弹性套及销柱\101MI101003\ZGM133N</t>
  </si>
  <si>
    <t>【北电】分离器炭精环\BD12MG50.15X.06.93\ZGM133N</t>
  </si>
  <si>
    <t>【北电】旋转分离器转子\MG60BJDLl-01\ZGM133N</t>
  </si>
  <si>
    <t>【北电】选粉器小减速机输入齿轮\BJD12MG50\ZGM133N</t>
  </si>
  <si>
    <t>【北电】中速磨煤机旋转分离器主轴承\101-MI-101-3\ZGM133N</t>
  </si>
  <si>
    <t>【北电】中速磨煤机旋转分离器密封件\101-MI-101-4\ZGM133N</t>
  </si>
  <si>
    <t>【北电】滚柱小车\MG50.51.30\ZGM133N</t>
  </si>
  <si>
    <t>【北电】旋转分离器减速机油封盖\XZFLQ-101\ZGM133N</t>
  </si>
  <si>
    <t>【北电】旋转分离器传动组件\ZGM133N-01\ZGM133N</t>
  </si>
  <si>
    <t>【北电】分离器减速机\101MI101012\ZGM133N</t>
  </si>
  <si>
    <t>【北电】分离器小齿轮\101MI101011\ZGM133N</t>
  </si>
  <si>
    <t>【北电】液压油缸3接头\101MI101011-1\ZGM133N</t>
  </si>
  <si>
    <t>【北电】油站电加热器\22MG00.21.20\ZGM133N</t>
  </si>
  <si>
    <t>【北电】油泵\MG60.20.02\ZGM133N</t>
  </si>
  <si>
    <t>【北电】液压油泵\101MI101A-F-5\ZGM133N</t>
  </si>
  <si>
    <t>【北电】液压缸固定螺栓\101MI101MG63\ZGM133N</t>
  </si>
  <si>
    <t>【北电】供油滤油器滤芯\20MG60.21.34.01\ZGM133N</t>
  </si>
  <si>
    <t>【北电】回油滤油器滤芯\20MG60.21.30.01\ZGM133N</t>
  </si>
  <si>
    <t>【北电】排渣箱用电磁换向阀\101MI101-GYZ 4-25\ZGM133N</t>
  </si>
  <si>
    <t>【北电】加载油缸密封件\101-MI-101-5\ZGM133N</t>
  </si>
  <si>
    <t>【北电】液压缸密封件\101MI101A-F-6\ZGM133N</t>
  </si>
  <si>
    <t>【北电】稀油站水冷器密封件\20MG60.20.01\ZGM133N</t>
  </si>
  <si>
    <t>【北电】高压胶管\101MI101-KYG-18\ZGM133N</t>
  </si>
  <si>
    <t>【北电】高压胶管\101MI101-KYG-45\ZGM133N</t>
  </si>
  <si>
    <t>【北电】液压回路测压件\HUCE-YB2.5\ZGM133N</t>
  </si>
  <si>
    <t>【北电】加载力测压件\JZYG-YLB\ZGM133N</t>
  </si>
  <si>
    <t>【北电】液压泵测压件\BCK-YLB\ZGM133N</t>
  </si>
  <si>
    <t>【北电】储能器皮囊\ZGQ-101\ZGM133N</t>
  </si>
  <si>
    <t>【北电】含蓄能器加载油缸\101MI101-11\ZGM133N</t>
  </si>
  <si>
    <t>【北电】电磁换向阀\DHA-0751/2/M21\ZGM133N</t>
  </si>
  <si>
    <t>【北电】电磁换向阀\DHA-0751/2/PA-M23\ZGM133N</t>
  </si>
  <si>
    <t>【北电】液压油缸密封件\101-X-101\DPG60\ZGM133N</t>
  </si>
  <si>
    <t>【北电】溢流阀\40MG00.21.16\ZGM133N</t>
  </si>
  <si>
    <t>【北电】溢流阀\41MG00.21.16\ZGM133N</t>
  </si>
  <si>
    <t>【北电】稀油站换向阀\20MG60.20.04\ZGM133N</t>
  </si>
  <si>
    <t>【北电】溢流阀\44MG00.21.16\ZGM133N</t>
  </si>
  <si>
    <t>【北电】选择球阀\35MG00.21.18\ZGM133N</t>
  </si>
  <si>
    <t>【北电】截止阀\GCT-04/GYZ 4-25\ZGM133N</t>
  </si>
  <si>
    <t>【北电】溢流阀\MRV-02-P-3-B/133\ZGM133N</t>
  </si>
  <si>
    <t>【北电】溢流阀\MRV-03-B-3-B/133\ZGM133N</t>
  </si>
  <si>
    <t>【北电】单向阀\CRG-03-05-20/133\ZGM133N</t>
  </si>
  <si>
    <t>【北电】单向阀\MCV-02-P-05/133\ZGM133N</t>
  </si>
  <si>
    <t>【北电】单向阀\MCV-03-P-05/133\ZGM133N</t>
  </si>
  <si>
    <t>【北电】流量阀\QV-06/16/105A110\ZGM133N</t>
  </si>
  <si>
    <t>【北电】三通选择球阀\BK3 G3/4 8123/133\ZGM133N</t>
  </si>
  <si>
    <t>【北电】电加热器\35MG00.21.20\ZGM133N</t>
  </si>
  <si>
    <t>【北电】溢流阀\MRV-03-P-3-B\ZGM133N</t>
  </si>
  <si>
    <t>【北电】液动换向阀\105A1101/101-MI-101\ZGM133N</t>
  </si>
  <si>
    <t>【北电】站内蓄能器\MG60.11.14.02\ZGM133N</t>
  </si>
  <si>
    <t>【北电】蓄能器皮囊及密封\MG60.11.14.02.01\ZGM133N</t>
  </si>
  <si>
    <t>【北电】101-X-101皮带减速机\DPG60-Ⅱ\ZGM133N</t>
  </si>
  <si>
    <t>【北电】链节\DPG60-1\ZGM133N</t>
  </si>
  <si>
    <t>【北电】给煤机皮带减速机\DPG60-2\ZGM133N</t>
  </si>
  <si>
    <t>【北电】皮带减速机蜗轮\101X101003\DPG60\ZGM133N</t>
  </si>
  <si>
    <t>【北电】给煤机清扫连减速机\S77R47-1089-W-A\DPG60\ZGM133N</t>
  </si>
  <si>
    <t>【北电】101-X-101插板减速机\S77R47-Y0.55KW-4P-1089-W-A\ZGM133N</t>
  </si>
  <si>
    <t>【北电】给煤机清扫链减速机\DPG60 \DPG60\ZGM133N</t>
  </si>
  <si>
    <t>【北电】拉紧套组\101001\DPG60\ZGM133N</t>
  </si>
  <si>
    <t>【北电】皮带机过度托辊\101X101002\DPG60\ZGM133N</t>
  </si>
  <si>
    <t>【北电】给煤机皮带\W101GJ 10mm\DPG60\ZGM133N</t>
  </si>
  <si>
    <t>【北电】减速机成套轴承\E250G\ZGM123G</t>
  </si>
  <si>
    <t>【北电】减速机输入轴(含齿轮)\E250MX\ZGM123G</t>
  </si>
  <si>
    <t>【北电】减速机传动销\SXJ180-1\ZGM123G</t>
  </si>
  <si>
    <t>【北电】立式伞齿轮行星齿轮减速机\SXJ180-11\ZGM123G</t>
  </si>
  <si>
    <t>【北电】磨辊轴承(大)\105/106A1101-1\ZGM123G</t>
  </si>
  <si>
    <t>【北电】磨辊轴承(小)\105/106A1101-2\ZGM123G</t>
  </si>
  <si>
    <t>【北电】磨辊密封件\101MI101/105A1101\ZGM123G</t>
  </si>
  <si>
    <t>【北电】磨辊成套连接件\MG53.11.09\ZGM123G</t>
  </si>
  <si>
    <t>【北电】防磨板\105A1101-3\ZGM123G</t>
  </si>
  <si>
    <t>【北电】防磨板\105/106A1101-3\ZGM123G</t>
  </si>
  <si>
    <t>【北电】磨辊加油口压盖组件\101MI101-12\ZGM123G</t>
  </si>
  <si>
    <t>【北电】磨辊密封风金属软连接管\105A1101-4\ZGM123G</t>
  </si>
  <si>
    <t>【北电】防磨型磨辊密封风管\SW-MGFG-1050-2\ZGM123G</t>
  </si>
  <si>
    <t>【北电】磨辊组件\09MG52.11.09\ZGM123G</t>
  </si>
  <si>
    <t>【北电】磨辊辊架\MG50.11.09.98\ZGM123G</t>
  </si>
  <si>
    <t>【北电】楔形连接件\MG53.11.08.94\ZGM123G</t>
  </si>
  <si>
    <t>【北电】磨辊压架\MG50.11.10\ZGM123G</t>
  </si>
  <si>
    <t>【北电】磨机上拉杆\MG55.11.10.GJZC\ZGM123G</t>
  </si>
  <si>
    <t>【北电】下拉杆\21MG53.11.13\ZGM123G</t>
  </si>
  <si>
    <t>【北电】导向块一\106A1101-4\ZGM123G</t>
  </si>
  <si>
    <t>【北电】导向块二\106A1101-5\ZGM123G</t>
  </si>
  <si>
    <t>【北电】导向板一\106A1101-6\ZGM123G</t>
  </si>
  <si>
    <t>【北电】导向板二\105A1101-7\ZGM123G</t>
  </si>
  <si>
    <t>【北电】磨煤机拉杆密封装置\SW-MZY-MFZZ\ZGM123G</t>
  </si>
  <si>
    <t>【北电】拉杆密封组件\105/106A1101-7\ZGM123G</t>
  </si>
  <si>
    <t>【北电】连接件\09MG52.11.09.30\ZGM123G</t>
  </si>
  <si>
    <t>【北电】连接件\09MG52.11.09.22\ZGM123G</t>
  </si>
  <si>
    <t>【北电】铰轴座\105/106A1101-4\ZGM123G</t>
  </si>
  <si>
    <t>【北电】铰轴\105/106A1101-5\ZGM123G</t>
  </si>
  <si>
    <t>【北电】铰轴\105A1101-8\ZGM123G</t>
  </si>
  <si>
    <t>【北电】导向板固定螺栓\09MG52.11.09.01\ZGM123G</t>
  </si>
  <si>
    <t>【北电】铰轴装置蝶形弹簧\09MG52.11.09.1.1\ZGM123G</t>
  </si>
  <si>
    <t>【北电】刮板装置\01MI101/105A1101\ZGM123G</t>
  </si>
  <si>
    <t>【北电】耐磨板\MQH-12-MF-DXT1\ZGM123G</t>
  </si>
  <si>
    <t>【北电】耐磨短套\MQH-12-MF-DXT2\ZGM123G</t>
  </si>
  <si>
    <t>【北电】耐磨板\MQH-12-MF-DXT3\ZGM123G</t>
  </si>
  <si>
    <t>【北电】耐磨管道\MQH-12-MF-DXT4\ZGM123G</t>
  </si>
  <si>
    <t>【北电】含弹簧炭精密封环\101MI101\ZGM123G</t>
  </si>
  <si>
    <t>【北电】旋转分离器密封件\105A1101-5\ZGM123G</t>
  </si>
  <si>
    <t>【北电】炭精密封环\105/106A1101-8\ZGM123G</t>
  </si>
  <si>
    <t>【北电】含弹簧炭精密封环\105A1101-1\ZGM123G</t>
  </si>
  <si>
    <t>【北电】中速磨煤机旋转分离器主轴承\106A1101-7\ZGM123G</t>
  </si>
  <si>
    <t>【北电】输出齿轮\51MG40.11.15X.09.97\ZGM123G</t>
  </si>
  <si>
    <t>【北电】旋转分离器转子\MG60.11.15X.04/NM550\ZGM123G</t>
  </si>
  <si>
    <t>【北电】连接件\200MG41.11.15X 10.9\ZGM123G</t>
  </si>
  <si>
    <t>【北电】滚柱小车\11MG50.51.21\ZGM123G</t>
  </si>
  <si>
    <t>【北电】回转支承\011-40-800 105-S-1701\ZGM123G</t>
  </si>
  <si>
    <t>【北电】T型头螺栓\MG50.32.89\ZGM123G</t>
  </si>
  <si>
    <t>【北电】加载油缸密封圈\105/106A1101-9\ZGM123G</t>
  </si>
  <si>
    <t>【北电】液压油站及油站管路密封件\GYZ-3-25\ZGM123G</t>
  </si>
  <si>
    <t>【北电】扣压式胶管\105/106A1101-KYG-16\ZGM123G</t>
  </si>
  <si>
    <t>【北电】扣压式胶管\105/106A1101-KYG-45\ZGM123G</t>
  </si>
  <si>
    <t>【北电】加载油缸组件\24MG50.11.14\ZGM123G</t>
  </si>
  <si>
    <t>【北电】加载油缸蓄能器内胆\105A1101-2\ZGM123G</t>
  </si>
  <si>
    <t>【北电】齿轮泵\105/106A1101-6\ZGM123G</t>
  </si>
  <si>
    <t>【北电】铜轴套\SNS440-R40U12.1\ZGM123G</t>
  </si>
  <si>
    <t>【北电】液压油冷却器\4LQ-4GL304\ZGM123G</t>
  </si>
  <si>
    <t>【北电】油冷器\21MG60.20.07\ZGM123G</t>
  </si>
  <si>
    <t>【北电】主杆\MG50.20.06\ZGM123G</t>
  </si>
  <si>
    <t>【北电】从杆\MG50.20.06.01\ZGM123G</t>
  </si>
  <si>
    <t>【北电】联轴器弹性块六爪梅花\20MG50.21.01.01.01\ZGM123G</t>
  </si>
  <si>
    <t>【北电】双筒磁性网式过滤器滤芯\35MG50.20.03.02\ZGM123G</t>
  </si>
  <si>
    <t>【北电】螺杆泵\MG50.20.02\ZGM123G</t>
  </si>
  <si>
    <t>【北电】机械密封\35MG50.20.02.01\ZGM123G</t>
  </si>
  <si>
    <t>【北电】加载油缸绞轴座\24MG50.11.14.29\ZGM123G</t>
  </si>
  <si>
    <t>【北电】从动轮\DPG60\105/106X1101-1\ZGM123G</t>
  </si>
  <si>
    <t>【北电】清扫连主链轮\DPG60\105/106X1101-2\ZGM123G</t>
  </si>
  <si>
    <t>【北电】清扫链从动轮链轮\DPG60\105/106X1101-3\ZGM123G</t>
  </si>
  <si>
    <t>【北电】给煤机皮带联轴器\DPG60\105/106X1101-4\ZGM123G</t>
  </si>
  <si>
    <t>【北电】给煤机清扫链联轴器弹性元件\DPG60-3\ZGM123G</t>
  </si>
  <si>
    <t>【北电】给煤机皮带\DPG60-4\ZGM123G</t>
  </si>
  <si>
    <t>【北电】螺杆泵\20MG23.20.02\ZGM123G</t>
  </si>
  <si>
    <t>【北电】清扫链\DPG60-5\ZGM123G</t>
  </si>
  <si>
    <t>【北电】皮带电机联轴器\55×55/45×90 LM6\ZGM123G</t>
  </si>
  <si>
    <t>【北电】锥齿轮\JLX25ZB-1001/01\ZGM80N</t>
  </si>
  <si>
    <t>【北电】防磨板\20MG32.11.09.61\ZGM80N</t>
  </si>
  <si>
    <t>【北电】磨辊呼吸器\20MG32.11.09.02\ZGM80N</t>
  </si>
  <si>
    <t>【北电】轴套\20MG32.11.09.33\ZGM80N</t>
  </si>
  <si>
    <t>【北电】磨辊密封风管\21MG20.11.23\ZGM80N</t>
  </si>
  <si>
    <t>【北电】O型圈\20MG23.11.09J 9\ZGM80N</t>
  </si>
  <si>
    <t>【北电】磨辊用径向油封\20MG20.11.09.36\ZGM80N</t>
  </si>
  <si>
    <t>【北电】楔环\20MG23.11.095\ZGM80N</t>
  </si>
  <si>
    <t>【北电】螺栓\MG10.11.07.99\ZGM80K</t>
  </si>
  <si>
    <t>【北电】联轴节保护罩\20MG20.11.02.01\ZGM80K</t>
  </si>
  <si>
    <t>【北电】半联轴器\20MG20.11.02.99\ZGM80K</t>
  </si>
  <si>
    <t>【北电】半联轴器\200MG21.11.02.96\ZGM80K</t>
  </si>
  <si>
    <t>【北电】定距环\20MG20.11.13.97\ZGM80K</t>
  </si>
  <si>
    <t>【北电】测量标尺\200MG21.11.13.02\ZGM80K</t>
  </si>
  <si>
    <t>【北电】接近开关\21MG20.11.13.03\ZGM80K</t>
  </si>
  <si>
    <t>【北电】卡板\20MG20.11.13.95\ZGM80K</t>
  </si>
  <si>
    <t>【北电】销轴\20MG20.11.13.96\ZGM80K</t>
  </si>
  <si>
    <t>【北电】高压过滤器\ET3NA09B-H10-E50\ZGM80K</t>
  </si>
  <si>
    <t>【北电】冷却器\200MG20.20.07\ZGM80K</t>
  </si>
  <si>
    <t>【北电】电磁换向阀\38MG00.21.12\ZGM80K</t>
  </si>
  <si>
    <t>【北电】溢流阀\MRV-03A3\ZGM80K</t>
  </si>
  <si>
    <t>【北电】齿轮泵\PFG327-D/RO\ZGM80K</t>
  </si>
  <si>
    <t>【北电】稀油站密封件\XYZ120-L\ZGM80K</t>
  </si>
  <si>
    <t>【北电】低压止回阀\H41H-16C DN50\ZGM80K</t>
  </si>
  <si>
    <t>【北电】手动对夹蝶阀\D71X-DN65\ZGM80K</t>
  </si>
  <si>
    <t>【北电】换向阀\SF65\ZGM80K</t>
  </si>
  <si>
    <t>【北电】双室过滤器滤网\20MG20.20.03.02\ZGM80K</t>
  </si>
  <si>
    <t>【北电】双针双管压力表\20MG00.21.05\ZGM80K</t>
  </si>
  <si>
    <t>【北电】减速机轴承\JX12.10.17\ZGM80K</t>
  </si>
  <si>
    <t>【圣华盾】羽绒内胆冲锋衣</t>
  </si>
  <si>
    <t>圣华盾服饰有限公司</t>
  </si>
  <si>
    <t>圣华盾</t>
  </si>
  <si>
    <t>国家能源e购商城圣华盾工装长协采购铺货采购合同</t>
  </si>
  <si>
    <t>圣华盾防护科技股份有限公司</t>
  </si>
  <si>
    <t>【圣华盾】防寒服套装(六件套)</t>
  </si>
  <si>
    <t>【圣华盾】电厂夏短袖</t>
  </si>
  <si>
    <t>【圣华盾】电厂夏长袖</t>
  </si>
  <si>
    <t>【圣华盾】电厂春秋装</t>
  </si>
  <si>
    <t>【圣华盾】电厂羽绒服</t>
  </si>
  <si>
    <t>【圣华盾】冲锋衣(外壳)</t>
  </si>
  <si>
    <t>【圣华盾】男士商务夹克</t>
  </si>
  <si>
    <t>【圣华盾】女士风衣两件套装</t>
  </si>
  <si>
    <t>【圣华盾】冲锋衣内胆(摇粒绒)</t>
  </si>
  <si>
    <t>【圣华盾】冲锋衣内胆(3M新雪丽)</t>
  </si>
  <si>
    <t>【圣华盾】井下参观春秋装</t>
  </si>
  <si>
    <t>【圣华盾】地面夏季工作服</t>
  </si>
  <si>
    <t>【圣华盾】地面春秋装</t>
  </si>
  <si>
    <t>【圣华盾】夏季工作服</t>
  </si>
  <si>
    <t>【圣华盾】春秋季工作服</t>
  </si>
  <si>
    <t>【圣华盾】冬季工作服</t>
  </si>
  <si>
    <t>【圣华盾】短款羽绒服</t>
  </si>
  <si>
    <t>【圣华盾】一次性医用防护服</t>
  </si>
  <si>
    <t>【圣华盾】一次性民用防护服</t>
  </si>
  <si>
    <t>【圣华盾】连体隔离衣</t>
  </si>
  <si>
    <t>【圣华盾】后扣式隔离衣</t>
  </si>
  <si>
    <t>【圣华盾】后扣式手术衣</t>
  </si>
  <si>
    <t>【圣华盾】井下作业春秋装</t>
  </si>
  <si>
    <t>【上海电气】1型六角螺母\0.1200A-90-M36X3</t>
  </si>
  <si>
    <t>【上海电气】波形管P.PDL-A1531\A153.06.33.10G01</t>
  </si>
  <si>
    <t>【上海电气】缠绕型垫圈φ220Xφ180X4.5\159.60.01.09</t>
  </si>
  <si>
    <t>【上海电气】弹簧\A153.06.33.17</t>
  </si>
  <si>
    <t>【上海电气】垫片\A156.60.01.24</t>
  </si>
  <si>
    <t>【上海电气】垫片\153.06.33.32</t>
  </si>
  <si>
    <t>【上海电气】法兰\0.2540-93-DN50</t>
  </si>
  <si>
    <t>【上海电气】高压进汽插管\159.01.71.13G01</t>
  </si>
  <si>
    <t>【上海电气】固定块\A159.30.62.10</t>
  </si>
  <si>
    <t>【上海电气】红纸板_中压板宽1.76m_2mm\19001424</t>
  </si>
  <si>
    <t>【上海电气】螺钉\W1068.4-M16X30</t>
  </si>
  <si>
    <t>【上海电气】内六角螺钉\W1050.2-M33X3X115</t>
  </si>
  <si>
    <t>【上海电气】汽封环\A153.06.33.16</t>
  </si>
  <si>
    <t>【上海电气】汽封环\A153.06.33.18</t>
  </si>
  <si>
    <t>【上海电气】球面垫圈\W1316.1-45</t>
  </si>
  <si>
    <t>【上海电气】球面垫圈\W1316.1-39</t>
  </si>
  <si>
    <t>【上海电气】油封环\SH08J3.17.01.13G01</t>
  </si>
  <si>
    <t>【上海电气】圆柱形压缩弹簧\180.70.01.17</t>
  </si>
  <si>
    <t>【上海电气】专用销\W1504.2-8.74X50</t>
  </si>
  <si>
    <t>【戴尔】台式机电脑/OptiPlex 5080SFF/i7-10代/8G/256G固态+1T机械/2G独显/23.8英寸显示器/无光驱/Windows 10 home/3年质保</t>
  </si>
  <si>
    <t>【戴尔】台式机电脑/OptiPlex 5080SFF/i7-10代/8G/256G固态+1T机械/2G独显/23.8英寸显示器/无光驱/Windows 10 Pro专业版 /3年质保</t>
  </si>
  <si>
    <t>【戴尔】台式机电脑/OptiPlex 7080MT/i7-10代/32G/512G固态+2T机械/4G独显/27英寸2K显示器/无光驱/Windows 10 Pro专业版 /3年质保</t>
  </si>
  <si>
    <t>【戴尔】台式机主机/OptiPlex 5080SFF/i7-10代/8G/256G固态+1T机械/2G独显/无显示器/无光驱/Windows 10 home /3年质保</t>
  </si>
  <si>
    <t>【戴尔】台式机主机/OptiPlex 5080SFF/i7-10代/8G/256G固态+1T机械/2G独显/无显示器/无光驱/Windows 10 Pro专业版/3年质保</t>
  </si>
  <si>
    <t>【戴尔】台式机主机/OptiPlex 7080MT/i7-10代/32G/512G固态+2T机械/4G独显/无显示器/无光驱/Windows 10 Pro专业版/3年质保</t>
  </si>
  <si>
    <t>【戴尔】台式图形工作站/Precision T5820/Intel Xeon Skylake-W W-2123/32GB/512GB+1TB/显卡5GB GDDR5/23.8英寸显示器/Windows 10 Pro专业版/5年质保</t>
  </si>
  <si>
    <t>【戴尔】笔记本电脑/Latitude 5510/i7-10代/8G/512G固态/2G独显/15.6英寸/分辨率1920*1080/Windows 10 Pro专业版/5年质保</t>
  </si>
  <si>
    <t>【戴尔】笔记本电脑/Latitude 5410/i5-10代/8G/512G固态/14英寸/分辨率1920*1080/Windows 10 home/1年质保</t>
  </si>
  <si>
    <t>【戴尔】笔记本电脑/Latitude 5410/i5-10代/8G/512G固态/14英寸/分辨率1920*1080/Windows 10 Pro专业版/1年质保</t>
  </si>
  <si>
    <t>【戴尔】笔记本电脑/Latitude 5410/i5-10代/8G/512G固态/2G独显/14英寸/分辨率1920*1080/Windows 10 home/1年质保</t>
  </si>
  <si>
    <t>【戴尔】笔记本电脑/Latitude 5410/i5-10代/8G/512G固态/2G独显/14英寸/分辨率1920*1080/Windows 10 Pro专业版/1年质保</t>
  </si>
  <si>
    <t>【戴尔】笔记本电脑/Latitude 5410/i5-10代/16G/256G固态/14英寸/分辨率1920*1080/Windows 10 home/1年质保</t>
  </si>
  <si>
    <t>【戴尔】笔记本电脑/Latitude 5410/i5-10代/16G/256G固态/14英寸/分辨率1920*1080/Windows 10 Pro专业版/1年质保</t>
  </si>
  <si>
    <t>【戴尔】笔记本电脑/Latitude 5410/i5-10代/16G/512G固态/14英寸/分辨率1920*1080/Windows 10 home/1年质保</t>
  </si>
  <si>
    <t>【戴尔】笔记本电脑/Latitude 5410/i5-10代/16G/512G固态/14英寸/分辨率1920*1080/Windows 10 Pro专业版/1年质保</t>
  </si>
  <si>
    <t>【戴尔】笔记本电脑/Latitude 5410/i7-10代/8G/256G固态/14英寸/分辨率1920*1080/Windows 10 home/1年质保</t>
  </si>
  <si>
    <t>【戴尔】笔记本电脑/Latitude 5410/i7-10代/8G/256G固态/14英寸/分辨率1920*1080/Windows 10 Pro专业版/1年质保</t>
  </si>
  <si>
    <t>【戴尔】笔记本电脑/Latitude 7410/i7-10代/8G/512G固态/14英寸/分辨率1920*1080/Windows 10 home/3年质保</t>
  </si>
  <si>
    <t>【戴尔】笔记本电脑/Latitude 7410/i7-10代/8G/512G固态/14英寸/分辨率1920*1080/Windows 10 Pro专业版/3年质保</t>
  </si>
  <si>
    <t>【戴尔】笔记本电脑/Latitude 7410/i7-10代/16G/256G固态/14英寸/分辨率1920*1080/Windows 10 home/3年质保</t>
  </si>
  <si>
    <t>【戴尔】笔记本电脑/Latitude 7410/i7-10代/16G/256G固态/14英寸/分辨率1920*1080/Windows 10 Pro专业版/3年质保</t>
  </si>
  <si>
    <t>【戴尔】笔记本电脑/Latitude 7410/i7-10代/16G/512G固态/14英寸/分辨率1920*1080/Windows 10 home/3年质保</t>
  </si>
  <si>
    <t>【戴尔】笔记本电脑/Latitude 7410/i7-10代/16G/512G固态/14英寸/分辨率1920*1080/Windows 10 Pro专业版/3年质保</t>
  </si>
  <si>
    <t>【戴尔】笔记本电脑/Latitude 7410二合一/i7-10代/32G/512G固态/14英寸/分辨率1920*1080/Windows 10 home/3年质保</t>
  </si>
  <si>
    <t>【戴尔】笔记本电脑/Latitude 7410二合一/i7-10代/32G/512G固态/14英寸/分辨率1920*1080/Windows 10 Pro专业版/3年质保</t>
  </si>
  <si>
    <t>【戴尔】一体机电脑/OptiPlex 5480  AIO/i5-10代/8G/1T机械/23.8英寸显示器/Windows 10 home/3年质保</t>
  </si>
  <si>
    <t>【戴尔】一体机电脑/OptiPlex 5480  AIO/i5-10代/8G/1T机械/23.8英寸显示器/Windows 10 Pro专业版 /3年质保</t>
  </si>
  <si>
    <t>【戴尔】一体机电脑/ OptiPlex 7480 AIO/i7-10代/16G/128G固态+1T机械/23.8英寸显示器/Windows 10 home/3年质保</t>
  </si>
  <si>
    <t>【戴尔】一体机电脑/ OptiPlex 7480 AIO/i7-10代/16G/128G固态+1T机械/23.8英寸显示器/Windows 10 Pro专业版/3年质保</t>
  </si>
  <si>
    <t>【戴尔】一体机电脑/ OptiPlex 7480 AIO/i7-10代/16G/512G固态+1T机械/23.8英寸显示器/触控屏/Windows 10 home /3年质保</t>
  </si>
  <si>
    <t>【戴尔】一体机电脑/OptiPlex 7480 AIO/i7-10代/16G/512G固态+1T机械/23.8英寸显示器/触控屏/Windows 10 Pro专业版/3年质保</t>
  </si>
  <si>
    <t>【东方锅炉】金属膨胀节\TG66105-2002(16S6633-5-0)\P=50.0kpa,500.0mm\316L</t>
  </si>
  <si>
    <t>【特固兰】人员防坠锁扣\LSS-8</t>
  </si>
  <si>
    <t>特固兰</t>
  </si>
  <si>
    <t>GNWZBP(TH)ZYCG2020-180</t>
  </si>
  <si>
    <t>2020年度集团级特固兰免爬器备件长协采购</t>
  </si>
  <si>
    <t>【特固兰】人员防坠滑块\TL-R060</t>
  </si>
  <si>
    <t>【特固兰】便携式电池组件\TLD-DC-00</t>
  </si>
  <si>
    <t>【特固兰】手持遥控器\TLD-YKQ-00</t>
  </si>
  <si>
    <t>【特固兰】充电器\4.2V/1A</t>
  </si>
  <si>
    <t>【特固兰】护线轮组件\TLD-09-00-C</t>
  </si>
  <si>
    <t>【特固兰】减速挡板\TLD-JSDB-01</t>
  </si>
  <si>
    <t>【特固兰】防刮组件\TLD-16-00</t>
  </si>
  <si>
    <t>【特固兰】驱动系统\TLD-02-01-D</t>
  </si>
  <si>
    <t>【特固兰】带轴套驱动连接架\TLD-02-12-A</t>
  </si>
  <si>
    <t>【特固兰】贯穿从动轮轴\TLD-02-11</t>
  </si>
  <si>
    <t>【特固兰】从动轮\TLD-02-10</t>
  </si>
  <si>
    <t>【特固兰】驱动轮\TLD-02-09</t>
  </si>
  <si>
    <t>【特固兰】驱动轮铝垫圈\TLD-02-08</t>
  </si>
  <si>
    <t>【特固兰】减速机主轴\TLD-02-07</t>
  </si>
  <si>
    <t>【特固兰】防脱套管\TLD-02-06</t>
  </si>
  <si>
    <t>【特固兰】驱动外壳\TLD-02-03-C</t>
  </si>
  <si>
    <t>【特固兰】驱动安装主板\TLD-02-01-C</t>
  </si>
  <si>
    <t>【特固兰】减速机\NMRV075-40(90B5)</t>
  </si>
  <si>
    <t>【特固兰】制动电阻垫套\TLD-02-13</t>
  </si>
  <si>
    <t>【特固兰】电动机\Y90S-4</t>
  </si>
  <si>
    <t>【特固兰】制动电阻\RXLG300W150RJ</t>
  </si>
  <si>
    <t>【特固兰】压绳轮组件\TLD-YJ-00</t>
  </si>
  <si>
    <t>【特固兰】升降车体K\TLD-03-00-K</t>
  </si>
  <si>
    <t>【特固兰】导轮\TLD-W75-φ65</t>
  </si>
  <si>
    <t>【特固兰】压线板\TLD-03-38-A</t>
  </si>
  <si>
    <t>【特固兰】防脱器垫板\TLD-03-37</t>
  </si>
  <si>
    <t>【特固兰】防脱器轴\TLD-03-35</t>
  </si>
  <si>
    <t>【特固兰】防脱轴固定座\TLD-03-34</t>
  </si>
  <si>
    <t>【特固兰】钢丝绳限位托架\TLD-03-33</t>
  </si>
  <si>
    <t>【特固兰】钢丝绳限位托架\TLD-03-32</t>
  </si>
  <si>
    <t>【特固兰】钢丝绳护套\TLD-03-31</t>
  </si>
  <si>
    <t>【特固兰】弹簧压紧帽\TLD-03-29</t>
  </si>
  <si>
    <t>【特固兰】按钮垫块\TLD-03-28</t>
  </si>
  <si>
    <t>【特固兰】挂点轴套管B\TLD-03-26-B</t>
  </si>
  <si>
    <t>【特固兰】发射主机安装支架\TLD-03-21C</t>
  </si>
  <si>
    <t>【特固兰】天线压板\TLD-03-18</t>
  </si>
  <si>
    <t>【特固兰】隔套\TLD-03-16-D</t>
  </si>
  <si>
    <t>【特固兰】轨道轮轴\TLD-03-15-C</t>
  </si>
  <si>
    <t>【特固兰】车体开关触动板\TLD-03-14</t>
  </si>
  <si>
    <t>【特固兰】挂点加强盖板\TLD-03-13-B</t>
  </si>
  <si>
    <t>【特固兰】挂点滑轮\TLD-03-12-B</t>
  </si>
  <si>
    <t>【特固兰】挂点支撑轴\TLD-03-11-B</t>
  </si>
  <si>
    <t>【特固兰】电池外部安装盒\TLD-DC-0013</t>
  </si>
  <si>
    <t>【特固兰】踏板轴\TLD-03-09</t>
  </si>
  <si>
    <t>【特固兰】弯管把手\TLD-03-08</t>
  </si>
  <si>
    <t>【特固兰】车体上盖\TLD-03-06-B</t>
  </si>
  <si>
    <t>【特固兰】车体面板\TLD-03-05-B</t>
  </si>
  <si>
    <t>【特固兰】车体外壳\TLD-03-04-D</t>
  </si>
  <si>
    <t>【特固兰】踏板焊接组件\TLD-03-02-00-E</t>
  </si>
  <si>
    <t>【特固兰】踏板焊接组件\TLD-03-03-00-E</t>
  </si>
  <si>
    <t>【特固兰】车体支撑焊接组件\TLD-03-01-00-E</t>
  </si>
  <si>
    <t>【特固兰】上按手柄\SA00</t>
  </si>
  <si>
    <t>【特固兰】行程开关摇杆弹簧\JLXK1-511</t>
  </si>
  <si>
    <t>【特固兰】角接触球轴承\7002</t>
  </si>
  <si>
    <t>【特固兰】深沟球轴承\606</t>
  </si>
  <si>
    <t>【特固兰】点动开关\HS16H-10/J/N</t>
  </si>
  <si>
    <t>【特固兰】点动开关\HS12H-10/J/N</t>
  </si>
  <si>
    <t>【特固兰】指示灯\HS6F-LED/N/R/6N</t>
  </si>
  <si>
    <t>【特固兰】急停开关\YJ139-LA38A</t>
  </si>
  <si>
    <t>【特固兰】开关\YBLX-ME8108</t>
  </si>
  <si>
    <t>【特固兰】三档旋钮开关\LA38-11X/3</t>
  </si>
  <si>
    <t>【特固兰】吸盘天线\XPL-100</t>
  </si>
  <si>
    <t>【特固兰】小车电路板\X003</t>
  </si>
  <si>
    <t>【特固兰】安全锁垫板\TLD-03-36</t>
  </si>
  <si>
    <t>【特固兰】安全锁\OSL-306</t>
  </si>
  <si>
    <t>【特固兰】顶轮组件\TLD-04-00-C</t>
  </si>
  <si>
    <t>【特固兰】硬限位组件\TLD-05-00-B</t>
  </si>
  <si>
    <t>【特固兰】顶部限位触动板\TLD-DBXW-01A</t>
  </si>
  <si>
    <t>【特固兰】电控系统\TLD-10-00-F</t>
  </si>
  <si>
    <t>【特固兰】保护器压板\TLD-10-09</t>
  </si>
  <si>
    <t>【特固兰】电控箱天线固定座\TLD-10-07</t>
  </si>
  <si>
    <t>【特固兰】电控箱衬板\TLD-10-03-E</t>
  </si>
  <si>
    <t>【特固兰】电控箱门\TLD-10-02-E</t>
  </si>
  <si>
    <t>【特固兰】电控箱\TLD-10-01-E</t>
  </si>
  <si>
    <t>【特固兰】电路板屏蔽罩\TLD-10-11</t>
  </si>
  <si>
    <t>【特固兰】控制板\KOO3</t>
  </si>
  <si>
    <t>【特固兰】重载连接器\HDC-HE-016M-2</t>
  </si>
  <si>
    <t>【特固兰】变频器\GT20-1R5G-S2</t>
  </si>
  <si>
    <t>【特固兰】开关电源\RID-50B</t>
  </si>
  <si>
    <t>【特固兰】点动按钮\LA38-11</t>
  </si>
  <si>
    <t>【特固兰】两档旋钮开关\LA38-11X/2</t>
  </si>
  <si>
    <t>【特固兰】继电器\JZX-22F</t>
  </si>
  <si>
    <t>【特固兰】漏电保护器\NXBLE-40 C10 1P+N 30mA</t>
  </si>
  <si>
    <t>【特固兰】接触器\cjx2-1210</t>
  </si>
  <si>
    <t>【特固兰】启动按钮\LAY5-BA31</t>
  </si>
  <si>
    <t>【特固兰】停止按钮\LAY5-BA42</t>
  </si>
  <si>
    <t>【特固兰】急停开关开孔\YJ139-LA38</t>
  </si>
  <si>
    <t>【特固兰】指示灯\ZSD06A</t>
  </si>
  <si>
    <t>【特固兰】指示灯\ZSD06</t>
  </si>
  <si>
    <t>【特固兰】航空插头\WS16-2JTQ+WS16-2KZ</t>
  </si>
  <si>
    <t>【特固兰】控制箱单线束插头\K003-KZXXS</t>
  </si>
  <si>
    <t>【特固兰】钢丝绳上部支架组件\TLD-AQSJ-00</t>
  </si>
  <si>
    <t>【特固兰】摆臂式涨紧轮组件\TLD-17-00-C</t>
  </si>
  <si>
    <t>【特固兰】轮垫板\TLD-01-04-D</t>
  </si>
  <si>
    <t>【特固兰】导轮\TLD-01-06-B</t>
  </si>
  <si>
    <t>【特固兰】涨紧轮导轴\TLD-17-07-B</t>
  </si>
  <si>
    <t>【特固兰】涨紧底轮垫圈\TLD-17-08-A</t>
  </si>
  <si>
    <t>【特固兰】受压板\TLD-SYB-001-A</t>
  </si>
  <si>
    <t>【特固兰】上转轴套管\TLD-SZTG-01</t>
  </si>
  <si>
    <t>【特固兰】弹簧杆\TLD-THG-001A</t>
  </si>
  <si>
    <t>【特固兰】弹簧套管\TLD-THTG-01-A</t>
  </si>
  <si>
    <t>【特固兰】涨紧轮盖板\TLD-ZJGB-01-A</t>
  </si>
  <si>
    <t>【特固兰】涨紧轮盖板\TLD-ZJGB-02-A</t>
  </si>
  <si>
    <t>【特固兰】涨紧轮上支架\TLD-ZJSJ-01-A</t>
  </si>
  <si>
    <t>【特固兰】涨紧轮下支架\TLD-ZJXJ-01-A</t>
  </si>
  <si>
    <t>【特固兰】主轴套管\TLD-ZZTG-01-A</t>
  </si>
  <si>
    <t>【特固兰】主轴套管\TLD-ZZTG-02</t>
  </si>
  <si>
    <t>【特固兰】底部开关Z型支架\TLD-DBZJ-02A</t>
  </si>
  <si>
    <t>【特固兰】弹簧\φ25*3.5-L200</t>
  </si>
  <si>
    <t>【特固兰】六角头加强杆螺栓\M16*180mm</t>
  </si>
  <si>
    <t>【特固兰】六角头加强杆螺栓\M16*200mm</t>
  </si>
  <si>
    <t>【特固兰】深沟球轴承\6004</t>
  </si>
  <si>
    <t>【特固兰】导轨\TLD-DG75-01-A</t>
  </si>
  <si>
    <t>【特固兰】导轨背板\TLD-DGBB-04</t>
  </si>
  <si>
    <t>【特固兰】导轨定位销\TLD-DWX-005</t>
  </si>
  <si>
    <t>【特固兰】导轨卡子\TLD-DG3030</t>
  </si>
  <si>
    <t>【特固兰】方孔卡子\TLD-FK3030</t>
  </si>
  <si>
    <t>【特固兰】穿心杆组件\TLD-14-00</t>
  </si>
  <si>
    <t>【特固兰】加固角钢组件\TLD-18-00</t>
  </si>
  <si>
    <t>【特固兰】U形加固板\TLD-14-01 (X)</t>
  </si>
  <si>
    <t>【特固兰】顶轮专用卡子\TLD-ZY2530</t>
  </si>
  <si>
    <t>【特固兰】钢丝绳铝套夹头\TLD-PJ-01</t>
  </si>
  <si>
    <t>【特固兰】鸡心套环\TLD-PJ-02</t>
  </si>
  <si>
    <t>【特固兰】钢丝绳夹头\TLD-PJ-03</t>
  </si>
  <si>
    <t>【特固兰】牵引钢丝绳索具\6*19 φ8*1m</t>
  </si>
  <si>
    <t>【特固兰】人员防坠钢丝绳索具\6*19 φ8*1m</t>
  </si>
  <si>
    <t>【特固兰】车体防坠钢丝绳索具\4*31 φ8.3*1m</t>
  </si>
  <si>
    <t>【3S】钢丝绳防坠器\SL-810S\TF000035</t>
  </si>
  <si>
    <t>中际联合（北京）科技股份有限公司</t>
  </si>
  <si>
    <t>GNWZBP(TH)ZYCG2020-182</t>
  </si>
  <si>
    <t>国家能源e购商城 3S免爬器备件铺货采购合同</t>
  </si>
  <si>
    <t>【3S】牵引绳组件\CF-6*19W-6\GS606300</t>
  </si>
  <si>
    <t>【3S】牵引绳组件\CF-6*19W-8\GS608300</t>
  </si>
  <si>
    <t>【3S】车载控制主板\3S-XCKZ-A\DQCF0175</t>
  </si>
  <si>
    <t>【3S】驱动主板\QD-A\DQCF0139</t>
  </si>
  <si>
    <t>【3S】控制主板\KZ-A\DQCF0179</t>
  </si>
  <si>
    <t>【3S】车载发射器组件\WCT-K8T-ZJ\DQ000420</t>
  </si>
  <si>
    <t>【3S】接收控制器组件\WCT-K8R-ZJ\DQ000421</t>
  </si>
  <si>
    <t>【3S】手持控制主板\WCT-K4T-ZJ\DQ000358</t>
  </si>
  <si>
    <t>【3S】电源固定组件\70*82*55\CF035104</t>
  </si>
  <si>
    <t>【3S】便携式电源\BCDQ-819\BCDQ000819</t>
  </si>
  <si>
    <t>【3S】电源适配器\DY-4210\DQ000820</t>
  </si>
  <si>
    <t>【3S】便携式电源接口\DCX-720\BC000720</t>
  </si>
  <si>
    <t>【3S】电源收纳盒\250*210*70\DQ000442</t>
  </si>
  <si>
    <t>【3S】牵引转向顶轮组件\φ160*20*2\CF030205</t>
  </si>
  <si>
    <t>【3S】平台警示模块\BG-399\DQ000399</t>
  </si>
  <si>
    <t>【3S】动力电机组件\B14-ESJD803-4\CF035099</t>
  </si>
  <si>
    <t>【3S】驱动部组件\3S-JS-1.5\CF095005</t>
  </si>
  <si>
    <t>【3S】驱动轮组件\40Cr\CF095010</t>
  </si>
  <si>
    <t>【3S】短导轮组件\BC-232\CF030232</t>
  </si>
  <si>
    <t>【3S】踏棍保护导轮组件\BC-233\CF030233</t>
  </si>
  <si>
    <t>【3S】平台减速触发块\PA6+30%PQ\CF035054</t>
  </si>
  <si>
    <t>【3S】踏板支撑组件\ZG35\CF035079K</t>
  </si>
  <si>
    <t>【3S】踏板转向机构\ADC12/ZZNA14-1\CF035049</t>
  </si>
  <si>
    <t>【3S】盖板检测机构\BCQ-229\CF030229</t>
  </si>
  <si>
    <t>【3S】控制通讯接口\XNJ0190001\DQCF0151</t>
  </si>
  <si>
    <t>【3S】三级启动模块\B-A4E200VA\DQ000310</t>
  </si>
  <si>
    <t>【3S】微动开关\DQ-484\DQ000484</t>
  </si>
  <si>
    <t>【3S】A打滑检测模块\PA-674\DQ000796</t>
  </si>
  <si>
    <t>【3S】B打滑检测模块\XL2S112BKPA\DQ000666</t>
  </si>
  <si>
    <t>【3S】频率转换器\5GQS2-100A\DQ020024</t>
  </si>
  <si>
    <t>【3S】A变换器\433MHZ\DQ000791</t>
  </si>
  <si>
    <t>【3S】B变换器\315MHZ\DQ000771</t>
  </si>
  <si>
    <t>【3S】导向机构\PA66-9\CF015083</t>
  </si>
  <si>
    <t>【3S】小车面板\ABS\CF035074</t>
  </si>
  <si>
    <t>【3S】1类限位机构\SW-434\DQ000687</t>
  </si>
  <si>
    <t>【3S】2类限位机构\SW-785\DQ000785</t>
  </si>
  <si>
    <t>【3S】启动模块L\LJ001-S-L\CF030219S</t>
  </si>
  <si>
    <t>【3S】启动模块R\LJ001-S-R\CF030218S</t>
  </si>
  <si>
    <t>【3S】启动指示器\AC220V-G\DQ000357</t>
  </si>
  <si>
    <t>【3S】散热系统组件\C750-002\C750-002</t>
  </si>
  <si>
    <t>【3S】整流模块\ZL1-104\DQ000148</t>
  </si>
  <si>
    <t>【3S】急停组件\BSJT-2B\DQ000035</t>
  </si>
  <si>
    <t>【3S】A触点模块\BC-2K\DQ000028</t>
  </si>
  <si>
    <t>【3S】B触点模块\BC-2B\DQ000029</t>
  </si>
  <si>
    <t>【3S】模式转换组件\NP235\DQ000818</t>
  </si>
  <si>
    <t>【3S】防脱落组件\CF-223\CF020223</t>
  </si>
  <si>
    <t>【3S】失速保护组件\FQ0009\CF090222</t>
  </si>
  <si>
    <t>【3S】模块电源\CR2032\DQ010468</t>
  </si>
  <si>
    <t>【3S】轨道防坠器\SL-R50S\TF000031</t>
  </si>
  <si>
    <t>【3S】引导装置\φ91*22\CF095052</t>
  </si>
  <si>
    <t>【3S】导引绳组件\WM05-4*31SW\GS408080Y</t>
  </si>
  <si>
    <t>【3S】运行绳组件\WM05-6*19W\GS612080Y</t>
  </si>
  <si>
    <t>【3S】扭力限制盘\15NM\C550-108Y</t>
  </si>
  <si>
    <t>【3S】制动器组件\TS-020137\DQ020137</t>
  </si>
  <si>
    <t>【3S】加速保护器\TS-015032\SH015043</t>
  </si>
  <si>
    <t>【3S】引导分离组件\TS-005A\SH015027</t>
  </si>
  <si>
    <t>【3S】散热系统组件\TS-EX-S1\C550-102</t>
  </si>
  <si>
    <t>【3S】动力电机组件\1.5-9m\DQ020032</t>
  </si>
  <si>
    <t>【3S】驱动部组件\3S-Kt-w\SH000001</t>
  </si>
  <si>
    <t>【3S】坠落保护组件\SL-8.3\LS000001/6</t>
  </si>
  <si>
    <t>【3S】高度限制组件\ZS-500\WM020208</t>
  </si>
  <si>
    <t>【3S】接口板\WM05-A\DQWM0595</t>
  </si>
  <si>
    <t>【3S】显示板\WM05-B\DQWM0201</t>
  </si>
  <si>
    <t>【3S】控制板\WM05-C\DQWM0593</t>
  </si>
  <si>
    <t>【3S】恒流源板\WM05-D\DQWM0594</t>
  </si>
  <si>
    <t>【3S】照明模块\LED-5W\DQ000200</t>
  </si>
  <si>
    <t>【3S】照明模块\3W\DQ000243</t>
  </si>
  <si>
    <t>【3S】限位机构\SW-891\DQ000434</t>
  </si>
  <si>
    <t>【3S】电源接口\DY-315\DQ000445</t>
  </si>
  <si>
    <t>【3S】随行电缆组件\2.5-100-2C\DL010100</t>
  </si>
  <si>
    <t>【3S】随行电缆组件\2.5-100-2D\DQ030163</t>
  </si>
  <si>
    <t>【3S】预紧装置\65mn\WM055314</t>
  </si>
  <si>
    <t>【3S】引导机构导轮\050-DX\WM055001</t>
  </si>
  <si>
    <t>【3S】引导机构\WM050304\WM050304</t>
  </si>
  <si>
    <t>【3S】导向机构导轮\爬梯型\WM000398</t>
  </si>
  <si>
    <t>【3S】上导向机构\爬梯型\WM030241</t>
  </si>
  <si>
    <t>【3S】下导向机构\爬梯型\WM030238</t>
  </si>
  <si>
    <t>【3S】导向机构固定套\钢丝绳导向型\WM055380</t>
  </si>
  <si>
    <t>【3S】导向机构导轮\钢丝绳导向型\WM005489</t>
  </si>
  <si>
    <t>【3S】下部限制机构组件\下部\WM070205</t>
  </si>
  <si>
    <t>【3S】上部限制机构总成\上部\WM070217</t>
  </si>
  <si>
    <t>【3S】门开启识别器\K2\DQ000054</t>
  </si>
  <si>
    <t>【3S】整流模块\4A 250V\DQ000146</t>
  </si>
  <si>
    <t>【3S】控制电源模块\BUK-50\DQ00000241</t>
  </si>
  <si>
    <t>【3S】急停组件\WM02-A\DQWM0202</t>
  </si>
  <si>
    <t>【3S】A触点模块\TS-114\C550-114</t>
  </si>
  <si>
    <t>【3S】警示模块\AC220V\DQ000113</t>
  </si>
  <si>
    <t>【3S】门循环机构\300mm\WJ000413</t>
  </si>
  <si>
    <t>【3S】钢丝绳保护套\Φ28*30\WM085097</t>
  </si>
  <si>
    <t>【3S】挡圈\Φ28\BS932024</t>
  </si>
  <si>
    <t>网络安全状态数据采集设备 - 适用于火电、煤炭、化工、运输生产单位</t>
  </si>
  <si>
    <t>华电天仁</t>
  </si>
  <si>
    <t>GNWZBP(TH)ZECG2020-180</t>
  </si>
  <si>
    <t>IT专区网络安全数据采集设备铺货采购协议</t>
  </si>
  <si>
    <t>网络安全状态数据采集设备 - 适用于新能源、风电生产单位</t>
  </si>
  <si>
    <t>网络安全状态数据采集厂级分析服务系统系统升级设备 - 适用于已实施单位服务器硬件升级</t>
  </si>
  <si>
    <t>网络安全状态数据采集扩容设备 - 适用于已实施火电双机组生产单位</t>
  </si>
  <si>
    <t>网络安全状态数据采集扩容设备 - 适用于已实施火电三机组生产单位</t>
  </si>
  <si>
    <t>网络安全状态数据采集扩容设备 - 适用于已实施火电四机组生产单位</t>
  </si>
  <si>
    <t>网络安全状态数据采集扩容设备 - 适用于已实施火电五机组生产单位</t>
  </si>
  <si>
    <t>网络安全状态数据采集扩容设备 - 适用于已实施火电六机组生产单位</t>
  </si>
  <si>
    <t>网络安全状态数据采集扩容设备 - 适用于已实施火电七机组生产单位</t>
  </si>
  <si>
    <t>网络安全状态数据采集扩容设备 - 适用于已实施火电八机组生产单位</t>
  </si>
  <si>
    <t>GNWZBP(TH)ZYCG2020-203</t>
  </si>
  <si>
    <t>2020年度北京配送（神华天泓）锅炉、汽轮机本体壁温元件印尼爪哇采购合同</t>
  </si>
  <si>
    <t>【星圣】检修工作服</t>
  </si>
  <si>
    <t>四川省大川制衣有限公司</t>
  </si>
  <si>
    <t>【机煜】高强度吸附剂\JAYX31A091\干燥器\JAY-20/40/60M\国产</t>
  </si>
  <si>
    <t>【机煜】冷冻油\JAYX69D365\干燥器\JAY-20M\国产</t>
  </si>
  <si>
    <t>【机煜】超强分子筛\JAYX31A230\干燥器\JAY-20/40/60M\国产</t>
  </si>
  <si>
    <t>【三奇】防护口罩\13.5×13.5cm KN95\过滤式\国产</t>
  </si>
  <si>
    <t>三奇</t>
  </si>
  <si>
    <t>【东方汽轮机】螺栓\D600C-369000C008\东汽\国产</t>
  </si>
  <si>
    <t>【东方汽轮机】螺母\D600C-369000C009\东汽\国产</t>
  </si>
  <si>
    <t>【东方汽轮机】键\D660B-271000B001\东汽\国产</t>
  </si>
  <si>
    <t>【东方汽轮机】单耳止动垫圈\GB0000854H0024\东汽\国产</t>
  </si>
  <si>
    <t>【东方汽轮机】垫片\D600B-271200A004\东汽\国产</t>
  </si>
  <si>
    <t>【东方汽轮机】内六角圆柱头螺钉\GB00070.1B1220\东汽\国产</t>
  </si>
  <si>
    <t>【东方汽轮机】销\GB00119/1W0624\东汽\国产</t>
  </si>
  <si>
    <t>【东方汽轮机】开口销\GB0000091K0563\东汽\国产</t>
  </si>
  <si>
    <t>【东方汽轮机】金属缠绕垫\B1320E-021000A003\东汽\国产</t>
  </si>
  <si>
    <t>【东方汽轮机】密封件\B1320E-021000A002 15CrMoA\东汽\国产</t>
  </si>
  <si>
    <t>【东方汽轮机】内螺纹圆柱销定\GB0000120B20A0\东方汽轮机有限公司\国产</t>
  </si>
  <si>
    <t>【东方汽轮机】内螺纹圆锥销\GB0000118W3080\东汽\国产</t>
  </si>
  <si>
    <t>【东方汽轮机】内螺纹圆柱销\GB0000120W1022\东汽\国产</t>
  </si>
  <si>
    <t>【东方汽轮机】阀碟螺母\X200L-275000A004 20Cr3MoWVA\东汽\国产</t>
  </si>
  <si>
    <t>【东方汽轮机】连接螺栓\D600B-462000A014 25Cr2MoVA\东汽\国产</t>
  </si>
  <si>
    <t>羽绒内胆冲锋衣（准能定制）</t>
  </si>
  <si>
    <t>【德施普】春秋工作服（准能定制）</t>
  </si>
  <si>
    <t>【德施普】机关春秋工作服（准能定制）</t>
  </si>
  <si>
    <t>【德施普】机关夏装工作服套装（准能定制）</t>
  </si>
  <si>
    <t>【德施普】夏季工作服</t>
  </si>
  <si>
    <t>【德施普】春秋防酸工作服</t>
  </si>
  <si>
    <t>【德施普】春秋全棉工作服(肘部、臀部加强)</t>
  </si>
  <si>
    <t>【德施普】春秋全棉防静电工作服</t>
  </si>
  <si>
    <t>【德施普】防酸防静电抗油拒水工作服</t>
  </si>
  <si>
    <t>【德施普】春秋作业服(爆破/维修)</t>
  </si>
  <si>
    <t>【德施普】地面夏装工作服</t>
  </si>
  <si>
    <t>【德施普】夏季全棉防静电工作服</t>
  </si>
  <si>
    <t>【德施普】地面夏季全棉短袖工作服</t>
  </si>
  <si>
    <t>【德施普】夏季防静电短袖工作服</t>
  </si>
  <si>
    <t>【德施普】夏季长袖工作服</t>
  </si>
  <si>
    <t>【德施普】夏季防酸碱防静电服</t>
  </si>
  <si>
    <t>【德施普】全棉工作服</t>
  </si>
  <si>
    <t>【德施普】夏季标志(对比)服套装</t>
  </si>
  <si>
    <t>【德施普】春秋标志(对比)服套装</t>
  </si>
  <si>
    <t>【德施普】抗静电可脱卸防寒服套装</t>
  </si>
  <si>
    <t>【德施普】两件套羽绒内胆冲锋衣</t>
  </si>
  <si>
    <t>【德施普】铁路制服套装(冬装)</t>
  </si>
  <si>
    <t>【德施普】铁路制服(春秋装)</t>
  </si>
  <si>
    <t>【德施普】铁路制服(夏装)</t>
  </si>
  <si>
    <t>【德施普】防寒三合一冲锋衣</t>
  </si>
  <si>
    <t>【德施普】铁路制服大衣</t>
  </si>
  <si>
    <t>【德施普】长袖衬衫</t>
  </si>
  <si>
    <t>【德施普】短袖衬衫</t>
  </si>
  <si>
    <t>【德施普】冬执勤服套装</t>
  </si>
  <si>
    <t>【德施普】春秋常服套装(含衬衣、帽子、领带、肩章、内腰带)</t>
  </si>
  <si>
    <t>【德施普】夏常服短袖套装</t>
  </si>
  <si>
    <t>【德施普】武警迷彩大衣</t>
  </si>
  <si>
    <t>【德施普】武警夏季迷彩服</t>
  </si>
  <si>
    <t>【德施普】武警冬季迷彩服（配套正品帽子1顶）</t>
  </si>
  <si>
    <t>【德施普】武警体能训练服</t>
  </si>
  <si>
    <t>【德施普】武警军用绒衣裤</t>
  </si>
  <si>
    <t>【德施普】蓄冷型降温背心</t>
  </si>
  <si>
    <t>【德施普】消防员战斗服</t>
  </si>
  <si>
    <t>【德施普】消防员指挥服</t>
  </si>
  <si>
    <t>【德施普】抢险救援服</t>
  </si>
  <si>
    <t>【德施普】防寒棉大衣</t>
  </si>
  <si>
    <t>【德施普】反光背心</t>
  </si>
  <si>
    <t>【德施普】隔离服</t>
  </si>
  <si>
    <t>【德施普】防护服</t>
  </si>
  <si>
    <t>【德施普】保安多功能大衣/通用(含肩章标识)</t>
  </si>
  <si>
    <t>【德施普】保安春秋执勤服/男/女(含腰带、肩章、帽子)</t>
  </si>
  <si>
    <t>【德施普】保安长袖衬衣/通用(含腰带、领带、肩章)</t>
  </si>
  <si>
    <t>【德施普】保安服夏装套装/通用(含腰带、领带、肩章)</t>
  </si>
  <si>
    <t>【德施普】冬-加厚耐磨反光牛仔工装</t>
  </si>
  <si>
    <t>【德施普】春秋牛仔工作服(双层)</t>
  </si>
  <si>
    <t>【德施普】春秋牛仔工作服(单层，无里布)</t>
  </si>
  <si>
    <t>【德施普】5cal防电弧工作服</t>
  </si>
  <si>
    <t>【德施普】全棉阻燃焊工服</t>
  </si>
  <si>
    <t>【德施普】春秋防静电阻燃工作服</t>
  </si>
  <si>
    <t>【德施普】纯棉秋衣裤</t>
  </si>
  <si>
    <t>【德施普】冬季作业服套装（上衣+裤子）</t>
  </si>
  <si>
    <t>【德施普】加厚防寒棉上衣</t>
  </si>
  <si>
    <t>【德施普】夹克款可脱卸防寒服</t>
  </si>
  <si>
    <t>【德施普】矿用连体雨衣</t>
  </si>
  <si>
    <t>【德施普】维修工作服（准能定制）</t>
  </si>
  <si>
    <t>【德施普】防寒服(六件套装)</t>
  </si>
  <si>
    <t>【定制】笔记本\A5</t>
  </si>
  <si>
    <t>爱彼思（北京）贸易有限责任公司</t>
  </si>
  <si>
    <t>GNWZBP(TH)ZECG2020-239</t>
  </si>
  <si>
    <t>国家能源e购商城通用品（1）定制长协采购铺货采购合同</t>
  </si>
  <si>
    <t>爱彼思(北京)贸易有限责任公司</t>
  </si>
  <si>
    <t>【定制】中性笔 0.5mm</t>
  </si>
  <si>
    <t>【定制】公文包\375×300×50cm</t>
  </si>
  <si>
    <t>【定制】笔记本\B5</t>
  </si>
  <si>
    <t>【方仕】工作服套装</t>
  </si>
  <si>
    <t>【方仕】短袖衬衫</t>
  </si>
  <si>
    <t>【方仕】长袖衬衫</t>
  </si>
  <si>
    <t>【方仕】西裤</t>
  </si>
  <si>
    <t>【方仕】T恤</t>
  </si>
  <si>
    <t>【思维】读卡器\ICD-18\监控装置\LKJ-15</t>
  </si>
  <si>
    <t>河南思维自动化设备股份有限公司</t>
  </si>
  <si>
    <t>思维</t>
  </si>
  <si>
    <t>WZSCCG-2020-BJ-2037</t>
  </si>
  <si>
    <t>国家能源e购商城河南思维列车运行监控装置备件长协采购</t>
  </si>
  <si>
    <t>【思维】通信插件\SW0046-104E-000\监控装置\LKJ2000</t>
  </si>
  <si>
    <t>【思维】LKJ数据转存器\SUD-01\监控装置\LKJ-2000</t>
  </si>
  <si>
    <t>【思维】监控装置全套配线\BS-LKJ2000\监控主机\LKJ2000</t>
  </si>
  <si>
    <t>【思维】IC卡\4M\河南思维</t>
  </si>
  <si>
    <t>【思维】过压抑制板\监控主机\LKJ2000</t>
  </si>
  <si>
    <t>【思维】校时器\JSQ\监控装置\LKJ2000</t>
  </si>
  <si>
    <t>【思维】警惕X31T\LKJ2000\监控装置\LKJ2000</t>
  </si>
  <si>
    <t>【思维】语音记录板\LY-05A\机车安全信息综合监测装置\TAX2</t>
  </si>
  <si>
    <t>【思维】机务验卡装置\SXYK-Ⅰ\监控装置\LKJ2000</t>
  </si>
  <si>
    <t>【思维】监控记录插件\SW0046-102H-000\监控装置\LKJ2000</t>
  </si>
  <si>
    <t>【思维】监控母版\LKJ2000\监控主机\LKJ2000</t>
  </si>
  <si>
    <t>【思维】鸣笛系统\LKJ\监控装置\LKJ2000</t>
  </si>
  <si>
    <t>【思维】呼出气体酒精含量探测器\SXJC-Ⅱ(B)\国产</t>
  </si>
  <si>
    <t>【思维】数字输入板\SZ465\机车监控装置\LKJ2000-S</t>
  </si>
  <si>
    <t>【思维】电源插件\SW0046-108E-000\监控装置\LKJ2000</t>
  </si>
  <si>
    <t>【思维】扩展通信板\SW0046-113\监控装置\LKJ2000</t>
  </si>
  <si>
    <t>【思维】IC卡语音板\监控显示器\TYX-I</t>
  </si>
  <si>
    <t>【思维】车载数据无线远程换装装置\LRRD3</t>
  </si>
  <si>
    <t>【思维】TAX3机壳\TAX3\监控装置\LKJ2000</t>
  </si>
  <si>
    <t>【思维】电源板\SZA8C02B\机车安全信息综合检测装置\TAX3</t>
  </si>
  <si>
    <t>【思维】屏幕显示器\TYX-1(H);SW13169-100\监控装置\LKJ2000</t>
  </si>
  <si>
    <t>【思维】面膜\监控显示器\TYX-I</t>
  </si>
  <si>
    <t>【思维】警惕按钮\2B2-BE101C\机车监控装置\LKJ2000</t>
  </si>
  <si>
    <t>【思维】IC卡\TIC-18;64M\监控装置\LKJ-15</t>
  </si>
  <si>
    <t>【思维】便携式2000调试装置\MLKJ2000-5H\监控装置\LKJ2000</t>
  </si>
  <si>
    <t>【思维】便携式监控信息处理设备\LKJ2000</t>
  </si>
  <si>
    <t>【思维】TAX3主机箱\TAX3\监控装置\LKJ2000</t>
  </si>
  <si>
    <t>【思维】机车监控装置\LKJ-15S</t>
  </si>
  <si>
    <t>【思维】插件板螺丝\Φ2.5×8mm\监控主机\LKJ2000</t>
  </si>
  <si>
    <t>【思维】监控主机\LKJ2000;SW0046-100-000</t>
  </si>
  <si>
    <t>【思维】车载设备作业通\CZYT1</t>
  </si>
  <si>
    <t>【思维】附属设备检测台\LKJ</t>
  </si>
  <si>
    <t>【思维】数字量输入插件\SW0046-106-000\监控装置\LKJ2000</t>
  </si>
  <si>
    <t>【思维】监控屏幕显示器线扎\TYX-ⅠC\监控装置\LKJ2000</t>
  </si>
  <si>
    <t>【思维】基础数据辅助编制检验仪\LKJ</t>
  </si>
  <si>
    <t>【思维】主机箱\LKJ2000;SW0046-101-000\监控装置\LKJ2000</t>
  </si>
  <si>
    <t>【思维】模拟量输入/输出插件\SW0046-105-000C\监控装置\LKJ2000</t>
  </si>
  <si>
    <t>【思维】故障诊断装置\CGZ2014</t>
  </si>
  <si>
    <t>【思维】显示器安装螺丝\M3x10;镀镍\屏幕显示器\TYX-1</t>
  </si>
  <si>
    <t>【思维】调车灯显接口盒\SDJ-ⅠD\监控装置\LKJ2000</t>
  </si>
  <si>
    <t>【思维】标准化自助出退勤管理系统\SXCTQ-G(A)\监控装置\LKJ2000</t>
  </si>
  <si>
    <t>【思维】UPS电源板\SZB41\机车监控装置\LKJ2000-S</t>
  </si>
  <si>
    <t>【思维】TAX检测台\CGTAX6-I</t>
  </si>
  <si>
    <t>【思维】列车运行监控记录装置\LKJ2000-S</t>
  </si>
  <si>
    <t>【思维】标准时间系统校时母钟\BZT-III\监控装置\LKJ2000</t>
  </si>
  <si>
    <t>【思维】监控屏幕显示器高压板\TYX-Ⅰ\监控装置\LKJ2000</t>
  </si>
  <si>
    <t>【思维】监控屏幕显示器通讯子板\TYX-ⅠC\监控装置\LKJ2000</t>
  </si>
  <si>
    <t>【思维】显示器安装螺丝\M5x16;(黑色)\屏幕显示器\TYX-1</t>
  </si>
  <si>
    <t>【思维】屏幕显示器\TYX-Ⅰ(K)\监控装置\LKJ2000</t>
  </si>
  <si>
    <t>【思维】警惕按钮螺丝\XB2BC51C-M4×15\监控主机\LKJ2000</t>
  </si>
  <si>
    <t>【思维】监控屏幕显示器电源板\TYX-ⅠC\监控装置\LKJ2000</t>
  </si>
  <si>
    <t>【思维】地面信息板\SW0046-103-000\监控主机\LKJ2000</t>
  </si>
  <si>
    <t>【思维】主机显示器检测台\LKJ</t>
  </si>
  <si>
    <t>【思维】模拟入出G板\SZB45\机车监控装置\LKJ2000-S</t>
  </si>
  <si>
    <t>【思维】主控板\SZA8A01\机车安全信息综合检测装置\TAX3</t>
  </si>
  <si>
    <t>【思维】数字量输入输出插件\SW0046-107-00A\监控主机\LKJ2000</t>
  </si>
  <si>
    <t>【思维】机车安全信息综合监测装置\TAX3(D)</t>
  </si>
  <si>
    <t>【思维】监控屏幕显示器底板\TYX-Ⅰ-CE\监控装置\LKJ2000</t>
  </si>
  <si>
    <t>【思维】监控屏幕显示器主板\TYX-Ⅰ\监控装置\LKJ2000</t>
  </si>
  <si>
    <t>【思维】铁路U盘自动转储装置\SXVT-Ⅱ\监控装置\LKJ2000</t>
  </si>
  <si>
    <t>【思维】TAX3母板\TAX3\监控装置\LKJ2000</t>
  </si>
  <si>
    <t>【思维】功能扩展盒\TAJ6\电力机车\SS4</t>
  </si>
  <si>
    <t>【思维】读卡器\ICD-15\监控装置\LKJ-15</t>
  </si>
  <si>
    <t>【思维】IC卡座\CCM02\监控主机\LKJ2000</t>
  </si>
  <si>
    <t>【思维】机车监控装置\LKJ2000</t>
  </si>
  <si>
    <t>【友盟】彩蓝色护掌烧焊手套\L\隔热\牛二层皮\48副/箱\AP-1201</t>
  </si>
  <si>
    <t>梧州市友盟焊接防护用品有限公司</t>
  </si>
  <si>
    <t>友盟</t>
  </si>
  <si>
    <t>WZSCCG-2020-BJ-2081</t>
  </si>
  <si>
    <t>国家能源e购商城友盟安防用品长协采购铺货采购合同</t>
  </si>
  <si>
    <t>【友盟】原色护掌烧焊手套\L\隔热\牛二层皮\48副/箱\AP-2201</t>
  </si>
  <si>
    <t>【友盟】金黄色护掌烧焊手套\L\隔热\牛二层皮\48副/箱\AP-2008</t>
  </si>
  <si>
    <t>【友盟】彩蓝色烧焊手套\L\隔热\牛二层皮\48副/箱\AP-0160</t>
  </si>
  <si>
    <t>【友盟】锈橙色烧焊手套\L\隔热\牛二层皮\48副/箱\AP-2102</t>
  </si>
  <si>
    <t>【友盟】原色全皮烧焊手套\L\隔热\牛二层皮\48副/箱\AP-2112</t>
  </si>
  <si>
    <t>【友盟】金黄色烧焊手套\L\隔热\牛二层皮\48副/箱\AP-1210</t>
  </si>
  <si>
    <t>【友盟】锈橙色直指烧焊手套\L\隔热\牛二层皮\48副/箱\AP-0328</t>
  </si>
  <si>
    <t>【友盟】金黄色牛二层皮手套\L\隔热\牛二层皮\48副/箱\AP-0909</t>
  </si>
  <si>
    <t>【友盟】原色全皮烧焊手套经济款\L\隔热\牛二层皮\48副/箱\AP-2119</t>
  </si>
  <si>
    <t>【友盟】上等羊青短袖筒TIG手套\L\羊头层皮\108副/箱\AP-1088</t>
  </si>
  <si>
    <t>【友盟】豬反绒TIG手套\L\猪头层皮\108副/箱\AP-1200</t>
  </si>
  <si>
    <t>【友盟】原色全掌烧焊手套\L\隔热\牛二层皮\72副/箱\AP-2203</t>
  </si>
  <si>
    <t>【友盟】原色加原色全托手套\L\隔热\牛二层皮\72副/箱\AP-1526</t>
  </si>
  <si>
    <t>【友盟】咖啡色全掌手套\L\隔热\牛二层皮\72副/箱\AP-2206</t>
  </si>
  <si>
    <t>【友盟】原色驳掌半皮手套\L\隔热\牛二层皮\72副/箱\AP-1510</t>
  </si>
  <si>
    <t>【友盟】猪青抗严寒工作手套\L\猪头层皮\72双/箱\AP-2266</t>
  </si>
  <si>
    <t>【友盟】猪青皮驳掌抗严寒手套\L\猪头层皮\72双/箱\AP-3501</t>
  </si>
  <si>
    <t>【友盟】新款防割五级手套\L\防切割\牛二层皮\AP-442</t>
  </si>
  <si>
    <t>【友盟】新款防割五级防撞手套\L\防切割\橡胶\AP-443</t>
  </si>
  <si>
    <t>【友盟】上等羊青长袖筒TIG手套\L\羊头层皮\72副/箱\AP-1099</t>
  </si>
  <si>
    <t>【友盟】鹿二层超柔软手套\L码\防割\鹿皮\72副/箱\AP-2327</t>
  </si>
  <si>
    <t>【友盟】原色机械师烧焊手套\L\隔热\牛二层皮\108副/箱\AP-1302</t>
  </si>
  <si>
    <t>【友盟】彩蓝色加长烧焊手套\L\隔热\牛二层皮\48副/箱\AP-2054</t>
  </si>
  <si>
    <t>【友盟】金黄色全皮手袖\L\隔热\牛二层皮\50副/箱\AP-9116</t>
  </si>
  <si>
    <t>【友盟】金黃色魔术贴长手袖\L\隔热\牛二层皮\50副/箱\AP-9119</t>
  </si>
  <si>
    <t>【友盟】翻盖电焊面罩\AP-3303\国产\20件/箱\AP-3303</t>
  </si>
  <si>
    <t>【友盟】斑马纹帽垫\海盗帽\Y类\棉\AP-6622</t>
  </si>
  <si>
    <t>【友盟】海洋生物花式帽垫\海盗帽\Y类\棉\AP-6623</t>
  </si>
  <si>
    <t>【友盟】电焊帽\Y类\蓝色\阻燃布\AP-6710</t>
  </si>
  <si>
    <t>【友盟】蓝色阻燃布全护式焊帽\Y类\100顶/箱\AP-6670</t>
  </si>
  <si>
    <t>【友盟】碳啡色皮全护式长焊帽\Y类\咖啡色\牛皮\50顶/箱\AP-3000C</t>
  </si>
  <si>
    <t>【友盟】金黄色皮短筒脚盖\AP-9100\国产</t>
  </si>
  <si>
    <t>【友盟】电焊眼镜\AP-3305\国产</t>
  </si>
  <si>
    <t>【友盟】碳啡色牛皮电焊面罩头罩\AP-3001\国产</t>
  </si>
  <si>
    <t>【攀钢（大新站）】钢轨\50kg/m\24.96m\U71Mn\有孔</t>
  </si>
  <si>
    <t>攀钢集团国际经济贸易有限公司</t>
  </si>
  <si>
    <t>攀钢</t>
  </si>
  <si>
    <t>GNWZBP（TH）ZECG2020-048</t>
  </si>
  <si>
    <t>国家能源e购商城攀钢钢轨配件大新站铺货采购合同</t>
  </si>
  <si>
    <t>【攀钢（大新站）】钢轨\50kg/m\25.00m\U75V\有孔</t>
  </si>
  <si>
    <t>【攀钢（大新站）】钢轨\50kg/m\24.92m\U75V\有孔</t>
  </si>
  <si>
    <t>【攀钢（大新站）】钢轨\60kg/m\12.50m\U71Mn\有孔</t>
  </si>
  <si>
    <t>【攀钢（大新站）】钢轨\50kg/m\12.50m\U71Mn\无孔</t>
  </si>
  <si>
    <t>【攀钢（大新站）】钢轨\50kg/m\12.50m\U71Mn\有孔</t>
  </si>
  <si>
    <t>【攀钢（大新站）】淬火钢轨\50kg/m\25.00m\U71Mn\有孔</t>
  </si>
  <si>
    <t>【攀钢（大新站）】钢轨\50kg/m\25.00m\U71Mn\一端孔</t>
  </si>
  <si>
    <t>【攀钢（大新站）】钢轨\50kg/m\25.00m\U71Mn\有孔</t>
  </si>
  <si>
    <t>【攀钢（大新站）】淬火钢轨\60kg/m\25.00m\U75V\有孔</t>
  </si>
  <si>
    <t>【攀钢（大新站）】钢轨\60kg/m\25.00m\U71Mn\有孔</t>
  </si>
  <si>
    <t>【攀钢（大新站）】淬火钢轨\50kg/m\25.00m\U71Mn\一端孔</t>
  </si>
  <si>
    <t>【攀钢（大新站）】淬火钢轨\60kg/m\25.00m\U75V\一端孔</t>
  </si>
  <si>
    <t>【攀钢（大新站）】钢轨\50kg/m\25.00m\U71Mn\无孔</t>
  </si>
  <si>
    <t>【攀钢（大新站）】淬火钢轨\75kg/m\25.00m\U75V\无孔</t>
  </si>
  <si>
    <t>【攀钢（大新站）】钢轨\60kg/m\24.92m\U75V\有孔</t>
  </si>
  <si>
    <t>【攀钢（大新站）】钢轨\60kg/m\24.96m\U75V\有孔</t>
  </si>
  <si>
    <t>【攀钢（大新站）】钢轨\60kg/m\25.00m\U75V\无孔</t>
  </si>
  <si>
    <t>【攀钢（大新站）】钢轨\60kg/m\25.00m\U75V\有孔</t>
  </si>
  <si>
    <t>【攀钢（大新站）】淬火钢轨\60kg/m\24.92m\U75V\有孔</t>
  </si>
  <si>
    <t>【攀钢（大新站）】淬火钢轨\60kg/m\25.00m\U75V\无孔</t>
  </si>
  <si>
    <t>【攀钢（大新站）】钢轨\50kg/m\24.84m\U71Mn\有孔</t>
  </si>
  <si>
    <t>【攀钢（大新站）】钢轨\50kg/m\24.92m\U71Mn\有孔</t>
  </si>
  <si>
    <t>【攀钢（大新站）】钢轨\60kg/m\24.84m\U75V\有孔</t>
  </si>
  <si>
    <t>【攀钢（大新站）】钢轨\75kg/m\12.50m\U75V\有孔</t>
  </si>
  <si>
    <t>【攀钢（大新站）】钢轨\60kg/m\12.50m\U75V\有孔</t>
  </si>
  <si>
    <t>【攀钢（大新站）】淬火钢轨\60kg/m\24.96m\U75V\有孔</t>
  </si>
  <si>
    <t>【攀钢（大新站）】钢轨\75kg/m\25.00m\U75V\有孔</t>
  </si>
  <si>
    <t>【攀钢（大新站）】淬火钢轨\75kg/m\25.00m\U75V\一端孔</t>
  </si>
  <si>
    <t>【攀钢（大新站）】钢轨\60kg/m\25.00m\U75V\一端孔</t>
  </si>
  <si>
    <t>【攀钢（大新站）】钢轨\60kg/m\25.00m\U71Mn\一端孔</t>
  </si>
  <si>
    <t>【攀钢（大新站）】钢轨\60kg/m\24.84m\U71Mn\有孔</t>
  </si>
  <si>
    <t>【攀钢（大新站）】钢轨\60kg/m\24.96m\U71Mn\有孔</t>
  </si>
  <si>
    <t>【攀钢（大新站）】钢轨\60kg/m\25.00m\U71Mn\无孔</t>
  </si>
  <si>
    <t>【攀钢（大新站）】淬火钢轨\75kg/m\百米轨\U75V\无孔</t>
  </si>
  <si>
    <t>【攀钢（大新站）】钢轨\75kg/m\25.00m\U75V\无孔</t>
  </si>
  <si>
    <t>【攀钢（大新站）】钢轨\新廓形60N\25.00m\U75V\无孔</t>
  </si>
  <si>
    <t>【攀钢（大新站）】淬火钢轨\75kg/m\25.00m\PG4\无孔</t>
  </si>
  <si>
    <t>【攀钢（大新站）】钢轨\75kg/m\25.00m\PG4\一端孔</t>
  </si>
  <si>
    <t>【攀钢（大新站）】淬火钢轨\60kg/m\百米轨\PG4\无孔</t>
  </si>
  <si>
    <t>【攀钢（大新站）】淬火钢轨\60kg/m\25.00m\PG4\无孔</t>
  </si>
  <si>
    <t>【攀钢（大新站）】淬火钢轨\60kg/m\25.00m\PG4\有孔</t>
  </si>
  <si>
    <t>【攀钢（大新站）】钢轨\60kg/m\25.00m\PG4\无孔</t>
  </si>
  <si>
    <t>【攀钢（大新站）】钢轨\新廓形60N\25.00m\PG4\无孔</t>
  </si>
  <si>
    <t>【攀钢（大新站）】淬火钢轨\新廓形75N\25.00m\PG4\无孔</t>
  </si>
  <si>
    <t>【攀钢（大新站）】钢轨\新廓形75N\25.00m\PG4\无孔</t>
  </si>
  <si>
    <t>【攀钢（大新站）】钢轨\75kg/m\25.00m\PG4\无孔</t>
  </si>
  <si>
    <t>【攀钢（大新站）】钢轨\75kg/m\25.00m\PG5\无孔</t>
  </si>
  <si>
    <t>【龙源】超声波测风仪\LYCF-301</t>
  </si>
  <si>
    <t>龙源工程</t>
  </si>
  <si>
    <t>龙源</t>
  </si>
  <si>
    <t>GNWZBP(TH)ZYCG2020-206</t>
  </si>
  <si>
    <t>国家能源e购商城变流器备品备件等铺货采购合同</t>
  </si>
  <si>
    <t>龙源(北京)风电工程技术有限公司</t>
  </si>
  <si>
    <t>【龙源】IGBT驱动板\LY-AK9320\龙源</t>
  </si>
  <si>
    <t>【龙源】CCU电源\LY-AK9071\龙源</t>
  </si>
  <si>
    <t>【龙源】Crowbar板\LY-AK9962\龙源</t>
  </si>
  <si>
    <t>【龙源】IGBT驱动板\LY-AS3340\龙源</t>
  </si>
  <si>
    <t>【龙源】IGBT驱动板\LY-AS3332\龙源</t>
  </si>
  <si>
    <t>【龙源】IGBT模块\LY-AGDR-71\龙源</t>
  </si>
  <si>
    <t>【龙源】网侧电压采集板\LY-W-ANALOG INTERFA\龙源</t>
  </si>
  <si>
    <t>【龙源】机侧电压采集板\LY-J-ANALOG INTERFA\龙源</t>
  </si>
  <si>
    <t>【龙源】变流器测试仪\LYBL-ABB-01\AC220/DC0-800V\国产</t>
  </si>
  <si>
    <t>【龙源】TEAM变流器驱动板测试仪\LYBL-TEAM-01\AC220/DC310V\国产</t>
  </si>
  <si>
    <t>【郑州畅想】转接线\X34-X36\调车信号接口盒\TDJ-1</t>
  </si>
  <si>
    <t>郑州畅想高科技股份有限公司</t>
  </si>
  <si>
    <t>郑州畅想</t>
  </si>
  <si>
    <t>GNWZBP(TH)ZECG2020-174</t>
  </si>
  <si>
    <t>国家能源e购商城郑州畅想列车信号监测控制配件铺货采购合同</t>
  </si>
  <si>
    <t>郑州畅想高科股份有限公司</t>
  </si>
  <si>
    <t>【郑州畅想】数据记录转储器\TZC-Ⅱ\监控主机\LKJ2000</t>
  </si>
  <si>
    <t>【郑州畅想】调车信号接口盒\TDJ-Ⅲ\监控主机\LKJ2000</t>
  </si>
  <si>
    <t>【郑州畅想】平调测试仪\DC-CSY</t>
  </si>
  <si>
    <t>【郑州畅想】调车信号接口盒电缆连线\X34-X36\调车信号接口盒\TDJ-1</t>
  </si>
  <si>
    <t>【郑州畅想】调车信号接口盒\TDJ-1A\监控主机\LKJ2000</t>
  </si>
  <si>
    <t>【龙源】风向标校正仪\LYJS-WDC-01</t>
  </si>
  <si>
    <t>【倍福】两通道模拟量输入模块\EL3202\倍福</t>
  </si>
  <si>
    <t>毕孚自动化设备贸易（上海）有限公司</t>
  </si>
  <si>
    <t>倍福</t>
  </si>
  <si>
    <t>GNWZBP(TH)ZYCG2020-213</t>
  </si>
  <si>
    <t>国家能源e购商城Beckhoff（倍福）PLC主控系统备件铺货采购合同</t>
  </si>
  <si>
    <t>安能维通(北京)科技有限公司</t>
  </si>
  <si>
    <t>【倍福】2通道继电器输出模块\EL2612\倍福</t>
  </si>
  <si>
    <t>【倍福】模拟量输入模块\EL3042\倍福\进口</t>
  </si>
  <si>
    <t>【倍福】模块\EL3152\倍福\进口</t>
  </si>
  <si>
    <t>【倍福】模拟量输入模块\EL3142\倍福\进口</t>
  </si>
  <si>
    <t>【倍福】数字输入模块\KL1382\倍福</t>
  </si>
  <si>
    <t>【倍福】2通道数字量输入模块\EL1252\倍福</t>
  </si>
  <si>
    <t>【倍福】CF卡\C9900-H505 4GB\倍福</t>
  </si>
  <si>
    <t>【倍福】模拟量输出模块\KL4004</t>
  </si>
  <si>
    <t>【倍福】四通道模拟量输入模块\EL3044\倍福</t>
  </si>
  <si>
    <t>【倍福】两通道模拟量输入模块\KL2404\倍福</t>
  </si>
  <si>
    <t>【倍福】数字输出端子\KL2424\倍福\进口</t>
  </si>
  <si>
    <t>【倍福】模块\EL2024\倍福\进口</t>
  </si>
  <si>
    <t>【倍福】安全链模块\KL2904\倍福\进口</t>
  </si>
  <si>
    <t>【倍福】PLC模块\EL1004</t>
  </si>
  <si>
    <t>【美国马丁】观察门\34955-1214 360×413mm</t>
  </si>
  <si>
    <t>【美国马丁】除水清扫器\H204000-54-SS\胶带输送机\B=1400\进口</t>
  </si>
  <si>
    <t>【美国马丁】一级清扫器刀片\35897-7211 2000mm</t>
  </si>
  <si>
    <t>【美国马丁】重型二级清扫器刀片\SQCZ B=1600\胶带输送机\B=1600mm\进口</t>
  </si>
  <si>
    <t>【美国马丁】除水清扫器刀片\HZO-400-S\胶带输送机\B=1400\进口</t>
  </si>
  <si>
    <t>【美国马丁】防溢裙边\3209H-1000</t>
  </si>
  <si>
    <t>【美国马丁】防溢裙边\100723</t>
  </si>
  <si>
    <t>【美国马丁】除水清扫器\H204000-60-SA3\带式输送机\B=1600\进口</t>
  </si>
  <si>
    <t>【美国马丁】重型清扫器\B=2000 马丁</t>
  </si>
  <si>
    <t>【美国马丁】缓冲床滑条\L=1500mm B=1400mm\带式输送机\DTL140\国产</t>
  </si>
  <si>
    <t>【倍福】四通道开关量输入模块\KL1904\倍福</t>
  </si>
  <si>
    <t>【倍福】DI模块\KL1408\倍福</t>
  </si>
  <si>
    <t>【倍福】通讯模块\EL6751-0000\进口</t>
  </si>
  <si>
    <t>【倍福】嵌入式PC模块\CX1900-0024\倍福</t>
  </si>
  <si>
    <t>【倍福】嵌入式PC模块\CX1900-0026\倍福</t>
  </si>
  <si>
    <t>【倍福】嵌入式PC模块\CX1900-0028\倍福</t>
  </si>
  <si>
    <t>【倍福】CPU模块\CX1010-0012\倍福</t>
  </si>
  <si>
    <t>【倍福】CF卡插槽\CU8870-0000\倍福</t>
  </si>
  <si>
    <t>【倍福】CPU模块及附件\CX1020-0011+CX1020-N031+CF\倍福\进口</t>
  </si>
  <si>
    <t>【均英】石墨复合垫片\RJS-JYA-JYC-JYE\304+石墨</t>
  </si>
  <si>
    <t>成都均英密封材料有限公司</t>
  </si>
  <si>
    <t>均英</t>
  </si>
  <si>
    <t>GNWZBP(TH)ZYCG2020-204</t>
  </si>
  <si>
    <t>国家能源e购商城软金属复合密封备件铺货采购合同</t>
  </si>
  <si>
    <t>【均英】盘根\JY-RJS-ZHPG\304+石墨</t>
  </si>
  <si>
    <t>【均英】自密封环\JY-RJS-ZMFFHD\304+石墨</t>
  </si>
  <si>
    <t>【倍福】CPU模块及附件\CX1020-0111+CX1020-N031+CF\倍福\进口</t>
  </si>
  <si>
    <t>【倍福】PLC模块\EL3112\倍福</t>
  </si>
  <si>
    <t>【倍福】PLC模块\EL4034\倍福</t>
  </si>
  <si>
    <t>【倍福】Profibus主站端子\EL6731-0000\倍福</t>
  </si>
  <si>
    <t>【倍福】总线耦合器\BK1120\倍福\进口</t>
  </si>
  <si>
    <t>【倍福】总线模块\BX5100\倍福</t>
  </si>
  <si>
    <t>【倍福】IPC控制器\C6930-0040+C9900S443+TC1210\倍福\进口</t>
  </si>
  <si>
    <t>【倍福】KBUS供电端子\KL9400</t>
  </si>
  <si>
    <t>【倍福】PLC控制器\BX3100-0000\倍福</t>
  </si>
  <si>
    <t>【倍福】DP总线线缆\ZB3200\倍福</t>
  </si>
  <si>
    <t>【倍福】PROFIBUS总站\CX1500-M310 24VDC\倍福</t>
  </si>
  <si>
    <t>【倍福】Profibus从站端子\EL6731-0010\倍福</t>
  </si>
  <si>
    <t>【倍福】总线模块\EL6021\倍福</t>
  </si>
  <si>
    <t>【倍福】PLC模块\EL5001\倍福</t>
  </si>
  <si>
    <t>【倍福】四通道开关量输出模块\KL6904\倍福</t>
  </si>
  <si>
    <t>【倍福】安全链数字量输入端子\EL1904\倍福</t>
  </si>
  <si>
    <t>【倍福】安全链数字量输出端子\EL2904\倍福</t>
  </si>
  <si>
    <t>【倍福】安全链逻辑端子\EL6900\倍福</t>
  </si>
  <si>
    <t>【倍福】电源端子模块\EL9550\倍福</t>
  </si>
  <si>
    <t>【倍福】倍福控制器\CX5020-0111+CX5020-N031+CF\倍福\进口</t>
  </si>
  <si>
    <t>【倍福】倍福控制器\CX5140-0111+CX5140-N031+CF\倍福\进口</t>
  </si>
  <si>
    <t>【倍福】倍福控制器\C6930-0060+C9900-C619\倍福\进口</t>
  </si>
  <si>
    <t>【倍福】变桨PLC\CX1010-N031+CX1010-0012\倍福\进口</t>
  </si>
  <si>
    <t>【倍福】标签\BZ3010-0001</t>
  </si>
  <si>
    <t>【倍福】PLC电源模块\CX1100-0004\倍福\进口</t>
  </si>
  <si>
    <t>【倍福】总线模块\CX1100-0002\倍福</t>
  </si>
  <si>
    <t>【倍福】终端模块\EL9011\倍福</t>
  </si>
  <si>
    <t>【倍福】控制面板\CP2912-0010\倍福</t>
  </si>
  <si>
    <t>【倍福】系统功能馈电端子\EL9100\倍福\进口</t>
  </si>
  <si>
    <t>【倍福】CF卡\C9900-H515 2G</t>
  </si>
  <si>
    <t>【倍福】电源端子模块\EL9540\倍福</t>
  </si>
  <si>
    <t>【倍福】总线模块\EL3204-0018\倍福</t>
  </si>
  <si>
    <t>【倍福】模拟量输出\KL4001\倍福</t>
  </si>
  <si>
    <t>【倍福】模拟量输入端子\KL3042\倍福\进口</t>
  </si>
  <si>
    <t>【倍福】耦合器模块\BK3150-0018\倍福\进口</t>
  </si>
  <si>
    <t>【倍福】嵌入式PC\CX9020-0111\倍福</t>
  </si>
  <si>
    <t>【倍福】嵌入式PC\CX5130-0121+CX2900-0038\倍福\进口</t>
  </si>
  <si>
    <t>【倍福】嵌入式PC模块\CX5130-0111+CX2900-0028\倍福\进口</t>
  </si>
  <si>
    <t>【倍福】通讯模块\KL3403\倍福</t>
  </si>
  <si>
    <t>【倍福】三相电力测量端子模块\KL3403-0010\倍福</t>
  </si>
  <si>
    <t>【倍福】三相电力测量端子模块\EL3453-0000\倍福\进口</t>
  </si>
  <si>
    <t>【倍福】通讯模块\EL6751-0010\倍福\进口</t>
  </si>
  <si>
    <t>【倍福】电源管理模块\KL9540\倍福\进口</t>
  </si>
  <si>
    <t>【倍福】PLC模块\EL9400\倍福</t>
  </si>
  <si>
    <t>【倍福】增量编码器接口端子模块\KL5151-0051\倍福\进口</t>
  </si>
  <si>
    <t>【倍福】总线端子附件\ZK1090-9191-0002\倍福\进口</t>
  </si>
  <si>
    <t>【倍福】总线端子模块\KL9550\倍福\进口</t>
  </si>
  <si>
    <t>【倍福】总线功能端子模块\KL9110\倍福\进口</t>
  </si>
  <si>
    <t>【倍福】总线模块\EK1501-0010\倍福</t>
  </si>
  <si>
    <t>【倍福】总线模块\KL9010-0000\倍福\进口</t>
  </si>
  <si>
    <t>【倍福】总线模块\KL9210-0000\倍福\进口</t>
  </si>
  <si>
    <t>【倍福】总线模块\EL9210-0000\倍福\进口</t>
  </si>
  <si>
    <t>【倍福】总线模块\KL1004-0000\倍福\进口</t>
  </si>
  <si>
    <t>【倍福】总线模块\EL2004-0000\倍福\进口</t>
  </si>
  <si>
    <t>【倍福】总线模块\KL2134-0000\倍福\进口</t>
  </si>
  <si>
    <t>【倍福】总线模块\EL1008-0000\倍福\进口</t>
  </si>
  <si>
    <t>【倍福】总线模块\EL2008-0000\倍福\进口</t>
  </si>
  <si>
    <t>【倍福】总线模块\KL2408-0000\倍福\进口</t>
  </si>
  <si>
    <t>【倍福】总线模块\EL9410-0000\倍福\进口</t>
  </si>
  <si>
    <t>【倍福】总线模块\EK1110-0000\倍福\进口</t>
  </si>
  <si>
    <t>【倍福】总线模块\KL1809-0000\倍福\进口</t>
  </si>
  <si>
    <t>【新华三】1U1路计算型服务器\R4700 G3\Intel Xeon 4214R(2.4GHz,12core)*1/内存32GB*2/存储1.2TB*2/4×1GE电口, 2×10GE光口</t>
  </si>
  <si>
    <t>新华三技术有限公司（服务器）</t>
  </si>
  <si>
    <t>GNWZBP(TH)ZECG2020-250</t>
  </si>
  <si>
    <t>国家能源e购商城IT专区新华三服务器及配件铺货采购合同</t>
  </si>
  <si>
    <t>【新华三】1U1路计算型服务器（含服务包）\R4700 G3\Intel Xeon 4214R(2.4GHz,12core)*1/内存32GB*2/存储1.2TB*2/4×1GE电口, 2×10GE光口</t>
  </si>
  <si>
    <t>【新华三】1U/2U2路计算型服务器\UniServer R4900 G3\Intel Xeon 6230N(2.3GHz,20core)*2/内存32GB*8(或64GB*4)/存储600GB*2/4×1GE电口, 2×10GE光口</t>
  </si>
  <si>
    <t>【新华三】1U/2U2路计算型服务器（含服务包）\UniServer R4900 G3\Intel Xeon 6230N(2.3GHz,20core)*2/内存32GB*8(或64GB*4)/存储600GB*2/4×1GE电口, 2×10GE光口</t>
  </si>
  <si>
    <t>【新华三】2U2路虚拟化计算型服务器\UniServer R4900 G3\Intel Xeon 4208(2.1GHz,8core)*2/内存32GB*16(或64GB*8)/存储1.2TB*4/4×1GE电口, 2×10GE光口</t>
  </si>
  <si>
    <t>【新华三】2U2路虚拟化计算型服务器（含服务包）\UniServer R4900 G3\Intel Xeon 4208(2.1GHz,8core)*2/内存32GB*16(或64GB*8)/存储1.2TB*4/4×1GE电口, 2×10GE光口</t>
  </si>
  <si>
    <t>【新华三】2U2路存储型服务器\UniServer R4900 G3\Intel Xeon 6240R(2.4GHz,24core)*2/内存32GB*4(或64GB*2)/存储600GB*2,12T*6,1TB*1(SSD)/4×1GE电口,2×10GE光口,25GE双端口网卡</t>
  </si>
  <si>
    <t>【新华三】2U2路存储型服务器（含服务包）\UniServer R4900 G3\Intel Xeon 6240R(2.4GHz,24core)*2/内存32GB*4(或64GB*2)/存储600GB*2,12T*6,1TB*1(SSD)/4×1GE电口,2×10GE光口,25GE双端口网卡</t>
  </si>
  <si>
    <t>【新华三】2U2路高性能存储型服务器\UniServer R4900 G3\Intel Xeon 5218R(2.1GHz,20core)*2/内存32GB*8(或64GB*4)/存储480GB*2(SSD),2.4T*6,1TB*1(SSD)/4×1GE电口,4×10GE光口,25GE双端口网卡</t>
  </si>
  <si>
    <t>【新华三】2U2路高性能存储型服务器（含服务包）\UniServer R4900 G3\Intel Xeon 5218R(2.1GHz,20core)*2/内存32GB*8(或64GB*4)/存储480GB*2(SSD),2.4T*6,1TB*1(SSD)/4×1GE电口,4×10GE光口,25GE双端口网卡</t>
  </si>
  <si>
    <t>【新华三】2U2路GPU影像服务器\UniServer R4900 G3\Intel Xeon 6226R(2.9GHz,16core)*2/内存32GB*8(或64GB*4)/存储1.2TB*6/4×1GE电口, 2×10GE光口/NVIDIA pcie Tesla V100 32G</t>
  </si>
  <si>
    <t>【新华三】2U2路GPU影像服务器（含服务包）UniServer R4900 G3\Intel Xeon 6226R(2.9GHz,16core)*2/内存32GB*8(或64GB*4)/存储1.2TB*6/4×1GE电口, 2×10GE光口/NVIDIA pcie Tesla V100 32G</t>
  </si>
  <si>
    <t>【新华三】2U/4U4路服务器\R6700 G3\Intel Xeon 8276(2.2GHz,28core)*4/内存32GB*16(或64GB*8)/存储1.2TB*4/4×1GE电口,4×10GE光口</t>
  </si>
  <si>
    <t>【新华三】2U/4U4路服务器（含服务包）\R6700 G3\Intel Xeon 8276(2.2GHz,28core)*4/内存32GB*16(或64GB*8)/存储1.2TB*4/4×1GE电口,4×10GE光口</t>
  </si>
  <si>
    <t>【新华三】服务器内存\DDR4 2933 32G\32GB 2Rx4 DDR4-2933P-R内存模块</t>
  </si>
  <si>
    <t>【新华三】服务器内存\DDR4 2933 64G\64GB 2Rx4 DDR4-2933P-R内存模块</t>
  </si>
  <si>
    <t>【新华三】服务器硬盘\10K 600G SAS\600GB 12G SAS 10K 2.5in HDD通用硬盘模块</t>
  </si>
  <si>
    <t>【新华三】服务器硬盘\10K 1.2T SAS 2.5"\1.2TB 12G SAS 10K 2.5in HDD通用硬盘模块</t>
  </si>
  <si>
    <t>【新华三】服务器硬盘\7.2K 10T SATA(实发12TB)\12TB 6G SATA 7.2K 3.5in HDD通用硬盘模块</t>
  </si>
  <si>
    <t>【新华三】服务器硬盘\480G SSD 2.5"\480GB 6G SATA 2.5in SSD通用硬盘模块</t>
  </si>
  <si>
    <t>【新华三】服务器硬盘\1T NVMe SSD\1TB PCIe*Gen3 X4 NVMe U.2 2.5in SSD通用硬盘模块</t>
  </si>
  <si>
    <t>【新华三】服务器硬盘\10K 2.4T SAS\2.4TB SAS 10K 2.5in HDD通用硬盘模块</t>
  </si>
  <si>
    <t>【新华三】服务器网卡\UN-NIC-GE-4P-360T-B2-1-X\4端口千兆电接口网卡（含线缆）</t>
  </si>
  <si>
    <t>【新华三】服务器网卡\UN-NIC-10GE-2P-530F-B2-1-X\2端口万兆光接口网卡含SFP+光模块（含线缆）</t>
  </si>
  <si>
    <t>【新华三】服务器网卡\UN-NIC-620F-B2-25Gb-2P-1-X\2端口25Gb光接口网卡含SFP28光模块（含线缆）</t>
  </si>
  <si>
    <t>【新华三】服务器显卡GPU\NVIDIA Tesla V100 PCIe 32G</t>
  </si>
  <si>
    <t>【浪潮】1U1路计算型服务器\NF5180M5</t>
  </si>
  <si>
    <t>浪潮电子信息产业股份有限公司（服务器）</t>
  </si>
  <si>
    <t>浪潮</t>
  </si>
  <si>
    <t>GNWZBP(TH)ZECG2020-254</t>
  </si>
  <si>
    <t>国家能源e购商城IT专区浪潮服务器及配件铺货采购合同</t>
  </si>
  <si>
    <t>【浪潮】1U1路计算型服务器（含服务包）\NF5180M5</t>
  </si>
  <si>
    <t>【浪潮】1U/2U2路计算型服务器\NF5280M5</t>
  </si>
  <si>
    <t>【浪潮】1U/2U2路计算型服务器（含服务包）	\NF5280M5</t>
  </si>
  <si>
    <t>【浪潮】2U2路虚拟化计算型机架式服务器\NF5270M5</t>
  </si>
  <si>
    <t>【浪潮】2U2路虚拟化计算型机架式服务器（含服务包）\NF5270M5</t>
  </si>
  <si>
    <t>【浪潮】2U2路存储型服务器\NF5280M5</t>
  </si>
  <si>
    <t>【浪潮】2U2路存储型服务器（含服务包）\NF5280M5</t>
  </si>
  <si>
    <t>【浪潮】2U2路高性能存储型服务器\NF5280M5</t>
  </si>
  <si>
    <t>【浪潮】2U2路高性能存储型服务器（含服务包）\NF5280M5</t>
  </si>
  <si>
    <t>【浪潮】2U2路GPU影像服务器\NF5280M5</t>
  </si>
  <si>
    <t>【浪潮】2U2路GPU影像服务器（含服务包）\NF5280M5</t>
  </si>
  <si>
    <t>【浪潮】2U/4U4路服务器\NF8260M5</t>
  </si>
  <si>
    <t>【浪潮】2U/4U4路服务器（含服务包）\NF8260M5</t>
  </si>
  <si>
    <t>【浪潮】服务器内存\DDR4 2933 32G\32G DDR4 2933MT/s ECC</t>
  </si>
  <si>
    <t>【浪潮】服务器内存\DDR4 2933 64G\64G DDR4 2933MT/s ECC</t>
  </si>
  <si>
    <t>【浪潮】服务器硬盘\10K 600G SAS\600GB SAS磁盘-SAS 12Gb/s-10K rpm-2.5英寸（含托架）</t>
  </si>
  <si>
    <t>【浪潮】服务器硬盘\10K 1.2T SAS 2.5"\1.2T SAS磁盘-SAS 12Gb/s-10K rpm-2.5英寸（含托架）</t>
  </si>
  <si>
    <t>【浪潮】服务器硬盘\7.2K 10T SATA\10TB SATA磁盘-SATA 6Gb/s-7.2K rpm-3.5英寸（含托架）</t>
  </si>
  <si>
    <t>【浪潮】服务器硬盘\480G SSD 2.5"\480G SSD磁盘 2.5英寸 支持RAID1（含托架）</t>
  </si>
  <si>
    <t>【浪潮】服务器硬盘\960G NVMe SSD\960GB NVMe SSD盘（含托架）</t>
  </si>
  <si>
    <t>【浪潮】服务器硬盘\10K 2.4T SAS\2.4TB SAS磁盘-SAS 12Gb/s-10K rpm（含托架）</t>
  </si>
  <si>
    <t>【浪潮】服务器网卡\I3501GE双电口 RJ-45（含线缆）</t>
  </si>
  <si>
    <t>【浪潮】服务器网卡\10G 2光口 INTEL 82599\10GE 双光口-含SFP+光模块（含线缆）</t>
  </si>
  <si>
    <t>【浪潮】服务器网卡\CX4LX_OCP2.0_MM\25GE双光口-含SFP28光模块（含线缆）</t>
  </si>
  <si>
    <t>【浪潮】服务器显卡GPU\NVIDIA Tesla V100 PCIe 32G</t>
  </si>
  <si>
    <t>【倍福】总线模块\KL2809-0000\倍福\进口</t>
  </si>
  <si>
    <t>【倍福】总线模块\EK1100-0000\倍福\进口</t>
  </si>
  <si>
    <t>【倍福】总线模块\EL3024-0000\倍福\进口</t>
  </si>
  <si>
    <t>【倍福】总线模块\EL4032-0000\倍福\进口</t>
  </si>
  <si>
    <t>【倍福】总线模块\EL3054-0000\倍福\进口</t>
  </si>
  <si>
    <t>【倍福】总线模块\EL3064-0000\倍福\进口</t>
  </si>
  <si>
    <t>【倍福】总线模块\EL6601-0000\倍福\进口</t>
  </si>
  <si>
    <t>【倍福】总线模块\EL5151-0000\倍福\进口</t>
  </si>
  <si>
    <t>【倍福】总线模块\BK3150-0000\倍福\进口</t>
  </si>
  <si>
    <t>【倍福】总线模块\KL3404-0000\倍福\进口</t>
  </si>
  <si>
    <t>【倍福】总线模块\KL3454-0000\倍福\进口</t>
  </si>
  <si>
    <t>【倍福】总线模块\EK1521-0000\倍福\进口</t>
  </si>
  <si>
    <t>【倍福】总线模块\KL4032-0000\倍福\进口</t>
  </si>
  <si>
    <t>【倍福】总线模块\BC3150-0000\倍福\进口</t>
  </si>
  <si>
    <t>【倍福】总线模块\KL5001-0000\倍福\进口</t>
  </si>
  <si>
    <t>【倍福】总线模块\KL3054-0000\倍福\进口</t>
  </si>
  <si>
    <t>【倍福】总线模块\EL3204-0000\倍福\进口</t>
  </si>
  <si>
    <t>【倍福】总线模块\KL3204-0000\倍福\进口</t>
  </si>
  <si>
    <t>【倍福】总线模块\EK1501-0000\倍福\进口</t>
  </si>
  <si>
    <t>【倍福】总线模块\BC3150-0018\倍福\进口</t>
  </si>
  <si>
    <t>【倍福】总线模块\EK1501-0018\倍福</t>
  </si>
  <si>
    <t>【倍福】总线模块\EL3356-0000\倍福\进口</t>
  </si>
  <si>
    <t>【倍福】总线模块\EL3632-0000\倍福\进口</t>
  </si>
  <si>
    <t>【倍福】总线耦合器\BK1250\倍福</t>
  </si>
  <si>
    <t>【开天】油冷花键\28×38\进口</t>
  </si>
  <si>
    <t>开天传动（上海）有限公司</t>
  </si>
  <si>
    <t>开天</t>
  </si>
  <si>
    <t>NWZBP(TH)ZYCG2020-215</t>
  </si>
  <si>
    <t>国家能源e购商城KTR(开天）联轴器等备件铺货采购合同</t>
  </si>
  <si>
    <t>北京恩德瑞奇科技有限公司</t>
  </si>
  <si>
    <t>【开天】油冷花键\24×38\进口</t>
  </si>
  <si>
    <t>【开天】高速轴制动器\BSFI-3090-MS35S-104-AWA\开天</t>
  </si>
  <si>
    <t>【开天】高速轴刹车片\BSFI-3090-MS35S-104-AWA-A\开天</t>
  </si>
  <si>
    <t>【开天】偏航阻尼铜杯垫片\D80×7\开天</t>
  </si>
  <si>
    <t>【开天】偏航阻尼铜杯垫片\D80×10\开天</t>
  </si>
  <si>
    <t>【开天】偏航阻尼铜杯\D94×97\开天</t>
  </si>
  <si>
    <t>【开天】偏航制动器\KTAB120(B)\开天</t>
  </si>
  <si>
    <t>【开天】偏航刹车片\KTAB 120-A\开天</t>
  </si>
  <si>
    <t>【开天】偏航刹车片\KTAB 120-B\开天</t>
  </si>
  <si>
    <t>【开天】主轴制动器\KTAB300\开天</t>
  </si>
  <si>
    <t>【开天】制动器摩擦片\KTAB 300\开天</t>
  </si>
  <si>
    <t>【开天】主轴制动器磨损开关\KTAB 300-C\开天</t>
  </si>
  <si>
    <t>【开天】高速轴制动器\KTAB 3000\开天</t>
  </si>
  <si>
    <t>【开天】高速轴刹车片\KTAB3000\KTR</t>
  </si>
  <si>
    <t>【开天】偏航制动器\KTAB90\开天</t>
  </si>
  <si>
    <t>【开天】偏航制动器摩擦片\KTAB 90配用1.5MW\开天</t>
  </si>
  <si>
    <t>【开天】刹车片\KTAB90\开天</t>
  </si>
  <si>
    <t>【开天】联轴器\KTR650 120 F7 X 230 BC\进口</t>
  </si>
  <si>
    <t>【开天】中间管\KTR650 120F7X230BC-A\进口</t>
  </si>
  <si>
    <t>【开天】高速刹车盘\KTR650 120F7X231BC-B\开天</t>
  </si>
  <si>
    <t>【开天】发电机膜片组\KTR650 120F7X230BC-C\进口</t>
  </si>
  <si>
    <t>【开天】齿轮箱膜片组\KTR650 120F7X230BC-D\进口</t>
  </si>
  <si>
    <t>【开天】联轴器\RADEX N115\进口</t>
  </si>
  <si>
    <t>【开天】中间体\RADEX-N115\KTR</t>
  </si>
  <si>
    <t>【开天】高速刹车盘\RADEX N115-B\开天</t>
  </si>
  <si>
    <t>【开天】高速刹车盘\RADEX N165-B\开天</t>
  </si>
  <si>
    <t>【开天】高速刹车盘\RADEX N190-B\开天</t>
  </si>
  <si>
    <t>【开天】高速刹车盘\RADEX N300-B\开天</t>
  </si>
  <si>
    <t>【开天】发电机膜片组\RADEX N115-C\进口</t>
  </si>
  <si>
    <t>【开天】发电机膜片组\RADEX N165-C\进口</t>
  </si>
  <si>
    <t>【开天】发电机膜片组\RADEX N190-C\进口</t>
  </si>
  <si>
    <t>【开天】齿轮箱膜片组\RADEX N115-D\进口</t>
  </si>
  <si>
    <t>【开天】齿轮箱膜片组\RADEX N165-D\进口</t>
  </si>
  <si>
    <t>【开天】齿轮箱膜片组\RADEX N190-D\进口</t>
  </si>
  <si>
    <t>【开天】联轴器\RADEX-N165 spacer\进口</t>
  </si>
  <si>
    <t>【开天】联轴器\RADEX N300\进口</t>
  </si>
  <si>
    <t>【开天】联轴器中间体\RADEX N165 SPEZ\KTR</t>
  </si>
  <si>
    <t>【开天】膜片式联轴器\RADEX-N190\进口</t>
  </si>
  <si>
    <t>【开天】中间管\RADEX N190-A\进口</t>
  </si>
  <si>
    <t>【开天】中间管\RADEX N300-A\进口</t>
  </si>
  <si>
    <t>【开天】发电机端涨套\RADEX N190-E\进口</t>
  </si>
  <si>
    <t>【开天】增速机端涨套\RADEX N190-F\进口</t>
  </si>
  <si>
    <t>【开天】发电机膜片组\RADEX N300-C\进口</t>
  </si>
  <si>
    <t>【开天】齿轮箱膜片组\RADEX N300-D\进口</t>
  </si>
  <si>
    <t>【开天】偏航衬垫\D100×10-D110×10-590×50×10\开天</t>
  </si>
  <si>
    <t>【德施普】纯棉毛巾\75×34cm\115g</t>
  </si>
  <si>
    <t>苏州德施普防护装备有限公司</t>
  </si>
  <si>
    <t>GNWZBP(TH)ZECG2020-166</t>
  </si>
  <si>
    <t>国家能源e购商城德施普安防产品长协采购铺货采购合同</t>
  </si>
  <si>
    <t>【德施普】纯棉毛巾\90×34cm\110g</t>
  </si>
  <si>
    <t>【德施普】纯棉毛巾\90×34cm\135g</t>
  </si>
  <si>
    <t>【德施普】新型多功能矿工腰带\DSP-Y0101\牛皮</t>
  </si>
  <si>
    <t>【德施普】防尘半面罩\DSP-M0201\过滤式\国产</t>
  </si>
  <si>
    <t>【德施普】防尘口罩滤棉\配合防尘半面罩使用\DSP-M0202\防粉尘滤棉\国产</t>
  </si>
  <si>
    <t>【德施普】多功能安全凉鞋\DSP-F0301\防静电\防砸\防刺穿\绝缘\牛皮</t>
  </si>
  <si>
    <t>【德施普】多功能安全凉鞋\DSP-F0302\防静电\防砸\防刺穿\绝缘\牛皮</t>
  </si>
  <si>
    <t>【德施普】多功能低帮安全鞋\DSP-F0303\防静电\防砸\防刺穿\绝缘\牛皮</t>
  </si>
  <si>
    <t>【德施普】多功能低帮安全鞋\DSP-F0304\防静电\防砸\防刺穿\绝缘\牛皮</t>
  </si>
  <si>
    <t>【德施普】多功能低帮安全鞋\DSP-F0305\防静电\防砸\防穿刺\绝缘\牛皮</t>
  </si>
  <si>
    <t>【德施普】多功能低帮翻毛皮安全鞋\DSP-F0306\防静电\防砸\防刺穿\绝缘\翻毛牛皮</t>
  </si>
  <si>
    <t>【德施普】多功能低帮翻毛皮安全鞋\DSP-F0307\防静电\防砸\防刺穿\绝缘\翻毛牛皮</t>
  </si>
  <si>
    <t>【德施普】多功能低帮安全鞋\DSP-F0308\防静电\防砸\防刺穿\绝缘\牛皮</t>
  </si>
  <si>
    <t>【德施普】多功能低帮翻毛皮安全鞋\DSP-F0309\防静电\防砸\防刺穿\绝缘\翻毛牛皮</t>
  </si>
  <si>
    <t>【德施普】多功能中帮单安全鞋\DSP-F0310\防静电\防砸\防刺穿\绝缘\牛皮</t>
  </si>
  <si>
    <t>【德施普】多功能中帮棉安全鞋\DSP-F0311\防静电\防砸\防刺穿\绝缘\牛皮</t>
  </si>
  <si>
    <t>【德施普】多功能中帮单安全鞋\DSP-F0312\防静电\防砸\防刺穿\绝缘\牛皮</t>
  </si>
  <si>
    <t>【德施普】多功能中帮棉安全鞋\DSP-F0313\防静电\防砸\防刺穿\绝缘\牛皮</t>
  </si>
  <si>
    <t>【德施普】多功能中帮翻毛皮单安全鞋\DSP-F0314\防静电\防砸\防刺穿\绝缘\翻毛牛皮</t>
  </si>
  <si>
    <t>【德施普】多功能中帮翻毛皮棉安全鞋\DSP-F0315\防静电\防砸\防刺穿\绝缘\翻毛牛皮</t>
  </si>
  <si>
    <t>【德施普】多功能防护单靴\DSP-F0316\防静电\防砸\防刺穿\绝缘\牛皮</t>
  </si>
  <si>
    <t>【德施普】多功能防护棉靴\DSP-F0317\防静电\防砸\防刺穿\绝缘\牛皮</t>
  </si>
  <si>
    <t>【德施普】多功能防护单靴\DSP-F0318\防静电\防砸\防刺穿\绝缘\牛皮</t>
  </si>
  <si>
    <t>【德施普】多功能防护棉靴\DSP-F0319\防静电\防砸\防刺穿\绝缘\牛皮</t>
  </si>
  <si>
    <t>【德施普】多功能防护单靴\DSP-F0320\防静电\防砸\防刺穿\绝缘\翻毛牛皮</t>
  </si>
  <si>
    <t>【德施普】多功能防护棉靴\DSP-F0321\防静电\防砸\防刺穿\绝缘\翻毛牛皮</t>
  </si>
  <si>
    <t>【德施普】防护雨靴\DSP-F0322\防砸\PVC</t>
  </si>
  <si>
    <t>【德施普】防护雨靴\DSP-F0323\防砸\PVC</t>
  </si>
  <si>
    <t>【德施普】橡胶防护雨靴\DSP-F0324\防砸\橡胶</t>
  </si>
  <si>
    <t>【德施普】橡胶工矿长靴\DSP-F0325\防砸\橡胶</t>
  </si>
  <si>
    <t>【德施普】武警跑鞋\安全鞋\DSP-F0326\抗菌\网布</t>
  </si>
  <si>
    <t>【德施普】行政男皮鞋\安全鞋\DSP-F0327\防滑\耐磨\抗菌\牛皮</t>
  </si>
  <si>
    <t>【德施普】行政女皮鞋\安全鞋\DSP-F0328\防滑\耐磨\抗菌\牛皮</t>
  </si>
  <si>
    <t>【德施普】作战靴\DSP-F0329\防滑\耐磨\抗菌\牛皮</t>
  </si>
  <si>
    <t>【德施普】复合井下矿工袜\DSP-F0330\100%棉</t>
  </si>
  <si>
    <t>【德施普】长效抗菌袜\DSP-F0331\棉</t>
  </si>
  <si>
    <t>【德施普】安全帽\Y类\白色\ABS\不含印标</t>
  </si>
  <si>
    <t>【德施普】安全帽\Y类\白色\ABS\含印标</t>
  </si>
  <si>
    <t>【德施普】矿工安全帽\Y类\黑色\ABS</t>
  </si>
  <si>
    <t>【德施普】玻璃钢安全帽\Y类\黑色\玻璃钢</t>
  </si>
  <si>
    <t>【德施普】防寒安全帽\Y类\红色\ABS</t>
  </si>
  <si>
    <t>【德施普】防寒安全帽\Y类\咖啡色\皮革加羊剪绒</t>
  </si>
  <si>
    <t>【德施普】保暖棉帽\DSP-H0506\羊剪绒</t>
  </si>
  <si>
    <t>【德施普】ABS地面安全帽\Y类\白色\ABS\含印标</t>
  </si>
  <si>
    <t>【德施普】男款安全鞋\DSP-F0340\6KV绝缘\防砸\牛皮</t>
  </si>
  <si>
    <t>【德施普】女款安全鞋\DSP-H0342\6KV绝缘\防砸\牛皮</t>
  </si>
  <si>
    <t>【德施普】安全鞋\DSP-F0341\6KV绝缘\防砸\防滑\牛皮</t>
  </si>
  <si>
    <t>【SKF】角接触球轴承\3200A-2RS1TN9/MT33\SKF</t>
  </si>
  <si>
    <t>斯凯孚（中国）销售有限公司</t>
  </si>
  <si>
    <t>SKF</t>
  </si>
  <si>
    <t>GNWZBP(TH)ZECG2020-264</t>
  </si>
  <si>
    <t>国家能源e购商城斯凯孚轴承商城铺货长协采购框架合同</t>
  </si>
  <si>
    <t>斯凯孚(中国)销售有限公司</t>
  </si>
  <si>
    <t>【SKF】角接触球轴承\3200A-2ZTN9\SKF</t>
  </si>
  <si>
    <t>【SKF】角接触球轴承\3200A-2ZTN9/MT33\SKF</t>
  </si>
  <si>
    <t>【SKF】角接触球轴承\3200ATN9\SKF</t>
  </si>
  <si>
    <t>【SKF】角接触球轴承\3201A-2RS1TN9/MT33\SKF</t>
  </si>
  <si>
    <t>【SKF】角接触球轴承\3201A-2ZTN9/MT33\SKF</t>
  </si>
  <si>
    <t>【SKF】角接触球轴承\3201ATN9\SKF</t>
  </si>
  <si>
    <t>【SKF】角接触球轴承\3202A-2RS1TN9/MT33\SKF</t>
  </si>
  <si>
    <t>【SKF】角接触球轴承\3202A-2ZTN9/MT33\SKF</t>
  </si>
  <si>
    <t>【SKF】角接触球轴承\3202ATN9\SKF</t>
  </si>
  <si>
    <t>【SKF】角接触球轴承\3203A-2RS1TN9/MT33\SKF</t>
  </si>
  <si>
    <t>【SKF】角接触球轴承\3203ATN9\SKF</t>
  </si>
  <si>
    <t>【SKF】角接触球轴承\3204A\SKF</t>
  </si>
  <si>
    <t>【SKF】角接触球轴承\3207A\SKF</t>
  </si>
  <si>
    <t>【SKF】角接触球轴承\3207A-2RS1TN9/MT33\SKF</t>
  </si>
  <si>
    <t>【SKF】角接触球轴承\3207A-2ZTN9/MT33\SKF</t>
  </si>
  <si>
    <t>【SKF】角接触球轴承\3208A-2RS1/MT33\SKF</t>
  </si>
  <si>
    <t>【SKF】角接触球轴承\3208A-2RS1TN9/MT33\SKF</t>
  </si>
  <si>
    <t>【SKF】角接触球轴承\3208A-2ZTN9/MT33\SKF</t>
  </si>
  <si>
    <t>【SKF】角接触球轴承\3209A-2ZTN9/MT33\SKF</t>
  </si>
  <si>
    <t>【SKF】角接触球轴承\3209ATN9\SKF</t>
  </si>
  <si>
    <t>【SKF】角接触球轴承\3210A\SKF</t>
  </si>
  <si>
    <t>【SKF】角接触球轴承\3210A-2RS1TN9/MT33\SKF</t>
  </si>
  <si>
    <t>【SKF】角接触球轴承\3204A-2RS1TN9/MT33\SKF</t>
  </si>
  <si>
    <t>【SKF】角接触球轴承\3204A-2ZTN9/MT33\SKF</t>
  </si>
  <si>
    <t>【SKF】角接触球轴承\3204ATN9\SKF</t>
  </si>
  <si>
    <t>【SKF】角接触球轴承\3205A\SKF</t>
  </si>
  <si>
    <t>【SKF】角接触球轴承\3205A-2RS1\SKF</t>
  </si>
  <si>
    <t>【SKF】角接触球轴承\3320A\SKF</t>
  </si>
  <si>
    <t>【SKF】角接触球轴承\3322A\SKF</t>
  </si>
  <si>
    <t>【SKF】角接触球轴承\3205A-2RS1TN9/MT33\SKF</t>
  </si>
  <si>
    <t>【SKF】角接触球轴承\3205A-2ZTN9/MT33\SKF</t>
  </si>
  <si>
    <t>【SKF】角接触球轴承\3206A\SKF</t>
  </si>
  <si>
    <t>【SKF】角接触球轴承\3206A-2ZTN9/MT33\SKF</t>
  </si>
  <si>
    <t>【SKF】角接触球轴承\3206ATN9\SKF</t>
  </si>
  <si>
    <t>【SKF】角接触球轴承\3210A-2Z/MT33\SKF</t>
  </si>
  <si>
    <t>【SKF】角接触球轴承\3210A-2ZTN9/MT33\SKF</t>
  </si>
  <si>
    <t>【SKF】角接触球轴承\3211A\SKF</t>
  </si>
  <si>
    <t>【SKF】角接触球轴承\3211A-2RS1/MT33\SKF</t>
  </si>
  <si>
    <t>【SKF】角接触球轴承\3211A-2Z/MT33\SKF</t>
  </si>
  <si>
    <t>【SKF】角接触球轴承\3212A\SKF</t>
  </si>
  <si>
    <t>【SKF】角接触球轴承\3212A-2RS1/MT33\SKF</t>
  </si>
  <si>
    <t>【SKF】角接触球轴承\3213A\SKF</t>
  </si>
  <si>
    <t>【SKF】角接触球轴承\3214A-2Z\SKF</t>
  </si>
  <si>
    <t>【SKF】角接触球轴承\3214A-2Z/MT33\SKF</t>
  </si>
  <si>
    <t>【SKF】角接触球轴承\3215A\SKF</t>
  </si>
  <si>
    <t>【SKF】角接触球轴承\3216A\SKF</t>
  </si>
  <si>
    <t>【SKF】角接触球轴承\3216A/C3\SKF</t>
  </si>
  <si>
    <t>【SKF】角接触球轴承\3217A\SKF</t>
  </si>
  <si>
    <t>【SKF】角接触球轴承\3218A\SKF</t>
  </si>
  <si>
    <t>【SKF】角接触球轴承\3302A-2RS1TN9/MT33\SKF</t>
  </si>
  <si>
    <t>【SKF】角接触球轴承\3302ATN9\SKF</t>
  </si>
  <si>
    <t>【SKF】角接触球轴承\3303A-2RS1TN9/MT33\SKF</t>
  </si>
  <si>
    <t>【SKF】角接触球轴承\3303ATN9\SKF</t>
  </si>
  <si>
    <t>【SKF】角接触球轴承\3304A-2RS1TN9/MT33\SKF</t>
  </si>
  <si>
    <t>【SKF】角接触球轴承\3304A-2ZTN9/MT33\SKF</t>
  </si>
  <si>
    <t>【SKF】角接触球轴承\3304ATN9\SKF</t>
  </si>
  <si>
    <t>【SKF】角接触球轴承\3305A\SKF</t>
  </si>
  <si>
    <t>【SKF】角接触球轴承\3305A-2RS1TN9/MT33\SKF</t>
  </si>
  <si>
    <t>【SKF】角接触球轴承\3305A-2ZTN9/MT33\SKF</t>
  </si>
  <si>
    <t>【SKF】角接触球轴承\3305ATN9\SKF</t>
  </si>
  <si>
    <t>【SKF】角接触球轴承\3306A\SKF</t>
  </si>
  <si>
    <t>【SKF】角接触球轴承\3306A-2RS1TN9/MT33\SKF</t>
  </si>
  <si>
    <t>【SKF】角接触球轴承\3306A-2ZTN9/MT33\SKF</t>
  </si>
  <si>
    <t>【SKF】角接触球轴承\3307A\SKF</t>
  </si>
  <si>
    <t>【SKF】角接触球轴承\3307A/C3\SKF</t>
  </si>
  <si>
    <t>【SKF】角接触球轴承\3307A-2Z/C3MT33\SKF</t>
  </si>
  <si>
    <t>【SKF】角接触球轴承\3310A\SKF</t>
  </si>
  <si>
    <t>【SKF】角接触球轴承\3310A-2RS1\SKF</t>
  </si>
  <si>
    <t>【SKF】角接触球轴承\3310A-2RS1/C3MT33\SKF</t>
  </si>
  <si>
    <t>【SKF】角接触球轴承\3310ATN9\SKF</t>
  </si>
  <si>
    <t>【SKF】角接触球轴承\3311A\SKF</t>
  </si>
  <si>
    <t>【SKF】角接触球轴承\3311A-2Z\SKF</t>
  </si>
  <si>
    <t>【SKF】角接触球轴承\3312A\SKF</t>
  </si>
  <si>
    <t>【SKF】角接触球轴承\3313A\SKF</t>
  </si>
  <si>
    <t>【SKF】角接触球轴承\3314A\SKF</t>
  </si>
  <si>
    <t>【SKF】角接触球轴承\3315A\SKF</t>
  </si>
  <si>
    <t>【SKF】角接触球轴承\3307A-2ZTN9/MT33\SKF</t>
  </si>
  <si>
    <t>【SKF】角接触球轴承\3307ATN9\SKF</t>
  </si>
  <si>
    <t>【SKF】角接触球轴承\3308A-2RS1TN9/MT33\SKF</t>
  </si>
  <si>
    <t>【SKF】角接触球轴承\3308A-2ZTN9/MT33\SKF</t>
  </si>
  <si>
    <t>【SKF】角接触球轴承\3309A\SKF</t>
  </si>
  <si>
    <t>【SKF】角接触球轴承\3309A-2RS1\SKF</t>
  </si>
  <si>
    <t>【SKF】角接触球轴承\3309A-2RS1/MT33\SKF</t>
  </si>
  <si>
    <t>【SKF】角接触球轴承\3309A-2Z\SKF</t>
  </si>
  <si>
    <t>【SKF】角接触球轴承\3309ATN9\SKF</t>
  </si>
  <si>
    <t>【SKF】角接触球轴承\3316A\SKF</t>
  </si>
  <si>
    <t>【SKF】角接触球轴承\3317A\SKF</t>
  </si>
  <si>
    <t>【SKF】角接触球轴承\3318A\SKF</t>
  </si>
  <si>
    <t>【SKF】调心球轴承\1215\SKF</t>
  </si>
  <si>
    <t>【SKF】调心球轴承\1218\SKF</t>
  </si>
  <si>
    <t>【SKF】调心球轴承\1318\SKF</t>
  </si>
  <si>
    <t>【SKF】调心球轴承\1320\SKF</t>
  </si>
  <si>
    <t>【SKF】调心球轴承\2217\SKF</t>
  </si>
  <si>
    <t>【SKF】调心球轴承\2218\SKF</t>
  </si>
  <si>
    <t>【SKF】调心球轴承\2302\SKF</t>
  </si>
  <si>
    <t>【SKF】调心球轴承\2306\SKF</t>
  </si>
  <si>
    <t>【SKF】调心球轴承\1200ETN9\SKF</t>
  </si>
  <si>
    <t>【SKF】角接触球轴承\7324BCBM\SKF</t>
  </si>
  <si>
    <t>【SKF】调心球轴承\1201ETN9\SKF</t>
  </si>
  <si>
    <t>【SKF】调心球轴承\1202ETN9\SKF</t>
  </si>
  <si>
    <t>【SKF】调心球轴承\1203ETN9\SKF</t>
  </si>
  <si>
    <t>【SKF】调心球轴承\1204EKTN9\SKF</t>
  </si>
  <si>
    <t>【SKF】调心球轴承\1204ETN9\SKF</t>
  </si>
  <si>
    <t>【SKF】调心球轴承\1205EKTN9\SKF</t>
  </si>
  <si>
    <t>【SKF】调心球轴承\1206EKTN9\SKF</t>
  </si>
  <si>
    <t>【SKF】调心球轴承\1206ETN9\SKF</t>
  </si>
  <si>
    <t>【SKF】调心球轴承\1207EKTN9\SKF</t>
  </si>
  <si>
    <t>【SKF】调心球轴承\1207ETN9\SKF</t>
  </si>
  <si>
    <t>【SKF】调心球轴承\1208EKTN9\SKF</t>
  </si>
  <si>
    <t>【SKF】调心球轴承\1208ETN9\SKF</t>
  </si>
  <si>
    <t>【SKF】调心球轴承\1209EKTN9\SKF</t>
  </si>
  <si>
    <t>【SKF】调心球轴承\1210EKTN9\SKF</t>
  </si>
  <si>
    <t>【SKF】调心球轴承\1210ETN9\SKF</t>
  </si>
  <si>
    <t>【SKF】调心球轴承\1211EKTN9\SKF</t>
  </si>
  <si>
    <t>【SKF】调心球轴承\1211ETN9\SKF</t>
  </si>
  <si>
    <t>【SKF】调心球轴承\1212EKTN9\SKF</t>
  </si>
  <si>
    <t>【SKF】带座外球面球轴承\YET209\SKF</t>
  </si>
  <si>
    <t>【SKF】调心球轴承\1213ETN9\SKF</t>
  </si>
  <si>
    <t>【SKF】调心球轴承\1215K\SKF</t>
  </si>
  <si>
    <t>【SKF】调心球轴承\1216K\SKF</t>
  </si>
  <si>
    <t>【SKF】调心球轴承\1217K\SKF</t>
  </si>
  <si>
    <t>【SKF】调心球轴承\1218K\SKF</t>
  </si>
  <si>
    <t>【SKF】调心球轴承\1219K\SKF</t>
  </si>
  <si>
    <t>【SKF】调心球轴承\1222K\SKF</t>
  </si>
  <si>
    <t>【SKF】调心球轴承\1301ETN9\SKF</t>
  </si>
  <si>
    <t>【SKF】调心球轴承\1302ETN9\SKF</t>
  </si>
  <si>
    <t>【SKF】调心球轴承\1303ETN9\SKF</t>
  </si>
  <si>
    <t>【SKF】调心球轴承\1304ETN9\SKF</t>
  </si>
  <si>
    <t>【SKF】调心球轴承\1305ETN9\SKF</t>
  </si>
  <si>
    <t>【SKF】调心球轴承\1306EKTN9\SKF</t>
  </si>
  <si>
    <t>【SKF】调心球轴承\1306ETN9\SKF</t>
  </si>
  <si>
    <t>【SKF】调心球轴承\1307EKTN9\SKF</t>
  </si>
  <si>
    <t>【SKF】调心球轴承\1307ETN9\SKF</t>
  </si>
  <si>
    <t>【SKF】调心球轴承\1308EKTN9\SKF</t>
  </si>
  <si>
    <t>【SKF】调心球轴承\1308ETN9\SKF</t>
  </si>
  <si>
    <t>【SKF】调心球轴承\1309EKTN9\SKF</t>
  </si>
  <si>
    <t>【SKF】调心球轴承\1309ETN9\SKF</t>
  </si>
  <si>
    <t>【SKF】调心球轴承\1310EKTN9\SKF</t>
  </si>
  <si>
    <t>【SKF】调心球轴承\1311EKTN9\SKF</t>
  </si>
  <si>
    <t>【SKF】调心球轴承\1313EKTN9\SKF</t>
  </si>
  <si>
    <t>【SKF】调心球轴承\1314/C3\SKF</t>
  </si>
  <si>
    <t>【SKF】调心球轴承\1315K\SKF</t>
  </si>
  <si>
    <t>【SKF】调心球轴承\1316K\SKF</t>
  </si>
  <si>
    <t>【SKF】调心球轴承\1317K\SKF</t>
  </si>
  <si>
    <t>【SKF】圆椎滚子轴承\3212ATN9\SKF</t>
  </si>
  <si>
    <t>【SKF】调心球轴承\1318K\SKF</t>
  </si>
  <si>
    <t>【SKF】调心球轴承\1319K\SKF</t>
  </si>
  <si>
    <t>【SKF】调心球轴承\1320K\SKF</t>
  </si>
  <si>
    <t>【SKF】调心球轴承\2200E-2RS1TN9\SKF</t>
  </si>
  <si>
    <t>【SKF】调心球轴承\2200ETN9\SKF</t>
  </si>
  <si>
    <t>【SKF】调心球轴承\2201E-2RS1TN9\SKF</t>
  </si>
  <si>
    <t>【SKF】调心球轴承\2201ETN9\SKF</t>
  </si>
  <si>
    <t>【SKF】调心球轴承\2202E-2RS1TN9\SKF</t>
  </si>
  <si>
    <t>【SKF】调心球轴承\2202ETN9\SKF</t>
  </si>
  <si>
    <t>【SKF】调心球轴承\2203E-2RS1TN9\SKF</t>
  </si>
  <si>
    <t>【SKF】调心球轴承\2203ETN9\SKF</t>
  </si>
  <si>
    <t>【SKF】调心球轴承\2204E-2RS1TN9\SKF</t>
  </si>
  <si>
    <t>【SKF】调心球轴承\2204ETN9\SKF</t>
  </si>
  <si>
    <t>【SKF】调心球轴承\2205E-2RS1TN9\SKF</t>
  </si>
  <si>
    <t>【SKF】调心球轴承\2205EKTN9\SKF</t>
  </si>
  <si>
    <t>【SKF】调心球轴承\2205ETN9\SKF</t>
  </si>
  <si>
    <t>【SKF】调心球轴承\2206E-2RS1KTN9\SKF</t>
  </si>
  <si>
    <t>【SKF】调心球轴承\2206E-2RS1TN9\SKF</t>
  </si>
  <si>
    <t>【SKF】调心球轴承\2206EKTN9\SKF</t>
  </si>
  <si>
    <t>【SKF】调心球轴承\2207E-2RS1KTN9\SKF</t>
  </si>
  <si>
    <t>【SKF】调心球轴承\2207EKTN9\SKF</t>
  </si>
  <si>
    <t>【SKF】调心球轴承\2207ETN9\SKF</t>
  </si>
  <si>
    <t>【SKF】调心球轴承\2208E-2RS1KTN9\SKF</t>
  </si>
  <si>
    <t>【SKF】调心球轴承\2208 E-2RS1TN9\SKF</t>
  </si>
  <si>
    <t>【SKF】调心球轴承\2208EKTN9\SKF</t>
  </si>
  <si>
    <t>【SKF】调心球轴承\2208ETN9\SKF</t>
  </si>
  <si>
    <t>【SKF】调心球轴承\2209E-2RS1KTN9\SKF</t>
  </si>
  <si>
    <t>【SKF】调心球轴承\2209E-2RS1TN9\SKF</t>
  </si>
  <si>
    <t>【SKF】调心球轴承\2209EKTN9\SKF</t>
  </si>
  <si>
    <t>【SKF】调心球轴承\2211E-2RS1KTN9\SKF</t>
  </si>
  <si>
    <t>【SKF】调心球轴承\2211E-2RS1TN9\SKF</t>
  </si>
  <si>
    <t>【SKF】调心球轴承\2211EKTN9\SKF</t>
  </si>
  <si>
    <t>【SKF】调心球轴承\2211ETN9\SKF</t>
  </si>
  <si>
    <t>【SKF】调心球轴承\2212E-2RS1TN9\SKF</t>
  </si>
  <si>
    <t>【SKF】调心球轴承\2212ETN9\SKF</t>
  </si>
  <si>
    <t>【SKF】调心球轴承\2213E-2RS1KTN9\SKF</t>
  </si>
  <si>
    <t>【SKF】调心球轴承\2213E-2RS1TN9\SKF</t>
  </si>
  <si>
    <t>【SKF】调心球轴承\2213EKTN9\SKF</t>
  </si>
  <si>
    <t>【SKF】调心球轴承\2213ETN9\SKF</t>
  </si>
  <si>
    <t>【SKF】调心球轴承\2214E-2RS1TN9\SKF</t>
  </si>
  <si>
    <t>【SKF】调心球轴承\2215EKTN9\SKF</t>
  </si>
  <si>
    <t>【SKF】调心球轴承\2215ETN9\SKF</t>
  </si>
  <si>
    <t>【SKF】调心球轴承\2216EKTN9\SKF</t>
  </si>
  <si>
    <t>【SKF】调心球轴承\2217K\SKF</t>
  </si>
  <si>
    <t>【SKF】调心球轴承\2218K\SKF</t>
  </si>
  <si>
    <t>【SKF】调心球轴承\2220M\SKF</t>
  </si>
  <si>
    <t>【SKF】调心球轴承\2222M\SKF</t>
  </si>
  <si>
    <t>【SKF】调心球轴承\2222M/C3\SKF</t>
  </si>
  <si>
    <t>【SKF】调心球轴承\2302E-2RS1TN9\SKF</t>
  </si>
  <si>
    <t>【SKF】调心球轴承\2303E-2RS1TN9\SKF</t>
  </si>
  <si>
    <t>【SKF】调心球轴承\2304E-2RS1TN9\SKF</t>
  </si>
  <si>
    <t>【SKF】调心球轴承\2305ETN9\SKF</t>
  </si>
  <si>
    <t>【SKF】调心球轴承\2306E-2RS1TN9\SKF</t>
  </si>
  <si>
    <t>【SKF】调心球轴承\2306K\SKF</t>
  </si>
  <si>
    <t>【SKF】调心球轴承\2306M\SKF</t>
  </si>
  <si>
    <t>【SKF】调心球轴承\2307E-2RS1TN9\SKF</t>
  </si>
  <si>
    <t>【SKF】调心球轴承\2307EKTN9\SKF</t>
  </si>
  <si>
    <t>【SKF】调心球轴承\2307EM\SKF</t>
  </si>
  <si>
    <t>【SKF】调心球轴承\2307ETN9\SKF</t>
  </si>
  <si>
    <t>【SKF】调心球轴承\2308E-2RS1TN9\SKF</t>
  </si>
  <si>
    <t>【SKF】调心滚子轴承\2308EKTN9\SKF</t>
  </si>
  <si>
    <t>【SKF】调心滚子轴承\2308EM\SKF</t>
  </si>
  <si>
    <t>【SKF】调心球轴承\2308ETN9\SKF</t>
  </si>
  <si>
    <t>【SKF】调心球轴承\2309E-2RS1TN9\SKF</t>
  </si>
  <si>
    <t>【SKF】调心球轴承\2309EKTN9\SKF</t>
  </si>
  <si>
    <t>【SKF】调心球轴承\2309EM\SKF</t>
  </si>
  <si>
    <t>【SKF】调心球轴承\2309ETN9\SKF</t>
  </si>
  <si>
    <t>【SKF】调心球轴承\2310E-2RS1TN9\SKF</t>
  </si>
  <si>
    <t>【SKF】调心球轴承\2310K\SKF</t>
  </si>
  <si>
    <t>【SKF】调心球轴承\2311K\SKF</t>
  </si>
  <si>
    <t>【SKF】调心球轴承\2311K/C3\SKF</t>
  </si>
  <si>
    <t>【SKF】调心球轴承\2311/C3\SKF</t>
  </si>
  <si>
    <t>【SKF】调心球轴承\2312K\SKF</t>
  </si>
  <si>
    <t>【SKF】调心球轴承\2312K/C3\SKF</t>
  </si>
  <si>
    <t>【SKF】调心球轴承\2313K\SKF</t>
  </si>
  <si>
    <t>【SKF】调心球轴承\2315K\SKF</t>
  </si>
  <si>
    <t>【SKF】调心球轴承\2316M\SKF</t>
  </si>
  <si>
    <t>【SKF】调心球轴承\2316M/C3\SKF</t>
  </si>
  <si>
    <t>【SKF】调心球轴承\2317M\SKF</t>
  </si>
  <si>
    <t>【SKF】调心球轴承\2320M\SKF 进口</t>
  </si>
  <si>
    <t>【SKF】调心球轴承\2320M/C3\SKF</t>
  </si>
  <si>
    <t>【SKF】推力滚子轴承\29260\SKF</t>
  </si>
  <si>
    <t>【SKF】球面滚子轴承\22234CCK/C3W33\SKF</t>
  </si>
  <si>
    <t>【SKF】球面滚子轴承\22311EK\SKF</t>
  </si>
  <si>
    <t>【SKF】圆柱滚子轴承\23076CCK/W33\SKF</t>
  </si>
  <si>
    <t>【SKF】调心滚子轴承\21305CC\SKF</t>
  </si>
  <si>
    <t>【SKF】调心滚子轴承\21305CC/C3\SKF</t>
  </si>
  <si>
    <t>【SKF】调心滚子轴承\21306CC\SKF</t>
  </si>
  <si>
    <t>【SKF】调心滚子轴承\21306CC/C3\SKF</t>
  </si>
  <si>
    <t>【SKF】调心滚子轴承\21307CC\SKF</t>
  </si>
  <si>
    <t>【SKF】调心滚子轴承\21307CC/C3\SKF</t>
  </si>
  <si>
    <t>【SKF】调心滚子轴承\21308E\SKF</t>
  </si>
  <si>
    <t>【SKF】调心滚子轴承\21308E/C3\SKF</t>
  </si>
  <si>
    <t>【SKF】调心滚子轴承\21309E/C3\SKF</t>
  </si>
  <si>
    <t>【SKF】调心滚子轴承\21309EK\SKF</t>
  </si>
  <si>
    <t>【SKF】调心滚子轴承\21310E\SKF</t>
  </si>
  <si>
    <t>【SKF】调心滚子轴承\21310E/C3\SKF</t>
  </si>
  <si>
    <t>【SKF】调心滚子轴承\21310EK\SKF</t>
  </si>
  <si>
    <t>【SKF】调心滚子轴承\21311E/C3\SKF</t>
  </si>
  <si>
    <t>【SKF】调心滚子轴承\21311EK\SKF</t>
  </si>
  <si>
    <t>【SKF】调心滚子轴承\21311EK/C3\SKF</t>
  </si>
  <si>
    <t>【SKF】调心滚子轴承\21312E/C3\SKF</t>
  </si>
  <si>
    <t>【SKF】调心滚子轴承\21312EK\SKF</t>
  </si>
  <si>
    <t>【SKF】调心滚子轴承\21313E\SKF</t>
  </si>
  <si>
    <t>【SKF】调心滚子轴承\21313E/C3\SKF</t>
  </si>
  <si>
    <t>【SKF】调心滚子轴承\21313EK\SKF</t>
  </si>
  <si>
    <t>【SKF】调心滚子轴承\21313EK/C3\SKF</t>
  </si>
  <si>
    <t>【SKF】调心滚子轴承\21314E\SKF</t>
  </si>
  <si>
    <t>【SKF】调心滚子轴承\21314E/C3\SKF</t>
  </si>
  <si>
    <t>【SKF】调心滚子轴承\21314EK\SKF</t>
  </si>
  <si>
    <t>【SKF】调心滚子轴承\21315EK\SKF</t>
  </si>
  <si>
    <t>【SKF】调心滚子轴承\21315EK/C3\SKF</t>
  </si>
  <si>
    <t>【SKF】调心滚子轴承\21316E\SKF</t>
  </si>
  <si>
    <t>【SKF】调心滚子轴承\21316EK\SKF</t>
  </si>
  <si>
    <t>【SKF】调心滚子轴承\21316EK/C3\SKF</t>
  </si>
  <si>
    <t>【SKF】调心滚子轴承\21317E/C3\SKF</t>
  </si>
  <si>
    <t>【SKF】调心滚子轴承\21317EK\SKF</t>
  </si>
  <si>
    <t>【SKF】调心滚子轴承\21317EK/C3\SKF</t>
  </si>
  <si>
    <t>【SKF】调心滚子轴承\21318E\SKF</t>
  </si>
  <si>
    <t>【SKF】调心滚子轴承\21318EK\SKF</t>
  </si>
  <si>
    <t>【SKF】调心滚子轴承\21319E/C3\SKF</t>
  </si>
  <si>
    <t>【SKF】调心滚子轴承\21319EK\SKF</t>
  </si>
  <si>
    <t>【SKF】调心滚子轴承\21320E\SKF</t>
  </si>
  <si>
    <t>【SKF】调心滚子轴承\21320EK/C3\SKF</t>
  </si>
  <si>
    <t>【SKF】调心滚子轴承\2210E-2RS1KTN9\SKF</t>
  </si>
  <si>
    <t>【SKF】调心滚子轴承\2210E-2RS1TN9\SKF</t>
  </si>
  <si>
    <t>【SKF】调心滚子轴承\2210EKTN9\SKF</t>
  </si>
  <si>
    <t>【SKF】调心滚子轴承\22205E\SKF</t>
  </si>
  <si>
    <t>【SKF】调心滚子轴承\22205E/C3\SKF</t>
  </si>
  <si>
    <t>【SKF】调心滚子轴承\22206E/C3\SKF</t>
  </si>
  <si>
    <t>【SKF】调心滚子轴承\22206EK\SKF</t>
  </si>
  <si>
    <t>【SKF】调心滚子轴承\22206EK/C3\SKF</t>
  </si>
  <si>
    <t>【SKF】调心滚子轴承\22207E\SKF</t>
  </si>
  <si>
    <t>【SKF】调心滚子轴承\22207E/C3\SKF</t>
  </si>
  <si>
    <t>【SKF】调心滚子轴承\22207EK\SKF</t>
  </si>
  <si>
    <t>【SKF】调心滚子轴承\22207EK/C3\SKF</t>
  </si>
  <si>
    <t>【SKF】调心滚子轴承\22208E\SKF</t>
  </si>
  <si>
    <t>【SKF】调心滚子轴承\22208E/C3\SKF</t>
  </si>
  <si>
    <t>【SKF】调心滚子轴承\22208EK\SKF</t>
  </si>
  <si>
    <t>【SKF】调心滚子轴承\22208EK/C3\SKF</t>
  </si>
  <si>
    <t>【SKF】调心滚子轴承\22209E\SKF</t>
  </si>
  <si>
    <t>【SKF】调心滚子轴承\22209EK\SKF</t>
  </si>
  <si>
    <t>【SKF】调心滚子轴承\22209EK/C3\SKF</t>
  </si>
  <si>
    <t>【SKF】调心滚子轴承\22210E/C2\SKF</t>
  </si>
  <si>
    <t>【SKF】调心滚子轴承\22210 E/C3\SKF</t>
  </si>
  <si>
    <t>【SKF】调心滚子轴承\22210EK</t>
  </si>
  <si>
    <t>【SKF】调心滚子轴承\22210EK/C3\SKF</t>
  </si>
  <si>
    <t>【SKF】调心滚子轴承\22211E/C3\SKF</t>
  </si>
  <si>
    <t>【SKF】球面滚子轴承\22211EK\SKF</t>
  </si>
  <si>
    <t>【SKF】调心滚子轴承\22211EK/C3\SKF</t>
  </si>
  <si>
    <t>【SKF】调心滚子轴承\22212E/C3\SKF</t>
  </si>
  <si>
    <t>【SKF】调心滚子轴承\22212EK\SKF</t>
  </si>
  <si>
    <t>【SKF】调心滚子轴承\22212EK/C3\SKF</t>
  </si>
  <si>
    <t>【SKF】调心滚子轴承\22213E\SKF</t>
  </si>
  <si>
    <t>【SKF】调心滚子轴承\22213E/C3\SKF</t>
  </si>
  <si>
    <t>【SKF】调心滚子轴承\22213EK\SKF</t>
  </si>
  <si>
    <t>【SKF】调心滚子轴承\22214E/C3\SKF</t>
  </si>
  <si>
    <t>【SKF】调心滚子轴承\22214EK\SKF</t>
  </si>
  <si>
    <t>【SKF】调心滚子轴承\22214EK/C3\SKF</t>
  </si>
  <si>
    <t>【SKF】调心滚子轴承\22215E/C3\SKF</t>
  </si>
  <si>
    <t>【SKF】调心滚子轴承\22215E\SKF</t>
  </si>
  <si>
    <t>【SKF】调心滚子轴承\22215EK\SKF</t>
  </si>
  <si>
    <t>【SKF】调心滚子轴承\22215EK/C3\SKF</t>
  </si>
  <si>
    <t>【SKF】调心滚子轴承\22216EK\SKF</t>
  </si>
  <si>
    <t>【SKF】调心滚子轴承\22216EK/C3\SKF</t>
  </si>
  <si>
    <t>【SKF】调心滚子轴承\22217E\SKF</t>
  </si>
  <si>
    <t>【SKF】调心滚子轴承\22217E/C3 旧53517</t>
  </si>
  <si>
    <t>【SKF】调心滚子轴承\22217EK/C3\SKF</t>
  </si>
  <si>
    <t>【SKF】调心滚子轴承\22218E\SKF</t>
  </si>
  <si>
    <t>【SKF】调心滚子轴承\22218EK\SKF</t>
  </si>
  <si>
    <t>【SKF】调心滚子轴承\22218EK/C3\SKF</t>
  </si>
  <si>
    <t>【SKF】调心滚子轴承\22219E\SKF</t>
  </si>
  <si>
    <t>【SKF】调心滚子轴承\22219E/C3\SKF</t>
  </si>
  <si>
    <t>【SKF】调心滚子轴承\22219EK\SKF</t>
  </si>
  <si>
    <t>【SKF】调心滚子轴承\22220EK\SKF</t>
  </si>
  <si>
    <t>【SKF】调心滚子轴承\22220EK/C3\SKF</t>
  </si>
  <si>
    <t>【SKF】调心滚子轴承\22222EK/C3\SKF</t>
  </si>
  <si>
    <t>【SKF】调心滚子轴承\22224EK\SKF</t>
  </si>
  <si>
    <t>【SKF】调心滚子轴承\22224EK/C3\SKF</t>
  </si>
  <si>
    <t>【SKF】调心滚子轴承\22226E/C3\SKF</t>
  </si>
  <si>
    <t>【SKF】调心滚子轴承\22226EK\SKF</t>
  </si>
  <si>
    <t>【SKF】调心滚子轴承\22226EK/C3\SKF</t>
  </si>
  <si>
    <t>【SKF】调心滚子轴承\22228CC/C3W33\SKF</t>
  </si>
  <si>
    <t>【SKF】调心滚子轴承\22228CCK/C3W33\SKF</t>
  </si>
  <si>
    <t>【SKF】调心滚子轴承\22228CCK/W33\SKF</t>
  </si>
  <si>
    <t>【SKF】调心滚子轴承\22230CCK/C3W33\SKF</t>
  </si>
  <si>
    <t>【SKF】调心滚子轴承\22230CCK/W33\SKF</t>
  </si>
  <si>
    <t>【SKF】调心滚子轴承\22232CC/C3W33\SKF</t>
  </si>
  <si>
    <t>【SKF】调心滚子轴承\22232CCK/C3W33\SKF</t>
  </si>
  <si>
    <t>【SKF】调心滚子轴承\22232CCK/W33\SKF</t>
  </si>
  <si>
    <t>【SKF】调心滚子轴承\22234CCK/W33\SKF</t>
  </si>
  <si>
    <t>【SKF】调心滚子轴承\22236CCK/C3W33\SKF</t>
  </si>
  <si>
    <t>【SKF】调心滚子轴承\22236CCK/W33\SKF</t>
  </si>
  <si>
    <t>【SKF】调心滚子轴承\22238CC/C3W33\SKF</t>
  </si>
  <si>
    <t>【SKF】调心滚子轴承\22238CC/W33\SKF</t>
  </si>
  <si>
    <t>【SKF】调心滚子轴承\22238CCK/C3W33\SKF</t>
  </si>
  <si>
    <t>【SKF】调心滚子轴承\22238CCK/W33\SKF</t>
  </si>
  <si>
    <t>【SKF】调心滚子轴承\22240CCK/C3W33\SKF</t>
  </si>
  <si>
    <t>【SKF】调心滚子轴承\22240CCK/W33\SKF</t>
  </si>
  <si>
    <t>【SKF】调心滚子轴承\22244CCK/C3W33\SKF</t>
  </si>
  <si>
    <t>【SKF】调心滚子轴承\22256CC/C3W33\SKF</t>
  </si>
  <si>
    <t>【SKF】调心滚子轴承\22256CCK/W33\SKF</t>
  </si>
  <si>
    <t>【SKF】调心滚子轴承\22264CC/C3W33\SKF</t>
  </si>
  <si>
    <t>【SKF】调心滚子轴承\22308E\SKF</t>
  </si>
  <si>
    <t>【SKF】调心滚子轴承\22308E/C3\SKF</t>
  </si>
  <si>
    <t>【SKF】调心滚子轴承\22308EK\SKF</t>
  </si>
  <si>
    <t>【SKF】调心滚子轴承\22309E/C3\SKF</t>
  </si>
  <si>
    <t>【SKF】调心滚子轴承\22309EK\SKF</t>
  </si>
  <si>
    <t>【SKF】调心滚子轴承\22309EK/C3\SKF</t>
  </si>
  <si>
    <t>【SKF】调心滚子轴承\22310E/C3\SKF</t>
  </si>
  <si>
    <t>【SKF】调心滚子轴承\22310EK\SKF</t>
  </si>
  <si>
    <t>【SKF】调心滚子轴承\22311E/C3\SKF</t>
  </si>
  <si>
    <t>【SKF】调心滚子轴承\22311EK/C3\SKF</t>
  </si>
  <si>
    <t>【SKF】调心滚子轴承\22312E/C3\SKF</t>
  </si>
  <si>
    <t>【SKF】调心滚子轴承\22312EK\SKF</t>
  </si>
  <si>
    <t>【SKF】调心滚子轴承\22312EK/C3\SKF</t>
  </si>
  <si>
    <t>【SKF】调心滚子轴承\22313EK\SKF</t>
  </si>
  <si>
    <t>【SKF】调心滚子轴承\22313EK/C3\SKF</t>
  </si>
  <si>
    <t>【SKF】调心滚子轴承\22314EK\SKF</t>
  </si>
  <si>
    <t>【SKF】调心滚子轴承\22314EK/C3\SKF</t>
  </si>
  <si>
    <t>【SKF】调心滚子轴承\22315EK/C3\SKF</t>
  </si>
  <si>
    <t>【SKF】调心滚子轴承\22316E/C3\SKF</t>
  </si>
  <si>
    <t>【SKF】调心滚子轴承\22316EK\SKF</t>
  </si>
  <si>
    <t>【SKF】调心滚子轴承\22316EK/C3\SKF</t>
  </si>
  <si>
    <t>【SKF】调心滚子轴承\22317EK\SKF</t>
  </si>
  <si>
    <t>【SKF】调心滚子轴承\22317EK/C3\SKF</t>
  </si>
  <si>
    <t>【SKF】调心滚子轴承\22318E\SKF</t>
  </si>
  <si>
    <t>【SKF】调心滚子轴承\22318E/C3\SKF</t>
  </si>
  <si>
    <t>【SKF】调心滚子轴承\22318EK\SKF</t>
  </si>
  <si>
    <t>【SKF】调心滚子轴承\22318EK/C3\SKF</t>
  </si>
  <si>
    <t>【SKF】调心滚子轴承\22319EK\SKF</t>
  </si>
  <si>
    <t>【SKF】调心滚子轴承\22319EK/C3\SKF</t>
  </si>
  <si>
    <t>【SKF】调心滚子轴承\22320EK\SKF</t>
  </si>
  <si>
    <t>【SKF】调心滚子轴承\22320EK/C3\SKF</t>
  </si>
  <si>
    <t>【SKF】调心滚子轴承\22322E\SKF</t>
  </si>
  <si>
    <t>【SKF】调心滚子轴承\22322EK\SKF</t>
  </si>
  <si>
    <t>【SKF】调心滚子轴承\22322EK/C3\SKF</t>
  </si>
  <si>
    <t>【SKF】调心滚子轴承\22324CCK/C3W33\SKF</t>
  </si>
  <si>
    <t>【SKF】调心滚子轴承\22324CCK/W33\SKF</t>
  </si>
  <si>
    <t>【SKF】调心滚子轴承\22326CCK/C3W33\SKF</t>
  </si>
  <si>
    <t>【SKF】调心滚子轴承\22326CCK/W33\SKF</t>
  </si>
  <si>
    <t>【SKF】调心滚子轴承\22328CCK/C3W33\SKF</t>
  </si>
  <si>
    <t>【SKF】调心滚子轴承\22328CCK/W33\SKF</t>
  </si>
  <si>
    <t>【SKF】调心滚子轴承\22330CCK/C3W33\SKF</t>
  </si>
  <si>
    <t>【SKF】调心滚子轴承\22330CCK/W33\SKF</t>
  </si>
  <si>
    <t>【SKF】调心滚子轴承\22332CC/C3W33\SKF</t>
  </si>
  <si>
    <t>【SKF】调心滚子轴承\22332CCK/C3W33\SKF</t>
  </si>
  <si>
    <t>【SKF】调心滚子轴承\22332CCK/W33\SKF</t>
  </si>
  <si>
    <t>【SKF】调心滚子轴承\22334CCK/C3W33\SKF</t>
  </si>
  <si>
    <t>【SKF】调心滚子轴承\22334CCK/W33\SKF</t>
  </si>
  <si>
    <t>【SKF】调心滚子轴承\22336CC/C3W33\SKF</t>
  </si>
  <si>
    <t>【SKF】调心滚子轴承\22336CCK/C3W33\SKF</t>
  </si>
  <si>
    <t>【SKF】调心滚子轴承\22338CC/C3W33\SKF</t>
  </si>
  <si>
    <t>【SKF】调心滚子轴承\22338CCK/C3W33\SKF</t>
  </si>
  <si>
    <t>【SKF】调心滚子轴承\22338CCK/W33\SKF</t>
  </si>
  <si>
    <t>【SKF】调心滚子轴承\22340CC/W33C3\SKF</t>
  </si>
  <si>
    <t>【SKF】调心滚子轴承\22340CCK/C3W33\SKF</t>
  </si>
  <si>
    <t>【SKF】调心滚子轴承\22340CCK/W33\SKF</t>
  </si>
  <si>
    <t>【SKF】调心滚子轴承\22352CC/W33\SKF</t>
  </si>
  <si>
    <t>【SKF】调心滚子轴承\22356CC/W33\SKF</t>
  </si>
  <si>
    <t>【SKF】调心滚子轴承\23022CC/C3W33\SKF</t>
  </si>
  <si>
    <t>【SKF】调心滚子轴承\23022CCK/C3W33\SKF</t>
  </si>
  <si>
    <t>【SKF】调心滚子轴承\23022CCK/W33\SKF</t>
  </si>
  <si>
    <t>【SKF】球面滚子轴承\23024CC/C3W33\SKF</t>
  </si>
  <si>
    <t>【SKF】调心滚子轴承\23024CCK/C3W33\SKF</t>
  </si>
  <si>
    <t>【SKF】调心滚子轴承\23024CCK/W33\SKF</t>
  </si>
  <si>
    <t>【SKF】调心滚子轴承\23026CC/C3W33\SKF</t>
  </si>
  <si>
    <t>【SKF】调心滚子轴承\23026CC/W33\SKF</t>
  </si>
  <si>
    <t>【SKF】调心滚子轴承\23026CCK/C3W33\SKF</t>
  </si>
  <si>
    <t>【SKF】调心滚子轴承\23026CCK/W33\SKF</t>
  </si>
  <si>
    <t>【SKF】调心滚子轴承\23028CCK/C3W33\SKF</t>
  </si>
  <si>
    <t>【SKF】调心滚子轴承\23028CCK/W33\SKF</t>
  </si>
  <si>
    <t>【SKF】调心滚子轴承\23030CCK/C3W33\SKF</t>
  </si>
  <si>
    <t>【SKF】调心滚子轴承\23030CCK/W33\SKF</t>
  </si>
  <si>
    <t>【SKF】调心滚子轴承\23032CCK/C3W33\SKF</t>
  </si>
  <si>
    <t>【SKF】调心滚子轴承\23034CCK/C3W33\SKF</t>
  </si>
  <si>
    <t>【SKF】调心滚子轴承\23034CCK/W33\SKF</t>
  </si>
  <si>
    <t>【SKF】调心滚子轴承\23036CC/C3W33\SKF</t>
  </si>
  <si>
    <t>【SKF】调心滚子轴承\23036CCK/C3W33\SKF</t>
  </si>
  <si>
    <t>【SKF】调心滚子轴承\23038CC/C3W33\SKF</t>
  </si>
  <si>
    <t>【SKF】调心滚子轴承\23038CCK/C3W33\SKF</t>
  </si>
  <si>
    <t>【SKF】调心滚子轴承\23038CCK/W33\SKF</t>
  </si>
  <si>
    <t>【SKF】调心滚子轴承\23040CCK/C3W33\SKF</t>
  </si>
  <si>
    <t>【SKF】调心滚子轴承\23040CCK/W33\SKF</t>
  </si>
  <si>
    <t>【SKF】调心滚子轴承\23044CCK/C3W33\SKF</t>
  </si>
  <si>
    <t>【SKF】调心滚子轴承\23044CCK/W33\SKF</t>
  </si>
  <si>
    <t>【SKF】调心滚子轴承\23048CCK/C3W33\SKF</t>
  </si>
  <si>
    <t>【SKF】调心滚子轴承\23048CCK/C4W33\SKF</t>
  </si>
  <si>
    <t>【SKF】调心滚子轴承\23052CCK/C3W33\SKF</t>
  </si>
  <si>
    <t>【SKF】调心滚子轴承\23052CCK/W33\SKF</t>
  </si>
  <si>
    <t>【SKF】调心滚子轴承\23056CC/C3W33\SKF</t>
  </si>
  <si>
    <t>【SKF】调心滚子轴承\23056CCK/C4W33\SKF</t>
  </si>
  <si>
    <t>【SKF】调心滚子轴承\23060CC/C3W33\SKF</t>
  </si>
  <si>
    <t>【SKF】调心滚子轴承\23060CC/W33\SKF</t>
  </si>
  <si>
    <t>【SKF】调心滚子轴承\23060CCK/C3W33\SKF</t>
  </si>
  <si>
    <t>【SKF】调心滚子轴承\23060CCK/C4W33\SKF</t>
  </si>
  <si>
    <t>【SKF】调心滚子轴承\23068CCK/C3W33\SKF</t>
  </si>
  <si>
    <t>【SKF】调心滚子轴承\23068CCK/W33\SKF</t>
  </si>
  <si>
    <t>【SKF】调心滚子轴承\23072CC/W33\SKF</t>
  </si>
  <si>
    <t>【SKF】调心滚子轴承\23072CCK/C3W33\SKF</t>
  </si>
  <si>
    <t>【SKF】调心滚子轴承\23072CCK/W33\SKF</t>
  </si>
  <si>
    <t>【SKF】调心滚子轴承\23076CC/C3W33\SKF</t>
  </si>
  <si>
    <t>【SKF】调心滚子轴承\23076CC/W33\SKF</t>
  </si>
  <si>
    <t>【SKF】调心滚子轴承\23084 CA/W33\SKF</t>
  </si>
  <si>
    <t>【SKF】调心滚子轴承\23092CA/W33\SKF</t>
  </si>
  <si>
    <t>【SKF】调心滚子轴承\23120CC/W33\SKF</t>
  </si>
  <si>
    <t>【SKF】调心滚子轴承\23120CCK/C3W33\SKF</t>
  </si>
  <si>
    <t>【SKF】调心滚子轴承\23120CCK/W33\SKF</t>
  </si>
  <si>
    <t>【SKF】调心滚子轴承\23122CC/C2W33\SKF</t>
  </si>
  <si>
    <t>【SKF】调心滚子轴承\23122CC/W33/C3</t>
  </si>
  <si>
    <t>【SKF】调心滚子轴承\23122CC/W33\SKF</t>
  </si>
  <si>
    <t>【SKF】调心滚子轴承\23122CCK/C3W33\SKF</t>
  </si>
  <si>
    <t>【SKF】调心滚子轴承\23122CCK/W33\SKF</t>
  </si>
  <si>
    <t>【SKF】调心滚子轴承\23124CCK/C3W33\SKF</t>
  </si>
  <si>
    <t>【SKF】调心滚子轴承\23124CCK/W33\SKF</t>
  </si>
  <si>
    <t>【SKF】调心滚子轴承\23126CC/C3W33\SKF</t>
  </si>
  <si>
    <t>【SKF】调心滚子轴承\23126CCK/C3W33\SKF</t>
  </si>
  <si>
    <t>【SKF】调心滚子轴承\23128CCK/C3W33\SKF</t>
  </si>
  <si>
    <t>【SKF】调心滚子轴承\23128CCK/W33\SKF</t>
  </si>
  <si>
    <t>【SKF】调心滚子轴承\23130CC/C3W33\SKF</t>
  </si>
  <si>
    <t>【SKF】调心滚子轴承\23130CCK/C3W33\SKF</t>
  </si>
  <si>
    <t>【SKF】调心滚子轴承\23130CCK/W33\SKF</t>
  </si>
  <si>
    <t>【SKF】调心滚子轴承\23132CC/C2W33\SKF</t>
  </si>
  <si>
    <t>【SKF】调心滚子轴承\23132CC/C3W33\SKF</t>
  </si>
  <si>
    <t>【SKF】调心滚子轴承\23132CCK/C3W33\SKF</t>
  </si>
  <si>
    <t>【SKF】调心滚子轴承\23132CCK/W33\SKF</t>
  </si>
  <si>
    <t>【SKF】调心滚子轴承\23134CC/C3W33\SKF</t>
  </si>
  <si>
    <t>【SKF】调心滚子轴承\23134CCK/W33\SKF</t>
  </si>
  <si>
    <t>【SKF】调心滚子轴承\23136CCK/W33\SKF</t>
  </si>
  <si>
    <t>【SKF】调心滚子轴承\23138CC/C3W33\SKF</t>
  </si>
  <si>
    <t>【SKF】调心滚子轴承\23140CCK/W33\SKF</t>
  </si>
  <si>
    <t>【SKF】调心滚子轴承\23144CCK/C3W33\SKF</t>
  </si>
  <si>
    <t>【SKF】调心滚子轴承\23148CCK/C3W33\SKF</t>
  </si>
  <si>
    <t>【SKF】调心滚子轴承\23152CC/C3W33\SKF</t>
  </si>
  <si>
    <t>【SKF】调心滚子轴承\23152CCK/C3W33\SKF</t>
  </si>
  <si>
    <t>【SKF】调心滚子轴承\23156CCK/W33\SKF</t>
  </si>
  <si>
    <t>【SKF】调心滚子轴承\2316K\SKF</t>
  </si>
  <si>
    <t>【SKF】调心滚子轴承\23164CC/C3W33\SKF</t>
  </si>
  <si>
    <t>【SKF】调心滚子轴承\23168CC/C3W33\SKF</t>
  </si>
  <si>
    <t>【SKF】调心滚子轴承\23168CCK/W33\SKF</t>
  </si>
  <si>
    <t>【SKF】调心滚子轴承\23172CCK/W33\SKF</t>
  </si>
  <si>
    <t>【SKF】调心滚子轴承\23176CAK/W33\SKF</t>
  </si>
  <si>
    <t>【SKF】调心滚子轴承\23192CA/W33\SKF</t>
  </si>
  <si>
    <t>【SKF】调心滚子轴承\23192CAK/C3W33\SKF</t>
  </si>
  <si>
    <t>【SKF】调心滚子轴承\23192CAK/W33\SKF</t>
  </si>
  <si>
    <t>【SKF】调心滚子轴承\23196CAK/W33\SKF</t>
  </si>
  <si>
    <t>【SKF】调心滚子轴承\23218CCK/C3W33\SKF</t>
  </si>
  <si>
    <t>【SKF】调心滚子轴承\23218CCK/W33\SKF</t>
  </si>
  <si>
    <t>【SKF】调心滚子轴承\23220CC/C3W33\SKF</t>
  </si>
  <si>
    <t>【SKF】调心滚子轴承\23220CCK/C3W33\SKF</t>
  </si>
  <si>
    <t>【SKF】调心滚子轴承\23220CCK/W33\SKF</t>
  </si>
  <si>
    <t>【SKF】调心滚子轴承\23222CCK/C3W33\SKF</t>
  </si>
  <si>
    <t>【SKF】调心滚子轴承\23222CCK/W33\SKF</t>
  </si>
  <si>
    <t>【SKF】调心滚子轴承\23224CCK/C3W33\SKF</t>
  </si>
  <si>
    <t>【SKF】调心滚子轴承\23224CCK/W33\SKF</t>
  </si>
  <si>
    <t>【SKF】调心滚子轴承\23226CCK/C3W33\SKF</t>
  </si>
  <si>
    <t>【SKF】调心滚子轴承\23226CCK/W33\SKF</t>
  </si>
  <si>
    <t>【SKF】调心滚子轴承\23228CC/C3W33\SKF</t>
  </si>
  <si>
    <t>【SKF】调心滚子轴承\23228CCK/C3W33\SKF</t>
  </si>
  <si>
    <t>【SKF】调心滚子轴承\23228CCK/W33\SKF</t>
  </si>
  <si>
    <t>【SKF】调心滚子轴承\23230CCK/C3W33\SKF</t>
  </si>
  <si>
    <t>【SKF】调心滚子轴承\23230CCK/W33\SKF</t>
  </si>
  <si>
    <t>【SKF】调心滚子轴承\23232CC/W33\SKF</t>
  </si>
  <si>
    <t>【SKF】调心滚子轴承\23232CCK/C3W33\SKF</t>
  </si>
  <si>
    <t>【SKF】调心滚子轴承\23232CCK/W33\SKF</t>
  </si>
  <si>
    <t>【SKF】调心滚子轴承\23234CCK/C3W33\SKF</t>
  </si>
  <si>
    <t>【SKF】调心滚子轴承\23234CCK/W33\SKF</t>
  </si>
  <si>
    <t>【SKF】调心滚子轴承\23236CCK/C3W33\SKF</t>
  </si>
  <si>
    <t>【SKF】调心滚子轴承\23236 CCK/W33\SKF</t>
  </si>
  <si>
    <t>【SKF】调心滚子轴承\23238CCK/W33\SKF</t>
  </si>
  <si>
    <t>【SKF】调心滚子轴承\23240CCK/C3W33\SKF</t>
  </si>
  <si>
    <t>【SKF】调心滚子轴承\23240CCK/W33\SKF</t>
  </si>
  <si>
    <t>【SKF】调心滚子轴承\23244CC/C3W33\SKF</t>
  </si>
  <si>
    <t>【SKF】调心滚子轴承\23244CCK/C3W33\SKF</t>
  </si>
  <si>
    <t>【SKF】调心滚子轴承\23244CCK/W33\SKF</t>
  </si>
  <si>
    <t>【SKF】调心滚子轴承\23256CACK/W33\SKF</t>
  </si>
  <si>
    <t>【SKF】调心滚子轴承\23260CACK/W33\SKF</t>
  </si>
  <si>
    <t>【SKF】调心滚子轴承\23260CCK/W33\SKF</t>
  </si>
  <si>
    <t>【SKF】调心滚子轴承\23264CC/W33\SKF</t>
  </si>
  <si>
    <t>【SKF】调心滚子轴承\23936CC/C3W33\SKF</t>
  </si>
  <si>
    <t>【SKF】调心滚子轴承\23944CC/C3W33\SKF</t>
  </si>
  <si>
    <t>【SKF】调心滚子轴承\23944CCK/W33\SKF</t>
  </si>
  <si>
    <t>【SKF】调心滚子轴承\23956CC/C3W33\SKF</t>
  </si>
  <si>
    <t>【SKF】调心滚子轴承\23956CC/W33\SKF</t>
  </si>
  <si>
    <t>【SKF】调心滚子轴承\23964CC/W33\SKF</t>
  </si>
  <si>
    <t>【SKF】调心滚子轴承\23972CC/C3W33\SKF</t>
  </si>
  <si>
    <t>【SKF】调心滚子轴承\23972CC/C4W33\SKF</t>
  </si>
  <si>
    <t>【SKF】调心滚子轴承\23972CC/W33\SKF</t>
  </si>
  <si>
    <t>【SKF】调心滚子轴承\23976CC/W33\SKF</t>
  </si>
  <si>
    <t>【SKF】调心滚子轴承\24020CC/W33\SKF</t>
  </si>
  <si>
    <t>【SKF】调心滚子轴承\24024CC/C3W33\SKF</t>
  </si>
  <si>
    <t>【SKF】调心滚子轴承\24026CC/C3W33\SKF</t>
  </si>
  <si>
    <t>【SKF】调心滚子轴承\24028CC/C3W33\SKF</t>
  </si>
  <si>
    <t>【SKF】调心滚子轴承\24030CC/C3W33\SKF</t>
  </si>
  <si>
    <t>【SKF】调心滚子轴承\24032CC/C3W33\SKF</t>
  </si>
  <si>
    <t>【SKF】调心滚子轴承\24034CC/C3W33\SKF</t>
  </si>
  <si>
    <t>【SKF】调心滚子轴承\24034CC/W33\SKF</t>
  </si>
  <si>
    <t>【SKF】调心滚子轴承\24036CC/C3W33\SKF</t>
  </si>
  <si>
    <t>【SKF】调心滚子轴承\24038CC/W33\SKF</t>
  </si>
  <si>
    <t>【SKF】调心滚子轴承\24040CC/C3W33\SKF</t>
  </si>
  <si>
    <t>【SKF】调心滚子轴承\24052CC/C3W33\SKF</t>
  </si>
  <si>
    <t>【SKF】调心滚子轴承\24056CC/C3W33\SKF</t>
  </si>
  <si>
    <t>【SKF】调心滚子轴承\24120CC/W33\SKF</t>
  </si>
  <si>
    <t>【SKF】调心滚子轴承\24122CC/C3W33\SKF</t>
  </si>
  <si>
    <t>【SKF】调心滚子轴承\24124CC/W33\SKF</t>
  </si>
  <si>
    <t>【SKF】调心滚子轴承\24132CC/C3W33\SKF</t>
  </si>
  <si>
    <t>【SKF】调心滚子轴承\24132CC/W33\SKF</t>
  </si>
  <si>
    <t>【SKF】调心滚子轴承\24134CC/C3W33\SKF</t>
  </si>
  <si>
    <t>【SKF】调心滚子轴承\24134 CC/W33\SKF</t>
  </si>
  <si>
    <t>【SKF】调心滚子轴承\24136CC/C3W33\SKF</t>
  </si>
  <si>
    <t>【SKF】调心滚子轴承\24138CC/C3W33\SKF</t>
  </si>
  <si>
    <t>【SKF】调心滚子轴承\24144CC/C3W33\SKF</t>
  </si>
  <si>
    <t>【SKF】调心滚子轴承\24144CC/W33\SKF</t>
  </si>
  <si>
    <t>【SKF】调心滚子轴承\24148CC/C3W33\SKF</t>
  </si>
  <si>
    <t>【SKF】调心滚子轴承\24152CC/W33/C3\SKF</t>
  </si>
  <si>
    <t>【SKF】调心滚子轴承\24156CC/W33\SKF</t>
  </si>
  <si>
    <t>【SKF】调心滚子轴承\24172ECCK30J/C4W33\SKF</t>
  </si>
  <si>
    <t>【SKF】调心滚子轴承\24192ECA/W33\SKF</t>
  </si>
  <si>
    <t>【SKF】推力圆锥滚子轴承\29240E\SKF</t>
  </si>
  <si>
    <t>【SKF】推力滚子轴承\29320E\SKF</t>
  </si>
  <si>
    <t>【SKF】推力滚子轴承\29324E\SKF</t>
  </si>
  <si>
    <t>【SKF】推力滚子轴承\29334E\SKF</t>
  </si>
  <si>
    <t>【SKF】推力滚子轴承\29336E\SKF</t>
  </si>
  <si>
    <t>【SKF】推力滚子轴承\294/500EM\SKF</t>
  </si>
  <si>
    <t>【SKF】推力滚子轴承\294/530EM\SKF</t>
  </si>
  <si>
    <t>【SKF】推力滚子轴承\294/600EM\SKF</t>
  </si>
  <si>
    <t>【SKF】推力调心滚子轴承\29348E\SKF</t>
  </si>
  <si>
    <t>【SKF】推力调心滚子轴承\294/560EM\SKF</t>
  </si>
  <si>
    <t>【SKF】推力滚子轴承\294/630EM\SKF</t>
  </si>
  <si>
    <t>【SKF】轴承\294/670EM\SKF</t>
  </si>
  <si>
    <t>【SKF】推力滚子轴承\294/710EF\SKF</t>
  </si>
  <si>
    <t>【SKF】调心滚子轴承\294/750EF\SKF</t>
  </si>
  <si>
    <t>【SKF】推力滚子轴承\294/750EF3\SKF</t>
  </si>
  <si>
    <t>【SKF】推力滚子轴承\294/800EF\SKF</t>
  </si>
  <si>
    <t>【SKF】推力滚子轴承\294/850EF\SKF</t>
  </si>
  <si>
    <t>【SKF】推力滚子轴承\294/850EF3\SKF</t>
  </si>
  <si>
    <t>【SKF】推力滚子轴承\294/900EF\SKF</t>
  </si>
  <si>
    <t>【SKF】推力滚子轴承\294/950EF\SKF</t>
  </si>
  <si>
    <t>【SKF】推力滚子轴承\29414E\SKF</t>
  </si>
  <si>
    <t>【SKF】推力滚子轴承\29418E\SKF</t>
  </si>
  <si>
    <t>【SKF】调心滚子轴承\29420E\SKF</t>
  </si>
  <si>
    <t>【SKF】推力滚子轴承\29422E\SKF</t>
  </si>
  <si>
    <t>【SKF】推力滚子轴承\29426E\SKF</t>
  </si>
  <si>
    <t>【SKF】推力滚子轴承\29436E\SKF</t>
  </si>
  <si>
    <t>【SKF】推力滚子轴承\29438E\SKF</t>
  </si>
  <si>
    <t>【SKF】推力滚子轴承\29452E\SKF</t>
  </si>
  <si>
    <t>【SKF】推力滚子轴承\29460E\SKF</t>
  </si>
  <si>
    <t>【SKF】推力滚子轴承\29464E\SKF</t>
  </si>
  <si>
    <t>【SKF】推力滚子轴承\29468E\SKF</t>
  </si>
  <si>
    <t>【SKF】推力滚子轴承\29472EM\SKF</t>
  </si>
  <si>
    <t>【SKF】推力滚子轴承\29480EM\SKF</t>
  </si>
  <si>
    <t>【SKF】推力滚子轴承\29496EM\SKF</t>
  </si>
  <si>
    <t>【SKF】圆锥滚子轴承\30210\SKF</t>
  </si>
  <si>
    <t>【SKF】圆锥滚子轴承\30216\SKF</t>
  </si>
  <si>
    <t>【SKF】圆锥滚子轴承\30218\SKF</t>
  </si>
  <si>
    <t>【SKF】圆锥滚子轴承\30219\SKF</t>
  </si>
  <si>
    <t>【SKF】圆锥滚子轴承\30220\SKF</t>
  </si>
  <si>
    <t>【SKF】圆锥滚子轴承\30221\SKF</t>
  </si>
  <si>
    <t>【SKF】圆锥滚子轴承\30224\SKF</t>
  </si>
  <si>
    <t>【SKF】圆锥滚子轴承\30226\SKF</t>
  </si>
  <si>
    <t>【SKF】圆锥滚子轴承\30234\SKF</t>
  </si>
  <si>
    <t>【SKF】圆锥滚子轴承\30240\SKF</t>
  </si>
  <si>
    <t>【SKF】圆锥滚子轴承\30244\SKF</t>
  </si>
  <si>
    <t>【SKF】圆锥滚子轴承\30303\SKF</t>
  </si>
  <si>
    <t>【SKF】圆锥滚子轴承\30304\SKF</t>
  </si>
  <si>
    <t>【SKF】圆锥滚子轴承\30305\SKF</t>
  </si>
  <si>
    <t>【SKF】圆锥滚子轴承\30307\SKF</t>
  </si>
  <si>
    <t>【SKF】圆锥滚子轴承\30310\SKF</t>
  </si>
  <si>
    <t>【SKF】圆锥滚子轴承\30313\SKF</t>
  </si>
  <si>
    <t>【SKF】圆锥滚子轴承\30314\SKF</t>
  </si>
  <si>
    <t>【SKF】圆锥滚子轴承\30315\SKF</t>
  </si>
  <si>
    <t>【SKF】圆锥滚子轴承\30319\SKF</t>
  </si>
  <si>
    <t>【SKF】圆锥滚子轴承\30320\SKF</t>
  </si>
  <si>
    <t>【SKF】圆锥滚子轴承\30322\SKF</t>
  </si>
  <si>
    <t>【SKF】圆锥滚子轴承\30324\SKF</t>
  </si>
  <si>
    <t>【SKF】圆锥滚子轴承\30330\SKF</t>
  </si>
  <si>
    <t>【SKF】圆锥滚子轴承\31305\SKF</t>
  </si>
  <si>
    <t>【SKF】圆锥滚子轴承\31306\SKF</t>
  </si>
  <si>
    <t>【SKF】圆锥滚子轴承\31312\SKF</t>
  </si>
  <si>
    <t>【SKF】圆锥滚子轴承\31318\SKF</t>
  </si>
  <si>
    <t>【SKF】圆锥滚子轴承\32208\SKF</t>
  </si>
  <si>
    <t>【SKF】圆锥滚子轴承\32210\SKF</t>
  </si>
  <si>
    <t>【SKF】圆锥滚子轴承\32213\SKF</t>
  </si>
  <si>
    <t>【SKF】圆锥滚子轴承\32217\SKF</t>
  </si>
  <si>
    <t>【SKF】圆锥滚子轴承\32218\SKF</t>
  </si>
  <si>
    <t>【SKF】圆锥滚子轴承\32222\SKF</t>
  </si>
  <si>
    <t>【SKF】圆锥滚子轴承\32224\SKF</t>
  </si>
  <si>
    <t>【SKF】圆锥滚子轴承\32230\SKF</t>
  </si>
  <si>
    <t>【SKF】圆锥滚子轴承\32236\SKF</t>
  </si>
  <si>
    <t>【SKF】圆锥滚子轴承\32305\SKF</t>
  </si>
  <si>
    <t>【SKF】圆锥滚子轴承\32308\SKF</t>
  </si>
  <si>
    <t>【SKF】圆锥滚子轴承\32310\SKF</t>
  </si>
  <si>
    <t>【SKF】圆锥滚子轴承\32313\SKF</t>
  </si>
  <si>
    <t>【SKF】圆锥滚子轴承\32314\SKF</t>
  </si>
  <si>
    <t>【SKF】圆锥滚子轴承\32315\SKF</t>
  </si>
  <si>
    <t>【SKF】圆锥滚子轴承\32318\SKF</t>
  </si>
  <si>
    <t>【SKF】圆锥滚子轴承\32319\SKF</t>
  </si>
  <si>
    <t>【SKF】圆锥滚子轴承\32321\SKF</t>
  </si>
  <si>
    <t>【SKF】圆锥滚子轴承\32322\SKF</t>
  </si>
  <si>
    <t>【SKF】圆锥滚子轴承\32324\SKF</t>
  </si>
  <si>
    <t>【SKF】圆锥滚子轴承\32948\SKF</t>
  </si>
  <si>
    <t>【SKF】圆锥滚子轴承\33014\SKF</t>
  </si>
  <si>
    <t>【SKF】圆锥滚子轴承\33015\SKF</t>
  </si>
  <si>
    <t>【SKF】圆锥滚子轴承\33017\SKF</t>
  </si>
  <si>
    <t>【SKF】圆锥滚子轴承\33018\SKF</t>
  </si>
  <si>
    <t>【SKF】圆锥滚子轴承\33020\SKF</t>
  </si>
  <si>
    <t>【SKF】圆锥滚子轴承\33022\SKF</t>
  </si>
  <si>
    <t>【SKF】圆锥滚子轴承\33030\SKF</t>
  </si>
  <si>
    <t>【SKF】圆锥滚子轴承\33108\SKF</t>
  </si>
  <si>
    <t>【SKF】圆锥滚子轴承\33109\SKF</t>
  </si>
  <si>
    <t>【SKF】圆锥滚子轴承\33110\SKF</t>
  </si>
  <si>
    <t>【SKF】圆锥滚子轴承\33114\SKF</t>
  </si>
  <si>
    <t>【SKF】圆锥滚子轴承\33115\SKF</t>
  </si>
  <si>
    <t>【SKF】圆锥滚子轴承\33118\SKF</t>
  </si>
  <si>
    <t>【SKF】圆锥滚子轴承\33205\SKF</t>
  </si>
  <si>
    <t>【SKF】圆锥滚子轴承\33207\SKF</t>
  </si>
  <si>
    <t>【SKF】圆锥滚子轴承\33211\SKF</t>
  </si>
  <si>
    <t>【SKF】圆锥滚子轴承\33212\SKF</t>
  </si>
  <si>
    <t>【SKF】圆锥滚子轴承\33213\SKF</t>
  </si>
  <si>
    <t>【SKF】圆锥滚子轴承\33216\SKF</t>
  </si>
  <si>
    <t>【SKF】圆锥滚子轴承\33220\SKF</t>
  </si>
  <si>
    <t>【SKF】圆锥滚子轴承\30204J2/Q\SKF</t>
  </si>
  <si>
    <t>【SKF】圆锥滚子轴承\30205J2/Q\SKF</t>
  </si>
  <si>
    <t>【SKF】圆锥滚子轴承\30214J2/Q\SKF</t>
  </si>
  <si>
    <t>【SKF】圆锥滚子轴承\30302J2\SKF</t>
  </si>
  <si>
    <t>【SKF】圆锥滚子轴承\30317J2\SKF</t>
  </si>
  <si>
    <t>【SKF】圆锥滚子轴承\30332J2\SKF</t>
  </si>
  <si>
    <t>【SKF】圆锥滚子轴承\31311J2/QDF\SKF</t>
  </si>
  <si>
    <t>【SKF】圆锥滚子轴承\31314J2/QCL7ADF\SKF</t>
  </si>
  <si>
    <t>【SKF】圆锥滚子轴承\31316J1/QCL7A\SKF</t>
  </si>
  <si>
    <t>【SKF】圆锥滚子轴承\31316J1/QCL7ADF\SKF</t>
  </si>
  <si>
    <t>【SKF】圆锥滚子轴承\31320X\SKF</t>
  </si>
  <si>
    <t>【SKF】圆锥滚子轴承\31320XJ2/QCL7CVQ051\SKF</t>
  </si>
  <si>
    <t>【SKF】圆锥滚子轴承\31322X\SKF</t>
  </si>
  <si>
    <t>【SKF】圆锥滚子轴承\31324X/DF\SKF</t>
  </si>
  <si>
    <t>【SKF】圆锥滚子轴承\31326X\SKF</t>
  </si>
  <si>
    <t>【SKF】圆锥滚子轴承\32005X/Q\SKF</t>
  </si>
  <si>
    <t>【SKF】圆锥滚子轴承\32008X\SKF</t>
  </si>
  <si>
    <t>【SKF】圆锥滚子轴承\32009X/Q\SKF</t>
  </si>
  <si>
    <t>【SKF】圆锥滚子轴承\32010X\SKF</t>
  </si>
  <si>
    <t>【SKF】圆锥滚子轴承\32011X\SKF</t>
  </si>
  <si>
    <t>【SKF】圆锥滚子轴承\32013X\SKF</t>
  </si>
  <si>
    <t>【SKF】圆锥滚子轴承\32014X\SKF</t>
  </si>
  <si>
    <t>【SKF】圆锥滚子轴承\32015X\SKF</t>
  </si>
  <si>
    <t>【SKF】圆锥滚子轴承\32016X\SKF</t>
  </si>
  <si>
    <t>【SKF】圆锥滚子轴承\32017X\SKF</t>
  </si>
  <si>
    <t>【SKF】圆锥滚子轴承\32021X\SKF</t>
  </si>
  <si>
    <t>【SKF】圆锥滚子轴承\32022X\SKF</t>
  </si>
  <si>
    <t>【SKF】圆锥滚子轴承\32030X/DF\SKF</t>
  </si>
  <si>
    <t>【SKF】圆锥滚子轴承\32032X/DF\SKF</t>
  </si>
  <si>
    <t>【SKF】圆锥滚子轴承\32040X/DF\SKF</t>
  </si>
  <si>
    <t>【SKF】圆锥滚子轴承\32048X\SKF</t>
  </si>
  <si>
    <t>【SKF】圆锥滚子轴承\32211J2/Q\SKF</t>
  </si>
  <si>
    <t>【SKF】圆锥滚子轴承\3222A\SKF</t>
  </si>
  <si>
    <t>【SKF】圆锥滚子轴承\32307J2/Q\SKF</t>
  </si>
  <si>
    <t>【SKF】圆锥滚子轴承\32311BJ2/QCL7C\SKF</t>
  </si>
  <si>
    <t>【SKF】圆锥滚子轴承\32312BJ2/QCL7C\SKF</t>
  </si>
  <si>
    <t>【SKF】圆锥滚子轴承\32313BJ2/QU4CL7CVQ267\SKF</t>
  </si>
  <si>
    <t>【SKF】圆锥滚子轴承\32316J2\SKF</t>
  </si>
  <si>
    <t>【SKF】圆锥滚子轴承\33010/Q\SKF</t>
  </si>
  <si>
    <t>【SKF】圆锥滚子轴承\33111/Q\SKF</t>
  </si>
  <si>
    <t>【SKF】圆锥滚子轴承\BT1-8126/HA1\SKF</t>
  </si>
  <si>
    <t>【SKF】圆锥滚子轴承\EE350750/351687/HA1V037\SKF</t>
  </si>
  <si>
    <t>【SKF】圆锥滚子轴承\H 961649/610/HA1\SKF</t>
  </si>
  <si>
    <t>【SKF】圆锥滚子轴承\HH949549/510/HA1VE6171\SKF</t>
  </si>
  <si>
    <t>【SKF】圆锥滚子轴承\HM212049/212011\SKF</t>
  </si>
  <si>
    <t>【SKF】圆锥滚子轴承\LM67048/010/QVK210\SKF</t>
  </si>
  <si>
    <t>【SKF】深沟球轴承\4212ATN9\SKF</t>
  </si>
  <si>
    <t>【SKF】深沟球轴承\4311ATN9\SKF</t>
  </si>
  <si>
    <t>【SKF】推力球轴承\294/1000EF\SKF</t>
  </si>
  <si>
    <t>【SKF】推力球轴承\51228\SKF</t>
  </si>
  <si>
    <t>【SKF】推力球轴承\51209\SKF</t>
  </si>
  <si>
    <t>【SKF】推力球轴承\52209\SKF</t>
  </si>
  <si>
    <t>【SKF】推力球轴承\52208\SKF</t>
  </si>
  <si>
    <t>【SKF】推力球轴承\53211\SKF</t>
  </si>
  <si>
    <t>【SKF】推力球轴承\51411\SKF</t>
  </si>
  <si>
    <t>【SKF】推力球轴承\52220\SKF</t>
  </si>
  <si>
    <t>【SKF】推力球轴承\53220\SKF</t>
  </si>
  <si>
    <t>【SKF】推力球轴承\52211\SKF</t>
  </si>
  <si>
    <t>【SKF】推力球轴承\52210\SKF</t>
  </si>
  <si>
    <t>【SKF】推力球轴承\52217\SKF</t>
  </si>
  <si>
    <t>【SKF】推力球轴承\53310\SKF</t>
  </si>
  <si>
    <t>【SKF】推力球轴承\51207\SKF</t>
  </si>
  <si>
    <t>【SKF】推力球轴承\52213\SKF</t>
  </si>
  <si>
    <t>【SKF】推力球轴承\53212\SKF</t>
  </si>
  <si>
    <t>【SKF】推力球轴承\51307\SKF</t>
  </si>
  <si>
    <t>【SKF】推力球轴承\52212\SKF</t>
  </si>
  <si>
    <t>【SKF】推力球轴承\52312\SKF</t>
  </si>
  <si>
    <t>【SKF】推力球轴承\53204\SKF</t>
  </si>
  <si>
    <t>【SKF】推力球轴承\53307\SKF</t>
  </si>
  <si>
    <t>【SKF】推力球轴承\53306\SKF</t>
  </si>
  <si>
    <t>【SKF】推力球轴承\52207\SKF</t>
  </si>
  <si>
    <t>【SKF】推力球轴承\52206\SKF</t>
  </si>
  <si>
    <t>【SKF】推力球轴承\51201\SKF</t>
  </si>
  <si>
    <t>【SKF】推力球轴承\53205\SKF</t>
  </si>
  <si>
    <t>【SKF】推力球轴承\52305\SKF</t>
  </si>
  <si>
    <t>【SKF】推力球轴承\52228\SKF</t>
  </si>
  <si>
    <t>【SKF】推力球轴承\53202\SKF</t>
  </si>
  <si>
    <t>【SKF】推力球轴承\51312\SKF</t>
  </si>
  <si>
    <t>【SKF】推力球轴承\51310\SKF</t>
  </si>
  <si>
    <t>【SKF】推力球轴承\51305\SKF</t>
  </si>
  <si>
    <t>【SKF】推力球轴承\51208\SKF</t>
  </si>
  <si>
    <t>【SKF】推力球轴承\51206\SKF</t>
  </si>
  <si>
    <t>【SKF】推力球轴承\51203\SKF</t>
  </si>
  <si>
    <t>【SKF】推力球轴承\51410\SKF</t>
  </si>
  <si>
    <t>【SKF】推力球轴承\51406\SKF</t>
  </si>
  <si>
    <t>【SKF】推力球轴承\51218\SKF</t>
  </si>
  <si>
    <t>【SKF】推力球轴承\51216\SKF</t>
  </si>
  <si>
    <t>【SKF】推力球轴承\51213\SKF</t>
  </si>
  <si>
    <t>【SKF】推力球轴承\51212\SKF</t>
  </si>
  <si>
    <t>【SKF】推力球轴承\51211\SKF</t>
  </si>
  <si>
    <t>【SKF】推力球轴承\51128\SKF</t>
  </si>
  <si>
    <t>【SKF】推力球轴承\51118\SKF</t>
  </si>
  <si>
    <t>【SKF】推力球轴承\51116\SKF</t>
  </si>
  <si>
    <t>【SKF】推力球轴承\51110\SKF</t>
  </si>
  <si>
    <t>【SKF】推力球轴承\51109\SKF</t>
  </si>
  <si>
    <t>【SKF】推力球轴承\51108\SKF</t>
  </si>
  <si>
    <t>【SKF】推力球轴承\52315\SKF</t>
  </si>
  <si>
    <t>【SKF】推力球轴承\53214\SKF</t>
  </si>
  <si>
    <t>【SKF】推力球轴承\52313\SKF</t>
  </si>
  <si>
    <t>【SKF】推力球轴承\52408\SKF</t>
  </si>
  <si>
    <t>【SKF】推力球轴承\53226\SKF</t>
  </si>
  <si>
    <t>【SKF】推力球轴承\52202\SKF</t>
  </si>
  <si>
    <t>【SKF】推力球轴承\52224\SKF</t>
  </si>
  <si>
    <t>【SKF】推力球轴承\51102\SKF</t>
  </si>
  <si>
    <t>【SKF】推力球轴承\52406\SKF</t>
  </si>
  <si>
    <t>【SKF】推力球轴承\52222\SKF</t>
  </si>
  <si>
    <t>【SKF】推力球轴承\51101\SKF</t>
  </si>
  <si>
    <t>【SKF】推力球轴承\51320\SKF</t>
  </si>
  <si>
    <t>【SKF】推力球轴承\51318\SKF</t>
  </si>
  <si>
    <t>【SKF】推力球轴承\51317\SKF</t>
  </si>
  <si>
    <t>【SKF】推力球轴承\51316\SKF</t>
  </si>
  <si>
    <t>【SKF】推力球轴承\51311\SKF</t>
  </si>
  <si>
    <t>【SKF】推力球轴承\51222\SKF</t>
  </si>
  <si>
    <t>【SKF】推力球轴承\51217\SKF</t>
  </si>
  <si>
    <t>【SKF】推力球轴承\51215\SKF</t>
  </si>
  <si>
    <t>【SKF】推力球轴承\51205\SKF</t>
  </si>
  <si>
    <t>【SKF】推力球轴承\51124\SKF</t>
  </si>
  <si>
    <t>【SKF】推力球轴承\51314\SKF</t>
  </si>
  <si>
    <t>【SKF】推力球轴承\51315\SKF</t>
  </si>
  <si>
    <t>【SKF】推力球轴承\51122\SKF</t>
  </si>
  <si>
    <t>【SKF】推力球轴承\51120\SKF</t>
  </si>
  <si>
    <t>【SKF】推力球轴承\51112\SKF</t>
  </si>
  <si>
    <t>【SKF】推力球轴承\51111\SKF</t>
  </si>
  <si>
    <t>【SKF】推力球轴承\52316\SKF</t>
  </si>
  <si>
    <t>【SKF】推力球轴承\52218\SKF</t>
  </si>
  <si>
    <t>【SKF】推力球轴承\51407\SKF</t>
  </si>
  <si>
    <t>【SKF】推力球轴承\53215\SKF</t>
  </si>
  <si>
    <t>【SKF】推力球轴承\52216\SKF</t>
  </si>
  <si>
    <t>【SKF】推力球轴承\51405\SKF</t>
  </si>
  <si>
    <t>【SKF】推力球轴承\51324M\SKF</t>
  </si>
  <si>
    <t>【SKF】推力球轴承\51240M\SKF</t>
  </si>
  <si>
    <t>【SKF】推力球轴承\51413M\SKF</t>
  </si>
  <si>
    <t>【SKF】推力球轴承\51414M\SKF</t>
  </si>
  <si>
    <t>【SKF】推力球轴承\52215\SKF</t>
  </si>
  <si>
    <t>【SKF】推力球轴承\53208\SKF</t>
  </si>
  <si>
    <t>【SKF】推力球轴承\53206\SKF</t>
  </si>
  <si>
    <t>【SKF】推力球轴承\53207\SKF</t>
  </si>
  <si>
    <t>【SKF】推力球轴承\52308\SKF</t>
  </si>
  <si>
    <t>【SKF】推力球轴承\53309\SKF</t>
  </si>
  <si>
    <t>【SKF】推力球轴承\53308\SKF</t>
  </si>
  <si>
    <t>【SKF】推力球轴承\51200\SKF</t>
  </si>
  <si>
    <t>【SKF】推力球轴承\51117\SKF</t>
  </si>
  <si>
    <t>【SKF】推力球轴承\52205\SKF</t>
  </si>
  <si>
    <t>【SKF】推力球轴承\52226\SKF</t>
  </si>
  <si>
    <t>【SKF】推力球轴承\52204\SKF</t>
  </si>
  <si>
    <t>【SKF】推力球轴承\51103\SKF</t>
  </si>
  <si>
    <t>【SKF】推力球轴承\52310\SKF</t>
  </si>
  <si>
    <t>【SKF】推力球轴承\52311\SKF</t>
  </si>
  <si>
    <t>【SKF】推力球轴承\53209\SKF</t>
  </si>
  <si>
    <t>【SKF】推力球轴承\52309\SKF</t>
  </si>
  <si>
    <t>【SKF】推力球轴承\53210\SKF</t>
  </si>
  <si>
    <t>【SKF】推力球轴承\52320\SKF</t>
  </si>
  <si>
    <t>【SKF】推力球轴承\51409\SKF</t>
  </si>
  <si>
    <t>【SKF】推力球轴承\53216\SKF</t>
  </si>
  <si>
    <t>【SKF】推力球轴承\52306\SKF</t>
  </si>
  <si>
    <t>【SKF】深沟球轴承\208\SKF</t>
  </si>
  <si>
    <t>【SKF】深沟球轴承\213\SKF</t>
  </si>
  <si>
    <t>【SKF】深沟球轴承\307\SKF</t>
  </si>
  <si>
    <t>【SKF】深沟球轴承\6000\SKF</t>
  </si>
  <si>
    <t>【SKF】深沟球轴承\6001\SKF</t>
  </si>
  <si>
    <t>【SKF】深沟球轴承\6002\SKF</t>
  </si>
  <si>
    <t>【SKF】深沟球轴承\6004\SKF</t>
  </si>
  <si>
    <t>【SKF】深沟球轴承\6005\SKF</t>
  </si>
  <si>
    <t>【SKF】深沟球轴承\6006\SKF</t>
  </si>
  <si>
    <t>【SKF】深沟球轴承\6008\SKF</t>
  </si>
  <si>
    <t>【SKF】深沟球轴承\6010\SKF</t>
  </si>
  <si>
    <t>【SKF】深沟球轴承\6011\SKF</t>
  </si>
  <si>
    <t>【SKF】深沟球轴承\6012\SKF</t>
  </si>
  <si>
    <t>【SKF】深沟球轴承\6014\SKF</t>
  </si>
  <si>
    <t>【SKF】深沟球轴承\6015\SKF</t>
  </si>
  <si>
    <t>【SKF】深沟球轴承\6016\SKF</t>
  </si>
  <si>
    <t>【SKF】深沟球轴承\6017\SKF</t>
  </si>
  <si>
    <t>【SKF】深沟球轴承\6019\SKF</t>
  </si>
  <si>
    <t>【SKF】深沟球轴承\6020\SKF</t>
  </si>
  <si>
    <t>【SKF】深沟球轴承\6021\SKF</t>
  </si>
  <si>
    <t>【SKF】深沟球轴承\6022\SKF</t>
  </si>
  <si>
    <t>【SKF】深沟球轴承\6024\SKF</t>
  </si>
  <si>
    <t>【SKF】深沟球轴承\6030\SKF</t>
  </si>
  <si>
    <t>【SKF】深沟球轴承\6032\SKF</t>
  </si>
  <si>
    <t>【SKF】深沟球轴承\6200\SKF</t>
  </si>
  <si>
    <t>【SKF】深沟球轴承\6202\SKF</t>
  </si>
  <si>
    <t>【SKF】深沟球轴承\6203\SKF</t>
  </si>
  <si>
    <t>【SKF】深沟球轴承\6204\SKF</t>
  </si>
  <si>
    <t>【SKF】深沟球轴承\6205\SKF</t>
  </si>
  <si>
    <t>【SKF】深沟球轴承\6206\SKF</t>
  </si>
  <si>
    <t>【SKF】深沟球轴承\6208\SKF</t>
  </si>
  <si>
    <t>【SKF】深沟球轴承\6209\SKF</t>
  </si>
  <si>
    <t>【SKF】深沟球轴承\6211\SKF</t>
  </si>
  <si>
    <t>【SKF】深沟球轴承\6213\SKF</t>
  </si>
  <si>
    <t>【SKF】深沟球轴承\6218\SKF</t>
  </si>
  <si>
    <t>【SKF】深沟球轴承\6222\SKF</t>
  </si>
  <si>
    <t>【SKF】深沟球轴承\6228\SKF</t>
  </si>
  <si>
    <t>【SKF】深沟球轴承\6230\SKF</t>
  </si>
  <si>
    <t>【SKF】深沟球轴承\6232\SKF</t>
  </si>
  <si>
    <t>【SKF】深沟球轴承\6234\SKF</t>
  </si>
  <si>
    <t>【SKF】深沟球轴承\6238\SKF</t>
  </si>
  <si>
    <t>【SKF】深沟球轴承\6248\SKF</t>
  </si>
  <si>
    <t>【SKF】深沟球轴承\6300\SKF</t>
  </si>
  <si>
    <t>【SKF】深沟球轴承\6301\SKF</t>
  </si>
  <si>
    <t>【SKF】深沟球轴承\6302\SKF</t>
  </si>
  <si>
    <t>【SKF】深沟球轴承\6303\SKF</t>
  </si>
  <si>
    <t>【SKF】深沟球轴承\6305\SKF</t>
  </si>
  <si>
    <t>【SKF】深沟球轴承\61911\SKF</t>
  </si>
  <si>
    <t>【SKF】深沟球轴承\6306\SKF</t>
  </si>
  <si>
    <t>【SKF】深沟球轴承\61912\SKF</t>
  </si>
  <si>
    <t>【SKF】深沟球轴承\61914\SKF</t>
  </si>
  <si>
    <t>【SKF】深沟球轴承\6308\SKF</t>
  </si>
  <si>
    <t>【SKF】深沟球轴承\61915\SKF</t>
  </si>
  <si>
    <t>【SKF】深沟球轴承\6309\SKF</t>
  </si>
  <si>
    <t>【SKF】深沟球轴承\61916\SKF</t>
  </si>
  <si>
    <t>【SKF】深沟球轴承\6311\SKF</t>
  </si>
  <si>
    <t>【SKF】深沟球轴承\61917\SKF</t>
  </si>
  <si>
    <t>【SKF】深沟球轴承\6312\SKF</t>
  </si>
  <si>
    <t>【SKF】深沟球轴承\61918\SKF</t>
  </si>
  <si>
    <t>【SKF】深沟球轴承\6315</t>
  </si>
  <si>
    <t>【SKF】深沟球轴承\61922\SKF</t>
  </si>
  <si>
    <t>【SKF】深沟球轴承\61926\SKF</t>
  </si>
  <si>
    <t>【SKF】深沟球轴承\6316\SKF</t>
  </si>
  <si>
    <t>【SKF】深沟球轴承\16002/C3\SKF</t>
  </si>
  <si>
    <t>【SKF】深沟球轴承\6317\SKF</t>
  </si>
  <si>
    <t>【SKF】深沟球轴承\16003-2Z\SKF</t>
  </si>
  <si>
    <t>【SKF】深沟球轴承\6318\SKF</t>
  </si>
  <si>
    <t>【SKF】深沟球轴承\16004/C3\SKF</t>
  </si>
  <si>
    <t>【SKF】深沟球轴承\6319\SKF</t>
  </si>
  <si>
    <t>【SKF】深沟球轴承\16005/C3\SKF</t>
  </si>
  <si>
    <t>【SKF】深沟球轴承\16011/C3\SKF</t>
  </si>
  <si>
    <t>【SKF】深沟球轴承\6320\SKF</t>
  </si>
  <si>
    <t>【SKF】深沟球轴承\16013/C3\SKF</t>
  </si>
  <si>
    <t>【SKF】深沟球轴承\6321\SKF</t>
  </si>
  <si>
    <t>【SKF】深沟球轴承\16014/C3\SKF</t>
  </si>
  <si>
    <t>【SKF】深沟球轴承\6324\SKF</t>
  </si>
  <si>
    <t>【SKF】深沟球轴承\16015/C3\SKF</t>
  </si>
  <si>
    <t>【SKF】深沟球轴承\6326\SKF</t>
  </si>
  <si>
    <t>【SKF】深沟球轴承\16016/C3\SKF</t>
  </si>
  <si>
    <t>【SKF】深沟球轴承\16018/C3\SKF</t>
  </si>
  <si>
    <t>【SKF】深沟球轴承\6328\SKF</t>
  </si>
  <si>
    <t>【SKF】深沟球轴承\16019/C3\SKF</t>
  </si>
  <si>
    <t>【SKF】深沟球轴承\6330\SKF</t>
  </si>
  <si>
    <t>【SKF】深沟球轴承\16020/C3\SKF</t>
  </si>
  <si>
    <t>【SKF】深沟球轴承\6334\SKF</t>
  </si>
  <si>
    <t>【SKF】深沟球轴承\16021/C3\SKF</t>
  </si>
  <si>
    <t>【SKF】深沟球轴承\6404\SKF</t>
  </si>
  <si>
    <t>【SKF】深沟球轴承\16022/C3\SKF</t>
  </si>
  <si>
    <t>【SKF】深沟球轴承\16026/C3\SKF</t>
  </si>
  <si>
    <t>【SKF】深沟球轴承\6405\SKF</t>
  </si>
  <si>
    <t>【SKF】深沟球轴承\16028/C3\SKF</t>
  </si>
  <si>
    <t>【SKF】深沟球轴承\6406\SKF</t>
  </si>
  <si>
    <t>【SKF】深沟球轴承\6000/C3\SKF</t>
  </si>
  <si>
    <t>【SKF】深沟球轴承\6407\SKF</t>
  </si>
  <si>
    <t>【SKF】深沟球轴承\6000-2RS1\SKF</t>
  </si>
  <si>
    <t>【SKF】深沟球轴承\6408\SKF</t>
  </si>
  <si>
    <t>【SKF】深沟球轴承\6000-2RSH\SKF</t>
  </si>
  <si>
    <t>【SKF】深沟球轴承\6000-2RSH/C3\SKF</t>
  </si>
  <si>
    <t>【SKF】深沟球轴承\6410\SKF</t>
  </si>
  <si>
    <t>【SKF】深沟球轴承\6000-2RSL\SKF</t>
  </si>
  <si>
    <t>【SKF】深沟球轴承\6412\SKF</t>
  </si>
  <si>
    <t>【SKF】深沟球轴承\6000-2Z\SKF</t>
  </si>
  <si>
    <t>【SKF】深沟球轴承\6413\SKF</t>
  </si>
  <si>
    <t>【SKF】深沟球轴承\6000-2Z/C3\SKF</t>
  </si>
  <si>
    <t>【SKF】深沟球轴承\6414\SKF</t>
  </si>
  <si>
    <t>【SKF】深沟球轴承\6001/C3\SKF</t>
  </si>
  <si>
    <t>【SKF】深沟球轴承\6415\SKF</t>
  </si>
  <si>
    <t>【SKF】深沟球轴承\6001-2RSH\SKF</t>
  </si>
  <si>
    <t>【SKF】深沟球轴承\6001-2RSH/C3\SKF</t>
  </si>
  <si>
    <t>【SKF】深沟球轴承\6416\SKF</t>
  </si>
  <si>
    <t>【SKF】深沟球轴承\6001-2RSL\SKF</t>
  </si>
  <si>
    <t>【SKF】深沟球轴承\6417\SKF</t>
  </si>
  <si>
    <t>【SKF】深沟球轴承\6001-2Z\SKF</t>
  </si>
  <si>
    <t>【SKF】深沟球轴承\6418\SKF</t>
  </si>
  <si>
    <t>【SKF】深沟球轴承\6001-2Z/C3\SKF</t>
  </si>
  <si>
    <t>【SKF】深沟球轴承\16002\SKF</t>
  </si>
  <si>
    <t>【SKF】深沟球轴承\6001-2Z/C3LT\SKF</t>
  </si>
  <si>
    <t>【SKF】深沟球轴承\6002/C3\SKF</t>
  </si>
  <si>
    <t>【SKF】深沟球轴承\16003\SKF</t>
  </si>
  <si>
    <t>【SKF】深沟球轴承\6002-2RSH/C3\SKF</t>
  </si>
  <si>
    <t>【SKF】深沟球轴承\16005\SKF</t>
  </si>
  <si>
    <t>【SKF】深沟球轴承\6002-2RSL\SKF</t>
  </si>
  <si>
    <t>【SKF】深沟球轴承\16006\SKF</t>
  </si>
  <si>
    <t>【SKF】深沟球轴承\6002-2Z\SKF</t>
  </si>
  <si>
    <t>【SKF】深沟球轴承\16007\SKF</t>
  </si>
  <si>
    <t>【SKF】深沟球轴承\6002-2Z/C3\SKF</t>
  </si>
  <si>
    <t>【SKF】深沟球轴承\16008\SKF</t>
  </si>
  <si>
    <t>【SKF】深沟球轴承\6003/C3\SKF</t>
  </si>
  <si>
    <t>【SKF】深沟球轴承\6003-2RSH/C3\SKF</t>
  </si>
  <si>
    <t>【SKF】深沟球轴承\16009\SKF</t>
  </si>
  <si>
    <t>【SKF】深沟球轴承\6003-2RSL\SKF</t>
  </si>
  <si>
    <t>【SKF】深沟球轴承\16010\SKF</t>
  </si>
  <si>
    <t>【SKF】深沟球轴承\6003-2Z\SKF</t>
  </si>
  <si>
    <t>【SKF】深沟球轴承\16011\SKF</t>
  </si>
  <si>
    <t>【SKF】深沟球轴承\6003-2Z/C3\SKF</t>
  </si>
  <si>
    <t>【SKF】深沟球轴承\16012\SKF</t>
  </si>
  <si>
    <t>【SKF】深沟球轴承\6004/C3\SKF</t>
  </si>
  <si>
    <t>【SKF】深沟球轴承\6004-2RSH/C3\SKF</t>
  </si>
  <si>
    <t>【SKF】深沟球轴承\16013\SKF</t>
  </si>
  <si>
    <t>【SKF】深沟球轴承\6004-2RSL\SKF</t>
  </si>
  <si>
    <t>【SKF】深沟球轴承\16015\SKF</t>
  </si>
  <si>
    <t>【SKF】深沟球轴承\6004-2Z\SKF</t>
  </si>
  <si>
    <t>【SKF】深沟球轴承\16016\SKF</t>
  </si>
  <si>
    <t>【SKF】深沟球轴承\6004-2Z/C3\SKF</t>
  </si>
  <si>
    <t>【SKF】深沟球轴承\16017\SKF</t>
  </si>
  <si>
    <t>【SKF】深沟球轴承\6004-2ZNR\SKF</t>
  </si>
  <si>
    <t>【SKF】深沟球轴承\6005/C3\SKF</t>
  </si>
  <si>
    <t>【SKF】深沟球轴承\16018\SKF</t>
  </si>
  <si>
    <t>【SKF】深沟球轴承\6005-2RSH\SKF</t>
  </si>
  <si>
    <t>【SKF】深沟球轴承\16019\SKF</t>
  </si>
  <si>
    <t>【SKF】深沟球轴承\6005-2RSH/C3\SKF</t>
  </si>
  <si>
    <t>【SKF】深沟球轴承\16021\SKF</t>
  </si>
  <si>
    <t>【SKF】深沟球轴承\6005-2RSL\SKF</t>
  </si>
  <si>
    <t>【SKF】深沟球轴承\16022\SKF</t>
  </si>
  <si>
    <t>【SKF】深沟球轴承\6005-2Z\SKF</t>
  </si>
  <si>
    <t>【SKF】深沟球轴承\6005-2Z/C3\SKF</t>
  </si>
  <si>
    <t>【SKF】深沟球轴承\16024\SKF</t>
  </si>
  <si>
    <t>【SKF】深沟球轴承\6006/C3\SKF</t>
  </si>
  <si>
    <t>【SKF】深沟球轴承\16026\SKF</t>
  </si>
  <si>
    <t>【SKF】深沟球轴承\6006-2RS1\SKF</t>
  </si>
  <si>
    <t>【SKF】深沟球轴承\16028\SKF</t>
  </si>
  <si>
    <t>【SKF】深沟球轴承\6006-2RS1/C3\SKF</t>
  </si>
  <si>
    <t>【SKF】深沟球轴承\16030\SKF</t>
  </si>
  <si>
    <t>【SKF】深沟球轴承\6006-2RZ\SKF</t>
  </si>
  <si>
    <t>【SKF】深沟球轴承\16034\SKF</t>
  </si>
  <si>
    <t>【SKF】深沟球轴承\6006-2Z\SKF</t>
  </si>
  <si>
    <t>【SKF】深沟球轴承\6006-2Z/C3\SKF</t>
  </si>
  <si>
    <t>【SKF】深沟球轴承\16040\SKF</t>
  </si>
  <si>
    <t>【SKF】深沟球轴承\6007/C3\SKF</t>
  </si>
  <si>
    <t>【SKF】深沟球轴承\61800\SKF</t>
  </si>
  <si>
    <t>【SKF】深沟球轴承\6007-2RS1\SKF</t>
  </si>
  <si>
    <t>【SKF】深沟球轴承\61801\SKF</t>
  </si>
  <si>
    <t>【SKF】深沟球轴承\6007-2RS1/C3\SKF</t>
  </si>
  <si>
    <t>【SKF】深沟球轴承\61802\SKF</t>
  </si>
  <si>
    <t>【SKF】深沟球轴承\6007-2Z\SKF</t>
  </si>
  <si>
    <t>【SKF】深沟球轴承\6007-2Z/C3\SKF</t>
  </si>
  <si>
    <t>【SKF】深沟球轴承\61803\SKF</t>
  </si>
  <si>
    <t>【SKF】深沟球轴承\6007-Z\SKF</t>
  </si>
  <si>
    <t>【SKF】深沟球轴承\61804\SKF</t>
  </si>
  <si>
    <t>【SKF】深沟球轴承\6008/C3\SKF</t>
  </si>
  <si>
    <t>【SKF】深沟球轴承\61805\SKF</t>
  </si>
  <si>
    <t>【SKF】深沟球轴承\6008-2RS1\SKF</t>
  </si>
  <si>
    <t>【SKF】深沟球轴承\61806\SKF</t>
  </si>
  <si>
    <t>【SKF】深沟球轴承\6008-2RS1/C3\SKF</t>
  </si>
  <si>
    <t>【SKF】深沟球轴承\6008-2Z\SKF</t>
  </si>
  <si>
    <t>【SKF】深沟球轴承\61807\SKF</t>
  </si>
  <si>
    <t>【SKF】深沟球轴承\6008-2Z/C3\SKF</t>
  </si>
  <si>
    <t>【SKF】深沟球轴承\61808\SKF</t>
  </si>
  <si>
    <t>【SKF】深沟球轴承\6009/C3\SKF</t>
  </si>
  <si>
    <t>【SKF】深沟球轴承\61809\SKF</t>
  </si>
  <si>
    <t>【SKF】深沟球轴承\6009-2RS1\SKF</t>
  </si>
  <si>
    <t>【SKF】深沟球轴承\61810\SKF</t>
  </si>
  <si>
    <t>【SKF】深沟球轴承\6009-2RS1/C3\SKF</t>
  </si>
  <si>
    <t>【SKF】深沟球轴承\6009-2Z\SKF</t>
  </si>
  <si>
    <t>【SKF】深沟球轴承\61811\SKF</t>
  </si>
  <si>
    <t>【SKF】深沟球轴承\6009-2Z/C3\SKF</t>
  </si>
  <si>
    <t>【SKF】深沟球轴承\61812\SKF</t>
  </si>
  <si>
    <t>【SKF】深沟球轴承\6010/C3\SKF</t>
  </si>
  <si>
    <t>【SKF】深沟球轴承\61813\SKF</t>
  </si>
  <si>
    <t>【SKF】深沟球轴承\6010-2RS1\SKF</t>
  </si>
  <si>
    <t>【SKF】深沟球轴承\61814\SKF</t>
  </si>
  <si>
    <t>【SKF】深沟球轴承\6010-2RS1/C3\SKF</t>
  </si>
  <si>
    <t>【SKF】深沟球轴承\6010-2Z\SKF</t>
  </si>
  <si>
    <t>【SKF】深沟球轴承\61815\SKF</t>
  </si>
  <si>
    <t>【SKF】深沟球轴承\6010-2Z/C3\SKF</t>
  </si>
  <si>
    <t>【SKF】深沟球轴承\61816\SKF</t>
  </si>
  <si>
    <t>【SKF】深沟球轴承\6011/C3\SKF</t>
  </si>
  <si>
    <t>【SKF】深沟球轴承\61818\SKF</t>
  </si>
  <si>
    <t>【SKF】深沟球轴承\6011-2RS1\SKF</t>
  </si>
  <si>
    <t>【SKF】深沟球轴承\61820\SKF</t>
  </si>
  <si>
    <t>【SKF】深沟球轴承\6011-2RS1/C3\SKF</t>
  </si>
  <si>
    <t>【SKF】深沟球轴承\6011-2Z\SKF</t>
  </si>
  <si>
    <t>【SKF】深沟球轴承\61821\SKF</t>
  </si>
  <si>
    <t>【SKF】深沟球轴承\6011-2Z/C3\SKF</t>
  </si>
  <si>
    <t>【SKF】深沟球轴承\61822\SKF</t>
  </si>
  <si>
    <t>【SKF】深沟球轴承\6012/C3\SKF</t>
  </si>
  <si>
    <t>【SKF】深沟球轴承\61824\SKF</t>
  </si>
  <si>
    <t>【SKF】深沟球轴承\6012-2RS1/C3\SKF</t>
  </si>
  <si>
    <t>【SKF】深沟球轴承\61826\SKF</t>
  </si>
  <si>
    <t>【SKF】深沟球轴承\61828\SKF</t>
  </si>
  <si>
    <t>【SKF】深沟球轴承\61830\SKF</t>
  </si>
  <si>
    <t>【SKF】深沟球轴承\61832\SKF</t>
  </si>
  <si>
    <t>【SKF】深沟球轴承\61834\SKF</t>
  </si>
  <si>
    <t>【SKF】深沟球轴承\61836\SKF</t>
  </si>
  <si>
    <t>【SKF】深沟球轴承\61838\SKF</t>
  </si>
  <si>
    <t>【SKF】深沟球轴承\61840\SKF</t>
  </si>
  <si>
    <t>【SKF】深沟球轴承\61844\SKF</t>
  </si>
  <si>
    <t>【SKF】深沟球轴承\61848\SKF</t>
  </si>
  <si>
    <t>【SKF】深沟球轴承\61856\SKF</t>
  </si>
  <si>
    <t>【SKF】深沟球轴承\61900\SKF</t>
  </si>
  <si>
    <t>【SKF】深沟球轴承\61901\SKF</t>
  </si>
  <si>
    <t>【SKF】深沟球轴承\61902\SKF</t>
  </si>
  <si>
    <t>【SKF】深沟球轴承\61903\SKF</t>
  </si>
  <si>
    <t>【SKF】深沟球轴承\61904\SKF</t>
  </si>
  <si>
    <t>【SKF】深沟球轴承\61905\SKF</t>
  </si>
  <si>
    <t>【SKF】深沟球轴承\61906\SKF</t>
  </si>
  <si>
    <t>【SKF】深沟球轴承\61907\SKF</t>
  </si>
  <si>
    <t>【SKF】深沟球轴承\61908\SKF</t>
  </si>
  <si>
    <t>【SKF】深沟球轴承\61909\SKF</t>
  </si>
  <si>
    <t>【SKF】深沟球轴承\61910\SKF</t>
  </si>
  <si>
    <t>【SKF】深沟球轴承\6012-2RZ\SKF</t>
  </si>
  <si>
    <t>【SKF】深沟球轴承\6012-2Z\SKF</t>
  </si>
  <si>
    <t>【SKF】深沟球轴承\6012-2Z/C3\SKF</t>
  </si>
  <si>
    <t>【SKF】深沟球轴承\6013/C3\SKF</t>
  </si>
  <si>
    <t>【SKF】深沟球轴承\6013-2RS1\SKF</t>
  </si>
  <si>
    <t>【SKF】深沟球轴承\6013-2RS1/C3\SKF</t>
  </si>
  <si>
    <t>【SKF】深沟球轴承\6013-2Z\SKF</t>
  </si>
  <si>
    <t>【SKF】深沟球轴承\6013-2Z/C3\SKF</t>
  </si>
  <si>
    <t>【SKF】深沟球轴承\6014M\SKF</t>
  </si>
  <si>
    <t>【SKF】深沟球轴承\6014/C3\SKF</t>
  </si>
  <si>
    <t>【SKF】深沟球轴承\6014-2RS1\SKF</t>
  </si>
  <si>
    <t>【SKF】深沟球轴承\6014-2RS1/C3\SKF</t>
  </si>
  <si>
    <t>【SKF】深沟球轴承\6014-2Z\SKF</t>
  </si>
  <si>
    <t>【SKF】深沟球轴承\6014-2Z/C3\SKF</t>
  </si>
  <si>
    <t>【SKF】深沟球轴承\6015/C3\SKF</t>
  </si>
  <si>
    <t>【SKF】深沟球轴承\6015-2RS1\SKF</t>
  </si>
  <si>
    <t>【SKF】深沟球轴承\6015-2RS1/C3\SKF</t>
  </si>
  <si>
    <t>【SKF】深沟球轴承\6015-2Z\SKF</t>
  </si>
  <si>
    <t>【SKF】深沟球轴承\6015-2Z/C3\SKF</t>
  </si>
  <si>
    <t>【SKF】深沟球轴承\6016/C3\SKF</t>
  </si>
  <si>
    <t>【SKF】深沟球轴承\6016-2RS1\SKF</t>
  </si>
  <si>
    <t>【SKF】深沟球轴承\6016-2RS1/C3\SKF</t>
  </si>
  <si>
    <t>【SKF】深沟球轴承\6016-2Z/C3\SKF</t>
  </si>
  <si>
    <t>【SKF】深沟球轴承\6017-2RS1/C3\SKF</t>
  </si>
  <si>
    <t>【SKF】深沟球轴承\6017-2Z/C3\SKF</t>
  </si>
  <si>
    <t>【SKF】深沟球轴承\6018/C3\SKF</t>
  </si>
  <si>
    <t>【SKF】深沟球轴承\6018-2RS1\SKF</t>
  </si>
  <si>
    <t>【SKF】深沟球轴承\6018-2RS1/C3\SKF</t>
  </si>
  <si>
    <t>【SKF】深沟球轴承\6018-2Z\SKF</t>
  </si>
  <si>
    <t>【SKF】深沟球轴承\6018-2Z/C3\SKF</t>
  </si>
  <si>
    <t>【SKF】深沟球轴承\6019/C3\SKF</t>
  </si>
  <si>
    <t>【SKF】深沟球轴承\6019-2RS1\SKF</t>
  </si>
  <si>
    <t>【SKF】深沟球轴承\6019-2Z\SKF</t>
  </si>
  <si>
    <t>【SKF】深沟球轴承\6019-2Z/C3\SKF</t>
  </si>
  <si>
    <t>【SKF】深沟球轴承\6020/C3\SKF</t>
  </si>
  <si>
    <t>【SKF】深沟球轴承\6020-2RS1/C3\SKF</t>
  </si>
  <si>
    <t>【SKF】深沟球轴承\6020-2Z\SKF</t>
  </si>
  <si>
    <t>【SKF】深沟球轴承\6020-2Z/C3\SKF</t>
  </si>
  <si>
    <t>【SKF】深沟球轴承\6021/C3\SKF</t>
  </si>
  <si>
    <t>【SKF】深沟球轴承\6021-2RS1\SKF</t>
  </si>
  <si>
    <t>【SKF】深沟球轴承\6021-2Z\SKF</t>
  </si>
  <si>
    <t>【SKF】深沟球轴承\6022-2RS1\SKF</t>
  </si>
  <si>
    <t>【SKF】深沟球轴承\6022-2Z\SKF</t>
  </si>
  <si>
    <t>【SKF】深沟球轴承\6022-2Z/C3\SKF</t>
  </si>
  <si>
    <t>【SKF】深沟球轴承\6024-2RS1\SKF</t>
  </si>
  <si>
    <t>【SKF】深沟球轴承\6024-2Z\SKF</t>
  </si>
  <si>
    <t>【SKF】深沟球轴承\6024-2Z/C3\SKF</t>
  </si>
  <si>
    <t>【SKF】深沟球轴承\6024-RS1\SKF</t>
  </si>
  <si>
    <t>【SKF】深沟球轴承\6026/C3\SKF</t>
  </si>
  <si>
    <t>【SKF】深沟球轴承\6026-2RS1\SKF</t>
  </si>
  <si>
    <t>【SKF】深沟球轴承\6026-2Z\SKF</t>
  </si>
  <si>
    <t>【SKF】深沟球轴承\6028M/C3\SKF</t>
  </si>
  <si>
    <t>【SKF】深沟球轴承\6028/C3\SKF</t>
  </si>
  <si>
    <t>【SKF】深沟球轴承\6028-2RS1\SKF</t>
  </si>
  <si>
    <t>【SKF】深沟球轴承\6030M/C3\SKF</t>
  </si>
  <si>
    <t>【SKF】深沟球轴承\6030/C3\SKF</t>
  </si>
  <si>
    <t>【SKF】深沟球轴承\6030-2RS1\SKF</t>
  </si>
  <si>
    <t>【SKF】深沟球轴承\6030-2Z\SKF</t>
  </si>
  <si>
    <t>【SKF】深沟球轴承\6032M\SKF</t>
  </si>
  <si>
    <t>【SKF】深沟球轴承\6032M/C3\SKF</t>
  </si>
  <si>
    <t>【SKF】深沟球轴承\6032/C3\SKF</t>
  </si>
  <si>
    <t>【SKF】深沟球轴承\6032-2RS1\SKF</t>
  </si>
  <si>
    <t>【SKF】深沟球轴承\6032-2Z\SKF</t>
  </si>
  <si>
    <t>【SKF】深沟球轴承\6034M\SKF</t>
  </si>
  <si>
    <t>【SKF】深沟球轴承\6034M/C3\SKF</t>
  </si>
  <si>
    <t>【SKF】深沟球轴承\6036M\SKF</t>
  </si>
  <si>
    <t>【SKF】深沟球轴承\6036M/C3\SKF</t>
  </si>
  <si>
    <t>【SKF】深沟球轴承\6038M\SKF</t>
  </si>
  <si>
    <t>【SKF】深沟球轴承\604-2Z\SKF</t>
  </si>
  <si>
    <t>【SKF】深沟球轴承\6048M\SKF</t>
  </si>
  <si>
    <t>【SKF】深沟球轴承\6048M/C3\SKF</t>
  </si>
  <si>
    <t>【SKF】深沟球轴承\6048MA/C3\SKF</t>
  </si>
  <si>
    <t>【SKF】深沟球轴承\6056M/C3\SKF</t>
  </si>
  <si>
    <t>【SKF】深沟球轴承\6072M\SKF</t>
  </si>
  <si>
    <t>【SKF】深沟球轴承\6076M\SKF</t>
  </si>
  <si>
    <t>【SKF】深沟球轴承\608-2RSH\SKF</t>
  </si>
  <si>
    <t>【SKF】深沟球轴承\608-2RSL\SKF</t>
  </si>
  <si>
    <t>【SKF】深沟球轴承\608-2Z\SKF</t>
  </si>
  <si>
    <t>【SKF】深沟球轴承\61800-2RS1\SKF</t>
  </si>
  <si>
    <t>【SKF】深沟球轴承\61800-2Z\SKF</t>
  </si>
  <si>
    <t>【SKF】深沟球轴承\61801-2RS1\SKF</t>
  </si>
  <si>
    <t>【SKF】深沟球轴承\61801-2Z\SKF</t>
  </si>
  <si>
    <t>【SKF】深沟球轴承\61802-2RS1\SKF</t>
  </si>
  <si>
    <t>【SKF】深沟球轴承\61802-2Z\SKF</t>
  </si>
  <si>
    <t>【SKF】深沟球轴承\61803-2RS1\SKF</t>
  </si>
  <si>
    <t>【SKF】深沟球轴承\61803-2Z\SKF</t>
  </si>
  <si>
    <t>【SKF】深沟球轴承\61804-2RS1\SKF</t>
  </si>
  <si>
    <t>【SKF】深沟球轴承\61804-2RZ\SKF</t>
  </si>
  <si>
    <t>【SKF】深沟球轴承\61804-2Z\SKF</t>
  </si>
  <si>
    <t>【SKF】深沟球轴承\61805-2RS1\SKF</t>
  </si>
  <si>
    <t>【SKF】深沟球轴承\61805-2RZ\SKF</t>
  </si>
  <si>
    <t>【SKF】深沟球轴承\61806-2RS1\SKF</t>
  </si>
  <si>
    <t>【SKF】深沟球轴承\61806-2RZ\SKF</t>
  </si>
  <si>
    <t>【SKF】深沟球轴承\61807-2RS1\SKF</t>
  </si>
  <si>
    <t>【SKF】深沟球轴承\61807-2RZ\SKF</t>
  </si>
  <si>
    <t>【SKF】深沟球轴承\61808-2RS1\SKF</t>
  </si>
  <si>
    <t>【SKF】深沟球轴承\61808-2RZ\SKF</t>
  </si>
  <si>
    <t>【SKF】深沟球轴承\61809-2RS1\SKF</t>
  </si>
  <si>
    <t>【SKF】深沟球轴承\61809-2RZ\SKF</t>
  </si>
  <si>
    <t>【SKF】深沟球轴承\61810-2RS1\SKF</t>
  </si>
  <si>
    <t>【SKF】深沟球轴承\61810-2RZ\SKF</t>
  </si>
  <si>
    <t>【SKF】深沟球轴承\61811-2RS1\SKF</t>
  </si>
  <si>
    <t>【SKF】深沟球轴承\61812-2RS1\SKF</t>
  </si>
  <si>
    <t>【SKF】深沟球轴承\61812-2RZ\SKF</t>
  </si>
  <si>
    <t>【SKF】深沟球轴承\61813-2RS1\SKF</t>
  </si>
  <si>
    <t>【SKF】深沟球轴承\61814-2RS1\SKF</t>
  </si>
  <si>
    <t>【SKF】深沟球轴承\61814-2RZ\SKF</t>
  </si>
  <si>
    <t>【SKF】深沟球轴承\61815/C3\SKF</t>
  </si>
  <si>
    <t>【SKF】深沟球轴承\61815-2RS1\SKF</t>
  </si>
  <si>
    <t>【SKF】深沟球轴承\61816-2RS1\SKF</t>
  </si>
  <si>
    <t>【SKF】深沟球轴承\61817-2RS1\SKF</t>
  </si>
  <si>
    <t>【SKF】深沟球轴承\61820-2RS1\SKF</t>
  </si>
  <si>
    <t>【SKF】深沟球轴承\61820-2RZ\SKF</t>
  </si>
  <si>
    <t>【SKF】深沟球轴承\61821-2RS1\SKF</t>
  </si>
  <si>
    <t>【SKF】深沟球轴承\61822-2RS1\SKF</t>
  </si>
  <si>
    <t>【SKF】深沟球轴承\61824/C3\SKF</t>
  </si>
  <si>
    <t>【SKF】深沟球轴承\61824-2RS1\SKF</t>
  </si>
  <si>
    <t>【SKF】深沟球轴承\61826/C3\SKF</t>
  </si>
  <si>
    <t>【SKF】深沟球轴承\61826-2RS1\SKF</t>
  </si>
  <si>
    <t>【SKF】深沟球轴承\61828/C3\SKF</t>
  </si>
  <si>
    <t>【SKF】深沟球轴承\61828-2RS1\SKF</t>
  </si>
  <si>
    <t>【SKF】深沟球轴承\61832/C3\SKF</t>
  </si>
  <si>
    <t>【SKF】深沟球轴承\61834/C3\SKF</t>
  </si>
  <si>
    <t>【SKF】深沟球轴承\61836/C3\SKF</t>
  </si>
  <si>
    <t>【SKF】深沟球轴承\61844MA\SKF</t>
  </si>
  <si>
    <t>【SKF】深沟球轴承\619/8-2RS1\SKF</t>
  </si>
  <si>
    <t>【SKF】深沟球轴承\61900-2RS1\SKF</t>
  </si>
  <si>
    <t>【SKF】深沟球轴承\61900-2Z\SKF</t>
  </si>
  <si>
    <t>【SKF】深沟球轴承\61901-2RS1\SKF</t>
  </si>
  <si>
    <t>【SKF】深沟球轴承\61901-2Z\SKF</t>
  </si>
  <si>
    <t>【SKF】深沟球轴承\61902-2RS1\SKF</t>
  </si>
  <si>
    <t>【SKF】深沟球轴承\61902-2RZ\SKF</t>
  </si>
  <si>
    <t>【SKF】深沟球轴承\61902-2Z\SKF</t>
  </si>
  <si>
    <t>【SKF】深沟球轴承\61903-2RS1\SKF</t>
  </si>
  <si>
    <t>【SKF】深沟球轴承\61903-2Z\SKF</t>
  </si>
  <si>
    <t>【SKF】深沟球轴承\61904-2RS1\SKF</t>
  </si>
  <si>
    <t>【SKF】深沟球轴承\61904-2RZ\SKF</t>
  </si>
  <si>
    <t>【SKF】深沟球轴承\61905-2RS1\SKF</t>
  </si>
  <si>
    <t>【SKF】深沟球轴承\61905-2RZ\SKF</t>
  </si>
  <si>
    <t>【SKF】深沟球轴承\61906-2RS1\SKF</t>
  </si>
  <si>
    <t>【SKF】深沟球轴承\61906-2RZ\SKF</t>
  </si>
  <si>
    <t>【SKF】深沟球轴承\61907-2RS1\SKF</t>
  </si>
  <si>
    <t>【SKF】深沟球轴承\61907-2RZ\SKF</t>
  </si>
  <si>
    <t>【SKF】深沟球轴承\61908-2RS1\SKF</t>
  </si>
  <si>
    <t>【SKF】深沟球轴承\61908-2RZ\SKF</t>
  </si>
  <si>
    <t>【SKF】深沟球轴承\61909-2RS1\SKF</t>
  </si>
  <si>
    <t>【SKF】深沟球轴承\61910-2RS1\SKF</t>
  </si>
  <si>
    <t>【SKF】深沟球轴承\61911-2RS1\SKF</t>
  </si>
  <si>
    <t>【SKF】深沟球轴承\61912-2RS1\SKF</t>
  </si>
  <si>
    <t>【SKF】深沟球轴承\61916-2RS1\SKF</t>
  </si>
  <si>
    <t>【SKF】深沟球轴承\61944MA\SKF</t>
  </si>
  <si>
    <t>【SKF】深沟球轴承\6200/C3\SKF</t>
  </si>
  <si>
    <t>【SKF】深沟球轴承\6200-2RS1\SKF</t>
  </si>
  <si>
    <t>【SKF】深沟球轴承\6200-2RSH\SKF</t>
  </si>
  <si>
    <t>【SKF】深沟球轴承\6200-2RSH/C3\SKF</t>
  </si>
  <si>
    <t>【SKF】深沟球轴承\6200-2RSL\SKF</t>
  </si>
  <si>
    <t>【SKF】深沟球轴承\6200-2Z\SKF</t>
  </si>
  <si>
    <t>【SKF】深沟球轴承\6200-2Z/C3\SKF</t>
  </si>
  <si>
    <t>【SKF】深沟球轴承\6201/C3\SKF</t>
  </si>
  <si>
    <t>【SKF】深沟球轴承\6201-2RSH/C3\SKF</t>
  </si>
  <si>
    <t>【SKF】深沟球轴承\6201-2RSL\SKF</t>
  </si>
  <si>
    <t>【SKF】深沟球轴承\6201-2Z\SKF</t>
  </si>
  <si>
    <t>【SKF】深沟球轴承\6201-2Z/C3\SKF</t>
  </si>
  <si>
    <t>【SKF】深沟球轴承\6201-Z\SKF</t>
  </si>
  <si>
    <t>【SKF】深沟球轴承\6202-2RSH/C3\SKF</t>
  </si>
  <si>
    <t>【SKF】深沟球轴承\6202-2RSL\SKF</t>
  </si>
  <si>
    <t>【SKF】深沟球轴承\6202-2Z/C3\SKF</t>
  </si>
  <si>
    <t>【SKF】深沟球轴承\6202-RSH\SKF</t>
  </si>
  <si>
    <t>【SKF】深沟球轴承\6203-2RSH/C3WT\SKF</t>
  </si>
  <si>
    <t>【SKF】深沟球轴承\6203-2RSL\SKF</t>
  </si>
  <si>
    <t>【SKF】深沟球轴承\6203-2Z\SKF</t>
  </si>
  <si>
    <t>【SKF】深沟球轴承\6203-2Z/C3\SKF</t>
  </si>
  <si>
    <t>【SKF】深沟球轴承\6204/C3\SKF</t>
  </si>
  <si>
    <t>【SKF】深沟球轴承\6204-2RSH\SKF</t>
  </si>
  <si>
    <t>【SKF】深沟球轴承\6204-2RSL\SKF</t>
  </si>
  <si>
    <t>【SKF】深沟球轴承\6204-2RZTN9/C3VT162\SKF</t>
  </si>
  <si>
    <t>【SKF】深沟球轴承\6204-2Z\SKF</t>
  </si>
  <si>
    <t>【SKF】深沟球轴承\6204-2Z/C3\SKF</t>
  </si>
  <si>
    <t>【SKF】深沟球轴承\6204-RSH\SKF</t>
  </si>
  <si>
    <t>【SKF】深沟球轴承\6204-Z\SKF</t>
  </si>
  <si>
    <t>【SKF】深沟球轴承\6205/C3\SKF</t>
  </si>
  <si>
    <t>【SKF】深沟球轴承\6205-2RSH\SKF</t>
  </si>
  <si>
    <t>【SKF】深沟球轴承\6205-2RSL\SKF</t>
  </si>
  <si>
    <t>【SKF】深沟球轴承\6205-2Z\SKF</t>
  </si>
  <si>
    <t>【SKF】深沟球轴承\6205-2Z/C3\SKF</t>
  </si>
  <si>
    <t>【SKF】深沟球轴承\6205-2ZNR\SKF</t>
  </si>
  <si>
    <t>【SKF】深沟球轴承\6206/C3\SKF</t>
  </si>
  <si>
    <t>【SKF】深沟球轴承\6206-2RS1/C3\SKF</t>
  </si>
  <si>
    <t>【SKF】深沟球轴承\6206-2RZ\SKF</t>
  </si>
  <si>
    <t>【SKF】深沟球轴承\6206-2Z\SKF</t>
  </si>
  <si>
    <t>【SKF】深沟球轴承\6207N\SKF</t>
  </si>
  <si>
    <t>【SKF】深沟球轴承\6207-2RS1/C3\SKF</t>
  </si>
  <si>
    <t>【SKF】深沟球轴承\6207-2Z/C3\SKF</t>
  </si>
  <si>
    <t>【SKF】深沟球轴承\6207-RS1\SKF</t>
  </si>
  <si>
    <t>【SKF】深沟球轴承\6207-Z\SKF</t>
  </si>
  <si>
    <t>【SKF】深沟球轴承\6208/C3\SKF</t>
  </si>
  <si>
    <t>【SKF】深沟球轴承\6208-2RS1\SKF</t>
  </si>
  <si>
    <t>【SKF】深沟球轴承\6208-2RS1/C3\SKF</t>
  </si>
  <si>
    <t>【SKF】深沟球轴承\6208-2Z/C3\SKF</t>
  </si>
  <si>
    <t>【SKF】深沟球轴承\6208-RS1\SKF</t>
  </si>
  <si>
    <t>【SKF】深沟球轴承\6209-2RS1\SKF</t>
  </si>
  <si>
    <t>【SKF】深沟球轴承\6209-2RS1/C3\SKF</t>
  </si>
  <si>
    <t>【SKF】深沟球轴承\6209-2Z\SKF</t>
  </si>
  <si>
    <t>【SKF】深沟球轴承\6209-2Z/C3\SKF</t>
  </si>
  <si>
    <t>【SKF】深沟球轴承\6209-RS1\SKF</t>
  </si>
  <si>
    <t>【SKF】深沟球轴承\6210-2RS1\SKF</t>
  </si>
  <si>
    <t>【SKF】深沟球轴承\6210-2Z\SKF</t>
  </si>
  <si>
    <t>【SKF】深沟球轴承\6210-2Z/C3\SKF</t>
  </si>
  <si>
    <t>【SKF】深沟球轴承\6211M\SKF</t>
  </si>
  <si>
    <t>【SKF】深沟球轴承\6211NR\SKF</t>
  </si>
  <si>
    <t>【SKF】深沟球轴承\6211/C3\SKF</t>
  </si>
  <si>
    <t>【SKF】深沟球轴承\6211-2RS1/C3\SKF</t>
  </si>
  <si>
    <t>【SKF】深沟球轴承\6211-2Z/C3\SKF</t>
  </si>
  <si>
    <t>【SKF】深沟球轴承\6211-Z\SKF</t>
  </si>
  <si>
    <t>【SKF】深沟球轴承\6212N\SKF</t>
  </si>
  <si>
    <t>【SKF】深沟球轴承\6212-2RS1/C3\SKF</t>
  </si>
  <si>
    <t>【SKF】深沟球轴承\6212-Z\SKF</t>
  </si>
  <si>
    <t>【SKF】深沟球轴承\6213M\SKF</t>
  </si>
  <si>
    <t>【SKF】深沟球轴承\6213M/C3\SKF</t>
  </si>
  <si>
    <t>【SKF】深沟球轴承\6213N\SKF</t>
  </si>
  <si>
    <t>【SKF】深沟球轴承\6213NR\SKF</t>
  </si>
  <si>
    <t>【SKF】深沟球轴承\6213-2RS1\SKF</t>
  </si>
  <si>
    <t>【SKF】深沟球轴承\6213-2RS1/C3\SKF</t>
  </si>
  <si>
    <t>【SKF】深沟球轴承\6213-2RS1/HC5C3WT\SKF</t>
  </si>
  <si>
    <t>【SKF】深沟球轴承\6213-2Z\SKF</t>
  </si>
  <si>
    <t>【SKF】深沟球轴承\6214M/C3\SKF</t>
  </si>
  <si>
    <t>【SKF】深沟球轴承\6214/C3\SKF</t>
  </si>
  <si>
    <t>【SKF】深沟球轴承\6214-2RS1\SKF</t>
  </si>
  <si>
    <t>【SKF】深沟球轴承\6214-2RS1/C3\SKF</t>
  </si>
  <si>
    <t>【SKF】深沟球轴承\6214-2Z/C3\SKF</t>
  </si>
  <si>
    <t>【SKF】深沟球轴承\6215-2RS1\SKF</t>
  </si>
  <si>
    <t>【SKF】深沟球轴承\6215-2RS1/C3\SKF</t>
  </si>
  <si>
    <t>【SKF】深沟球轴承\6215-2Z\SKF</t>
  </si>
  <si>
    <t>【SKF】深沟球轴承\6215-2Z/C3\SKF</t>
  </si>
  <si>
    <t>【SKF】深沟球轴承\6216NR\SKF</t>
  </si>
  <si>
    <t>【SKF】深沟球轴承\6216-2RS1\SKF</t>
  </si>
  <si>
    <t>【SKF】深沟球轴承\6216-2RS1/C3\SKF</t>
  </si>
  <si>
    <t>【SKF】深沟球轴承\6216-2Z/C3\SKF</t>
  </si>
  <si>
    <t>【SKF】深沟球轴承\6217NR\SKF</t>
  </si>
  <si>
    <t>【SKF】深沟球轴承\6217/C3\SKF</t>
  </si>
  <si>
    <t>【SKF】深沟球轴承\6217-2RS1\SKF</t>
  </si>
  <si>
    <t>【SKF】深沟球轴承\6217-2RS1/C3\SKF</t>
  </si>
  <si>
    <t>【SKF】深沟球轴承\6217-2Z/C3\SKF</t>
  </si>
  <si>
    <t>【SKF】深沟球轴承\6218M/C4\SKF</t>
  </si>
  <si>
    <t>【SKF】深沟球轴承\6218/C3VL0241\SKF</t>
  </si>
  <si>
    <t>【SKF】深沟球轴承\6218-2RS1\SKF</t>
  </si>
  <si>
    <t>【SKF】深沟球轴承\6218-2RS1/C3\SKF</t>
  </si>
  <si>
    <t>【SKF】深沟球轴承\6218-2Z\SKF</t>
  </si>
  <si>
    <t>【SKF】深沟球轴承\6218-2Z/C3\SKF</t>
  </si>
  <si>
    <t>【SKF】深沟球轴承\6219/C3\SKF</t>
  </si>
  <si>
    <t>【SKF】深沟球轴承\6219-2RS1\SKF</t>
  </si>
  <si>
    <t>【SKF】深沟球轴承\6219-2RS1/C3\SKF</t>
  </si>
  <si>
    <t>【SKF】深沟球轴承\6219-2Z\SKF</t>
  </si>
  <si>
    <t>【SKF】深沟球轴承\6219-2Z/C3\SKF</t>
  </si>
  <si>
    <t>【SKF】深沟球轴承\6219-Z\SKF</t>
  </si>
  <si>
    <t>【SKF】深沟球轴承\6220M/C3\SKF</t>
  </si>
  <si>
    <t>【SKF】深沟球轴承\62200-2RS1\SKF</t>
  </si>
  <si>
    <t>【SKF】深沟球轴承\62201-2RS1\SKF</t>
  </si>
  <si>
    <t>【SKF】深沟球轴承\62202-2RS1\SKF</t>
  </si>
  <si>
    <t>【SKF】深沟球轴承\6220-2RS1\SKF</t>
  </si>
  <si>
    <t>【SKF】深沟球轴承\6220-2RS1/C3\SKF</t>
  </si>
  <si>
    <t>【SKF】深沟球轴承\6220-2Z/C3\SKF</t>
  </si>
  <si>
    <t>【SKF】深沟球轴承\62204-2RS1\SKF</t>
  </si>
  <si>
    <t>【SKF】深沟球轴承\62205-2RS1\SKF</t>
  </si>
  <si>
    <t>【SKF】深沟球轴承\62205-2RS1/C3\SKF</t>
  </si>
  <si>
    <t>【SKF】深沟球轴承\62206-2RS1\SKF</t>
  </si>
  <si>
    <t>【SKF】深沟球轴承\62207-2RS1\SKF</t>
  </si>
  <si>
    <t>【SKF】深沟球轴承\62208-2RS1\SKF</t>
  </si>
  <si>
    <t>【SKF】深沟球轴承\62209-2RS1\SKF</t>
  </si>
  <si>
    <t>【SKF】深沟球轴承\6221/C3\SKF</t>
  </si>
  <si>
    <t>【SKF】深沟球轴承\62210-2RS1\SKF</t>
  </si>
  <si>
    <t>【SKF】深沟球轴承\62211-2RS1\SKF</t>
  </si>
  <si>
    <t>【SKF】深沟球轴承\62212-2RS1\SKF</t>
  </si>
  <si>
    <t>【SKF】深沟球轴承\6221-2Z\SKF</t>
  </si>
  <si>
    <t>【SKF】深沟球轴承\62214-2RS1\SKF</t>
  </si>
  <si>
    <t>【SKF】深沟球轴承\6222-2Z\SKF</t>
  </si>
  <si>
    <t>【SKF】深沟球轴承\6222-2Z/C3\SKF</t>
  </si>
  <si>
    <t>【SKF】深沟球轴承\6224/C3\SKF</t>
  </si>
  <si>
    <t>【SKF】深沟球轴承\6224/C3VL0241\SKF</t>
  </si>
  <si>
    <t>【SKF】深沟球轴承\6226-2Z\SKF</t>
  </si>
  <si>
    <t>【SKF】深沟球轴承\6228MA/C3\SKF</t>
  </si>
  <si>
    <t>【SKF】深沟球轴承\6230M\SKF</t>
  </si>
  <si>
    <t>【SKF】深沟球轴承\6230M/C3\SKF</t>
  </si>
  <si>
    <t>【SKF】深沟球轴承\6230/C3VL2071\SKF</t>
  </si>
  <si>
    <t>【SKF】深沟球轴承\6230/C4\SKF</t>
  </si>
  <si>
    <t>【SKF】深沟球轴承\62300-2RS1\SKF</t>
  </si>
  <si>
    <t>【SKF】深沟球轴承\62301-2RS1\SKF</t>
  </si>
  <si>
    <t>【SKF】深沟球轴承\62302-2RS1\SKF</t>
  </si>
  <si>
    <t>【SKF】深沟球轴承\62303-2RS1\SKF</t>
  </si>
  <si>
    <t>【SKF】深沟球轴承\62304-2RS1\SKF</t>
  </si>
  <si>
    <t>【SKF】深沟球轴承\62305-2RS1\SKF</t>
  </si>
  <si>
    <t>【SKF】深沟球轴承\62306-2RS1\SKF</t>
  </si>
  <si>
    <t>【SKF】深沟球轴承\62307-2RS1\SKF</t>
  </si>
  <si>
    <t>【SKF】深沟球轴承\62308-2RS1\SKF</t>
  </si>
  <si>
    <t>【SKF】深沟球轴承\62309-2RS1\SKF</t>
  </si>
  <si>
    <t>【SKF】深沟球轴承\62310-2RS1\SKF</t>
  </si>
  <si>
    <t>【SKF】深沟球轴承\62312-2RS1\SKF</t>
  </si>
  <si>
    <t>【SKF】深沟球轴承\6232M\SKF</t>
  </si>
  <si>
    <t>【SKF】深沟球轴承\6234M\SKF</t>
  </si>
  <si>
    <t>【SKF】深沟球轴承\6234M/C3\SKF</t>
  </si>
  <si>
    <t>【SKF】深沟球轴承\6238M\SKF</t>
  </si>
  <si>
    <t>【SKF】深沟球轴承\6240M\SKF</t>
  </si>
  <si>
    <t>【SKF】深沟球轴承\6240M/C3\SKF</t>
  </si>
  <si>
    <t>【SKF】深沟球轴承\6244M/C3\SKF</t>
  </si>
  <si>
    <t>【SKF】深沟球轴承\6248M\SKF</t>
  </si>
  <si>
    <t>【SKF】深沟球轴承\6248M/C3\SKF</t>
  </si>
  <si>
    <t>【SKF】深沟球轴承\625-2Z\SKF</t>
  </si>
  <si>
    <t>【SKF】深沟球轴承\626-2RSH\SKF</t>
  </si>
  <si>
    <t>【SKF】深沟球轴承\627-2Z\SKF</t>
  </si>
  <si>
    <t>【SKF】深沟球轴承\628-2Z\SKF</t>
  </si>
  <si>
    <t>【SKF】深沟球轴承\629-2RSH\SKF</t>
  </si>
  <si>
    <t>【SKF】深沟球轴承\629-2Z\SKF</t>
  </si>
  <si>
    <t>【SKF】深沟球轴承\63000-2RS1\SKF</t>
  </si>
  <si>
    <t>【SKF】深沟球轴承\63001-2RS1\SKF</t>
  </si>
  <si>
    <t>【SKF】深沟球轴承\63002-2RS1\SKF</t>
  </si>
  <si>
    <t>【SKF】深沟球轴承\6300-2RSH\SKF</t>
  </si>
  <si>
    <t>【SKF】深沟球轴承\6300-2Z\SKF</t>
  </si>
  <si>
    <t>【SKF】深沟球轴承\6300-2Z/C3\SKF</t>
  </si>
  <si>
    <t>【SKF】深沟球轴承\63003-2RS1\SKF</t>
  </si>
  <si>
    <t>【SKF】深沟球轴承\63004-2RS1\SKF</t>
  </si>
  <si>
    <t>【SKF】深沟球轴承\63005-2RS1\SKF</t>
  </si>
  <si>
    <t>【SKF】深沟球轴承\63006-2RS1\SKF</t>
  </si>
  <si>
    <t>【SKF】深沟球轴承\63007-2RS1\SKF</t>
  </si>
  <si>
    <t>【SKF】深沟球轴承\63008-2RS1\SKF</t>
  </si>
  <si>
    <t>【SKF】深沟球轴承\63009-2RS1\SKF</t>
  </si>
  <si>
    <t>【SKF】深沟球轴承\6301/C3\SKF</t>
  </si>
  <si>
    <t>【SKF】深沟球轴承\63010-2RS1\SKF</t>
  </si>
  <si>
    <t>【SKF】深沟球轴承\6301-2RSH\SKF</t>
  </si>
  <si>
    <t>【SKF】深沟球轴承\6301-2RSH/C3\SKF</t>
  </si>
  <si>
    <t>【SKF】深沟球轴承\6301-2Z\SKF</t>
  </si>
  <si>
    <t>【SKF】深沟球轴承\6301-2Z/C3\SKF</t>
  </si>
  <si>
    <t>【SKF】深沟球轴承\6302/C3\SKF</t>
  </si>
  <si>
    <t>【SKF】深沟球轴承\6302-2RSH/C3\SKF</t>
  </si>
  <si>
    <t>【SKF】深沟球轴承\6302-2Z\SKF</t>
  </si>
  <si>
    <t>【SKF】深沟球轴承\6302-2Z/C3\SKF</t>
  </si>
  <si>
    <t>【SKF】深沟球轴承\6303/C3\SKF</t>
  </si>
  <si>
    <t>【SKF】深沟球轴承\6303-2RSH/C3\SKF</t>
  </si>
  <si>
    <t>【SKF】深沟球轴承\6303-2Z/C3\SKF</t>
  </si>
  <si>
    <t>【SKF】深沟球轴承\6303-2Z/C3WT\SKF</t>
  </si>
  <si>
    <t>【SKF】深沟球轴承\6304/C3\SKF</t>
  </si>
  <si>
    <t>【SKF】深沟球轴承\6304-2RSH/C3\SKF</t>
  </si>
  <si>
    <t>【SKF】深沟球轴承\6304-2Z/C3\SKF</t>
  </si>
  <si>
    <t>【SKF】深沟球轴承\6305/C3\SKF</t>
  </si>
  <si>
    <t>【SKF】深沟球轴承\6305-2Z/C3\SKF</t>
  </si>
  <si>
    <t>【SKF】深沟球轴承\6306/C3\SKF</t>
  </si>
  <si>
    <t>【SKF】深沟球轴承\6306-2RS1\SKF</t>
  </si>
  <si>
    <t>【SKF】深沟球轴承\6306-2RS1/C3\SKF</t>
  </si>
  <si>
    <t>【SKF】深沟球轴承\6306-2Z\SKF</t>
  </si>
  <si>
    <t>【SKF】深沟球轴承\6306-2Z/C3\SKF</t>
  </si>
  <si>
    <t>【SKF】深沟球轴承\6306-Z\SKF</t>
  </si>
  <si>
    <t>【SKF】深沟球轴承\6307M/C3\SKF</t>
  </si>
  <si>
    <t>【SKF】深沟球轴承\6307-2RS1\SKF</t>
  </si>
  <si>
    <t>【SKF】深沟球轴承\6307-2RS1/C3\SKF</t>
  </si>
  <si>
    <t>【SKF】深沟球轴承\6307-RS1\SKF</t>
  </si>
  <si>
    <t>【SKF】深沟球轴承\6307-Z\SKF</t>
  </si>
  <si>
    <t>【SKF】深沟球轴承\6308-2RS1\SKF</t>
  </si>
  <si>
    <t>【SKF】深沟球轴承\6308-2RZ\SKF</t>
  </si>
  <si>
    <t>【SKF】深沟球轴承\6308-Z\SKF</t>
  </si>
  <si>
    <t>【SKF】深沟球轴承\6309M/C3\SKF</t>
  </si>
  <si>
    <t>【SKF】深沟球轴承\6309NR/C3\SKF</t>
  </si>
  <si>
    <t>【SKF】深沟球轴承\6309-2RS1\SKF</t>
  </si>
  <si>
    <t>【SKF】深沟球轴承\6309-2RS1/C3\SKF</t>
  </si>
  <si>
    <t>【SKF】深沟球轴承\6309-2Z\SKF</t>
  </si>
  <si>
    <t>【SKF】深沟球轴承\6309-RS1\SKF</t>
  </si>
  <si>
    <t>【SKF】深沟球轴承\6309-Z\SKF</t>
  </si>
  <si>
    <t>【SKF】深沟球轴承\6310M/C3\SKF</t>
  </si>
  <si>
    <t>【SKF】深沟球轴承\6310-2RS1/C3\SKF</t>
  </si>
  <si>
    <t>【SKF】深沟球轴承\6310-2Z\SKF</t>
  </si>
  <si>
    <t>【SKF】深沟球轴承\6310-2Z/C3\SKF</t>
  </si>
  <si>
    <t>【SKF】深沟球轴承\6310-Z\SKF</t>
  </si>
  <si>
    <t>【SKF】深沟球轴承\6311-2RS1/C3\SKF</t>
  </si>
  <si>
    <t>【SKF】深沟球轴承\6312M/C3\SKF</t>
  </si>
  <si>
    <t>【SKF】深沟球轴承\6312/C3\SKF</t>
  </si>
  <si>
    <t>【SKF】深沟球轴承\6312-2RS1\SKF</t>
  </si>
  <si>
    <t>【SKF】深沟球轴承\6312-2RS1/C3\SKF</t>
  </si>
  <si>
    <t>【SKF】深沟球轴承\6312-Z\SKF</t>
  </si>
  <si>
    <t>【SKF】深沟球轴承\6313M/C3\SKF</t>
  </si>
  <si>
    <t>【SKF】深沟球轴承\6313NR\SKF</t>
  </si>
  <si>
    <t>【SKF】深沟球轴承\6313-2RS1\SKF</t>
  </si>
  <si>
    <t>【SKF】深沟球轴承\6313-2RS1/C3\SKF</t>
  </si>
  <si>
    <t>【SKF】深沟球轴承\6313-2Z\SKF</t>
  </si>
  <si>
    <t>【SKF】深沟球轴承\6313-2Z/C3\SKF</t>
  </si>
  <si>
    <t>【SKF】深沟球轴承\6313-Z\SKF</t>
  </si>
  <si>
    <t>【SKF】深沟球轴承\6314MA/C3\SKF</t>
  </si>
  <si>
    <t>【SKF】深沟球轴承\6314-2RS1\SKF</t>
  </si>
  <si>
    <t>【SKF】深沟球轴承\6314-2RS1/C3\SKF</t>
  </si>
  <si>
    <t>【SKF】深沟球轴承\6314-2Z\SKF</t>
  </si>
  <si>
    <t>【SKF】深沟球轴承\6314-2Z/C3\SKF</t>
  </si>
  <si>
    <t>【SKF】深沟球轴承\6314-Z\SKF</t>
  </si>
  <si>
    <t>【SKF】深沟球轴承\6315M/C3\SKF</t>
  </si>
  <si>
    <t>【SKF】深沟球轴承\6315/C3\SKF</t>
  </si>
  <si>
    <t>【SKF】深沟球轴承\6315-2RS1\SKF</t>
  </si>
  <si>
    <t>【SKF】深沟球轴承\6315-2RS1/C3\SKF</t>
  </si>
  <si>
    <t>【SKF】深沟球轴承\6315-2Z\SKF</t>
  </si>
  <si>
    <t>【SKF】深沟球轴承\6315-2Z/C3\SKF</t>
  </si>
  <si>
    <t>【SKF】深沟球轴承\6315-2Z/C3WT\SKF</t>
  </si>
  <si>
    <t>【SKF】深沟球轴承\6315-Z\SKF</t>
  </si>
  <si>
    <t>【SKF】深沟球轴承\6315-Z/C3\SKF</t>
  </si>
  <si>
    <t>【SKF】深沟球轴承\6316M/C3\SKF</t>
  </si>
  <si>
    <t>【SKF】深沟球轴承\6316M/C3VL0241\SKF</t>
  </si>
  <si>
    <t>【SKF】深沟球轴承\6316/C3VL0241\SKF</t>
  </si>
  <si>
    <t>【SKF】深沟球轴承\6316/C4\SKF</t>
  </si>
  <si>
    <t>【SKF】深沟球轴承\6316-2RS1\SKF</t>
  </si>
  <si>
    <t>【SKF】深沟球轴承\6316-2RS1/C3\SKF</t>
  </si>
  <si>
    <t>【SKF】深沟球轴承\6316-2Z\SKF</t>
  </si>
  <si>
    <t>【SKF】深沟球轴承\6316-2Z/C3\SKF</t>
  </si>
  <si>
    <t>【SKF】深沟球轴承\6317M/C3\SKF</t>
  </si>
  <si>
    <t>【SKF】深沟球轴承\6317-2RS1\SKF</t>
  </si>
  <si>
    <t>【SKF】深沟球轴承\6317-2RS1/C3\SKF</t>
  </si>
  <si>
    <t>【SKF】深沟球轴承\6317-2Z/C3\SKF</t>
  </si>
  <si>
    <t>【SKF】深沟球轴承\6317-Z\SKF</t>
  </si>
  <si>
    <t>【SKF】深沟球轴承\6318M/C3\SKF</t>
  </si>
  <si>
    <t>【SKF】深沟球轴承\6318-2RS1\SKF</t>
  </si>
  <si>
    <t>【SKF】深沟球轴承\6318-2RS1/C3\SKF</t>
  </si>
  <si>
    <t>【SKF】深沟球轴承\6318-2Z/C3\SKF</t>
  </si>
  <si>
    <t>【SKF】深沟球轴承\6319M/C3VL0241\SKF</t>
  </si>
  <si>
    <t>【SKF】深沟球轴承\6319/C3\SKF</t>
  </si>
  <si>
    <t>【SKF】深沟球轴承\6319/C3VL0241\SKF</t>
  </si>
  <si>
    <t>【SKF】深沟球轴承\6319-2RS1\SKF</t>
  </si>
  <si>
    <t>【SKF】深沟球轴承\6319-2Z/C3\SKF</t>
  </si>
  <si>
    <t>【SKF】深沟球轴承\6320M/C3\SKF</t>
  </si>
  <si>
    <t>【SKF】深沟球轴承\6320/C3\SKF</t>
  </si>
  <si>
    <t>【SKF】深沟球轴承\6320-2Z\SKF</t>
  </si>
  <si>
    <t>【SKF】深沟球轴承\6320-2Z/C3\SKF</t>
  </si>
  <si>
    <t>【SKF】深沟球轴承\6322M/C3\SKF</t>
  </si>
  <si>
    <t>【SKF】深沟球轴承\6324M\SKF</t>
  </si>
  <si>
    <t>【SKF】深沟球轴承\6324M/C3\SKF</t>
  </si>
  <si>
    <t>【SKF】深沟球轴承\6324/C3\SKF</t>
  </si>
  <si>
    <t>【SKF】深沟球轴承\6326M\SKF</t>
  </si>
  <si>
    <t>【SKF】发电机驱动端轴承\6326/C3VL2071\SKF</t>
  </si>
  <si>
    <t>【SKF】深沟球轴承\6328/C3\SKF</t>
  </si>
  <si>
    <t>【SKF】深沟球轴承\6330M\SKF</t>
  </si>
  <si>
    <t>【SKF】深沟球轴承\6330M/C3HVL2071\SKF</t>
  </si>
  <si>
    <t>【SKF】深沟球轴承\6330M/C3HVQ658\SKF</t>
  </si>
  <si>
    <t>【SKF】深沟球轴承\6330/C3\SKF</t>
  </si>
  <si>
    <t>【SKF】深沟球轴承\6330/C3HVL2071\SKF</t>
  </si>
  <si>
    <t>【SKF】深沟球轴承\6330/C3VL2071\SKF</t>
  </si>
  <si>
    <t>【SKF】深沟球轴承\6332M\SKF</t>
  </si>
  <si>
    <t>【SKF】深沟球轴承\6332M/C3\SKF</t>
  </si>
  <si>
    <t>【SKF】深沟球轴承\6332M/C3VL2071\SKF</t>
  </si>
  <si>
    <t>【SKF】深沟球轴承\6332M/C4\SKF</t>
  </si>
  <si>
    <t>【SKF】深沟球轴承\6332M/C4VQ658\SKF</t>
  </si>
  <si>
    <t>【SKF】深沟球轴承\6332/C3\SKF</t>
  </si>
  <si>
    <t>【SKF】深沟球轴承\6334M/C3\SKF</t>
  </si>
  <si>
    <t>【SKF】深沟球轴承\6336M/C3\SKF</t>
  </si>
  <si>
    <t>【SKF】深沟球轴承\6336/C3H\SKF</t>
  </si>
  <si>
    <t>【SKF】深沟球轴承\6338M\SKF</t>
  </si>
  <si>
    <t>【SKF】深沟球轴承\6338M/C3\SKF</t>
  </si>
  <si>
    <t>【SKF】深沟球轴承\6338M/C3HVQ658\SKF</t>
  </si>
  <si>
    <t>【SKF】深沟球轴承\63800-2Z\SKF</t>
  </si>
  <si>
    <t>【SKF】深沟球轴承\6403/C3\SKF</t>
  </si>
  <si>
    <t>【SKF】深沟球轴承\6403-2RS1\SKF</t>
  </si>
  <si>
    <t>【SKF】深沟球轴承\6404/C3\SKF</t>
  </si>
  <si>
    <t>【SKF】深沟球轴承\6405/C3\SKF</t>
  </si>
  <si>
    <t>【SKF】深沟球轴承\6406/C3\SKF</t>
  </si>
  <si>
    <t>【SKF】深沟球轴承\6407/C3\SKF</t>
  </si>
  <si>
    <t>【SKF】深沟球轴承\6408N\SKF</t>
  </si>
  <si>
    <t>【SKF】深沟球轴承\6408/C3\SKF</t>
  </si>
  <si>
    <t>【SKF】深沟球轴承\6409NR\SKF</t>
  </si>
  <si>
    <t>【SKF】深沟球轴承\6411/C3\SKF</t>
  </si>
  <si>
    <t>【SKF】深沟球轴承\6412/C3\SKF</t>
  </si>
  <si>
    <t>【SKF】深沟球轴承\6414/C3\SKF</t>
  </si>
  <si>
    <t>【SKF】深沟球轴承\6415/C3\SKF</t>
  </si>
  <si>
    <t>【SKF】深沟球轴承\6416/C3\SKF</t>
  </si>
  <si>
    <t>【SKF】深沟球轴承\6418/C3\SKF</t>
  </si>
  <si>
    <t>【SKF】圆柱滚子推力轴承\81220TN\SKF</t>
  </si>
  <si>
    <t>【SKF】深沟球轴承\C2222/C3\SKF</t>
  </si>
  <si>
    <t>【SKF】角接触球轴承\7002CD/P4A\SKF</t>
  </si>
  <si>
    <t>【SKF】角接触球轴承\7004CDGA/P4A\SKF</t>
  </si>
  <si>
    <t>【SKF】角接触球轴承\7008ACD/P4A\SKF</t>
  </si>
  <si>
    <t>【SKF】角接触球轴承\7016CD/P4A\SKF</t>
  </si>
  <si>
    <t>【SKF】角接触球轴承\7018ACDGA/P4A\SKF</t>
  </si>
  <si>
    <t>【SKF】角接触球轴承\7018CD/P4A\SKF</t>
  </si>
  <si>
    <t>【SKF】角接触球轴承\7020CD/P4A\SKF</t>
  </si>
  <si>
    <t>【SKF】角接触球轴承\7028ACD/P4A\SKF</t>
  </si>
  <si>
    <t>【SKF】角接触球轴承\7040BGM\SKF</t>
  </si>
  <si>
    <t>【SKF】角接触球轴承\7044BGM\SKF</t>
  </si>
  <si>
    <t>【SKF】角接触球轴承\7048BGM\SKF</t>
  </si>
  <si>
    <t>【SKF】角接触球轴承\7200BECBP\SKF</t>
  </si>
  <si>
    <t>【SKF】角接触球轴承\7201BECBP\SKF</t>
  </si>
  <si>
    <t>【SKF】角接触球轴承\7201BEP\SKF</t>
  </si>
  <si>
    <t>【SKF】角接触球轴承\7203BECBP\SKF</t>
  </si>
  <si>
    <t>【SKF】角接触球轴承\7203BEP\SKF</t>
  </si>
  <si>
    <t>【SKF】角接触球轴承\7204 BECBM\SKF</t>
  </si>
  <si>
    <t>【SKF】角接触球轴承\7204BECBP\SKF</t>
  </si>
  <si>
    <t>【SKF】角接触球轴承\7204BEP\SKF</t>
  </si>
  <si>
    <t>【SKF】角接触球轴承\7205BECBM\SKF</t>
  </si>
  <si>
    <t>【SKF】角接触球轴承\7205BEP\SKF</t>
  </si>
  <si>
    <t>【SKF】角接触球轴承\7206BECBM\SKF</t>
  </si>
  <si>
    <t>【SKF】角接触球轴承\7206BECBP\SKF</t>
  </si>
  <si>
    <t>【SKF】角接触球轴承\7206BEGBP\SKF</t>
  </si>
  <si>
    <t>【SKF】角接触球轴承\7206BEP\SKF</t>
  </si>
  <si>
    <t>【SKF】角接触球轴承\7207BECBM\SKF</t>
  </si>
  <si>
    <t>【SKF】角接触球轴承\7207BECBP\SKF</t>
  </si>
  <si>
    <t>【SKF】角接触球轴承\7207BEP\SKF</t>
  </si>
  <si>
    <t>【SKF】角接触球轴承\7208BECBM\SKF</t>
  </si>
  <si>
    <t>【SKF】角接触球轴承\7208BECBP\SKF</t>
  </si>
  <si>
    <t>【SKF】角接触球轴承\7208BEP\SKF</t>
  </si>
  <si>
    <t>【SKF】角接触球轴承\7208CD/P4A\SKF</t>
  </si>
  <si>
    <t>【SKF】角接触球轴承\7209ACD/P4A\SKF</t>
  </si>
  <si>
    <t>【SKF】角接触球轴承\7209BECBJ\SKF</t>
  </si>
  <si>
    <t>【SKF】角接触球轴承\7209BECBM\SKF</t>
  </si>
  <si>
    <t>【SKF】角接触球轴承\7209BECBP\SKF</t>
  </si>
  <si>
    <t>【SKF】角接触球轴承\7209BEP\SKF</t>
  </si>
  <si>
    <t>【SKF】角接触球轴承\7210BECBJ\SKF</t>
  </si>
  <si>
    <t>【SKF】角接触球轴承\7210BECBM\SKF</t>
  </si>
  <si>
    <t>【SKF】角接触球轴承\7210BECBP\SKF</t>
  </si>
  <si>
    <t>【SKF】角接触球轴承\7210BEP\SKF</t>
  </si>
  <si>
    <t>【SKF】角接触球轴承\7211BECBJ\SKF</t>
  </si>
  <si>
    <t>【SKF】角接触球轴承\7211BECBM\SKF</t>
  </si>
  <si>
    <t>【SKF】角接触球轴承\7211BEP\SKF</t>
  </si>
  <si>
    <t>【SKF】角接触球轴承\7212BECBJ\SKF</t>
  </si>
  <si>
    <t>【SKF】角接触球轴承\7212BECBM\SKF</t>
  </si>
  <si>
    <t>【SKF】角接触球轴承\7212BECBP\SKF</t>
  </si>
  <si>
    <t>【SKF】角接触球轴承\7212BEP\SKF</t>
  </si>
  <si>
    <t>【SKF】角接触球轴承\7213BECBJ\SKF</t>
  </si>
  <si>
    <t>【SKF】角接触球轴承\7213BECBM\SKF</t>
  </si>
  <si>
    <t>【SKF】角接触球轴承\7213BECBP\SKF</t>
  </si>
  <si>
    <t>【SKF】角接触球轴承\7214BECBJ\SKF</t>
  </si>
  <si>
    <t>【SKF】角接触球轴承\7214BECBP\SKF</t>
  </si>
  <si>
    <t>【SKF】角接触球轴承\7214BEP\SKF</t>
  </si>
  <si>
    <t>【SKF】角接触球轴承\7214CD/P4A\SKF</t>
  </si>
  <si>
    <t>【SKF】角接触球轴承\7215BECBJ\SKF</t>
  </si>
  <si>
    <t>【SKF】角接触球轴承\7215BEP\SKF</t>
  </si>
  <si>
    <t>【SKF】角接触球轴承\7216BEP\SKF</t>
  </si>
  <si>
    <t>【SKF】角接触球轴承\7217BECBP\SKF</t>
  </si>
  <si>
    <t>【SKF】角接触球轴承\7217BEP\SKF</t>
  </si>
  <si>
    <t>【SKF】角接触球轴承\7218BECBJ\SKF</t>
  </si>
  <si>
    <t>【SKF】角接触球轴承\7218BECBP\SKF</t>
  </si>
  <si>
    <t>【SKF】角接触球轴承\7218BEP\SKF</t>
  </si>
  <si>
    <t>【SKF】角接触球轴承\7219BECBP\SKF</t>
  </si>
  <si>
    <t>【SKF】角接触球轴承\7219BEP\SKF</t>
  </si>
  <si>
    <t>【SKF】角接触球轴承\7220BEP\SKF</t>
  </si>
  <si>
    <t>【SKF】角接触球轴承\7220CD/P4A\SKF</t>
  </si>
  <si>
    <t>【SKF】角接触球轴承\7221BECBM\SKF</t>
  </si>
  <si>
    <t>【SKF】角接触球轴承\7221BECBP\SKF</t>
  </si>
  <si>
    <t>【SKF】角接触球轴承\7221BEP\SKF</t>
  </si>
  <si>
    <t>【SKF】角接触球轴承\7222ACD/P4A\SKF</t>
  </si>
  <si>
    <t>【SKF】角接触球轴承\7222BECBP\SKF</t>
  </si>
  <si>
    <t>【SKF】角接触球轴承\7222BEP\SKF</t>
  </si>
  <si>
    <t>【SKF】角接触球轴承\7226BCBM\SKF</t>
  </si>
  <si>
    <t>【SKF】角接触球轴承\7228BM\SKF</t>
  </si>
  <si>
    <t>【SKF】角接触球轴承\7230BCBM\SKF</t>
  </si>
  <si>
    <t>【SKF】角接触球轴承\7236BCBM\SKF</t>
  </si>
  <si>
    <t>【SKF】角接触球轴承\7238BCBM\SKF</t>
  </si>
  <si>
    <t>【SKF】角接触球轴承\7244BCBM\SKF</t>
  </si>
  <si>
    <t>【SKF】角接触球轴承\7252 BCBM\SKF</t>
  </si>
  <si>
    <t>【SKF】角接触球轴承\7301BEP\SKF</t>
  </si>
  <si>
    <t>【SKF】角接触球轴承\7302BECBP\SKF</t>
  </si>
  <si>
    <t>【SKF】角接触球轴承\7302BEP\SKF</t>
  </si>
  <si>
    <t>【SKF】角接触球轴承\7303BECBP\SKF</t>
  </si>
  <si>
    <t>【SKF】角接触球轴承\7303BEP\SKF</t>
  </si>
  <si>
    <t>【SKF】角接触球轴承\7304BECBM\SKF</t>
  </si>
  <si>
    <t>【SKF】角接触球轴承\7304BECBP\SKF</t>
  </si>
  <si>
    <t>【SKF】角接触球轴承\7304BEP\SKF</t>
  </si>
  <si>
    <t>【SKF】角接触球轴承\7305BECBM\SKF</t>
  </si>
  <si>
    <t>【SKF】角接触球轴承\7307BECBM\SKF</t>
  </si>
  <si>
    <t>【SKF】角接触球轴承\7307BEP\SKF</t>
  </si>
  <si>
    <t>【SKF】角接触球轴承\7308BEP\SKF</t>
  </si>
  <si>
    <t>【SKF】角接触球轴承\7309BECBJ\SKF</t>
  </si>
  <si>
    <t>【SKF】角接触球轴承\7309BECBP\SKF</t>
  </si>
  <si>
    <t>【SKF】角接触球轴承\7309BEP\SKF</t>
  </si>
  <si>
    <t>【SKF】角接触球轴承\7311BECBJ\SKF</t>
  </si>
  <si>
    <t>【SKF】角接触球轴承\7311BEP\SKF</t>
  </si>
  <si>
    <t>【SKF】角接触球轴承\7313BECBJ\SKF</t>
  </si>
  <si>
    <t>【SKF】角接触球轴承\7314BEP\SKF</t>
  </si>
  <si>
    <t>【SKF】角接触球轴承\7315BECBJ\SKF</t>
  </si>
  <si>
    <t>【SKF】角接触球轴承\7315BEP\SKF</t>
  </si>
  <si>
    <t>【SKF】角接触球轴承\7316BECBJ\SKF</t>
  </si>
  <si>
    <t>【SKF】角接触球轴承\7316BECBP\SKF</t>
  </si>
  <si>
    <t>【SKF】角接触球轴承\7317BECBJ\SKF</t>
  </si>
  <si>
    <t>【SKF】角接触球轴承\7317BEGAP\SKF</t>
  </si>
  <si>
    <t>【SKF】角接触球轴承\7317BEP\SKF</t>
  </si>
  <si>
    <t>【SKF】角接触球轴承\7318BECBY\SKF</t>
  </si>
  <si>
    <t>【SKF】角接触球轴承\7318BEP\SKF</t>
  </si>
  <si>
    <t>【SKF】角接触球轴承\7319BECBP\SKF</t>
  </si>
  <si>
    <t>【SKF】角接触球轴承\7319BEP\SKF</t>
  </si>
  <si>
    <t>【SKF】角接触球轴承\7320BECBP\SKF</t>
  </si>
  <si>
    <t>【SKF】角接触球轴承\7320BEP\SKF</t>
  </si>
  <si>
    <t>【SKF】角接触球轴承\7321BECBM\SKF</t>
  </si>
  <si>
    <t>【SKF】角接触球轴承\7321BECBP\SKF</t>
  </si>
  <si>
    <t>【SKF】角接触球轴承\7321BEP\SKF</t>
  </si>
  <si>
    <t>【SKF】角接触球轴承\7322BECBP\SKF</t>
  </si>
  <si>
    <t>【SKF】角接触球轴承\7322BEP\SKF</t>
  </si>
  <si>
    <t>【SKF】角接触球轴承\7324BGAM\SKF</t>
  </si>
  <si>
    <t>【SKF】角接触球轴承\7326BCBM\SKF</t>
  </si>
  <si>
    <t>【SKF】角接触球轴承\7326BM\SKF</t>
  </si>
  <si>
    <t>【SKF】角接触球轴承\7328BCBM\SKF</t>
  </si>
  <si>
    <t>【SKF】角接触球轴承\7330BCBM\SKF</t>
  </si>
  <si>
    <t>【SKF】角接触球轴承\7332BCBM\SKF</t>
  </si>
  <si>
    <t>【SKF】角接触球轴承\7334BCBM\SKF</t>
  </si>
  <si>
    <t>【SKF】角接触球轴承\7336BCBM\SKF</t>
  </si>
  <si>
    <t>【SKF】角接触球轴承\7338BCBM\SKF</t>
  </si>
  <si>
    <t>【SKF】角接触球轴承\7340BCBM\SKF</t>
  </si>
  <si>
    <t>【SKF】角接触球轴承\7405BCBM\SKF</t>
  </si>
  <si>
    <t>【SKF】角接触球轴承\7408BCBM\SKF</t>
  </si>
  <si>
    <t>【SKF】角接触球轴承\7409BCBM\SKF</t>
  </si>
  <si>
    <t>【SKF】角接触球轴承\7410BCBM\SKF</t>
  </si>
  <si>
    <t>【SKF】角接触球轴承\7412BCBM\SKF</t>
  </si>
  <si>
    <t>【SKF】角接触球轴承\7413BCBM\SKF</t>
  </si>
  <si>
    <t>【SKF】角接触球轴承\7414BCBM\SKF</t>
  </si>
  <si>
    <t>【SKF】圆柱滚子推力轴承\81124TN\SKF</t>
  </si>
  <si>
    <t>【SKF】圆柱滚子推力轴承\81217TN\SKF</t>
  </si>
  <si>
    <t>【SKF】圆环滚子轴承\C3184KM\SKF</t>
  </si>
  <si>
    <t>【SKF】圆柱滚子轴承\N203ECP\SKF</t>
  </si>
  <si>
    <t>【SKF】圆柱滚子轴承\N204ECP\SKF</t>
  </si>
  <si>
    <t>【SKF】圆柱滚子轴承\N205ECP\SKF</t>
  </si>
  <si>
    <t>【SKF】圆柱滚子轴承\N206ECP\SKF</t>
  </si>
  <si>
    <t>【SKF】圆柱滚子轴承\N207ECP\SKF</t>
  </si>
  <si>
    <t>【SKF】圆柱滚子轴承\N208ECP\SKF</t>
  </si>
  <si>
    <t>【SKF】圆柱滚子轴承\N209ECP\SKF</t>
  </si>
  <si>
    <t>【SKF】圆柱滚子轴承\N210ECP\SKF</t>
  </si>
  <si>
    <t>【SKF】圆柱滚子轴承\N212ECP\SKF</t>
  </si>
  <si>
    <t>【SKF】圆柱滚子轴承\N213ECP\SKF</t>
  </si>
  <si>
    <t>【SKF】圆柱滚子轴承\N214ECP\SKF</t>
  </si>
  <si>
    <t>【SKF】圆柱滚子轴承\N215ECP\SKF</t>
  </si>
  <si>
    <t>【SKF】圆柱滚子轴承\N215ECP/C3\SKF</t>
  </si>
  <si>
    <t>【SKF】圆柱滚子轴承\N216ECP\SKF</t>
  </si>
  <si>
    <t>【SKF】圆柱滚子轴承\N216ECP/C3\SKF</t>
  </si>
  <si>
    <t>【SKF】圆柱滚子轴承\N217ECM\SKF</t>
  </si>
  <si>
    <t>【SKF】圆柱滚子轴承\N217ECP\SKF</t>
  </si>
  <si>
    <t>【SKF】圆柱滚子轴承\N217ECP/C3\SKF</t>
  </si>
  <si>
    <t>【SKF】圆柱滚子轴承\N218ECP\SKF</t>
  </si>
  <si>
    <t>【SKF】圆柱滚子轴承\N219ECP\SKF</t>
  </si>
  <si>
    <t>【SKF】圆柱滚子轴承\N220ECP\SKF</t>
  </si>
  <si>
    <t>【SKF】圆柱滚子轴承\N222ECM\SKF</t>
  </si>
  <si>
    <t>【SKF】圆柱滚子轴承\N222ECM/C3\SKF</t>
  </si>
  <si>
    <t>【SKF】圆柱滚子轴承\N222ECP\SKF</t>
  </si>
  <si>
    <t>【SKF】圆柱滚子轴承\N222ECP/C3\SKF</t>
  </si>
  <si>
    <t>【SKF】圆柱滚子轴承\N224ECM\SKF</t>
  </si>
  <si>
    <t>【SKF】圆柱滚子轴承\N224ECP\SKF</t>
  </si>
  <si>
    <t>【SKF】圆柱滚子轴承\N226ECP\SKF</t>
  </si>
  <si>
    <t>【SKF】圆柱滚子轴承\N304ECP\SKF</t>
  </si>
  <si>
    <t>【SKF】圆柱滚子轴承\N305ECP\SKF</t>
  </si>
  <si>
    <t>【SKF】圆柱滚子轴承\N307ECP\SKF</t>
  </si>
  <si>
    <t>【SKF】圆柱滚子轴承\N308ECP\SKF</t>
  </si>
  <si>
    <t>【SKF】圆柱滚子轴承\N309ECP\SKF</t>
  </si>
  <si>
    <t>【SKF】圆柱滚子轴承\N310ECP/C3\SKF</t>
  </si>
  <si>
    <t>【SKF】圆柱滚子轴承\N311ECM/P63\SKF</t>
  </si>
  <si>
    <t>【SKF】圆柱滚子轴承\N311ECP\SKF</t>
  </si>
  <si>
    <t>【SKF】圆柱滚子轴承\N312ECJ/C3\SKF</t>
  </si>
  <si>
    <t>【SKF】圆柱滚子轴承\N312ECP/C3\SKF</t>
  </si>
  <si>
    <t>【SKF】圆柱滚子轴承\N312M/P63\SKF</t>
  </si>
  <si>
    <t>【SKF】圆柱滚子轴承\N313ECP\SKF</t>
  </si>
  <si>
    <t>【SKF】圆柱滚子轴承\N313ECP/C3\SKF</t>
  </si>
  <si>
    <t>【SKF】圆柱滚子轴承\N314ECM/C3\SKF</t>
  </si>
  <si>
    <t>【SKF】圆柱滚子轴承\N314ECP/C3\SKF</t>
  </si>
  <si>
    <t>【SKF】圆柱滚子轴承\N315ECM\SKF</t>
  </si>
  <si>
    <t>【SKF】圆柱滚子轴承\N315ECM/C3\SKF</t>
  </si>
  <si>
    <t>【SKF】圆柱滚子轴承\N315ECP\SKF</t>
  </si>
  <si>
    <t>【SKF】圆柱滚子轴承\N315ECP/C3\SKF</t>
  </si>
  <si>
    <t>【SKF】圆柱滚子轴承\N316ECM\SKF</t>
  </si>
  <si>
    <t>【SKF】圆柱滚子轴承\N316ECP/C3\SKF</t>
  </si>
  <si>
    <t>【SKF】圆柱滚子轴承\N317ECM\SKF</t>
  </si>
  <si>
    <t>【SKF】圆柱滚子轴承\N317ECM/C3\SKF</t>
  </si>
  <si>
    <t>【SKF】圆柱滚子轴承\N317ECP\SKF</t>
  </si>
  <si>
    <t>【SKF】圆柱滚子轴承\N317ECP/C3\SKF</t>
  </si>
  <si>
    <t>【SKF】圆柱滚子轴承\N318ECP\SKF</t>
  </si>
  <si>
    <t>【SKF】圆柱滚子轴承\N318ECP/C3\SKF</t>
  </si>
  <si>
    <t>【SKF】圆柱滚子轴承\N319ECP\SKF</t>
  </si>
  <si>
    <t>【SKF】圆柱滚子轴承\N319ECP/C3\SKF</t>
  </si>
  <si>
    <t>【SKF】圆柱滚子轴承\N320ECP\SKF</t>
  </si>
  <si>
    <t>【SKF】圆柱滚子轴承\N320ECP/C3\SKF</t>
  </si>
  <si>
    <t>【SKF】圆柱滚子轴承\N321ECP\SKF</t>
  </si>
  <si>
    <t>【SKF】圆柱滚子轴承\N321ECP/C3\SKF</t>
  </si>
  <si>
    <t>【SKF】圆柱滚子轴承\N322ECM\SKF</t>
  </si>
  <si>
    <t>【SKF】圆柱滚子轴承\N322ECM/C3\SKF</t>
  </si>
  <si>
    <t>【SKF】圆柱滚子轴承\N322ECP\SKF</t>
  </si>
  <si>
    <t>【SKF】圆柱滚子轴承\N322ECP/C3\SKF</t>
  </si>
  <si>
    <t>【SKF】圆柱滚子轴承\N324ECM\SKF</t>
  </si>
  <si>
    <t>【SKF】圆柱滚子轴承\N324ECP\SKF</t>
  </si>
  <si>
    <t>【SKF】圆柱滚子轴承\NCF3020CV/C3\SKF</t>
  </si>
  <si>
    <t>【SKF】圆柱滚子轴承\NJ202ECP\SKF</t>
  </si>
  <si>
    <t>【SKF】圆柱滚子轴承\NJ203ECP\SKF</t>
  </si>
  <si>
    <t>【SKF】圆柱滚子轴承\NJ203ECP/C3\SKF</t>
  </si>
  <si>
    <t>【SKF】圆柱滚子轴承\NJ204ECP\SKF</t>
  </si>
  <si>
    <t>【SKF】圆柱滚子轴承\NJ205ECJ\SKF</t>
  </si>
  <si>
    <t>【SKF】圆柱滚子轴承\NJ205ECP\SKF</t>
  </si>
  <si>
    <t>【SKF】圆柱滚子轴承\NJ205ECP/C3\SKF</t>
  </si>
  <si>
    <t>【SKF】圆柱滚子轴承\NJ206ECJ\SKF</t>
  </si>
  <si>
    <t>【SKF】圆柱滚子轴承\NJ206ECP\SKF</t>
  </si>
  <si>
    <t>【SKF】圆柱滚子轴承\NJ206ECP/C3\SKF</t>
  </si>
  <si>
    <t>【SKF】圆环滚子轴承\C2213KTN9/C3\SKF</t>
  </si>
  <si>
    <t>【SKF】圆环滚子轴承\C2220\SKF</t>
  </si>
  <si>
    <t>【SKF】圆环滚子轴承\C2220/C3\SKF</t>
  </si>
  <si>
    <t>【SKF】圆环滚子轴承\C3038\SKF</t>
  </si>
  <si>
    <t>【SKF】圆环滚子轴承\C3072KM\SKF</t>
  </si>
  <si>
    <t>【SKF】圆环滚子轴承\C3080M/C4\SKF</t>
  </si>
  <si>
    <t>【SKF】圆环滚子轴承\C3096M/C4\SKF</t>
  </si>
  <si>
    <t>【SKF】圆环滚子轴承\C3164M/C4\SKF</t>
  </si>
  <si>
    <t>【SKF】滚子轴承\C3172M/C4\SKF</t>
  </si>
  <si>
    <t>【SKF】圆柱滚子轴承\NJ207ECJ\SKF</t>
  </si>
  <si>
    <t>【SKF】圆柱滚子轴承\NJ207ECP\SKF</t>
  </si>
  <si>
    <t>【SKF】圆柱滚子轴承\NJ207ECP/C3\SKF</t>
  </si>
  <si>
    <t>【SKF】圆柱滚子轴承\NJ208ECJ\SKF</t>
  </si>
  <si>
    <t>【SKF】圆柱滚子轴承\NJ208ECP\SKF</t>
  </si>
  <si>
    <t>【SKF】圆柱滚子轴承\NJ208ECP/C3\SKF</t>
  </si>
  <si>
    <t>【SKF】圆柱滚子轴承\NJ209ECJ/C3\SKF</t>
  </si>
  <si>
    <t>【SKF】圆柱滚子轴承\NJ209ECP\SKF</t>
  </si>
  <si>
    <t>【SKF】圆柱滚子轴承\NJ209ECP/C3\SKF</t>
  </si>
  <si>
    <t>【SKF】圆柱滚子轴承\NJ210ECJ\SKF</t>
  </si>
  <si>
    <t>【SKF】圆柱滚子轴承\NJ210ECP\SKF</t>
  </si>
  <si>
    <t>【SKF】圆柱滚子轴承\NJ211ECP\SKF</t>
  </si>
  <si>
    <t>【SKF】圆柱滚子轴承\NJ211ECP/C3\SKF</t>
  </si>
  <si>
    <t>【SKF】圆柱滚子轴承\NJ212ECJ\SKF</t>
  </si>
  <si>
    <t>【SKF】圆柱滚子轴承\NJ212ECP\SKF</t>
  </si>
  <si>
    <t>【SKF】圆柱滚子轴承\NJ213ECJ/C3\SKF</t>
  </si>
  <si>
    <t>【SKF】圆柱滚子轴承\NJ213ECP\SKF</t>
  </si>
  <si>
    <t>【SKF】圆柱滚子轴承\NJ214ECJ\SKF</t>
  </si>
  <si>
    <t>【SKF】圆柱滚子轴承\NJ214ECJ/C3\SKF</t>
  </si>
  <si>
    <t>【SKF】圆柱滚子轴承\NJ214ECP\SKF</t>
  </si>
  <si>
    <t>【SKF】圆柱滚子轴承\NJ215ECJ\SKF</t>
  </si>
  <si>
    <t>【SKF】圆柱滚子轴承\NJ215ECML/C3\SKF</t>
  </si>
  <si>
    <t>【SKF】圆柱滚子轴承\NJ215ECP\SKF</t>
  </si>
  <si>
    <t>【SKF】圆柱滚子轴承\NJ215ECP/C3\SKF</t>
  </si>
  <si>
    <t>【SKF】圆柱滚子轴承\NJ216ECJ\SKF</t>
  </si>
  <si>
    <t>【SKF】圆柱滚子轴承\NJ216ECP\SKF</t>
  </si>
  <si>
    <t>【SKF】圆柱滚子轴承\NJ217ECM\SKF</t>
  </si>
  <si>
    <t>【SKF】圆柱滚子轴承\NJ217ECP\SKF</t>
  </si>
  <si>
    <t>【SKF】圆柱滚子轴承\NJ218ECJ\SKF</t>
  </si>
  <si>
    <t>【SKF】圆柱滚子轴承\NJ218ECP\SKF</t>
  </si>
  <si>
    <t>【SKF】圆柱滚子轴承\NJ219ECJ\SKF</t>
  </si>
  <si>
    <t>【SKF】圆柱滚子轴承\NJ220ECJ/C3\SKF</t>
  </si>
  <si>
    <t>【SKF】圆柱滚子轴承\NJ2204ECP\SKF</t>
  </si>
  <si>
    <t>【SKF】圆柱滚子轴承\NJ2205ECP\SKF</t>
  </si>
  <si>
    <t>【SKF】圆柱滚子轴承\NJ2206ECJ\SKF</t>
  </si>
  <si>
    <t>【SKF】圆柱滚子轴承\NJ2206ECP\SKF</t>
  </si>
  <si>
    <t>【SKF】圆柱滚子轴承\NJ2206ECP/C3\SKF</t>
  </si>
  <si>
    <t>【SKF】圆柱滚子轴承\NJ2207ECP\SKF</t>
  </si>
  <si>
    <t>【SKF】圆柱滚子轴承\NJ2207ECP/C3\SKF</t>
  </si>
  <si>
    <t>【SKF】圆柱滚子轴承\NJ2208ECP\SKF</t>
  </si>
  <si>
    <t>【SKF】圆柱滚子轴承\NJ2208ECP/C3\SKF</t>
  </si>
  <si>
    <t>【SKF】圆柱滚子轴承\NJ2209ECP\SKF</t>
  </si>
  <si>
    <t>【SKF】圆柱滚子轴承\NJ221ECP\SKF</t>
  </si>
  <si>
    <t>【SKF】圆柱滚子轴承\NJ2210ECM\SKF</t>
  </si>
  <si>
    <t>【SKF】圆柱滚子轴承\NJ2210ECP\SKF</t>
  </si>
  <si>
    <t>【SKF】圆柱滚子轴承\NJ2210ECP/C3\SKF</t>
  </si>
  <si>
    <t>【SKF】圆柱滚子轴承\NJ2211ECJ\SKF</t>
  </si>
  <si>
    <t>【SKF】圆柱滚子轴承\NJ2211ECML/C3\SKF</t>
  </si>
  <si>
    <t>【SKF】圆柱滚子轴承\NJ2211ECP\SKF</t>
  </si>
  <si>
    <t>【SKF】圆柱滚子轴承\NJ2211ECP/C3\SKF</t>
  </si>
  <si>
    <t>【SKF】圆柱滚子轴承\NJ2212ECJ\SKF</t>
  </si>
  <si>
    <t>【SKF】圆柱滚子轴承\NJ2212ECP\SKF</t>
  </si>
  <si>
    <t>【SKF】圆柱滚子轴承\NJ2212ECP/C3\SKF</t>
  </si>
  <si>
    <t>【SKF】圆柱滚子轴承\NJ2213ECJ\SKF</t>
  </si>
  <si>
    <t>【SKF】圆柱滚子轴承\NJ2213ECJ/C3\SKF</t>
  </si>
  <si>
    <t>【SKF】圆柱滚子轴承\NJ2213ECP\SKF</t>
  </si>
  <si>
    <t>【SKF】圆柱滚子轴承\NJ2213ECP/C3\SKF</t>
  </si>
  <si>
    <t>【SKF】圆柱滚子轴承\NJ2214ECP\SKF</t>
  </si>
  <si>
    <t>【SKF】圆柱滚子轴承\NJ2215ECJ\SKF</t>
  </si>
  <si>
    <t>【SKF】圆柱滚子轴承\NJ2215ECP\SKF</t>
  </si>
  <si>
    <t>【SKF】圆柱滚子轴承\NJ2215ECP/C3\SKF</t>
  </si>
  <si>
    <t>【SKF】圆柱滚子轴承\NJ2216ECJ\SKF</t>
  </si>
  <si>
    <t>【SKF】圆柱滚子轴承\NJ2216ECP\SKF</t>
  </si>
  <si>
    <t>【SKF】圆柱滚子轴承\NJ2216ECP/C3\SKF</t>
  </si>
  <si>
    <t>【SKF】圆柱滚子轴承\NJ2217ECJ\SKF</t>
  </si>
  <si>
    <t>【SKF】圆柱滚子轴承\NJ2217ECP\SKF</t>
  </si>
  <si>
    <t>【SKF】圆柱滚子轴承\NJ2218ECM\SKF</t>
  </si>
  <si>
    <t>【SKF】圆柱滚子轴承\NJ2218ECM/C3\SKF</t>
  </si>
  <si>
    <t>【SKF】圆柱滚子轴承\NJ2218ECP\SKF</t>
  </si>
  <si>
    <t>【SKF】圆柱滚子轴承\NJ2218ECP/C3\SKF</t>
  </si>
  <si>
    <t>【SKF】圆柱滚子轴承\NJ2219ECP\SKF</t>
  </si>
  <si>
    <t>【SKF】圆柱滚子轴承\NJ222ECJ\SKF</t>
  </si>
  <si>
    <t>【SKF】圆柱滚子轴承\NJ222ECJ/C3\SKF</t>
  </si>
  <si>
    <t>【SKF】圆柱滚子轴承\NJ222ECM\SKF</t>
  </si>
  <si>
    <t>【SKF】圆柱滚子轴承\NJ222ECM/C3\SKF</t>
  </si>
  <si>
    <t>【SKF】圆柱滚子轴承\NJ222ECP\SKF</t>
  </si>
  <si>
    <t>【SKF】圆柱滚子轴承\NJ222ECP/C3\SKF</t>
  </si>
  <si>
    <t>【SKF】圆柱滚子轴承\NJ2220ECM\SKF</t>
  </si>
  <si>
    <t>【SKF】圆柱滚子轴承\NJ2220ECP\SKF</t>
  </si>
  <si>
    <t>【SKF】圆柱滚子轴承\NJ2222ECP\SKF</t>
  </si>
  <si>
    <t>【SKF】圆柱滚子轴承\NJ2224ECJ/C3\SKF</t>
  </si>
  <si>
    <t>【SKF】圆柱滚子轴承\NJ2224ECM\SKF</t>
  </si>
  <si>
    <t>【SKF】圆柱滚子轴承\NJ2226ECML/C3\SKF</t>
  </si>
  <si>
    <t>【SKF】圆柱滚子轴承\NJ2228ECML\SKF</t>
  </si>
  <si>
    <t>【SKF】圆柱滚子轴承\NJ2230ECM/C3\SKF</t>
  </si>
  <si>
    <t>【SKF】圆柱滚子轴承\NJ2232ECML/C3\SKF</t>
  </si>
  <si>
    <t>【SKF】圆柱滚子轴承\NJ2234ECML/C3\SKF</t>
  </si>
  <si>
    <t>【SKF】圆柱滚子轴承\NJ226ECJ\SKF</t>
  </si>
  <si>
    <t>【SKF】圆柱滚子轴承\NJ226ECP\SKF</t>
  </si>
  <si>
    <t>【SKF】圆柱滚子轴承\NJ230ECM\SKF</t>
  </si>
  <si>
    <t>【SKF】圆柱滚子轴承\NJ2304ECP\SKF</t>
  </si>
  <si>
    <t>【SKF】圆柱滚子轴承\NJ2305ECP\SKF</t>
  </si>
  <si>
    <t>【SKF】圆柱滚子轴承\NJ2305ECP/C3\SKF</t>
  </si>
  <si>
    <t>【SKF】圆柱滚子轴承\NJ2306ECP/C3\SKF</t>
  </si>
  <si>
    <t>【SKF】圆柱滚子轴承\NJ2307ECP\SKF</t>
  </si>
  <si>
    <t>【SKF】圆柱滚子轴承\NJ2307ECP/C3\SKF</t>
  </si>
  <si>
    <t>【SKF】圆柱滚子轴承\NJ2308ECML\SKF</t>
  </si>
  <si>
    <t>【SKF】圆柱滚子轴承\NJ2308ECML/C3\SKF</t>
  </si>
  <si>
    <t>【SKF】圆柱滚子轴承\NJ2308ECP\SKF</t>
  </si>
  <si>
    <t>【SKF】圆柱滚子轴承\NJ2308ECP/C3\SKF</t>
  </si>
  <si>
    <t>【SKF】圆柱滚子轴承\NJ2309ECML/C3\SKF</t>
  </si>
  <si>
    <t>【SKF】圆柱滚子轴承\NJ2309ECP/C3\SKF</t>
  </si>
  <si>
    <t>【SKF】圆柱滚子轴承\NJ2310ECP\SKF</t>
  </si>
  <si>
    <t>【SKF】圆柱滚子轴承\NJ2310ECP/C3\SKF</t>
  </si>
  <si>
    <t>【SKF】圆柱滚子轴承\NJ2311ECML/C3\SKF</t>
  </si>
  <si>
    <t>【SKF】圆柱滚子轴承\NJ2311ECP\SKF</t>
  </si>
  <si>
    <t>【SKF】圆柱滚子轴承\NJ2311ECP/C3\SKF</t>
  </si>
  <si>
    <t>【SKF】圆柱滚子轴承\NJ2312ECML\SKF</t>
  </si>
  <si>
    <t>【SKF】圆柱滚子轴承\NJ2312ECP\SKF</t>
  </si>
  <si>
    <t>【SKF】圆柱滚子轴承\NJ2312ECP/C3\SKF</t>
  </si>
  <si>
    <t>【SKF】圆柱滚子轴承\NJ2313ECML/C3\SKF</t>
  </si>
  <si>
    <t>【SKF】圆柱滚子轴承\NJ2313ECP\SKF</t>
  </si>
  <si>
    <t>【SKF】圆柱滚子轴承\NJ2313ECP/C3\SKF</t>
  </si>
  <si>
    <t>【SKF】圆柱滚子轴承\NJ2314ECP\SKF</t>
  </si>
  <si>
    <t>【SKF】圆柱滚子轴承\NJ2314ECP/C3\SKF</t>
  </si>
  <si>
    <t>【SKF】圆柱滚子轴承\NJ2315ECP\SKF</t>
  </si>
  <si>
    <t>【SKF】圆柱滚子轴承\NJ2315ECP/C3\SKF</t>
  </si>
  <si>
    <t>【SKF】圆柱滚子轴承\NJ2316ECM/C3VA350\SKF</t>
  </si>
  <si>
    <t>【SKF】圆柱滚子轴承\NJ2316ECML\SKF</t>
  </si>
  <si>
    <t>【SKF】圆柱滚子轴承\NJ2316ECP\SKF</t>
  </si>
  <si>
    <t>【SKF】圆柱滚子轴承\NJ2317ECML/C3\SKF</t>
  </si>
  <si>
    <t>【SKF】圆柱滚子轴承\NJ2317ECP\SKF</t>
  </si>
  <si>
    <t>【SKF】圆柱滚子轴承\NJ2317ECP/C3\SKF</t>
  </si>
  <si>
    <t>【SKF】圆柱滚子轴承\NJ2318ECJ\SKF</t>
  </si>
  <si>
    <t>【SKF】圆柱滚子轴承\NJ2318ECP\SKF</t>
  </si>
  <si>
    <t>【SKF】圆柱滚子轴承\NJ2319ECJ\SKF</t>
  </si>
  <si>
    <t>【SKF】圆柱滚子轴承\NJ2320ECJ\SKF</t>
  </si>
  <si>
    <t>【SKF】圆柱滚子轴承\NJ2320ECML\SKF</t>
  </si>
  <si>
    <t>【SKF】圆柱滚子轴承\NJ2320ECML/C3\SKF</t>
  </si>
  <si>
    <t>【SKF】圆柱滚子轴承\NJ2322ECML\SKF</t>
  </si>
  <si>
    <t>【SKF】圆柱滚子轴承\NJ2324ECML\SKF</t>
  </si>
  <si>
    <t>【SKF】圆柱滚子轴承\NJ2324ECML/C3\SKF</t>
  </si>
  <si>
    <t>【SKF】圆柱滚子轴承\NJ2326ECML\SKF</t>
  </si>
  <si>
    <t>【SKF】圆柱滚子轴承\NJ234ECML\SKF</t>
  </si>
  <si>
    <t>【SKF】圆柱滚子轴承\NJ2340ECML\SKF</t>
  </si>
  <si>
    <t>【SKF】圆柱滚子轴承\NJ2340ECML/C3\SKF</t>
  </si>
  <si>
    <t>【SKF】圆柱滚子轴承\NJ236ECML\SKF</t>
  </si>
  <si>
    <t>【SKF】圆柱滚子轴承\NJ238ECM/C3\SKF</t>
  </si>
  <si>
    <t>【SKF】圆柱滚子轴承\NJ238ECML\SKF</t>
  </si>
  <si>
    <t>【SKF】圆柱滚子轴承\NJ240ECML\SKF</t>
  </si>
  <si>
    <t>【SKF】圆柱滚子轴承\NJ244ECML\SKF</t>
  </si>
  <si>
    <t>【SKF】圆柱滚子轴承\NJ304ECP\SKF</t>
  </si>
  <si>
    <t>【SKF】圆柱滚子轴承\NJ305ECP\SKF</t>
  </si>
  <si>
    <t>【SKF】圆柱滚子轴承\NJ305ECP/C3\SKF</t>
  </si>
  <si>
    <t>【SKF】圆柱滚子轴承\NJ306ECP\SKF</t>
  </si>
  <si>
    <t>【SKF】圆柱滚子轴承\NJ306ECP/C3\SKF</t>
  </si>
  <si>
    <t>【SKF】圆柱滚子轴承\NJ307ECJ\SKF</t>
  </si>
  <si>
    <t>【SKF】圆柱滚子轴承\NJ307ECM\SKF</t>
  </si>
  <si>
    <t>【SKF】圆柱滚子轴承\NJ307ECP\SKF</t>
  </si>
  <si>
    <t>【SKF】圆柱滚子轴承\NJ308ECJ\SKF</t>
  </si>
  <si>
    <t>【SKF】圆柱滚子轴承\NJ308ECM\SKF</t>
  </si>
  <si>
    <t>【SKF】圆柱滚子轴承\NJ308ECP\SKF</t>
  </si>
  <si>
    <t>【SKF】圆柱滚子轴承\NJ308ECP/C3\SKF</t>
  </si>
  <si>
    <t>【SKF】圆柱滚子轴承\NJ309ECP\SKF</t>
  </si>
  <si>
    <t>【SKF】圆柱滚子轴承\NJ309ECP/C3\SKF</t>
  </si>
  <si>
    <t>【SKF】圆柱滚子轴承\NJ310ECP\SKF</t>
  </si>
  <si>
    <t>【SKF】圆柱滚子轴承\NJ310ECP/C3\SKF</t>
  </si>
  <si>
    <t>【SKF】圆柱滚子轴承\NJ311ECJ/C3\SKF</t>
  </si>
  <si>
    <t>【SKF】圆柱滚子轴承\NJ311ECM\SKF</t>
  </si>
  <si>
    <t>【SKF】圆柱滚子轴承\NJ311ECM/C3\SKF</t>
  </si>
  <si>
    <t>【SKF】圆柱滚子轴承\NJ311ECP\SKF</t>
  </si>
  <si>
    <t>【SKF】圆柱滚子轴承\NJ311ECP/C3\SKF</t>
  </si>
  <si>
    <t>【SKF】圆柱滚子轴承\NJ312ECJ\SKF</t>
  </si>
  <si>
    <t>【SKF】圆柱滚子轴承\NJ312ECJ/C3\SKF</t>
  </si>
  <si>
    <t>【SKF】圆柱滚子轴承\NJ312ECM\SKF</t>
  </si>
  <si>
    <t>【SKF】圆柱滚子轴承\NJ312ECM/C3\SKF</t>
  </si>
  <si>
    <t>【SKF】圆柱滚子轴承\NJ312ECP\SKF</t>
  </si>
  <si>
    <t>【SKF】圆柱滚子轴承\NJ312ECP/C3\SKF</t>
  </si>
  <si>
    <t>【SKF】圆柱滚子轴承\NJ313ECJ\SKF</t>
  </si>
  <si>
    <t>【SKF】圆柱滚子轴承\NJ313ECJ/C3\SKF</t>
  </si>
  <si>
    <t>【SKF】圆柱滚子轴承\NJ313ECP\SKF</t>
  </si>
  <si>
    <t>【SKF】圆柱滚子轴承\NJ313ECP/C3\SKF</t>
  </si>
  <si>
    <t>【SKF】圆柱滚子轴承\NJ314ECJ\SKF</t>
  </si>
  <si>
    <t>【SKF】圆柱滚子轴承\NJ314ECM/C3\SKF</t>
  </si>
  <si>
    <t>【SKF】圆柱滚子轴承\NJ314ECP\SKF</t>
  </si>
  <si>
    <t>【SKF】圆柱滚子轴承\NJ314ECP/C3\SKF</t>
  </si>
  <si>
    <t>【SKF】圆柱滚子轴承\NJ315ECJ\SKF</t>
  </si>
  <si>
    <t>【SKF】圆柱滚子轴承\NJ315ECJ/C3\SKF</t>
  </si>
  <si>
    <t>【SKF】圆柱滚子轴承\NJ315ECP\SKF</t>
  </si>
  <si>
    <t>【SKF】圆柱滚子轴承\NJ315ECP/C3\SKF</t>
  </si>
  <si>
    <t>【SKF】圆柱滚子轴承\NJ316ECJ\SKF</t>
  </si>
  <si>
    <t>【SKF】圆柱滚子轴承\NJ316ECM\SKF</t>
  </si>
  <si>
    <t>【SKF】圆柱滚子轴承\NJ316ECP/C3\SKF</t>
  </si>
  <si>
    <t>【SKF】圆柱滚子轴承\NJ317ECJ\SKF</t>
  </si>
  <si>
    <t>【SKF】圆柱滚子轴承\NJ317ECP\SKF</t>
  </si>
  <si>
    <t>【SKF】圆柱滚子轴承\NJ317ECP/C3\SKF</t>
  </si>
  <si>
    <t>【SKF】圆柱滚子轴承\NJ318ECJ\SKF</t>
  </si>
  <si>
    <t>【SKF】圆柱滚子轴承\NJ318ECJ/C3\SKF</t>
  </si>
  <si>
    <t>【SKF】圆柱滚子轴承\NJ318ECP\SKF</t>
  </si>
  <si>
    <t>【SKF】圆柱滚子轴承\NJ319ECJ\SKF</t>
  </si>
  <si>
    <t>【SKF】圆柱滚子轴承\NJ319ECJ/C3\SKF</t>
  </si>
  <si>
    <t>【SKF】圆柱滚子轴承\NJ319ECP\SKF</t>
  </si>
  <si>
    <t>【SKF】圆柱滚子轴承\NJ320ECJ\SKF</t>
  </si>
  <si>
    <t>【SKF】圆柱滚子轴承\NJ320ECJ/C3\SKF</t>
  </si>
  <si>
    <t>【SKF】圆柱滚子轴承\NJ320ECM\SKF</t>
  </si>
  <si>
    <t>【SKF】圆柱滚子轴承\NJ320ECP\SKF</t>
  </si>
  <si>
    <t>【SKF】圆柱滚子轴承\NJ321ECJ\SKF</t>
  </si>
  <si>
    <t>【SKF】圆柱滚子轴承\NJ321ECJ/C3\SKF</t>
  </si>
  <si>
    <t>【SKF】圆柱滚子轴承\NJ322ECJ\SKF</t>
  </si>
  <si>
    <t>【SKF】圆柱滚子轴承\NJ324ECJ\SKF</t>
  </si>
  <si>
    <t>【SKF】圆柱滚子轴承\NJ326ECJ\SKF</t>
  </si>
  <si>
    <t>【SKF】圆柱滚子轴承\NJ330ECML/C3\SKF</t>
  </si>
  <si>
    <t>【SKF】圆柱滚子轴承\NJ336ECM/C3\SKF</t>
  </si>
  <si>
    <t>【SKF】圆柱滚子轴承\NJ348MA/C3\SKF</t>
  </si>
  <si>
    <t>【SKF】圆柱滚子轴承\NU1007ECP\SKF</t>
  </si>
  <si>
    <t>【SKF】圆柱滚子轴承\NU1008ML\SKF</t>
  </si>
  <si>
    <t>【SKF】圆柱滚子轴承\NU1010ML\SKF</t>
  </si>
  <si>
    <t>【SKF】圆柱滚子轴承\NU1010ML/C3\SKF</t>
  </si>
  <si>
    <t>【SKF】圆柱滚子轴承\NU1011ECP\SKF</t>
  </si>
  <si>
    <t>【SKF】圆柱滚子轴承\NU1012ML\SKF</t>
  </si>
  <si>
    <t>【SKF】圆柱滚子轴承\NU1013ML\SKF</t>
  </si>
  <si>
    <t>【SKF】圆柱滚子轴承\NU1015ML\SKF</t>
  </si>
  <si>
    <t>【SKF】圆柱滚子轴承\NU1016\SKF</t>
  </si>
  <si>
    <t>【SKF】圆柱滚子轴承\NU1017ML\SKF</t>
  </si>
  <si>
    <t>【SKF】圆柱滚子轴承\NU1020M/C3\SKF</t>
  </si>
  <si>
    <t>【SKF】圆柱滚子轴承\NU1020ML\SKF</t>
  </si>
  <si>
    <t>【SKF】圆柱滚子轴承\NU1020ML/C3\SKF</t>
  </si>
  <si>
    <t>【SKF】圆柱滚子轴承\NU1021ML\SKF</t>
  </si>
  <si>
    <t>【SKF】圆柱滚子轴承\NU1022M/C3\SKF</t>
  </si>
  <si>
    <t>【SKF】圆柱滚子轴承\NU1022ML/C3\SKF</t>
  </si>
  <si>
    <t>【SKF】圆柱滚子轴承\NU1024ML\SKF</t>
  </si>
  <si>
    <t>【SKF】圆柱滚子轴承\NU1026ML/C3\SKF</t>
  </si>
  <si>
    <t>【SKF】圆柱滚子轴承\NU1028M/C3\SKF</t>
  </si>
  <si>
    <t>【SKF】圆柱滚子轴承\NU1028ML\SKF</t>
  </si>
  <si>
    <t>【SKF】圆柱滚子轴承\NU1030M/C3\SKF</t>
  </si>
  <si>
    <t>【SKF】圆柱滚子轴承\NU1030ML\SKF</t>
  </si>
  <si>
    <t>【SKF】圆柱滚子轴承\NU1030ML/C3\SKF</t>
  </si>
  <si>
    <t>【SKF】圆柱滚子轴承\NU1032ML\SKF</t>
  </si>
  <si>
    <t>【SKF】圆柱滚子轴承\NU1032ML/C3\SKF</t>
  </si>
  <si>
    <t>【SKF】圆柱滚子轴承\NU1034ML\SKF</t>
  </si>
  <si>
    <t>【SKF】圆柱滚子轴承\NU1034ML/C3\SKF</t>
  </si>
  <si>
    <t>【SKF】圆柱滚子轴承\NU1036ML\SKF</t>
  </si>
  <si>
    <t>【SKF】圆柱滚子轴承\NU1036ML/C3\SKF</t>
  </si>
  <si>
    <t>【SKF】圆柱滚子轴承\NU1038M/C3\SKF</t>
  </si>
  <si>
    <t>【SKF】圆柱滚子轴承\NU1038ML\SKF</t>
  </si>
  <si>
    <t>【SKF】圆柱滚子轴承\NU1040M/C3\SKF</t>
  </si>
  <si>
    <t>【SKF】圆柱滚子轴承\NU1040ML\SKF</t>
  </si>
  <si>
    <t>【SKF】圆柱滚子轴承\NU1040ML/C3\SKF</t>
  </si>
  <si>
    <t>【SKF】圆柱滚子轴承\NU1044M\SKF</t>
  </si>
  <si>
    <t>【SKF】圆柱滚子轴承\NU1044M/C3\SKF</t>
  </si>
  <si>
    <t>【SKF】圆柱滚子轴承\NU1044ML\SKF</t>
  </si>
  <si>
    <t>【SKF】圆柱滚子轴承\NU1044ML/C3\SKF</t>
  </si>
  <si>
    <t>【SKF】圆柱滚子轴承\NU1048M\SKF</t>
  </si>
  <si>
    <t>【SKF】圆柱滚子轴承\NU1048M/C3\SKF</t>
  </si>
  <si>
    <t>【SKF】圆柱滚子轴承\NU1048ML/C3\SKF</t>
  </si>
  <si>
    <t>【SKF】圆柱滚子轴承\NU1052M\SKF</t>
  </si>
  <si>
    <t>【SKF】圆柱滚子轴承\NU1052M/C3\SKF</t>
  </si>
  <si>
    <t>【SKF】圆柱滚子轴承\NU1052ML/C3\SKF</t>
  </si>
  <si>
    <t>【SKF】圆柱滚子轴承\NU1060MA\SKF</t>
  </si>
  <si>
    <t>【SKF】圆柱滚子轴承\NU1060MA/C3\SKF</t>
  </si>
  <si>
    <t>【SKF】圆柱滚子轴承\NU1068MA\SKF</t>
  </si>
  <si>
    <t>【SKF】圆柱滚子轴承\NU1068MA/C3\SKF</t>
  </si>
  <si>
    <t>【SKF】圆柱滚子轴承\NU202ECP\SKF</t>
  </si>
  <si>
    <t>【SKF】圆柱滚子轴承\NU202ECP/C3\SKF</t>
  </si>
  <si>
    <t>【SKF】圆柱滚子轴承\NU203ECP\SKF</t>
  </si>
  <si>
    <t>【SKF】圆柱滚子轴承\NU204ECP\SKF</t>
  </si>
  <si>
    <t>【SKF】圆柱滚子轴承\NU204ECP/C3\SKF</t>
  </si>
  <si>
    <t>【SKF】圆柱滚子轴承\NU205ECML/C3\SKF</t>
  </si>
  <si>
    <t>【SKF】圆柱滚子轴承\NU205ECP\SKF</t>
  </si>
  <si>
    <t>【SKF】圆柱滚子轴承\NU205ECP/C3\SKF</t>
  </si>
  <si>
    <t>【SKF】圆柱滚子轴承\NU206ECJ\SKF</t>
  </si>
  <si>
    <t>【SKF】圆柱滚子轴承\NU206ECJ/C3\SKF</t>
  </si>
  <si>
    <t>【SKF】圆柱滚子轴承\NU206ECP\SKF</t>
  </si>
  <si>
    <t>【SKF】圆柱滚子轴承\NU206ECP/C3\SKF</t>
  </si>
  <si>
    <t>【SKF】圆柱滚子轴承\NU207ECJ\SKF</t>
  </si>
  <si>
    <t>【SKF】圆柱滚子轴承\NU207ECJ/C3\SKF</t>
  </si>
  <si>
    <t>【SKF】圆柱滚子轴承\NU207ECM\SKF</t>
  </si>
  <si>
    <t>【SKF】圆柱滚子轴承\NU207ECP\SKF</t>
  </si>
  <si>
    <t>【SKF】圆柱滚子轴承\NU207ECP/C3\SKF</t>
  </si>
  <si>
    <t>【SKF】圆柱滚子轴承\NU208ECJ\SKF</t>
  </si>
  <si>
    <t>【SKF】圆柱滚子轴承\NU2218ECJ/C3\SKF</t>
  </si>
  <si>
    <t>【SKF】圆柱滚子轴承\NU2218ECML/C3\SKF</t>
  </si>
  <si>
    <t>【SKF】圆柱滚子轴承\NU2218ECP\SKF</t>
  </si>
  <si>
    <t>【SKF】圆柱滚子轴承\NU2218ECP/C3\SKF</t>
  </si>
  <si>
    <t>【SKF】圆柱滚子轴承\NU2219ECJ\SKF</t>
  </si>
  <si>
    <t>【SKF】圆柱滚子轴承\NU2219ECJ/C3\SKF</t>
  </si>
  <si>
    <t>【SKF】圆柱滚子轴承\NU2219ECP\SKF</t>
  </si>
  <si>
    <t>【SKF】圆柱滚子轴承\NU2219ECP/C3\SKF</t>
  </si>
  <si>
    <t>【SKF】圆柱滚子轴承\NU222ECJ/C3\SKF</t>
  </si>
  <si>
    <t>【SKF】圆柱滚子轴承\NU222ECM/C3VL0241\SKF</t>
  </si>
  <si>
    <t>【SKF】圆柱滚子轴承\NU222ECP\SKF</t>
  </si>
  <si>
    <t>【SKF】圆柱滚子轴承\NU222ECP/C3\SKF</t>
  </si>
  <si>
    <t>【SKF】圆柱滚子轴承\NU2220ECJ\SKF</t>
  </si>
  <si>
    <t>【SKF】圆柱滚子轴承\NU2220ECML\SKF</t>
  </si>
  <si>
    <t>【SKF】圆柱滚子轴承\NU2220ECML/C3\SKF</t>
  </si>
  <si>
    <t>【SKF】圆柱滚子轴承\NU2220ECP\SKF</t>
  </si>
  <si>
    <t>【SKF】圆柱滚子轴承\NU2220ECP/C3\SKF</t>
  </si>
  <si>
    <t>【SKF】圆柱滚子轴承\NU2222ECJ\SKF</t>
  </si>
  <si>
    <t>【SKF】圆柱滚子轴承\NU2222ECJ/C3\SKF</t>
  </si>
  <si>
    <t>【SKF】圆柱滚子轴承\NU2222ECML\SKF</t>
  </si>
  <si>
    <t>【SKF】圆柱滚子轴承\NU2222ECML/C3\SKF</t>
  </si>
  <si>
    <t>【SKF】圆柱滚子轴承\NU2222ECP\SKF</t>
  </si>
  <si>
    <t>【SKF】圆柱滚子轴承\NU2222ECP/C3\SKF</t>
  </si>
  <si>
    <t>【SKF】圆柱滚子轴承\NU2224ECJ\SKF</t>
  </si>
  <si>
    <t>【SKF】圆柱滚子轴承\NU2224ECJ/C3\SKF</t>
  </si>
  <si>
    <t>【SKF】圆柱滚子轴承\NU2224ECML\SKF</t>
  </si>
  <si>
    <t>【SKF】圆柱滚子轴承\NU2224ECML/C3\SKF</t>
  </si>
  <si>
    <t>【SKF】圆柱滚子轴承\NU2224ECP\SKF</t>
  </si>
  <si>
    <t>【SKF】圆柱滚子轴承\NU2226ECML/C3\SKF</t>
  </si>
  <si>
    <t>【SKF】圆柱滚子轴承\NU2226ECP\SKF</t>
  </si>
  <si>
    <t>【SKF】圆柱滚子轴承\NU2226ECP/C3\SKF</t>
  </si>
  <si>
    <t>【SKF】圆柱滚子轴承\NU2228ECML\SKF</t>
  </si>
  <si>
    <t>【SKF】圆柱滚子轴承\NU2228ECML/C3\SKF</t>
  </si>
  <si>
    <t>【SKF】圆柱滚子轴承\NU2230ECM\SKF</t>
  </si>
  <si>
    <t>【SKF】圆柱滚子轴承\NU2230ECM/C3\SKF</t>
  </si>
  <si>
    <t>【SKF】圆柱滚子轴承\NU2232ECML\SKF</t>
  </si>
  <si>
    <t>【SKF】圆柱滚子轴承\NU2232ECML/C3\SKF</t>
  </si>
  <si>
    <t>【SKF】圆柱滚子轴承\NU2234ECML\SKF</t>
  </si>
  <si>
    <t>【SKF】圆柱滚子轴承\NU2236ECML\SKF</t>
  </si>
  <si>
    <t>【SKF】圆柱滚子轴承\NU208ECM\SKF</t>
  </si>
  <si>
    <t>【SKF】圆柱滚子轴承\NU2238ECM\SKF</t>
  </si>
  <si>
    <t>【SKF】圆柱滚子轴承\NU208ECM/C3\SKF</t>
  </si>
  <si>
    <t>【SKF】圆柱滚子轴承\NU2238ECM/C3\SKF</t>
  </si>
  <si>
    <t>【SKF】圆柱滚子轴承\NU208ECML/C3\SKF</t>
  </si>
  <si>
    <t>【SKF】圆柱滚子轴承\NU2238ECML\SKF</t>
  </si>
  <si>
    <t>【SKF】圆柱滚子轴承\NU208ECP/C3\SKF</t>
  </si>
  <si>
    <t>【SKF】圆柱滚子轴承\NU2238ECML/C3\SKF</t>
  </si>
  <si>
    <t>【SKF】圆柱滚子轴承\NU224ECP/C3\SKF</t>
  </si>
  <si>
    <t>【SKF】圆柱滚子轴承\NU209ECJ\SKF</t>
  </si>
  <si>
    <t>【SKF】圆柱滚子轴承\NU2240ECML\SKF</t>
  </si>
  <si>
    <t>【SKF】圆柱滚子轴承\NU209ECJ/C3\SKF</t>
  </si>
  <si>
    <t>【SKF】圆柱滚子轴承\NU226ECJ\SKF</t>
  </si>
  <si>
    <t>【SKF】圆柱滚子轴承\NU209ECM\SKF</t>
  </si>
  <si>
    <t>【SKF】圆柱滚子轴承\NU226ECML\SKF</t>
  </si>
  <si>
    <t>【SKF】圆柱滚子轴承\NU209ECP/C3\SKF</t>
  </si>
  <si>
    <t>【SKF】圆柱滚子轴承\NU226ECML/C3\SKF</t>
  </si>
  <si>
    <t>【SKF】圆柱滚子轴承\NU210ECJ/C3\SKF</t>
  </si>
  <si>
    <t>【SKF】圆柱滚子轴承\NU228ECJ\SKF</t>
  </si>
  <si>
    <t>【SKF】圆柱滚子轴承\NU210ECM\SKF</t>
  </si>
  <si>
    <t>【SKF】圆柱滚子轴承\NU228ECJ/C3\SKF</t>
  </si>
  <si>
    <t>【SKF】圆柱滚子轴承\NU210ECP\SKF</t>
  </si>
  <si>
    <t>【SKF】圆柱滚子轴承\NU228ECML/C3\SKF</t>
  </si>
  <si>
    <t>【SKF】圆柱滚子轴承\NU210ECP/C3\SKF</t>
  </si>
  <si>
    <t>【SKF】圆柱滚子轴承\NU230ECJ/C3\SKF</t>
  </si>
  <si>
    <t>【SKF】圆柱滚子轴承\NU211 ECJ\SKF</t>
  </si>
  <si>
    <t>【SKF】圆柱滚子轴承\NU230ECML/C3\SKF</t>
  </si>
  <si>
    <t>【SKF】圆柱滚子轴承\NU211 ECM\SKF</t>
  </si>
  <si>
    <t>【SKF】圆柱滚子轴承\NU2304ECP\SKF</t>
  </si>
  <si>
    <t>【SKF】圆柱滚子轴承\NU211ECP\SKF</t>
  </si>
  <si>
    <t>【SKF】圆柱滚子轴承\NU2305ECP\SKF</t>
  </si>
  <si>
    <t>【SKF】圆柱滚子轴承\NU211ECP/C3\SKF</t>
  </si>
  <si>
    <t>【SKF】圆柱滚子轴承\NU2305ECP/C3\SKF</t>
  </si>
  <si>
    <t>【SKF】圆柱滚子轴承\NU212ECJ\SKF</t>
  </si>
  <si>
    <t>【SKF】圆柱滚子轴承\NU2306ECP\SKF</t>
  </si>
  <si>
    <t>【SKF】圆柱滚子轴承\NU212ECM/C3\SKF</t>
  </si>
  <si>
    <t>【SKF】圆柱滚子轴承\NU2306ECP/C3\SKF</t>
  </si>
  <si>
    <t>【SKF】圆柱滚子轴承\NU212ECP\SKF</t>
  </si>
  <si>
    <t>【SKF】圆柱滚子轴承\NU2307ECP\SKF</t>
  </si>
  <si>
    <t>【SKF】圆柱滚子轴承\NU2307ECP/C3\SKF</t>
  </si>
  <si>
    <t>【SKF】圆柱滚子轴承\NU212ECP/C3\SKF</t>
  </si>
  <si>
    <t>【SKF】圆柱滚子轴承\NU2308ECJ\SKF</t>
  </si>
  <si>
    <t>【SKF】圆柱滚子轴承\NU213ECJ\SKF</t>
  </si>
  <si>
    <t>【SKF】圆柱滚子轴承\NU2308ECML\SKF</t>
  </si>
  <si>
    <t>【SKF】圆柱滚子轴承\NU213ECM/C3\SKF</t>
  </si>
  <si>
    <t>【SKF】圆柱滚子轴承\NU2308ECP\SKF</t>
  </si>
  <si>
    <t>【SKF】圆柱滚子轴承\NU213ECP\SKF</t>
  </si>
  <si>
    <t>【SKF】圆柱滚子轴承\NU2308ECP/C3\SKF</t>
  </si>
  <si>
    <t>【SKF】圆柱滚子轴承\NU213ECP/C3\SKF</t>
  </si>
  <si>
    <t>【SKF】圆柱滚子轴承\NU2309ECP\SKF</t>
  </si>
  <si>
    <t>【SKF】圆柱滚子轴承\NU214ECJ\SKF</t>
  </si>
  <si>
    <t>【SKF】圆柱滚子轴承\NU2309ECP/C3\SKF</t>
  </si>
  <si>
    <t>【SKF】圆柱滚子轴承\NU214ECM\SKF</t>
  </si>
  <si>
    <t>【SKF】圆柱滚子轴承\NU2310ECML\SKF</t>
  </si>
  <si>
    <t>【SKF】圆柱滚子轴承\NU214ECM/C3\SKF</t>
  </si>
  <si>
    <t>【SKF】圆柱滚子轴承\NU2310ECP\SKF</t>
  </si>
  <si>
    <t>【SKF】圆柱滚子轴承\NU214ECP\SKF</t>
  </si>
  <si>
    <t>【SKF】圆柱滚子轴承\NU2310ECP/C3\SKF</t>
  </si>
  <si>
    <t>【SKF】圆柱滚子轴承\NU215ECJ/C3\SKF</t>
  </si>
  <si>
    <t>【SKF】圆柱滚子轴承\NU2311ECML\SKF</t>
  </si>
  <si>
    <t>【SKF】圆柱滚子轴承\NU2311ECML/C3\SKF</t>
  </si>
  <si>
    <t>【SKF】圆柱滚子轴承\NU215ECM\SKF</t>
  </si>
  <si>
    <t>【SKF】圆柱滚子轴承\NU2311ECP\SKF</t>
  </si>
  <si>
    <t>【SKF】圆柱滚子轴承\NU215ECM/C3\SKF</t>
  </si>
  <si>
    <t>【SKF】圆柱滚子轴承\NU2311ECP/C3\SKF</t>
  </si>
  <si>
    <t>【SKF】圆柱滚子轴承\NU215ECP\SKF</t>
  </si>
  <si>
    <t>【SKF】圆柱滚子轴承\NU2312ECM\SKF</t>
  </si>
  <si>
    <t>【SKF】圆柱滚子轴承\NU215ECP/C3\SKF</t>
  </si>
  <si>
    <t>【SKF】圆柱滚子轴承\NU2312ECP\SKF</t>
  </si>
  <si>
    <t>【SKF】圆柱滚子轴承\NU216ECJ/C3\SKF</t>
  </si>
  <si>
    <t>【SKF】圆柱滚子轴承\NU2312ECP/C3\SKF</t>
  </si>
  <si>
    <t>【SKF】圆柱滚子轴承\NU216ECP\SKF</t>
  </si>
  <si>
    <t>【SKF】圆柱滚子轴承\NU2313ECML\SKF</t>
  </si>
  <si>
    <t>【SKF】圆柱滚子轴承\NU216ECP/C3\SKF</t>
  </si>
  <si>
    <t>【SKF】圆柱滚子轴承\NU2313ECML/C3\SKF</t>
  </si>
  <si>
    <t>【SKF】圆柱滚子轴承\NU217ECM/C3\SKF</t>
  </si>
  <si>
    <t>【SKF】圆柱滚子轴承\NU2313ECP\SKF</t>
  </si>
  <si>
    <t>【SKF】圆柱滚子轴承\NU2313ECP/C3\SKF</t>
  </si>
  <si>
    <t>【SKF】圆柱滚子轴承\NU217ECP\SKF</t>
  </si>
  <si>
    <t>【SKF】圆柱滚子轴承\NU2313ECPH/CNL\SKF</t>
  </si>
  <si>
    <t>【SKF】圆柱滚子轴承\NU218ECJ\SKF</t>
  </si>
  <si>
    <t>【SKF】圆柱滚子轴承\NU2314ECML\SKF</t>
  </si>
  <si>
    <t>【SKF】圆柱滚子轴承\NU218ECP\SKF</t>
  </si>
  <si>
    <t>【SKF】圆柱滚子轴承\NU2314ECP/C3\SKF</t>
  </si>
  <si>
    <t>【SKF】圆柱滚子轴承\NU218ECP/C3\SKF</t>
  </si>
  <si>
    <t>【SKF】圆柱滚子轴承\NU2315ECJ\SKF</t>
  </si>
  <si>
    <t>【SKF】圆柱滚子轴承\NU219ECJ\SKF</t>
  </si>
  <si>
    <t>【SKF】圆柱滚子轴承\NU2315ECJ/C3\SKF</t>
  </si>
  <si>
    <t>【SKF】圆柱滚子轴承\NU219ECJ/C3\SKF</t>
  </si>
  <si>
    <t>【SKF】圆柱滚子轴承\NU2315ECML/C3B20\SKF</t>
  </si>
  <si>
    <t>【SKF】圆柱滚子轴承\NU219ECM/C3\SKF</t>
  </si>
  <si>
    <t>【SKF】圆柱滚子轴承\NU2315ECP\SKF</t>
  </si>
  <si>
    <t>【SKF】圆柱滚子轴承\NU2315ECP/C3\SKF</t>
  </si>
  <si>
    <t>【SKF】圆柱滚子轴承\NU219ECP\SKF</t>
  </si>
  <si>
    <t>【SKF】圆柱滚子轴承\NU2316ECML\SKF</t>
  </si>
  <si>
    <t>【SKF】圆柱滚子轴承\NU219ECP/C3\SKF</t>
  </si>
  <si>
    <t>【SKF】圆柱滚子轴承\NU2316ECML/C3\SKF</t>
  </si>
  <si>
    <t>【SKF】圆柱滚子轴承\NU220ECJ\SKF</t>
  </si>
  <si>
    <t>【SKF】圆柱滚子轴承\NU220ECML/C3\SKF</t>
  </si>
  <si>
    <t>【SKF】圆柱滚子轴承\NU220ECP\SKF</t>
  </si>
  <si>
    <t>【SKF】圆柱滚子轴承\NU220ECP/C3\SKF</t>
  </si>
  <si>
    <t>【SKF】圆柱滚子轴承\NU2203ECP\SKF</t>
  </si>
  <si>
    <t>【SKF】圆柱滚子轴承\NU2204ECP\SKF</t>
  </si>
  <si>
    <t>【SKF】圆柱滚子轴承\NU2205ECP\SKF</t>
  </si>
  <si>
    <t>【SKF】圆柱滚子轴承\NU2205ECP/C3\SKF</t>
  </si>
  <si>
    <t>【SKF】圆柱滚子轴承\NU2206ECJ\SKF</t>
  </si>
  <si>
    <t>【SKF】圆柱滚子轴承\NU2206ECP\SKF</t>
  </si>
  <si>
    <t>【SKF】圆柱滚子轴承\NU2206ECP/C3\SKF</t>
  </si>
  <si>
    <t>【SKF】圆柱滚子轴承\NU2207ECP\SKF</t>
  </si>
  <si>
    <t>【SKF】圆柱滚子轴承\NU2207ECP/C3\SKF</t>
  </si>
  <si>
    <t>【SKF】圆柱滚子轴承\NU2208ECJ/C3\SKF</t>
  </si>
  <si>
    <t>【SKF】圆柱滚子轴承\NU2208ECP\SKF</t>
  </si>
  <si>
    <t>【SKF】圆柱滚子轴承\NU2208ECP/C3\SKF</t>
  </si>
  <si>
    <t>【SKF】圆柱滚子轴承\NU2209ECJ/C3\SKF</t>
  </si>
  <si>
    <t>【SKF】圆柱滚子轴承\NU2209ECP\SKF</t>
  </si>
  <si>
    <t>【SKF】圆柱滚子轴承\NU2209ECP/C3\SKF</t>
  </si>
  <si>
    <t>【SKF】圆柱滚子轴承\NU221ECJ\SKF</t>
  </si>
  <si>
    <t>【SKF】圆柱滚子轴承\NU221ECP\SKF</t>
  </si>
  <si>
    <t>【SKF】圆柱滚子轴承\NU221ECP/C3\SKF</t>
  </si>
  <si>
    <t>【SKF】圆柱滚子轴承\NU2210ECJ/C3\SKF</t>
  </si>
  <si>
    <t>【SKF】圆柱滚子轴承\NU2210ECM\SKF</t>
  </si>
  <si>
    <t>【SKF】圆柱滚子轴承\NU2210ECP\SKF</t>
  </si>
  <si>
    <t>【SKF】圆柱滚子轴承\NU2210ECP/C3\SKF</t>
  </si>
  <si>
    <t>【SKF】圆柱滚子轴承\NU2211ECJ\SKF</t>
  </si>
  <si>
    <t>【SKF】圆柱滚子轴承\NU2211ECJ/C3\SKF</t>
  </si>
  <si>
    <t>【SKF】圆柱滚子轴承\NU2211ECP\SKF</t>
  </si>
  <si>
    <t>【SKF】圆柱滚子轴承\NU2211ECP/C3\SKF</t>
  </si>
  <si>
    <t>【SKF】圆柱滚子轴承\NU2212ECJ\SKF</t>
  </si>
  <si>
    <t>【SKF】圆柱滚子轴承\NU2212ECM\SKF</t>
  </si>
  <si>
    <t>【SKF】圆柱滚子轴承\NU2212ECML/C3\SKF</t>
  </si>
  <si>
    <t>【SKF】圆柱滚子轴承\NU2212ECP\SKF</t>
  </si>
  <si>
    <t>【SKF】圆柱滚子轴承\NU2212ECP/C3\SKF</t>
  </si>
  <si>
    <t>【SKF】圆柱滚子轴承\NU2213ECJ\SKF</t>
  </si>
  <si>
    <t>【SKF】圆柱滚子轴承\NU2213ECP\SKF</t>
  </si>
  <si>
    <t>【SKF】圆柱滚子轴承\NU2213ECP/C3\SKF</t>
  </si>
  <si>
    <t>【SKF】圆柱滚子轴承\NU2214ECJ\SKF</t>
  </si>
  <si>
    <t>【SKF】圆柱滚子轴承\NU2214ECP\SKF</t>
  </si>
  <si>
    <t>【SKF】圆柱滚子轴承\NU2214ECP/C3\SKF</t>
  </si>
  <si>
    <t>【SKF】圆柱滚子轴承\NU2215ECJ/C3\SKF</t>
  </si>
  <si>
    <t>【SKF】圆柱滚子轴承\NU2215ECML/C3\SKF</t>
  </si>
  <si>
    <t>【SKF】圆柱滚子轴承\NU2215 ECP\SKF</t>
  </si>
  <si>
    <t>【SKF】圆柱滚子轴承\NU2215ECP/C3\SKF</t>
  </si>
  <si>
    <t>【SKF】圆柱滚子轴承\NU2216ECJ\SKF</t>
  </si>
  <si>
    <t>【SKF】圆柱滚子轴承\NU2216ECJ/C3\SKF</t>
  </si>
  <si>
    <t>【SKF】圆柱滚子轴承\NU2216ECP\SKF</t>
  </si>
  <si>
    <t>【SKF】圆柱滚子轴承\NU2216ECP/C3\SKF</t>
  </si>
  <si>
    <t>【SKF】圆柱滚子轴承\NU2217 ECJ\SKF</t>
  </si>
  <si>
    <t>【SKF】圆柱滚子轴承\NU2217ECM/C3\SKF</t>
  </si>
  <si>
    <t>【SKF】圆柱滚子轴承\NU2217ECML\SKF</t>
  </si>
  <si>
    <t>【SKF】圆柱滚子轴承\NU2217ECP\SKF</t>
  </si>
  <si>
    <t>【SKF】圆柱滚子轴承\NU2217ECP/C3\SKF</t>
  </si>
  <si>
    <t>【SKF】圆柱滚子轴承\NU2316ECP\SKF</t>
  </si>
  <si>
    <t>【SKF】圆柱滚子轴承\NU2316ECP/C3\SKF</t>
  </si>
  <si>
    <t>【SKF】圆柱滚子轴承\NU2317ECJ\SKF</t>
  </si>
  <si>
    <t>【SKF】圆柱滚子轴承\NU2317ECM/C3\SKF</t>
  </si>
  <si>
    <t>【SKF】圆柱滚子轴承\NU2318ECJ\SKF</t>
  </si>
  <si>
    <t>【SKF】圆柱滚子轴承\NU2318ECJ/C3\SKF</t>
  </si>
  <si>
    <t>【SKF】圆柱滚子轴承\NU2318ECP\SKF</t>
  </si>
  <si>
    <t>【SKF】圆柱滚子轴承\NU2319ECJ\SKF</t>
  </si>
  <si>
    <t>【SKF】圆柱滚子轴承\NU2319ECML/C3\SKF</t>
  </si>
  <si>
    <t>【SKF】圆柱滚子轴承\NU2319ECP\SKF</t>
  </si>
  <si>
    <t>【SKF】圆柱滚子轴承\NU2319ECP/C3\SKF</t>
  </si>
  <si>
    <t>【SKF】圆柱滚子轴承\NU232ECM\SKF</t>
  </si>
  <si>
    <t>【SKF】圆柱滚子轴承\NU232ECML\SKF</t>
  </si>
  <si>
    <t>【SKF】圆柱滚子轴承\NU232ECML/C3\SKF</t>
  </si>
  <si>
    <t>【SKF】圆柱滚子轴承\NU2320ECJ\SKF</t>
  </si>
  <si>
    <t>【SKF】圆柱滚子轴承\NU2320ECP\SKF</t>
  </si>
  <si>
    <t>【SKF】圆柱滚子轴承\NU2322ECML\SKF</t>
  </si>
  <si>
    <t>【SKF】圆柱滚子轴承\NU2322ECML/C3\SKF</t>
  </si>
  <si>
    <t>【SKF】圆柱滚子轴承\NU2322ECP\SKF</t>
  </si>
  <si>
    <t>【SKF】圆柱滚子轴承\NU2324ECML\SKF</t>
  </si>
  <si>
    <t>【SKF】圆柱滚子轴承\NU2324ECML/C3\SKF</t>
  </si>
  <si>
    <t>【SKF】圆柱滚子轴承\NU2326ECML\SKF</t>
  </si>
  <si>
    <t>【SKF】圆柱滚子轴承\NU2326ECML/C3\SKF</t>
  </si>
  <si>
    <t>【SKF】圆柱滚子轴承\NU2328ECML\SKF</t>
  </si>
  <si>
    <t>【SKF】圆柱滚子轴承\NU318ECP\SKF</t>
  </si>
  <si>
    <t>【SKF】圆柱滚子轴承\NU2328ECML/C3\SKF</t>
  </si>
  <si>
    <t>【SKF】圆柱滚子轴承\NU318ECP/C3\SKF</t>
  </si>
  <si>
    <t>【SKF】圆柱滚子轴承\NU2332ECML/C3\SKF</t>
  </si>
  <si>
    <t>【SKF】圆柱滚子轴承\NU319ECJ\SKF</t>
  </si>
  <si>
    <t>【SKF】圆柱滚子轴承\NU2334ECML/C3\SKF</t>
  </si>
  <si>
    <t>【SKF】圆柱滚子轴承\NU319ECM\SKF</t>
  </si>
  <si>
    <t>【SKF】圆柱滚子轴承\NU2338ECML/C3\SKF</t>
  </si>
  <si>
    <t>【SKF】圆柱滚子轴承\NU319ECM/C3VL0241\SKF</t>
  </si>
  <si>
    <t>【SKF】圆柱滚子轴承\NU234ECM\SKF</t>
  </si>
  <si>
    <t>【SKF】圆柱滚子轴承\NU319ECP\SKF</t>
  </si>
  <si>
    <t>【SKF】圆柱滚子轴承\NU320ECJ/C3\SKF</t>
  </si>
  <si>
    <t>【SKF】圆柱滚子轴承\NU234ECML\SKF</t>
  </si>
  <si>
    <t>【SKF】圆柱滚子轴承\NU320ECM/C3\SKF</t>
  </si>
  <si>
    <t>【SKF】圆柱滚子轴承\NU234ECML/C3\SKF</t>
  </si>
  <si>
    <t>【SKF】圆柱滚子轴承\NU320ECP\SKF</t>
  </si>
  <si>
    <t>【SKF】圆柱滚子轴承\NU2340ECML\SKF</t>
  </si>
  <si>
    <t>【SKF】圆柱滚子轴承\NU320ECP/C3\SKF</t>
  </si>
  <si>
    <t>【SKF】圆柱滚子轴承\NU2344ECMA/C3\SKF</t>
  </si>
  <si>
    <t>【SKF】圆柱滚子轴承\NU321ECJ\SKF</t>
  </si>
  <si>
    <t>【SKF】圆柱滚子轴承\NU2352ECML/C3\SKF</t>
  </si>
  <si>
    <t>【SKF】圆柱滚子轴承\NU321ECJ/C3\SKF</t>
  </si>
  <si>
    <t>【SKF】圆柱滚子轴承\NU321ECP\SKF</t>
  </si>
  <si>
    <t>【SKF】圆柱滚子轴承\NU2356ECMA/C3\SKF</t>
  </si>
  <si>
    <t>【SKF】圆柱滚子轴承\NU322ECJ/C3\SKF</t>
  </si>
  <si>
    <t>【SKF】圆柱滚子轴承\NU2356ECML/C3\SKF</t>
  </si>
  <si>
    <t>【SKF】圆柱滚子轴承\NU322ECM/C3\SKF</t>
  </si>
  <si>
    <t>【SKF】圆柱滚子轴承\NU236ECML\SKF</t>
  </si>
  <si>
    <t>【SKF】圆柱滚子轴承\NU322ECP/C3\SKF</t>
  </si>
  <si>
    <t>【SKF】圆柱滚子轴承\NU236ECML/C3\SKF</t>
  </si>
  <si>
    <t>【SKF】圆柱滚子轴承\NU324ECML\SKF</t>
  </si>
  <si>
    <t>【SKF】圆柱滚子轴承\NU2368ECMA/C3\SKF</t>
  </si>
  <si>
    <t>【SKF】圆柱滚子轴承\NU324ECP\SKF</t>
  </si>
  <si>
    <t>【SKF】圆柱滚子轴承\NU238ECM\SKF</t>
  </si>
  <si>
    <t>【SKF】圆柱滚子轴承\NU324ECP/C3\SKF</t>
  </si>
  <si>
    <t>【SKF】圆柱滚子轴承\NU326ECJ\SKF</t>
  </si>
  <si>
    <t>【SKF】圆柱滚子轴承\NU238ECML\SKF</t>
  </si>
  <si>
    <t>【SKF】圆柱滚子轴承\NU326ECP/C3\SKF</t>
  </si>
  <si>
    <t>【SKF】圆柱滚子轴承\NU238ECML/C3\SKF</t>
  </si>
  <si>
    <t>【SKF】圆柱滚子轴承\NU328ECJ/C3\SKF</t>
  </si>
  <si>
    <t>【SKF】圆柱滚子轴承\NU240ECM\SKF</t>
  </si>
  <si>
    <t>【SKF】圆柱滚子轴承\NU332ECM/C3\SKF</t>
  </si>
  <si>
    <t>【SKF】圆柱滚子轴承\NU240ECML\SKF</t>
  </si>
  <si>
    <t>【SKF】圆柱滚子轴承\NU332ECML\SKF</t>
  </si>
  <si>
    <t>【SKF】圆柱滚子轴承\NU240ECML/C3\SKF</t>
  </si>
  <si>
    <t>【SKF】圆柱滚子轴承\NU336ECM/C3\SKF</t>
  </si>
  <si>
    <t>【SKF】圆柱滚子轴承\NU338ECM\SKF</t>
  </si>
  <si>
    <t>【SKF】圆柱滚子轴承\NU244ECM\SKF</t>
  </si>
  <si>
    <t>【SKF】圆柱滚子轴承\NU338ECM/C3\SKF</t>
  </si>
  <si>
    <t>【SKF】圆柱滚子轴承\NU244ECM/C3\SKF</t>
  </si>
  <si>
    <t>【SKF】圆柱滚子轴承\NU340ECML\SKF</t>
  </si>
  <si>
    <t>【SKF】圆柱滚子轴承\NU244ECML\SKF</t>
  </si>
  <si>
    <t>【SKF】圆柱滚子轴承\NU340ECML/C3\SKF</t>
  </si>
  <si>
    <t>【SKF】圆柱滚子轴承\NU244ECML/C3\SKF</t>
  </si>
  <si>
    <t>【SKF】圆柱滚子轴承\NU344M/C3\SKF</t>
  </si>
  <si>
    <t>【SKF】圆柱滚子轴承\NU248M/C3\SKF</t>
  </si>
  <si>
    <t>【SKF】圆柱滚子轴承\NUP203ECP\SKF</t>
  </si>
  <si>
    <t>【SKF】圆柱滚子轴承\NU248MA\SKF</t>
  </si>
  <si>
    <t>【SKF】圆柱滚子轴承\NUP204ECP\SKF</t>
  </si>
  <si>
    <t>【SKF】圆柱滚子轴承\NU248MA/C3\SKF</t>
  </si>
  <si>
    <t>【SKF】圆柱滚子轴承\NUP205ECP\SKF</t>
  </si>
  <si>
    <t>【SKF】圆柱滚子轴承\NU252MA\SKF</t>
  </si>
  <si>
    <t>【SKF】圆柱滚子轴承\NUP206ECP\SKF</t>
  </si>
  <si>
    <t>【SKF】圆柱滚子轴承\NU252MA/C3\SKF</t>
  </si>
  <si>
    <t>【SKF】圆柱滚子轴承\NUP207ECP\SKF</t>
  </si>
  <si>
    <t>【SKF】圆柱滚子轴承\NU260M\SKF</t>
  </si>
  <si>
    <t>【SKF】圆柱滚子轴承\NUP208ECJ\SKF</t>
  </si>
  <si>
    <t>【SKF】圆柱滚子轴承\NU303ECP\SKF</t>
  </si>
  <si>
    <t>【SKF】圆柱滚子轴承\NUP208ECP\SKF</t>
  </si>
  <si>
    <t>【SKF】圆柱滚子轴承\NU304ECP\SKF</t>
  </si>
  <si>
    <t>【SKF】圆柱滚子轴承\NU304ECP/C3\SKF</t>
  </si>
  <si>
    <t>【SKF】圆柱滚子轴承\NUP208ECP/C3\SKF</t>
  </si>
  <si>
    <t>【SKF】圆柱滚子轴承\NU305ECJ\SKF</t>
  </si>
  <si>
    <t>【SKF】圆柱滚子轴承\NUP209ECP\SKF</t>
  </si>
  <si>
    <t>【SKF】圆柱滚子轴承\NU305ECP/C3\SKF</t>
  </si>
  <si>
    <t>【SKF】圆柱滚子轴承\NUP210ECP\SKF</t>
  </si>
  <si>
    <t>【SKF】圆柱滚子轴承\NU306ECJ\SKF</t>
  </si>
  <si>
    <t>【SKF】圆柱滚子轴承\NUP211ECP\SKF</t>
  </si>
  <si>
    <t>【SKF】圆柱滚子轴承\NU306ECJ/C3\SKF</t>
  </si>
  <si>
    <t>【SKF】圆柱滚子轴承\NUP212ECP\SKF</t>
  </si>
  <si>
    <t>【SKF】圆柱滚子轴承\NU306ECM\SKF</t>
  </si>
  <si>
    <t>【SKF】圆柱滚子轴承\NUP213ECP\SKF</t>
  </si>
  <si>
    <t>【SKF】圆柱滚子轴承\NU306ECP/C3\SKF</t>
  </si>
  <si>
    <t>【SKF】圆柱滚子轴承\NU307ECJ\SKF</t>
  </si>
  <si>
    <t>【SKF】圆柱滚子轴承\NUP213ECP/C3\SKF</t>
  </si>
  <si>
    <t>【SKF】圆柱滚子轴承\NU307ECJ/C3\SKF</t>
  </si>
  <si>
    <t>【SKF】圆柱滚子轴承\NUP214ECP\SKF</t>
  </si>
  <si>
    <t>【SKF】圆柱滚子轴承\NU307ECM\SKF</t>
  </si>
  <si>
    <t>【SKF】圆柱滚子轴承\NUP215ECM/C3\SKF</t>
  </si>
  <si>
    <t>【SKF】圆柱滚子轴承\NU307ECP/C3\SKF</t>
  </si>
  <si>
    <t>【SKF】圆柱滚子轴承\NUP215ECP\SKF</t>
  </si>
  <si>
    <t>【SKF】圆柱滚子轴承\NU308ECM/C3\SKF</t>
  </si>
  <si>
    <t>【SKF】圆柱滚子轴承\NUP216ECP\SKF</t>
  </si>
  <si>
    <t>【SKF】圆柱滚子轴承\NU309ECP\SKF</t>
  </si>
  <si>
    <t>【SKF】圆柱滚子轴承\NUP217ECP\SKF</t>
  </si>
  <si>
    <t>【SKF】圆柱滚子轴承\NU309ECP/C3\SKF</t>
  </si>
  <si>
    <t>【SKF】圆柱滚子轴承\NUP218ECP\SKF</t>
  </si>
  <si>
    <t>【SKF】圆柱滚子轴承\NU310ECJ/C3\SKF</t>
  </si>
  <si>
    <t>【SKF】圆柱滚子轴承\NUP219ECP\SKF</t>
  </si>
  <si>
    <t>【SKF】圆柱滚子轴承\NU310ECM/C3\SKF</t>
  </si>
  <si>
    <t>【SKF】圆柱滚子轴承\NUP220ECP\SKF</t>
  </si>
  <si>
    <t>【SKF】圆柱滚子轴承\NU310 ECP/C3\SKF</t>
  </si>
  <si>
    <t>【SKF】圆柱滚子轴承\NUP2203ECP\SKF</t>
  </si>
  <si>
    <t>【SKF】圆柱滚子轴承\NU311ECJ\SKF</t>
  </si>
  <si>
    <t>【SKF】圆柱滚子轴承\NUP2205ECP\SKF</t>
  </si>
  <si>
    <t>【SKF】圆柱滚子轴承\NUP2206ECP\SKF</t>
  </si>
  <si>
    <t>【SKF】圆柱滚子轴承\NU311ECJ/C3\SKF</t>
  </si>
  <si>
    <t>【SKF】圆柱滚子轴承\NUP2207ECP\SKF</t>
  </si>
  <si>
    <t>【SKF】圆柱滚子轴承\NU311ECP/C3\SKF</t>
  </si>
  <si>
    <t>【SKF】圆柱滚子轴承\NUP2208ECP\SKF</t>
  </si>
  <si>
    <t>【SKF】圆柱滚子轴承\NU312ECM/C3\SKF</t>
  </si>
  <si>
    <t>【SKF】圆柱滚子轴承\NUP2208ECP/C3\SKF</t>
  </si>
  <si>
    <t>【SKF】圆柱滚子轴承\NU312ECP/C3\SKF</t>
  </si>
  <si>
    <t>【SKF】圆柱滚子轴承\NUP2209ECP\SKF</t>
  </si>
  <si>
    <t>【SKF】圆柱滚子轴承\NU313ECJ/C3\SKF</t>
  </si>
  <si>
    <t>【SKF】圆柱滚子轴承\NUP2210ECP\SKF</t>
  </si>
  <si>
    <t>【SKF】圆柱滚子轴承\NU313ECM/C3\SKF</t>
  </si>
  <si>
    <t>【SKF】圆柱滚子轴承\NUP2210ECP/C3\SKF</t>
  </si>
  <si>
    <t>【SKF】圆柱滚子轴承\NU313ECP/C3\SKF</t>
  </si>
  <si>
    <t>【SKF】圆柱滚子轴承\NUP2211ECP\SKF</t>
  </si>
  <si>
    <t>【SKF】圆柱滚子轴承\NU314ECJ/C3\SKF</t>
  </si>
  <si>
    <t>【SKF】圆柱滚子轴承\NUP2212ECJ\SKF</t>
  </si>
  <si>
    <t>【SKF】圆柱滚子轴承\NUP2212ECP\SKF</t>
  </si>
  <si>
    <t>【SKF】圆柱滚子轴承\NU314ECM/C3\SKF</t>
  </si>
  <si>
    <t>【SKF】圆柱滚子轴承\NUP2213ECP\SKF</t>
  </si>
  <si>
    <t>【SKF】圆柱滚子轴承\NU314ECP/C3\SKF</t>
  </si>
  <si>
    <t>【SKF】圆柱滚子轴承\NUP2214ECP\SKF</t>
  </si>
  <si>
    <t>【SKF】圆柱滚子轴承\NU315ECJ\SKF</t>
  </si>
  <si>
    <t>【SKF】圆柱滚子轴承\NUP2215ECJ\SKF</t>
  </si>
  <si>
    <t>【SKF】圆柱滚子轴承\NU315ECJ/C3\SKF</t>
  </si>
  <si>
    <t>【SKF】圆柱滚子轴承\NUP2215ECP\SKF</t>
  </si>
  <si>
    <t>【SKF】圆柱滚子轴承\NU315ECM/C3\SKF</t>
  </si>
  <si>
    <t>【SKF】圆柱滚子轴承\NUP2216ECP\SKF</t>
  </si>
  <si>
    <t>【SKF】圆柱滚子轴承\NUP2217ECP\SKF</t>
  </si>
  <si>
    <t>【SKF】圆柱滚子轴承\NU315ECP\SKF</t>
  </si>
  <si>
    <t>【SKF】圆柱滚子轴承\NUP2218ECP\SKF</t>
  </si>
  <si>
    <t>【SKF】圆柱滚子轴承\NU315ECP/C3\SKF</t>
  </si>
  <si>
    <t>【SKF】圆柱滚子轴承\NUP222ECP\SKF</t>
  </si>
  <si>
    <t>【SKF】圆柱滚子轴承\NU316ECJ/C3\SKF</t>
  </si>
  <si>
    <t>【SKF】圆柱滚子轴承\NUP2220ECP\SKF</t>
  </si>
  <si>
    <t>【SKF】圆柱滚子轴承\NU316ECM\SKF</t>
  </si>
  <si>
    <t>【SKF】圆柱滚子轴承\NUP224ECJ\SKF</t>
  </si>
  <si>
    <t>【SKF】圆柱滚子轴承\NU316ECP\SKF</t>
  </si>
  <si>
    <t>【SKF】圆柱滚子轴承\NUP226ECJ\SKF</t>
  </si>
  <si>
    <t>【SKF】圆柱滚子轴承\NUP226ECP\SKF</t>
  </si>
  <si>
    <t>【SKF】圆柱滚子轴承\NU316ECP/C3\SKF</t>
  </si>
  <si>
    <t>【SKF】圆柱滚子轴承\NUP228ECJ\SKF</t>
  </si>
  <si>
    <t>【SKF】圆柱滚子轴承\NU317ECJ/C3\SKF</t>
  </si>
  <si>
    <t>【SKF】圆柱滚子轴承\NUP230ECJ\SKF</t>
  </si>
  <si>
    <t>【SKF】圆柱滚子轴承\NU317 EMC\SKF</t>
  </si>
  <si>
    <t>【SKF】圆柱滚子轴承\NUP2304ECP\SKF</t>
  </si>
  <si>
    <t>【SKF】圆柱滚子轴承\NU317ECP/C3\SKF</t>
  </si>
  <si>
    <t>【SKF】圆柱滚子轴承\NUP2305ECP\SKF</t>
  </si>
  <si>
    <t>【SKF】圆柱滚子轴承\NU318ECJ\SKF</t>
  </si>
  <si>
    <t>【SKF】圆柱滚子轴承\NUP2306ECP\SKF</t>
  </si>
  <si>
    <t>【SKF】圆柱滚子轴承\NUP2307ECP\SKF</t>
  </si>
  <si>
    <t>【SKF】圆柱滚子轴承\NU318ECJ/C3\SKF</t>
  </si>
  <si>
    <t>【SKF】圆柱滚子轴承\NUP2308ECP\SKF</t>
  </si>
  <si>
    <t>【SKF】圆柱滚子轴承\NU318ECM\SKF</t>
  </si>
  <si>
    <t>【SKF】圆柱滚子轴承\NUP2309ECP\SKF</t>
  </si>
  <si>
    <t>【SKF】圆柱滚子轴承\NUP2310ECP\SKF</t>
  </si>
  <si>
    <t>【SKF】圆柱滚子轴承\NUP2312ECP\SKF</t>
  </si>
  <si>
    <t>【SKF】圆柱滚子轴承\NUP2313ECP\SKF</t>
  </si>
  <si>
    <t>【SKF】圆柱滚子轴承\NUP2314ECP\SKF</t>
  </si>
  <si>
    <t>【SKF】圆柱滚子轴承\NUP2315ECP\SKF</t>
  </si>
  <si>
    <t>【SKF】圆柱滚子轴承\NUP2319ECJ\SKF</t>
  </si>
  <si>
    <t>【SKF】圆柱滚子轴承\NUP304ECP\SKF</t>
  </si>
  <si>
    <t>【SKF】圆柱滚子轴承\NUP305ECP\SKF</t>
  </si>
  <si>
    <t>【SKF】圆柱滚子轴承\NUP306ECP\SKF</t>
  </si>
  <si>
    <t>【SKF】圆柱滚子轴承\NUP307ECP\SKF</t>
  </si>
  <si>
    <t>【SKF】圆柱滚子轴承\NUP308ECP\SKF</t>
  </si>
  <si>
    <t>【SKF】圆柱滚子轴承\NUP309ECJ/C3\SKF</t>
  </si>
  <si>
    <t>【SKF】圆柱滚子轴承\NUP309ECP\SKF</t>
  </si>
  <si>
    <t>【SKF】圆柱滚子轴承\NUP310ECJ\SKF</t>
  </si>
  <si>
    <t>【SKF】圆柱滚子轴承\NUP310ECJ/C3\SKF</t>
  </si>
  <si>
    <t>【SKF】圆柱滚子轴承\NUP310ECP\SKF</t>
  </si>
  <si>
    <t>【SKF】圆柱滚子轴承\NUP310ECP/C3\SKF</t>
  </si>
  <si>
    <t>【SKF】圆柱滚子轴承\NUP311ECP\SKF</t>
  </si>
  <si>
    <t>【SKF】圆柱滚子轴承\NUP312ECJ\SKF</t>
  </si>
  <si>
    <t>【SKF】圆柱滚子轴承\NUP312ECP\SKF</t>
  </si>
  <si>
    <t>【SKF】圆柱滚子轴承\NUP312ECP/C3\SKF</t>
  </si>
  <si>
    <t>【SKF】圆柱滚子轴承\NUP313ECP\SKF</t>
  </si>
  <si>
    <t>【SKF】圆柱滚子轴承\NUP314ECP\SKF</t>
  </si>
  <si>
    <t>【SKF】圆柱滚子轴承\NUP315ECP\SKF</t>
  </si>
  <si>
    <t>【SKF】圆柱滚子轴承\NUP316ECP\SKF</t>
  </si>
  <si>
    <t>【SKF】圆柱滚子轴承\NUP317ECP\SKF</t>
  </si>
  <si>
    <t>【SKF】圆柱滚子轴承\NUP320ECJ\SKF</t>
  </si>
  <si>
    <t>【SKF】圆柱滚子轴承\NN3008KTN/SP\SKF</t>
  </si>
  <si>
    <t>【SKF】圆柱滚子轴承\NN3016KTN/SPW33\SKF</t>
  </si>
  <si>
    <t>【SKF】圆柱滚子轴承\NN3018KTN9/SPW33\SKF</t>
  </si>
  <si>
    <t>【SKF】圆柱滚子轴承\NN3020KTN9/SP\SKF</t>
  </si>
  <si>
    <t>【SKF】圆柱滚子轴承\NN3022KTN9/SP\SKF</t>
  </si>
  <si>
    <t>【SKF】圆柱滚子轴承\NNF5028ADA-2LSV\SKF</t>
  </si>
  <si>
    <t>【SKF】角接触球轴承\QJ214N2MA\SKF</t>
  </si>
  <si>
    <t>【SKF】四点角接触球轴承\QJ220N2MA\SKF</t>
  </si>
  <si>
    <t>【SKF】角接触球轴承\QJ222N2MA\SKF</t>
  </si>
  <si>
    <t>【SKF】角接触球轴承\QJ232N2MA\SKF</t>
  </si>
  <si>
    <t>【SKF】角接触球轴承\QJ309MA\SKF</t>
  </si>
  <si>
    <t>【SKF】四点接触球轴承\QJ309N2MA/C2L\SKF</t>
  </si>
  <si>
    <t>【SKF】角接触球轴承\QJ312MA\SKF</t>
  </si>
  <si>
    <t>【SKF】四点接触球轴承\QJ315N2MA\SKF</t>
  </si>
  <si>
    <t>【SKF】角接触球轴承\QJ320N2MA\SKF</t>
  </si>
  <si>
    <t>【SKF】四点接触球轴承\QJ322N2MA\SKF</t>
  </si>
  <si>
    <t>【SKF】角接触球轴承\QJ322N2MA/C3\SKF</t>
  </si>
  <si>
    <t>【SKF】四点接触球轴承\QJ328N2MA\SKF</t>
  </si>
  <si>
    <t>【SKF】锁紧螺母\KM22\SKF</t>
  </si>
  <si>
    <t>【SKF】轴承座\FYJ514\SKF</t>
  </si>
  <si>
    <t>【SKF】轴承座\FYC511\SKF</t>
  </si>
  <si>
    <t>【SKF】轴承座\FYTB505M\SKF</t>
  </si>
  <si>
    <t>【SKF】轴承座\FYJ511\SKF</t>
  </si>
  <si>
    <t>【SKF】轴承座\FYC508\SKF</t>
  </si>
  <si>
    <t>【SKF】轴承座\SYJ516\SKF</t>
  </si>
  <si>
    <t>【SKF】轴承座\FYTB510M\SKF</t>
  </si>
  <si>
    <t>【SKF】轴承座\SYJ506\SKF</t>
  </si>
  <si>
    <t>【SKF】轴承座\TU507M\SKF</t>
  </si>
  <si>
    <t>【SKF】轴承座\FY506M\SKF</t>
  </si>
  <si>
    <t>【SKF】轴承座\SNL516-613\SKF</t>
  </si>
  <si>
    <t>【SKF】轴承座\FY507M\SKF</t>
  </si>
  <si>
    <t>【SKF】轴承座\TU508M\SKF</t>
  </si>
  <si>
    <t>【SKF】轴承座\SY508M\SKF</t>
  </si>
  <si>
    <t>【SKF】轴承座\SYJ507\SKF</t>
  </si>
  <si>
    <t>【SKF】带座球轴承\FY55TF\SKF</t>
  </si>
  <si>
    <t>【SKF】带座球轴承\FY60TF\SKF</t>
  </si>
  <si>
    <t>【SKF】带座外球面球轴承\FY40TF\SKF</t>
  </si>
  <si>
    <t>【SKF】带座外球面轴承\FY20TF\SKF</t>
  </si>
  <si>
    <t>【SKF】带座外球面轴承\FY25FM\SKF</t>
  </si>
  <si>
    <t>【SKF】带座外球面轴承\FY25TF\SKF</t>
  </si>
  <si>
    <t>【SKF】带座外球面轴承\FY30FM\SKF</t>
  </si>
  <si>
    <t>【SKF】带座外球面轴承\FY30TF\SKF</t>
  </si>
  <si>
    <t>【SKF】带座外球面轴承\FY35FM\SKF</t>
  </si>
  <si>
    <t>【SKF】带座外球面轴承\FY35TF\SKF</t>
  </si>
  <si>
    <t>【SKF】带座外球面轴承\FY40FM\SKF</t>
  </si>
  <si>
    <t>【SKF】带座外球面轴承\FY45FM\SKF</t>
  </si>
  <si>
    <t>【SKF】带座外球面轴承\FY45TF\SKF</t>
  </si>
  <si>
    <t>【SKF】带座外球面轴承\FY50FM\SKF</t>
  </si>
  <si>
    <t>【SKF】带座外球面轴承\FY50TF\SKF</t>
  </si>
  <si>
    <t>【SKF】带座外球面轴承\FY509M\SKF</t>
  </si>
  <si>
    <t>【SKF】带座外球面轴承\FY55FM\SKF</t>
  </si>
  <si>
    <t>【SKF】带座外球面轴承\FY60FM\SKF</t>
  </si>
  <si>
    <t>【SKF】带座外球面轴承\FY65TF\SKF</t>
  </si>
  <si>
    <t>【SKF】带座外球面轴承\FYC20TF\SKF</t>
  </si>
  <si>
    <t>【SKF】带座外球面轴承\FYC25TF\SKF</t>
  </si>
  <si>
    <t>【SKF】带座外球面轴承\FYC30TF\SKF</t>
  </si>
  <si>
    <t>【SKF】带座外球面轴承\FYC35TF\SKF</t>
  </si>
  <si>
    <t>【SKF】外球面轴承\YEL212-2F\SKF</t>
  </si>
  <si>
    <t>【SKF】轴承座\FYJ516\SKF</t>
  </si>
  <si>
    <t>【SKF】轴承座\FYC512\SKF</t>
  </si>
  <si>
    <t>【SKF】轴承座\FY503M\SKF</t>
  </si>
  <si>
    <t>【SKF】轴承座\FYTB507M\SKF</t>
  </si>
  <si>
    <t>【SKF】轴承座\SY503M\SKF</t>
  </si>
  <si>
    <t>【SKF】轴承座\FYTB506M\SKF</t>
  </si>
  <si>
    <t>【SKF】轴承座\FYC509\SKF</t>
  </si>
  <si>
    <t>【SKF】带座外球面球轴承\FYJ40TF\SKF</t>
  </si>
  <si>
    <t>【SKF】带座外球面轴承\FYC40TF\SKF</t>
  </si>
  <si>
    <t>【SKF】带座外球面轴承\FYC45TF\SKF</t>
  </si>
  <si>
    <t>【SKF】带座外球面轴承\FYC50TF\SKF</t>
  </si>
  <si>
    <t>【SKF】带座外球面轴承\FYC55TF\SKF</t>
  </si>
  <si>
    <t>【SKF】带座外球面轴承\FYC60TF\SKF</t>
  </si>
  <si>
    <t>【SKF】带座外球面轴承\FYC65TF\SKF</t>
  </si>
  <si>
    <t>【SKF】带座外球面轴承\FYJ100TF\SKF</t>
  </si>
  <si>
    <t>【SKF】带座外球面轴承\FYJ20TF\SKF</t>
  </si>
  <si>
    <t>【SKF】带座外球面轴承\FYJ25TF\SKF</t>
  </si>
  <si>
    <t>【SKF】带座外球面轴承\FYJ30TF\SKF</t>
  </si>
  <si>
    <t>【SKF】带座外球面轴承\FYJ35TF\SKF</t>
  </si>
  <si>
    <t>【SKF】带座外球面轴承\FYJ45TF\SKF</t>
  </si>
  <si>
    <t>【SKF】带座外球面轴承\FYJ50TF\SKF</t>
  </si>
  <si>
    <t>【SKF】带座外球面轴承\FYJ55TF\SKF</t>
  </si>
  <si>
    <t>【SKF】带座外球面轴承\FYJ60TF\SKF</t>
  </si>
  <si>
    <t>【SKF】带座外球面轴承\FYJ65TF\SKF</t>
  </si>
  <si>
    <t>【SKF】带座外球面轴承\FYJ70TF\SKF</t>
  </si>
  <si>
    <t>【SKF】带座外球面轴承\FYJ75TF\SKF</t>
  </si>
  <si>
    <t>【SKF】带座外球面轴承\FYJ80TF\SKF</t>
  </si>
  <si>
    <t>【SKF】带座外球面轴承\FYJ90TF\SKF</t>
  </si>
  <si>
    <t>【SKF】带座外球面轴承\FYTB15TF\SKF</t>
  </si>
  <si>
    <t>【SKF】轴承座\SYJ518\SKF</t>
  </si>
  <si>
    <t>【SKF】轴承座\FYTB503M\SKF</t>
  </si>
  <si>
    <t>【SKF】轴承座\FYJ508\SKF</t>
  </si>
  <si>
    <t>【SKF】轴承座\SYJ512\SKF</t>
  </si>
  <si>
    <t>【SKF】带座外球面球轴承\FYTB30TF\SKF</t>
  </si>
  <si>
    <t>【SKF】带座外球面轴承\FYTB17TF\SKF</t>
  </si>
  <si>
    <t>【SKF】带座外球面轴承\FYTB20FM\SKF</t>
  </si>
  <si>
    <t>【SKF】带座外球面轴承\FYTB20TF\SKF</t>
  </si>
  <si>
    <t>【SKF】带座外球面轴承\FYTB25FM\SKF</t>
  </si>
  <si>
    <t>【SKF】带座外球面轴承\FYTB25TF\SKF</t>
  </si>
  <si>
    <t>【SKF】带座外球面轴承\FYTB30FM\SKF</t>
  </si>
  <si>
    <t>【SKF】带座外球面轴承\FYTB35FM\SKF</t>
  </si>
  <si>
    <t>【SKF】轴承紧定套\H3124\SKF</t>
  </si>
  <si>
    <t>【SKF】轴承紧定套\H315\SKF</t>
  </si>
  <si>
    <t>【SKF】轴承紧定套\H3138\SKF</t>
  </si>
  <si>
    <t>【SKF】轴承紧定套\H313\SKF</t>
  </si>
  <si>
    <t>【SKF】轴承紧定套\H3038\SKF</t>
  </si>
  <si>
    <t>【SKF】轴承紧定套\H218\SKF</t>
  </si>
  <si>
    <t>【SKF】轴承紧定套\H2317\SKF</t>
  </si>
  <si>
    <t>【SKF】带座外球面球轴承\FYTB35TF\SKF</t>
  </si>
  <si>
    <t>【SKF】带座外球面轴承\FYTB40FM\SKF</t>
  </si>
  <si>
    <t>【SKF】滚针轴承\NA4904\SKF</t>
  </si>
  <si>
    <t>【SKF】锁定螺母\KM12\SKF（5个一包，请以5的倍数购买）</t>
  </si>
  <si>
    <t>【SKF】立式轴承座\SYF510\SKF</t>
  </si>
  <si>
    <t>【SKF】立式轴承座\SNL517\SKF</t>
  </si>
  <si>
    <t>【SKF】立式轴承座\SNL218\SKF</t>
  </si>
  <si>
    <t>【SKF】立式轴承座\SNL217\SKF</t>
  </si>
  <si>
    <t>【SKF】立式轴承座\SYJ60TF\SKF</t>
  </si>
  <si>
    <t>【SKF】紧定套\H3126\SKF</t>
  </si>
  <si>
    <t>【SKF】紧定套\H2328\SKF</t>
  </si>
  <si>
    <t>【SKF】紧定套\H2324\SKF</t>
  </si>
  <si>
    <t>【SKF】紧定套\H2322\SKF</t>
  </si>
  <si>
    <t>【SKF】紧定套\H2320\SKF</t>
  </si>
  <si>
    <t>【SKF】紧定套\H2312\SKF</t>
  </si>
  <si>
    <t>【SKF】紧定套\H2311\SKF</t>
  </si>
  <si>
    <t>【SKF】紧定套\99434\SKF</t>
  </si>
  <si>
    <t>【SKF】紧定套\H317\SKF</t>
  </si>
  <si>
    <t>【SKF】锁定套\H3144\SKF</t>
  </si>
  <si>
    <t>【SKF】锁定套\H3140\SKF</t>
  </si>
  <si>
    <t>【SKF】紧定套\H3130\SKF</t>
  </si>
  <si>
    <t>【SKF】紧定套\H3128\SKF</t>
  </si>
  <si>
    <t>【SKF】锁定套\H3040\SKF</t>
  </si>
  <si>
    <t>【SKF】紧定套\H307\SKF</t>
  </si>
  <si>
    <t>【SKF】紧定套\H2319\SKF</t>
  </si>
  <si>
    <t>【SKF】紧定套\H306\SKF</t>
  </si>
  <si>
    <t>【SKF】紧定套\H217\SKF</t>
  </si>
  <si>
    <t>【SKF】紧定套\H2318\SKF</t>
  </si>
  <si>
    <t>【SKF】锁定套\H3052\SKF</t>
  </si>
  <si>
    <t>【SKF】紧定套\H216\SKF</t>
  </si>
  <si>
    <t>【SKF】紧定套\H305\SKF</t>
  </si>
  <si>
    <t>【SKF】紧定套\H215\SKF</t>
  </si>
  <si>
    <t>【SKF】紧定套\H2316\SKF</t>
  </si>
  <si>
    <t>【SKF】锁定套\H3048\SKF</t>
  </si>
  <si>
    <t>【SKF】紧定套\H3044\SKF</t>
  </si>
  <si>
    <t>【SKF】关节轴承\GE15ES\SKF</t>
  </si>
  <si>
    <t>【SKF】关节轴承\GE160ES-2RS\SKF</t>
  </si>
  <si>
    <t>【SKF】关节轴承\GE90ES-2RS\SKF</t>
  </si>
  <si>
    <t>【SKF】关节轴承\GE50TXE-2LS\SKF</t>
  </si>
  <si>
    <t>【SKF】关节轴承\GE17ES\SKF</t>
  </si>
  <si>
    <t>【SKF】关节轴承\GE180TXA-2RS\SKF</t>
  </si>
  <si>
    <t>【SKF】关节轴承\GE50ES\SKF</t>
  </si>
  <si>
    <t>【SKF】关节轴承\GE60ES-2RS\SKF</t>
  </si>
  <si>
    <t>【SKF】关节轴承\GE200ES-2RS\SKF</t>
  </si>
  <si>
    <t>【SKF】关节轴承\GE140TXA-2RS\SKF</t>
  </si>
  <si>
    <t>【SKF】关节轴承\GE220TXA-2RS\SKF</t>
  </si>
  <si>
    <t>【SKF】关节轴承\GE120TXA-2LS\SKF</t>
  </si>
  <si>
    <t>【SKF】向心关节轴承\GE100ES\SKF</t>
  </si>
  <si>
    <t>【SKF】锁定螺母\KM8\SKF（5个一包，请以5的倍数购买）</t>
  </si>
  <si>
    <t>【SKF】锁定螺母\KM7\SKF（10个一包，请以10的倍数购买）</t>
  </si>
  <si>
    <t>【SKF】锁定螺母\KM26\SKF</t>
  </si>
  <si>
    <t>【SKF】锁定螺母\KM24\SKF</t>
  </si>
  <si>
    <t>【SKF】锁定螺母\KM25\SKF</t>
  </si>
  <si>
    <t>【SKF】锁定螺母\KM36\SKF</t>
  </si>
  <si>
    <t>【SKF】锁定螺母\KM17\SKF（5个一包，请以5的倍数购买）</t>
  </si>
  <si>
    <t>【SKF】锁定螺母\KM30\SKF</t>
  </si>
  <si>
    <t>【SKF】锁定螺母\KM38\SKF</t>
  </si>
  <si>
    <t>【SKF】锁定螺母\KM18\SKF</t>
  </si>
  <si>
    <t>【SKF】锁定螺母\KM19\SKF</t>
  </si>
  <si>
    <t>【SKF】锁定螺母\KM31\SKF</t>
  </si>
  <si>
    <t>【SKF】锁定螺母\KM13\SKF（5个一包，请以5的倍数购买）</t>
  </si>
  <si>
    <t>【SKF】锁定螺母\KM32\SKF</t>
  </si>
  <si>
    <t>【SKF】锁定螺母\KM14\SKF</t>
  </si>
  <si>
    <t>【SKF】锁定螺母\KM3\SKF（10个一包，请以10的倍数购买）</t>
  </si>
  <si>
    <t>【SKF】锁定螺母\KM40\SKF</t>
  </si>
  <si>
    <t>【SKF】锁定螺母\KM2\SKF（10个一包，请以10的倍数购买）</t>
  </si>
  <si>
    <t>【SKF】锁定螺母\KM4\SKF（10个一包，请以10的倍数购买）</t>
  </si>
  <si>
    <t>【SKF】锁定螺母\KM9\SKF（5个一包，请以5的倍数购买）</t>
  </si>
  <si>
    <t>【SKF】锁定螺母\KM29\SKF</t>
  </si>
  <si>
    <t>【SKF】锁定螺母\KM27\SKF</t>
  </si>
  <si>
    <t>【SKF】锁定螺母\KM28\SKF</t>
  </si>
  <si>
    <t>【SKF】锁定螺母\KM21\SKF</t>
  </si>
  <si>
    <t>【SKF】锁定螺母\KM20\SKF</t>
  </si>
  <si>
    <t>【SKF】锁定螺母\KM33\SKF</t>
  </si>
  <si>
    <t>【SKF】锁定螺母\KM15\SKF（5个一包，请以5的倍数购买）</t>
  </si>
  <si>
    <t>【SKF】锁定螺母\KM0\SKF（10个一包，请以10的倍数购买）</t>
  </si>
  <si>
    <t>【SKF】锁定螺母\KM10\SKF</t>
  </si>
  <si>
    <t>【SKF】锁定螺母\KM1\SKF（10个一包，请以10的倍数购买）</t>
  </si>
  <si>
    <t>【SKF】锁定螺母\KM34\SKF</t>
  </si>
  <si>
    <t>【SKF】锁定螺母\KM16\SKF（5个一包，请以5的倍数购买）</t>
  </si>
  <si>
    <t>【SKF】锁定螺母\KM6\SKF（10个一包，请以10的倍数购买）</t>
  </si>
  <si>
    <t>【SKF】锁定螺母\KM5\SKF（10个一包，请以10的倍数购买）</t>
  </si>
  <si>
    <t>【SKF】轴承座\FY508M\SKF</t>
  </si>
  <si>
    <t>【SKF】轴承座\TU509M\SKF</t>
  </si>
  <si>
    <t>【SKF】轴承座\SY509M\SKF</t>
  </si>
  <si>
    <t>【SKF】轴承座\SYJ508\SKF</t>
  </si>
  <si>
    <t>【SKF】轴承座\SY504M\SKF</t>
  </si>
  <si>
    <t>【SKF】轴承座\FY504M\SKF</t>
  </si>
  <si>
    <t>【SKF】轴承座\FYJ518\SKF</t>
  </si>
  <si>
    <t>【SKF】轴承座\FYTB508M\SKF</t>
  </si>
  <si>
    <t>【SKF】轴承座\SNL522-619\SKF</t>
  </si>
  <si>
    <t>【SKF】轴承座\SYJ509\SKF</t>
  </si>
  <si>
    <t>【SKF】轴承座\TU510M\SKF</t>
  </si>
  <si>
    <t>【SKF】轴承座\FY513M\SKF</t>
  </si>
  <si>
    <t>【SKF】轴承座\SYJ514\SKF</t>
  </si>
  <si>
    <t>【SKF】轴承座\FYTB50FM\SKF</t>
  </si>
  <si>
    <t>【SKF】轴承座\SY513M\SKF</t>
  </si>
  <si>
    <t>【SKF】轴承座\FY505M\SKF</t>
  </si>
  <si>
    <t>【SKF】轴承座\SY505M\SKF</t>
  </si>
  <si>
    <t>【SKF】轴承座\FYC510\SKF</t>
  </si>
  <si>
    <t>【SKF】轴承座\FYTB504M\SKF</t>
  </si>
  <si>
    <t>【SKF】轴承座\FYJ510\SKF</t>
  </si>
  <si>
    <t>【SKF】轴承座\SYF506\SKF</t>
  </si>
  <si>
    <t>【SKF】轴承座\SYJ510\SKF</t>
  </si>
  <si>
    <t>【SKF】轴承座\TU511M\SKF</t>
  </si>
  <si>
    <t>【SKF】轴承座\FYTB509M\SKF</t>
  </si>
  <si>
    <t>【SKF】轴承座\TU506M\SKF</t>
  </si>
  <si>
    <t>【SKF】轴承座\FYC505\SKF</t>
  </si>
  <si>
    <t>【SKF】轴承座\FY511M\SKF</t>
  </si>
  <si>
    <t>【SKF】轴承座\FYC507\SKF</t>
  </si>
  <si>
    <t>【SKF】外球面轴承座\SY512M\SKF</t>
  </si>
  <si>
    <t>【SKF】外球面轴承座\FY512M\SKF</t>
  </si>
  <si>
    <t>【SKF】外球面轴承座\SY511M\SKF</t>
  </si>
  <si>
    <t>【SKF】带座外球面轴承\FYTB40TF\SKF</t>
  </si>
  <si>
    <t>【SKF】带座外球面轴承\FYTB45FM\SKF</t>
  </si>
  <si>
    <t>【SKF】带座外球面轴承\FYTB45TF\SKF</t>
  </si>
  <si>
    <t>【SKF】带座外球面轴承\FYTB50TF\SKF</t>
  </si>
  <si>
    <t>【SKF】带座外球面轴承\FYTJ20TF\SKF</t>
  </si>
  <si>
    <t>【SKF】带座外球面轴承\FYTJ25TF\SKF</t>
  </si>
  <si>
    <t>【SKF】带座外球面轴承\FYTJ30KF\SKF</t>
  </si>
  <si>
    <t>【SKF】带座外球面轴承\FYTJ30TF\SKF</t>
  </si>
  <si>
    <t>【SKF】带座外球面轴承\FYTJ35KF\SKF</t>
  </si>
  <si>
    <t>【SKF】带座外球面轴承\FYTJ35TF\SKF</t>
  </si>
  <si>
    <t>【SKF】带座外球面轴承\FYTJ40TF\SKF</t>
  </si>
  <si>
    <t>【SKF】带座外球面轴承\FYTJ45KF\SKF</t>
  </si>
  <si>
    <t>【SKF】带座外球面轴承\FYTJ50KF\SKF</t>
  </si>
  <si>
    <t>【SKF】带座外球面轴承\SY12TF\SKF</t>
  </si>
  <si>
    <t>【SKF】带座外球面轴承\SY15TF\SKF</t>
  </si>
  <si>
    <t>【SKF】带座外球面轴承\SY20FM\SKF</t>
  </si>
  <si>
    <t>【SKF】带座外球面轴承\SY20TF\SKF</t>
  </si>
  <si>
    <t>【SKF】带座外球面轴承\SY25FM\SKF</t>
  </si>
  <si>
    <t>【SKF】带座外球面轴承\SY25TF\SKF</t>
  </si>
  <si>
    <t>【SKF】带座外球面轴承\SY30TF\SKF</t>
  </si>
  <si>
    <t>【SKF】带座外球面轴承\SY35FM\SKF</t>
  </si>
  <si>
    <t>【SKF】带座外球面轴承\SY40FM\SKF</t>
  </si>
  <si>
    <t>【SKF】带座外球面轴承\SY45FM\SKF</t>
  </si>
  <si>
    <t>【SKF】带座外球面轴承\SY50FM\SKF</t>
  </si>
  <si>
    <t>【SKF】带座外球面轴承\SY507M\SKF</t>
  </si>
  <si>
    <t>【SKF】带座外球面轴承\SYF20TF\SKF</t>
  </si>
  <si>
    <t>【SKF】带座外球面轴承\SYF25TF\SKF</t>
  </si>
  <si>
    <t>【SKF】带座外球面轴承\SYF30TF\SKF</t>
  </si>
  <si>
    <t>【SKF】带座外球面轴承\SYF35TF\SKF</t>
  </si>
  <si>
    <t>【SKF】带座外球面轴承\SYF40TF\SKF</t>
  </si>
  <si>
    <t>【SKF】带座外球面轴承\SYF45TF\SKF</t>
  </si>
  <si>
    <t>【SKF】带座外球面轴承\SYF50TF\SKF</t>
  </si>
  <si>
    <t>【SKF】带座外球面轴承\SYJ100TF\SKF</t>
  </si>
  <si>
    <t>【SKF】带座外球面轴承\SYJ20TF\SKF</t>
  </si>
  <si>
    <t>【SKF】带座外球面轴承\SYJ30TF\SKF</t>
  </si>
  <si>
    <t>【SKF】带座外球面轴承\YAR207-2F\SKF</t>
  </si>
  <si>
    <t>【SKF】带座外球面轴承\SYJ35TF\SKF</t>
  </si>
  <si>
    <t>【SKF】带座外球面轴承\YET204\SKF</t>
  </si>
  <si>
    <t>【SKF】带座外球面轴承\SYJ40TF\SKF</t>
  </si>
  <si>
    <t>【SKF】带座外球面轴承\SYJ70TF\SKF</t>
  </si>
  <si>
    <t>【SKF】带座外球面轴承\SYJ75TF\SKF</t>
  </si>
  <si>
    <t>【SKF】带座外球面轴承\SYJ90TF\SKF</t>
  </si>
  <si>
    <t>【SKF】带座外球面轴承\TU20TF\SKF</t>
  </si>
  <si>
    <t>【SKF】带座外球面轴承\TU25FM\SKF</t>
  </si>
  <si>
    <t>【SKF】带座外球面轴承\TU25TF\SKF</t>
  </si>
  <si>
    <t>【SKF】带座外球面轴承\TU30FM\SKF</t>
  </si>
  <si>
    <t>【SKF】带座外球面轴承\TU30TF\SKF</t>
  </si>
  <si>
    <t>【SKF】带座外球面轴承\TU35FM\SKF</t>
  </si>
  <si>
    <t>【SKF】带座外球面轴承\TU35TF\SKF</t>
  </si>
  <si>
    <t>【SKF】带座外球面轴承\TU40FM\SKF</t>
  </si>
  <si>
    <t>【SKF】带座外球面轴承\TU45FM\SKF</t>
  </si>
  <si>
    <t>【SKF】带座外球面轴承\TU50FM\SKF</t>
  </si>
  <si>
    <t>【SKF】带座外球面轴承\TU50TF\SKF</t>
  </si>
  <si>
    <t>【SKF】带座外球面轴承\TU55TF\SKF</t>
  </si>
  <si>
    <t>【SKF】外球面球轴承\FY510M\SKF</t>
  </si>
  <si>
    <t>【SKF】外球面球轴承\FYTJ45TF\SKF</t>
  </si>
  <si>
    <t>【SKF】外球面球轴承\SY45TF\SKF</t>
  </si>
  <si>
    <t>【SKF】外球面球轴承\SY510M\SKF</t>
  </si>
  <si>
    <t>【SKF】外球面球轴承\SY55TF\SKF</t>
  </si>
  <si>
    <t>【SKF】外球面球轴承\YAR208-2F\SKF</t>
  </si>
  <si>
    <t>【SKF】外球面球轴承\YAR212-2F\SKF</t>
  </si>
  <si>
    <t>【SKF】外球面球轴承\YAR209-2F\SKF</t>
  </si>
  <si>
    <t>【SKF】外球面球轴承\YAR210-2F\SKF</t>
  </si>
  <si>
    <t>【SKF】外球面球轴承\YAR211-2F\SKF</t>
  </si>
  <si>
    <t>【SKF】外球面球轴承\YAR213-2F\SKF</t>
  </si>
  <si>
    <t>【SKF】带座外球面球轴承\SY35TF\SKF</t>
  </si>
  <si>
    <t>【SKF】带座外球面球轴承\SY40TF\SKF</t>
  </si>
  <si>
    <t>【SKF】带座外球面球轴承\SY50TF\SKF</t>
  </si>
  <si>
    <t>【SKF】带座外球面球轴承\SY65TF\SKF</t>
  </si>
  <si>
    <t>【SKF】带座外球面球轴承\SYJ65TF\SKF</t>
  </si>
  <si>
    <t>【SKF】带座外球面球轴承\SYJ80TF\SKF</t>
  </si>
  <si>
    <t>【SKF】带座外球面球轴承\TU40TF\SKF</t>
  </si>
  <si>
    <t>【SKF】带座外球面球轴承\TU45TF\SKF</t>
  </si>
  <si>
    <t>【SKF】带座外球面球轴承\YET205\SKF</t>
  </si>
  <si>
    <t>【SKF】带座外球面球轴承\YET207\SKF</t>
  </si>
  <si>
    <t>【SKF】立式轴承座\SNL518-615\SKF</t>
  </si>
  <si>
    <t>【SKF】立式轴承座\SYF508\SKF</t>
  </si>
  <si>
    <t>【SKF】立式轴承座\SYF504\SKF</t>
  </si>
  <si>
    <t>【SKF】立式轴承座\SYJ55TF\SKF</t>
  </si>
  <si>
    <t>【SKF】立式轴承座\SYF505\SKF</t>
  </si>
  <si>
    <t>【SKF】立式轴承座\SYF509\SKF</t>
  </si>
  <si>
    <t>【SKF】立式轴承座\SYJ45TF\SKF</t>
  </si>
  <si>
    <t>【SKF】立式轴承座\YAR204-2F\SKF</t>
  </si>
  <si>
    <t>【SKF】立式轴承座\SYJ50TF\SKF</t>
  </si>
  <si>
    <t>【SKF】立式轴承座\SNL216\SKF</t>
  </si>
  <si>
    <t>【SKF】紧定套\H220\SKF</t>
  </si>
  <si>
    <t>【SKF】紧定套\H2330\SKF</t>
  </si>
  <si>
    <t>【SKF】紧定套\H308\SKF</t>
  </si>
  <si>
    <t>【SKF】紧定套\H219\SKF</t>
  </si>
  <si>
    <t>【SKF】紧定套\H2326\SKF</t>
  </si>
  <si>
    <t>【SKF】紧定套\H3028\SKF</t>
  </si>
  <si>
    <t>【SKF】紧定套\H2313\SKF</t>
  </si>
  <si>
    <t>【SKF】紧定套\H3026\SKF</t>
  </si>
  <si>
    <t>【SKF】紧定套\H2310\SKF</t>
  </si>
  <si>
    <t>【SKF】紧定套\H3024\SKF</t>
  </si>
  <si>
    <t>【SKF】紧定套\H2309\SKF</t>
  </si>
  <si>
    <t>【SKF】紧定套\H2344\SKF</t>
  </si>
  <si>
    <t>【SKF】紧定套\H2308\SKF</t>
  </si>
  <si>
    <t>【SKF】紧定套\H2340\SKF</t>
  </si>
  <si>
    <t>【SKF】紧定套\H2307\SKF</t>
  </si>
  <si>
    <t>【SKF】紧定套\H2336\SKF</t>
  </si>
  <si>
    <t>【SKF】紧定套\H2306\SKF</t>
  </si>
  <si>
    <t>【SKF】紧定套\H2334\SKF</t>
  </si>
  <si>
    <t>【SKF】紧定套\H310\SKF</t>
  </si>
  <si>
    <t>【SKF】紧定套\H222\SKF</t>
  </si>
  <si>
    <t>【SKF】紧定套\H2332\SKF</t>
  </si>
  <si>
    <t>【SKF】紧定套\H309\SKF</t>
  </si>
  <si>
    <t>【SKF】紧定套\99294\SKF</t>
  </si>
  <si>
    <t>【SKF】紧定套\H3134\SKF</t>
  </si>
  <si>
    <t>【SKF】紧定套\H3132\SKF</t>
  </si>
  <si>
    <t>【SKF】紧定套\H3122\SKF</t>
  </si>
  <si>
    <t>【SKF】紧定套\H3120\SKF</t>
  </si>
  <si>
    <t>【SKF】紧定套\OH3156H\SKF</t>
  </si>
  <si>
    <t>【SKF】紧定套\OH3152H\SKF</t>
  </si>
  <si>
    <t>【SKF】紧定套\H2314\SKF</t>
  </si>
  <si>
    <t>【SKF】紧定套\H209\SKF</t>
  </si>
  <si>
    <t>【SKF】紧定套\H208\SKF</t>
  </si>
  <si>
    <t>【SKF】紧定套\H207\SKF</t>
  </si>
  <si>
    <t>【SKF】紧定套\H206\SKF</t>
  </si>
  <si>
    <t>【SKF】紧定套\H205\SKF</t>
  </si>
  <si>
    <t>【SKF】紧定套\H204\SKF</t>
  </si>
  <si>
    <t>【SKF】紧定套\H2315\SKF</t>
  </si>
  <si>
    <t>【SKF】紧定套\OH3260H\SKF</t>
  </si>
  <si>
    <t>【SKF】紧定套\H3136\SKF</t>
  </si>
  <si>
    <t>【SKF】紧定套\H3034\SKF</t>
  </si>
  <si>
    <t>【SKF】紧定套\H318\SKF</t>
  </si>
  <si>
    <t>【SKF】紧定套\H316\SKF</t>
  </si>
  <si>
    <t>【SKF】紧定套\H3156\SKF</t>
  </si>
  <si>
    <t>【SKF】紧定套\H3148\SKF</t>
  </si>
  <si>
    <t>【SKF】紧定套\H314\SKF</t>
  </si>
  <si>
    <t>【SKF】紧定套\H212\SKF</t>
  </si>
  <si>
    <t>【SKF】紧定套\H211\SKF</t>
  </si>
  <si>
    <t>【SKF】紧定套\H210\SKF</t>
  </si>
  <si>
    <t>【SKF】锁紧螺母\KM23\SKF</t>
  </si>
  <si>
    <t>【SKF】法兰轴承座\FNL511A\SKF</t>
  </si>
  <si>
    <t>【SKF】法兰轴承座\FNL510B\SKF</t>
  </si>
  <si>
    <t>【SKF】法兰轴承座\FNL522A\SKF</t>
  </si>
  <si>
    <t>【SKF】法兰轴承座\FNL510A\SKF</t>
  </si>
  <si>
    <t>【SKF】法兰轴承座\FNL520B\SKF</t>
  </si>
  <si>
    <t>【SKF】法兰轴承座\FNL509B\SKF</t>
  </si>
  <si>
    <t>【SKF】法兰轴承座\FNL515A\SKF</t>
  </si>
  <si>
    <t>【SKF】法兰轴承座\FNL513B\SKF</t>
  </si>
  <si>
    <t>【SKF】法兰轴承座\FNL513A\SKF</t>
  </si>
  <si>
    <t>【SKF】法兰轴承座\FNL512B\SKF</t>
  </si>
  <si>
    <t>【SKF】法兰轴承座\FNL512A\SKF</t>
  </si>
  <si>
    <t>【SKF】法兰轴承座\FNL511B\SKF</t>
  </si>
  <si>
    <t>【SKF】法兰轴承座\FNL520A\SKF</t>
  </si>
  <si>
    <t>【SKF】法兰轴承座\FNL509A\SKF</t>
  </si>
  <si>
    <t>【SKF】法兰轴承座\FNL518B\SKF</t>
  </si>
  <si>
    <t>【SKF】法兰轴承座\FNL507B\SKF</t>
  </si>
  <si>
    <t>【SKF】法兰轴承座\FNL518A\SKF</t>
  </si>
  <si>
    <t>【SKF】法兰轴承座\FNL516B\SKF</t>
  </si>
  <si>
    <t>【SKF】法兰轴承座\FNL516A\SKF</t>
  </si>
  <si>
    <t>【SKF】滚动轴承座\SNL513-611\SKF</t>
  </si>
  <si>
    <t>【SKF】调心滚子轴承\H320\SKF</t>
  </si>
  <si>
    <t>【SKF】滚针轴承\NA4906\SKF</t>
  </si>
  <si>
    <t>【SKF】深沟球轴承\FYC506\SKF</t>
  </si>
  <si>
    <t>【SKF】带法兰的轴承座\FNL 522 B\SKF</t>
  </si>
  <si>
    <t>【SKF】滚针轴承\HK2512\SKF</t>
  </si>
  <si>
    <t>【SKF】滚针轴承\HK2516\SKF</t>
  </si>
  <si>
    <t>【SKF】滚针轴承\HK3512\SKF</t>
  </si>
  <si>
    <t>【SKF】滚针轴承\NA4912\SKF</t>
  </si>
  <si>
    <t>【SKF】滚针轴承\NA4914\SKF</t>
  </si>
  <si>
    <t>【SKF】滚针轴承\NA6906\SKF</t>
  </si>
  <si>
    <t>【SKF】滚针轴承\NA6912\SKF</t>
  </si>
  <si>
    <t>【SKF】推力球轴承\51202\SKF</t>
  </si>
  <si>
    <t>【SKF】推力球轴承\51204\SKF</t>
  </si>
  <si>
    <t>【SKF】推力球轴承\51306\SKF</t>
  </si>
  <si>
    <t>【SKF】滚针轴承\NKI30/20TN\SKF</t>
  </si>
  <si>
    <t>【SKF】调心滚子轴承\21311E\SKF</t>
  </si>
  <si>
    <t>【SKF】调心滚子轴承\21319E\SKF</t>
  </si>
  <si>
    <t>【SKF】调心滚子轴承\21320EK\SKF</t>
  </si>
  <si>
    <t>【SKF】调心滚子轴承\22210E\SKF</t>
  </si>
  <si>
    <t>【SKF】调心滚子轴承\22220E/C3\SKF</t>
  </si>
  <si>
    <t>【SKF】调心滚子轴承\22222E/C3\SKF</t>
  </si>
  <si>
    <t>【SKF】调心滚子轴承\22256CC/W33\SKF</t>
  </si>
  <si>
    <t>【SKF】调心滚子轴承\22260CC/W33\SKF</t>
  </si>
  <si>
    <t>【SKF】调心滚子轴承\22310E\SKF</t>
  </si>
  <si>
    <t>【SKF】调心滚子轴承\22311E\SKF</t>
  </si>
  <si>
    <t>【SKF】调心滚子轴承\22320E/C3\SKF</t>
  </si>
  <si>
    <t>【SKF】调心滚子轴承\22326CC/C3W33\SKF</t>
  </si>
  <si>
    <t>【SKF】调心滚子轴承\22328CC/C3W33\SKF</t>
  </si>
  <si>
    <t>【SKF】调心滚子轴承\22330CC/C3W33\SKF</t>
  </si>
  <si>
    <t>【SKF】调心滚子轴承\22338CC/W33\SKF</t>
  </si>
  <si>
    <t>【SKF】调心滚子轴承\22344CC/W33\SKF</t>
  </si>
  <si>
    <t>【SKF】调心滚子轴承\22348CC/W33\SKF</t>
  </si>
  <si>
    <t>【SKF】调心滚子轴承\23028CC/W33\SKF</t>
  </si>
  <si>
    <t>【SKF】调心滚子轴承\23032CC/W33\SKF</t>
  </si>
  <si>
    <t>【SKF】调心滚子轴承\23034CC/W33\SKF</t>
  </si>
  <si>
    <t>【SKF】调心滚子轴承\23038CC/W33\SKF</t>
  </si>
  <si>
    <t>【SKF】调心滚子轴承\23044CC/W33\SKF</t>
  </si>
  <si>
    <t>【SKF】调心滚子轴承\23048CC/W33\SKF</t>
  </si>
  <si>
    <t>【SKF】激光对中仪\TKSA51</t>
  </si>
  <si>
    <t>【SKF】外球面轴承\YAR214-2F\SKF</t>
  </si>
  <si>
    <t>【SKF】外球面轴承\YAR215-2F\SKF</t>
  </si>
  <si>
    <t>【SKF】外球面轴承\YAR203-2F\SKF</t>
  </si>
  <si>
    <t>【SKF】外球面轴承\YAR205-2F\SKF</t>
  </si>
  <si>
    <t>【SKF】轴承紧定套\H3036\SKF</t>
  </si>
  <si>
    <t>【SKF】轴承紧定套\H319\SKF</t>
  </si>
  <si>
    <t>【SKF】轴承紧定套\H213\SKF</t>
  </si>
  <si>
    <t>【SKF】轴承锁定螺母\KM11\SKF（5个一包，请以5的倍数购买）</t>
  </si>
  <si>
    <t>【SKF】轴承紧定套\H312\SKF</t>
  </si>
  <si>
    <t>【SKF】轴承紧定套\H3032\SKF</t>
  </si>
  <si>
    <t>【SKF】带法兰的轴承座\FNL515B\SKF</t>
  </si>
  <si>
    <t>【SKF】外球面轴承\SY30FM\SKF</t>
  </si>
  <si>
    <t>【SKF】外球面轴承\YAR216-2F\SKF</t>
  </si>
  <si>
    <t>【SKF】外球面轴承\YAR218-2F\SKF</t>
  </si>
  <si>
    <t>【SKF】外球面轴承\YAR220-2F\SKF</t>
  </si>
  <si>
    <t>【SKF】外球面轴承\YEL205-2F\SKF</t>
  </si>
  <si>
    <t>【SKF】外球面轴承\YEL206-2F\SKF</t>
  </si>
  <si>
    <t>【SKF】外球面轴承\YEL207-2F\SKF</t>
  </si>
  <si>
    <t>【SKF】外球面轴承\YEL208-2F\SKF</t>
  </si>
  <si>
    <t>【SKF】外球面轴承\YEL209-2F\SKF</t>
  </si>
  <si>
    <t>【SKF】外球面轴承\YEL210-2F\SKF</t>
  </si>
  <si>
    <t>【SKF】外球面轴承\YEL211-2F\SKF</t>
  </si>
  <si>
    <t>【SKF】外球面轴承\YET203\SKF</t>
  </si>
  <si>
    <t>【SKF】轴承\YET206\SKF</t>
  </si>
  <si>
    <t>【SKF】外球面轴承\YET208\SKF</t>
  </si>
  <si>
    <t>【SKF】外球面轴承\YET210\SKF</t>
  </si>
  <si>
    <t>【SKF】外球面轴承\YET211\SKF</t>
  </si>
  <si>
    <t>【SKF】外球面轴承\YET212\SKF</t>
  </si>
  <si>
    <t>【SKF】深沟球轴承\SY60TF\SKF</t>
  </si>
  <si>
    <t>【SKF】深沟球轴承\6208-2Z\SKF</t>
  </si>
  <si>
    <t>【SKF】深沟球轴承\6313\SKF</t>
  </si>
  <si>
    <t>【SKF】深沟球轴承\16004\SKF</t>
  </si>
  <si>
    <t>【SKF】深沟球轴承\6007\SKF</t>
  </si>
  <si>
    <t>【SKF】深沟球轴承\6013\SKF</t>
  </si>
  <si>
    <t>【SKF】深沟球轴承\6211-2RS1\SKF</t>
  </si>
  <si>
    <t>【SKF】深沟球轴承\6212\SKF</t>
  </si>
  <si>
    <t>【SKF】深沟球轴承\6212-2RS1\SKF</t>
  </si>
  <si>
    <t>【SKF】深沟球轴承\6215\SKF</t>
  </si>
  <si>
    <t>【SKF】深沟球轴承\6216\SKF</t>
  </si>
  <si>
    <t>【SKF】深沟球轴承\6217\SKF</t>
  </si>
  <si>
    <t>【SKF】深沟球轴承\6219\SKF</t>
  </si>
  <si>
    <t>【SKF】深沟球轴承\6220\SKF</t>
  </si>
  <si>
    <t>【SKF】深沟球轴承\6226\SKF</t>
  </si>
  <si>
    <t>【SKF】深沟球轴承\6226/C3\SKF</t>
  </si>
  <si>
    <t>【SKF】深沟球轴承\6236M/C3\SKF</t>
  </si>
  <si>
    <t>【SKF】深沟球轴承\6309-2Z/C3\SKF</t>
  </si>
  <si>
    <t>【SKF】深沟球轴承\6311/C3\SKF</t>
  </si>
  <si>
    <t>【SKF】深沟球轴承\6307\SKF</t>
  </si>
  <si>
    <t>【SKF】深沟球轴承\6221\SKF</t>
  </si>
  <si>
    <t>【SKF】深沟球轴承\6330M/C3\SKF</t>
  </si>
  <si>
    <t>【SKF】深沟球轴承\6411\SKF</t>
  </si>
  <si>
    <t>【SKF】深沟球轴承\6038M/C3\SKF</t>
  </si>
  <si>
    <t>【SKF】深沟球轴承\6403\SKF</t>
  </si>
  <si>
    <t>【SKF】深沟球轴承\6026\SKF</t>
  </si>
  <si>
    <t>【SKF】深沟球轴承\6214\SKF</t>
  </si>
  <si>
    <t>【SKF】深沟球轴承\6238M/C3\SKF</t>
  </si>
  <si>
    <t>【SKF】深沟球轴承\16036\SKF</t>
  </si>
  <si>
    <t>【SKF】深沟球轴承\6022/C3\SKF</t>
  </si>
  <si>
    <t>【SKF】深沟球轴承\16044\SKF</t>
  </si>
  <si>
    <t>【SKF】深沟球轴承\16020\SKF</t>
  </si>
  <si>
    <t>【SKF】深沟球轴承\16038\SKF</t>
  </si>
  <si>
    <t>【SKF】深沟球轴承\6220/C3\SKF</t>
  </si>
  <si>
    <t>【SKF】深沟球轴承\6316/C3\SKF</t>
  </si>
  <si>
    <t>【SKF】深沟球轴承\6308-2Z/C3\SKF</t>
  </si>
  <si>
    <t>【SKF】深沟球轴承\6024-Z\SKF</t>
  </si>
  <si>
    <t>【SKF】深沟球轴承\6322\SKF</t>
  </si>
  <si>
    <t>【SKF】深沟球轴承\6003\SKF</t>
  </si>
  <si>
    <t>【SKF】深沟球轴承\6009\SKF</t>
  </si>
  <si>
    <t>【SKF】深沟球轴承\6201\SKF</t>
  </si>
  <si>
    <t>【SKF】深沟球轴承\6207/C3\SKF</t>
  </si>
  <si>
    <t>【SKF】深沟球轴承\6409\SKF</t>
  </si>
  <si>
    <t>【SKF】深沟球轴承\6024/C3\SKF</t>
  </si>
  <si>
    <t>【SKF】深沟球轴承\6202/C3\SKF</t>
  </si>
  <si>
    <t>【SKF】深沟球轴承\6203/C3\SKF</t>
  </si>
  <si>
    <t>【SKF】深沟球轴承\6203-2RSH/C3\SKF</t>
  </si>
  <si>
    <t>【SKF】深沟球轴承\6206-2RS1\SKF</t>
  </si>
  <si>
    <t>【SKF】深沟球轴承\6206-2Z/C3\SKF</t>
  </si>
  <si>
    <t>【SKF】深沟球轴承\6207-2RS1\SKF</t>
  </si>
  <si>
    <t>【SKF】深沟球轴承\6207-2Z\SKF</t>
  </si>
  <si>
    <t>【SKF】深沟球轴承\6209/C3\SKF</t>
  </si>
  <si>
    <t>【SKF】深沟球轴承\6210-2RS1/C3\SKF</t>
  </si>
  <si>
    <t>【SKF】深沟球轴承\6211-2Z\SKF</t>
  </si>
  <si>
    <t>【SKF】深沟球轴承\6211N\SKF</t>
  </si>
  <si>
    <t>【SKF】深沟球轴承\6212-2Z\SKF</t>
  </si>
  <si>
    <t>【SKF】深沟球轴承\6212-2Z/C3\SKF</t>
  </si>
  <si>
    <t>【SKF】深沟球轴承\6213-2Z/C3\SKF</t>
  </si>
  <si>
    <t>【SKF】深沟球轴承\6214-2Z\SKF</t>
  </si>
  <si>
    <t>【SKF】深沟球轴承\6215/C3\SKF</t>
  </si>
  <si>
    <t>【SKF】深沟球轴承\6216/C3\SKF</t>
  </si>
  <si>
    <t>【SKF】深沟球轴承\6216-2Z\SKF</t>
  </si>
  <si>
    <t>【SKF】深沟球轴承\6217-2Z\SKF</t>
  </si>
  <si>
    <t>【SKF】深沟球轴承\607-2RSH\SKF</t>
  </si>
  <si>
    <t>【SKF】深沟球轴承\6218/C3\SKF</t>
  </si>
  <si>
    <t>【SKF】深沟球轴承\6220-2Z\SKF</t>
  </si>
  <si>
    <t>【SKF】深沟球轴承\61880MA\SKF</t>
  </si>
  <si>
    <t>【SKF】深沟球轴承\6222/C3\SKF</t>
  </si>
  <si>
    <t>【SKF】深沟球轴承\61884MA/C3\SKF</t>
  </si>
  <si>
    <t>【SKF】深沟球轴承\6226M/C3\SKF</t>
  </si>
  <si>
    <t>【SKF】深沟球轴承\61888MA/C3\SKF</t>
  </si>
  <si>
    <t>【SKF】深沟球轴承\6228/C3\SKF</t>
  </si>
  <si>
    <t>【SKF】深沟球轴承\6203-Z\SKF</t>
  </si>
  <si>
    <t>【SKF】深沟球轴承\6230/C3\SKF</t>
  </si>
  <si>
    <t>【SKF】深沟球轴承\6232/C3\SKF</t>
  </si>
  <si>
    <t>【SKF】深沟球轴承\6204N\SKF</t>
  </si>
  <si>
    <t>【SKF】深沟球轴承\6232M/C3\SKF</t>
  </si>
  <si>
    <t>【SKF】深沟球轴承\6204-2Z/C3WT\SKF</t>
  </si>
  <si>
    <t>【SKF】深沟球轴承\6303-2Z\SKF</t>
  </si>
  <si>
    <t>【SKF】深沟球轴承\6206-2RS1/C2\SKF</t>
  </si>
  <si>
    <t>【SKF】深沟球轴承\6304-2RSH\SKF</t>
  </si>
  <si>
    <t>【SKF】深沟球轴承\6209NR\SKF</t>
  </si>
  <si>
    <t>【SKF】深沟球轴承\6304-2Z\SKF</t>
  </si>
  <si>
    <t>【SKF】深沟球轴承\6305-2RS1\SKF</t>
  </si>
  <si>
    <t>【SKF】深沟球轴承\6209-2Z/C3GJN\SKF</t>
  </si>
  <si>
    <t>【SKF】深沟球轴承\6305-2RS1/C3\SKF</t>
  </si>
  <si>
    <t>【SKF】深沟球轴承\6209-Z\SKF</t>
  </si>
  <si>
    <t>【SKF】深沟球轴承\6305-2Z\SKF</t>
  </si>
  <si>
    <t>【SKF】深沟球轴承\6210-2RS1/HC5C3WT\SKF</t>
  </si>
  <si>
    <t>【SKF】深沟球轴承\6307/C3\SKF</t>
  </si>
  <si>
    <t>【SKF】深沟球轴承\6210-2RZ\SKF</t>
  </si>
  <si>
    <t>【SKF】深沟球轴承\6307-2Z\SKF</t>
  </si>
  <si>
    <t>【SKF】深沟球轴承\6307-2Z/C3\SKF</t>
  </si>
  <si>
    <t>【SKF】深沟球轴承\6211-RS1\SKF</t>
  </si>
  <si>
    <t>【SKF】深沟球轴承\6308/C3\SKF</t>
  </si>
  <si>
    <t>【SKF】深沟球轴承\6212-ZNR\SKF</t>
  </si>
  <si>
    <t>【SKF】深沟球轴承\6308-2RS1/C3\SKF</t>
  </si>
  <si>
    <t>【SKF】深沟球轴承\6213-Z\SKF</t>
  </si>
  <si>
    <t>【SKF】深沟球轴承\6308-2Z\SKF</t>
  </si>
  <si>
    <t>【SKF】深沟球轴承\6214/HC5C3\SKF</t>
  </si>
  <si>
    <t>【SKF】深沟球轴承\6309/C3\SKF</t>
  </si>
  <si>
    <t>【SKF】深沟球轴承\6215NR\SKF</t>
  </si>
  <si>
    <t>【SKF】深沟球轴承\6310/C3\SKF</t>
  </si>
  <si>
    <t>【SKF】深沟球轴承\6310-2RS1\SKF</t>
  </si>
  <si>
    <t>【SKF】深沟球轴承\6222M/C3\SKF</t>
  </si>
  <si>
    <t>【SKF】深沟球轴承\6311-2RS1\SKF</t>
  </si>
  <si>
    <t>【SKF】深沟球轴承\6222/C3VL0241\SKF</t>
  </si>
  <si>
    <t>【SKF】深沟球轴承\6311-2Z\SKF</t>
  </si>
  <si>
    <t>【SKF】深沟球轴承\6222-Z\SKF</t>
  </si>
  <si>
    <t>【SKF】深沟球轴承\6311-2Z/C3\SKF</t>
  </si>
  <si>
    <t>【SKF】深沟球轴承\6224M/C3\SKF</t>
  </si>
  <si>
    <t>【SKF】深沟球轴承\6312-2Z\SKF</t>
  </si>
  <si>
    <t>【SKF】深沟球轴承\6312-2Z/C3\SKF</t>
  </si>
  <si>
    <t>【SKF】深沟球轴承\6230/P6\SKF</t>
  </si>
  <si>
    <t>【SKF】深沟球轴承\6313/C3\SKF</t>
  </si>
  <si>
    <t>【SKF】深沟球轴承\6234/C3\SKF</t>
  </si>
  <si>
    <t>【SKF】深沟球轴承\6317-2Z\SKF</t>
  </si>
  <si>
    <t>【SKF】深沟球轴承\6238/C3\SKF</t>
  </si>
  <si>
    <t>【SKF】深沟球轴承\6318/C3\SKF</t>
  </si>
  <si>
    <t>【SKF】深沟球轴承\6244M\SKF</t>
  </si>
  <si>
    <t>【SKF】深沟球轴承\6318-2Z\SKF</t>
  </si>
  <si>
    <t>【SKF】深沟球轴承\6319-2Z\SKF</t>
  </si>
  <si>
    <t>【SKF】深沟球轴承\6303-Z\SKF</t>
  </si>
  <si>
    <t>【SKF】深沟球轴承\6321/C3\SKF</t>
  </si>
  <si>
    <t>【SKF】深沟球轴承\6304-2RS1\SKF</t>
  </si>
  <si>
    <t>【SKF】深沟球轴承\6328M\SKF</t>
  </si>
  <si>
    <t>【SKF】深沟球轴承\6305-2RZ\SKF</t>
  </si>
  <si>
    <t>【SKF】深沟球轴承\6328M/C3\SKF</t>
  </si>
  <si>
    <t>【SKF】深沟球轴承\6306-2RZ\SKF</t>
  </si>
  <si>
    <t>【SKF】深沟球轴承\6334M\SKF</t>
  </si>
  <si>
    <t>【SKF】深沟球轴承\6413/C3\SKF</t>
  </si>
  <si>
    <t>【SKF】深沟球轴承\6306-2Z/C4\SKF</t>
  </si>
  <si>
    <t>【SKF】深沟球轴承\6210\SKF</t>
  </si>
  <si>
    <t>【SKF】深沟球轴承\6309-2Z/C3GJN\SKF</t>
  </si>
  <si>
    <t>【SKF】深沟球轴承\6012-2RS1\SKF</t>
  </si>
  <si>
    <t>【SKF】深沟球轴承\6309-Z/C3\SKF</t>
  </si>
  <si>
    <t>【SKF】深沟球轴承\6312/C4\SKF</t>
  </si>
  <si>
    <t>【SKF】深沟球轴承\6017/C3\SKF</t>
  </si>
  <si>
    <t>【SKF】深沟球轴承\6313/C4\SKF</t>
  </si>
  <si>
    <t>【SKF】深沟球轴承\6322/C3\SKF</t>
  </si>
  <si>
    <t>【SKF】深沟球轴承\6316-Z/C3\SKF</t>
  </si>
  <si>
    <t>【SKF】深沟球轴承\6326M/C3\SKF</t>
  </si>
  <si>
    <t>【SKF】深沟球轴承\6319-2RS1/C3\SKF</t>
  </si>
  <si>
    <t>【SKF】深沟球轴承\6202-2Z\SKF</t>
  </si>
  <si>
    <t>【SKF】深沟球轴承\6322M\SKF</t>
  </si>
  <si>
    <t>【SKF】深沟球轴承\16014\SKF</t>
  </si>
  <si>
    <t>【SKF】深沟球轴承\6328/C3VL2071\SKF</t>
  </si>
  <si>
    <t>【SKF】深沟球轴承\6020-2RS1\SKF</t>
  </si>
  <si>
    <t>【SKF】深沟球轴承\6017-2Z\SKF</t>
  </si>
  <si>
    <t>【SKF】深沟球轴承\6334/C3\SKF</t>
  </si>
  <si>
    <t>【SKF】深沟球轴承\6016-2Z\SKF</t>
  </si>
  <si>
    <t>【SKF】深沟球轴承\W625-2Z\SKF</t>
  </si>
  <si>
    <t>【SKF】深沟球轴承\6040M/C3\SKF</t>
  </si>
  <si>
    <t>【SKF】深沟球轴承\6017-2RS1\SKF</t>
  </si>
  <si>
    <t>【SKF】深沟球轴承\6326/C3\SKF</t>
  </si>
  <si>
    <t>【SKF】深沟球轴承\6314\SKF</t>
  </si>
  <si>
    <t>【SKF】深沟球轴承\6206-Z\SKF</t>
  </si>
  <si>
    <t>【SKF】深沟球轴承\6210-Z\SKF</t>
  </si>
  <si>
    <t>【SKF】深沟球轴承\6210/C3\SKF</t>
  </si>
  <si>
    <t>【SKF】深沟球轴承\6212/C3\SKF</t>
  </si>
  <si>
    <t>【SKF】深沟球轴承\6213/C3\SKF</t>
  </si>
  <si>
    <t>【SKF】深沟球轴承\6304\SKF</t>
  </si>
  <si>
    <t>【SKF】深沟球轴承\6317/C3\SKF</t>
  </si>
  <si>
    <t>【SKF】深沟球轴承\6319/C4\SKF</t>
  </si>
  <si>
    <t>【SKF】深沟球轴承\6207\SKF</t>
  </si>
  <si>
    <t>【SKF】深沟球轴承\6018\SKF</t>
  </si>
  <si>
    <t>【SKF】深沟球轴承\6236M\SKF</t>
  </si>
  <si>
    <t>【SKF】深沟球轴承\6319M/C3\SKF</t>
  </si>
  <si>
    <t>【SKF】深沟球轴承\61913\SKF</t>
  </si>
  <si>
    <t>【SKF】深沟球轴承\6310\SKF</t>
  </si>
  <si>
    <t>【SKF】深沟球轴承\6409/C3\SKF</t>
  </si>
  <si>
    <t>【SKF】深沟球轴承\6410/C3\SKF</t>
  </si>
  <si>
    <t>【SKF】深沟球轴承\6314/C3\SKF</t>
  </si>
  <si>
    <t>【SKF】深沟球轴承\6224\SKF</t>
  </si>
  <si>
    <t>【SKF】深沟球轴承\623\SKF</t>
  </si>
  <si>
    <t>【SKF】深沟球轴承\16064\SKF</t>
  </si>
  <si>
    <t>【SKF】深沟球轴承\308TN9/C3\SKF</t>
  </si>
  <si>
    <t>【SKF】深沟球轴承\6000-Z\SKF</t>
  </si>
  <si>
    <t>【SKF】深沟球轴承\6001-Z\SKF</t>
  </si>
  <si>
    <t>【SKF】深沟球轴承\6002-2Z/C3WT\SKF</t>
  </si>
  <si>
    <t>【SKF】深沟球轴承\6008-Z\SKF</t>
  </si>
  <si>
    <t>【SKF】深沟球轴承\6010-Z\SKF</t>
  </si>
  <si>
    <t>【SKF】深沟球轴承\6016-Z\SKF</t>
  </si>
  <si>
    <t>【SKF】深沟球轴承\6022M/C4\SKF</t>
  </si>
  <si>
    <t>【SKF】深沟球轴承\6052M\SKF</t>
  </si>
  <si>
    <t>【SKF】深沟球轴承\6060M\SKF</t>
  </si>
  <si>
    <t>【SKF】四点接触球轴承\QJ324N2MA/C3\SKF</t>
  </si>
  <si>
    <t>【SKF】四点接触球轴承\QJ324N2MA\SKF</t>
  </si>
  <si>
    <t>【SKF】四点接触球轴承\QJ326N2MA\SKF</t>
  </si>
  <si>
    <t>【SKF】四点接触球轴承\QJ330N2MA\SKF</t>
  </si>
  <si>
    <t>【SKF】调心滚子轴承\22224E\SKF</t>
  </si>
  <si>
    <t>【SKF】调心滚子轴承\22226E\SKF</t>
  </si>
  <si>
    <t>【SKF】调心滚子轴承\22228CC/W33\SKF</t>
  </si>
  <si>
    <t>【SKF】调心滚子轴承\22230CC/W33\SKF</t>
  </si>
  <si>
    <t>【SKF】调心滚子轴承\22232CC/W33\SKF</t>
  </si>
  <si>
    <t>【SKF】调心滚子轴承\22234CC/W33\SKF</t>
  </si>
  <si>
    <t>【SKF】调心滚子轴承\22236CC/W33\SKF</t>
  </si>
  <si>
    <t>【SKF】调心滚子轴承\22244CC/W33\SKF</t>
  </si>
  <si>
    <t>【SKF】调心滚子轴承\22248CC/W33\SKF</t>
  </si>
  <si>
    <t>【SKF】调心滚子轴承\22312E\SKF</t>
  </si>
  <si>
    <t>【SKF】调心滚子轴承\22319E\SKF</t>
  </si>
  <si>
    <t>【SKF】调心滚子轴承\22320E\SKF</t>
  </si>
  <si>
    <t>【SKF】调心滚子轴承\22324CC/W33\SKF</t>
  </si>
  <si>
    <t>【SKF】调心滚子轴承\22326CC/W33\SKF</t>
  </si>
  <si>
    <t>【SKF】调心滚子轴承\22328CC/W33\SKF</t>
  </si>
  <si>
    <t>【SKF】调心滚子轴承\22332CC/W33\SKF</t>
  </si>
  <si>
    <t>【SKF】调心滚子轴承\22336CC/W33\SKF</t>
  </si>
  <si>
    <t>【SKF】调心滚子轴承\23024CC/W33\SKF</t>
  </si>
  <si>
    <t>【SKF】调心滚子轴承\23030CC/W33\SKF</t>
  </si>
  <si>
    <t>【SKF】调心滚子轴承\23036CC/W33\SKF</t>
  </si>
  <si>
    <t>【SKF】调心滚子轴承\23052CC/W33\SKF</t>
  </si>
  <si>
    <t>【SKF】调心滚子轴承\23068CC/W33\SKF</t>
  </si>
  <si>
    <t>【SKF】调心滚子轴承\23126CC/W33\SKF</t>
  </si>
  <si>
    <t>【SKF】调心滚子轴承\23128CC/W33\SKF</t>
  </si>
  <si>
    <t>【SKF】调心滚子轴承\23130CC/W33\SKF</t>
  </si>
  <si>
    <t>【SKF】调心滚子轴承\23132CC/W33\SKF</t>
  </si>
  <si>
    <t>【SKF】调心滚子轴承\23136CC/W33\SKF</t>
  </si>
  <si>
    <t>【SKF】调心滚子轴承\23138CC/W33\SKF</t>
  </si>
  <si>
    <t>【SKF】调心滚子轴承\23140CC/W33\SKF</t>
  </si>
  <si>
    <t>【SKF】调心滚子轴承\23144CCK/W33\SKF</t>
  </si>
  <si>
    <t>【SKF】调心滚子轴承\23148CC/W33\SKF</t>
  </si>
  <si>
    <t>【SKF】调心滚子轴承\23152CC/W33\SKF</t>
  </si>
  <si>
    <t>【SKF】调心滚子轴承\23152CCK/W33\SKF</t>
  </si>
  <si>
    <t>【SKF】调心滚子轴承\23156CC/W33\SKF</t>
  </si>
  <si>
    <t>【SKF】调心滚子轴承\23164CC/W33\SKF</t>
  </si>
  <si>
    <t>【SKF】调心滚子轴承\23236CC/W33\SKF</t>
  </si>
  <si>
    <t>【SKF】调心滚子轴承\23260CC/W33\SKF</t>
  </si>
  <si>
    <t>【SKF】调心滚子轴承\23948CC/W33\SKF</t>
  </si>
  <si>
    <t>【SKF】调心滚子轴承\23952CC/W33\SKF</t>
  </si>
  <si>
    <t>【SKF】调心滚子轴承\24126CC/W33\SKF</t>
  </si>
  <si>
    <t>【SKF】调心滚子轴承\24138CC/W33\SKF</t>
  </si>
  <si>
    <t>【SKF】调心滚子轴承\23056CC/W33\SKF</t>
  </si>
  <si>
    <t>【SKF】调心滚子轴承\23124CC/W33\SKF</t>
  </si>
  <si>
    <t>【SKF】调心滚子轴承\23134CC/W33\SKF</t>
  </si>
  <si>
    <t>【SKF】调心滚子轴承\23148CCK/W33\SKF</t>
  </si>
  <si>
    <t>【SKF】调心滚子轴承\23168CC/W33\SKF</t>
  </si>
  <si>
    <t>【SKF】调心滚子轴承\23176CA/W33\SKF</t>
  </si>
  <si>
    <t>【SKF】调心滚子轴承\23218CC/W33\SKF</t>
  </si>
  <si>
    <t>【SKF】调心滚子轴承\23226CC/W33\SKF</t>
  </si>
  <si>
    <t>【SKF】调心滚子轴承\23944CC/W33\SKF</t>
  </si>
  <si>
    <t>【SKF】调心滚子轴承\23232CC/C3W33\SKF</t>
  </si>
  <si>
    <t>【SKF】调心滚子轴承\22314E/C3\SKF</t>
  </si>
  <si>
    <t>【SKF】调心滚子轴承\23238CC/W33\SKF</t>
  </si>
  <si>
    <t>【SKF】调心滚子轴承\24028CC/W33\SKF</t>
  </si>
  <si>
    <t>【SKF】调心滚子轴承\23240CC/W33\SKF</t>
  </si>
  <si>
    <t>【SKF】调心滚子轴承\23234CC/C3W33\SKF</t>
  </si>
  <si>
    <t>【SKF】调心滚子轴承\23936CC/W33\SKF</t>
  </si>
  <si>
    <t>【SKF】调心滚子轴承\22213EK/C3\SKF</t>
  </si>
  <si>
    <t>【SKF】调心滚子轴承\23960CC/W33\SKF</t>
  </si>
  <si>
    <t>【SKF】调心滚子轴承\23140CCK/C3W33\SKF</t>
  </si>
  <si>
    <t>【SKF】调心滚子轴承\24048CC/W33\SKF</t>
  </si>
  <si>
    <t>【SKF】调心滚子轴承\21320E/C3\SKF</t>
  </si>
  <si>
    <t>【SKF】调心滚子轴承\24052CC/W33\SKF</t>
  </si>
  <si>
    <t>【SKF】调心滚子轴承\24040CC/W33\SKF</t>
  </si>
  <si>
    <t>【SKF】调心滚子轴承\24056CC/W33\SKF</t>
  </si>
  <si>
    <t>【SKF】调心滚子轴承\22230CC/C3W33\SKF</t>
  </si>
  <si>
    <t>【SKF】调心滚子轴承\24122CC/W33\SKF</t>
  </si>
  <si>
    <t>【SKF】调心滚子轴承\23224CC/C3W33\SKF</t>
  </si>
  <si>
    <t>【SKF】调心滚子轴承\24124CC/C3W33\SKF</t>
  </si>
  <si>
    <t>【SKF】调心滚子轴承\24072CC/W33\SKF</t>
  </si>
  <si>
    <t>【SKF】调心滚子轴承\24140CC/W33\SKF</t>
  </si>
  <si>
    <t>【SKF】调心滚子轴承\23040CC/W33\SKF</t>
  </si>
  <si>
    <t>【SKF】调心滚子轴承\22216E\SKF</t>
  </si>
  <si>
    <t>【SKF】调心滚子轴承\23938CC/W33\SKF</t>
  </si>
  <si>
    <t>【SKF】调心滚子轴承\22217EK\SKF</t>
  </si>
  <si>
    <t>【SKF】调心滚子轴承\23244CC/W33\SKF</t>
  </si>
  <si>
    <t>【SKF】调心滚子轴承\22220E\SKF</t>
  </si>
  <si>
    <t>【SKF】调心滚子轴承\22224E/C3\SKF</t>
  </si>
  <si>
    <t>【SKF】调心滚子轴承\22222E\SKF</t>
  </si>
  <si>
    <t>【SKF】调心滚子轴承\22240CC/C3W33\SKF</t>
  </si>
  <si>
    <t>【SKF】调心滚子轴承\22222EK\SKF</t>
  </si>
  <si>
    <t>【SKF】调心滚子轴承\22309E\SKF</t>
  </si>
  <si>
    <t>【SKF】调心滚子轴承\22240CC/W33\SKF</t>
  </si>
  <si>
    <t>【SKF】调心滚子轴承\22340CC/W33\SKF</t>
  </si>
  <si>
    <t>【SKF】调心滚子轴承\23144CC/W33\SKF</t>
  </si>
  <si>
    <t>【SKF】调心滚子轴承\23022CC/W33\SKF</t>
  </si>
  <si>
    <t>【SKF】调心滚子轴承\22219EK/C3\SKF</t>
  </si>
  <si>
    <t>【SKF】调心滚子轴承\23032CC/C3W33\SKF</t>
  </si>
  <si>
    <t>【SKF】调心滚子轴承\22334CC/W33\SKF</t>
  </si>
  <si>
    <t>【SKF】调心滚子轴承\23220CC/W33\SKF</t>
  </si>
  <si>
    <t>【SKF】调心滚子轴承\23156CC/C3W33\SKF</t>
  </si>
  <si>
    <t>【SKF】调心滚子轴承\21315E\SKF</t>
  </si>
  <si>
    <t>【SKF】调心滚子轴承\24128CC/W33\SKF</t>
  </si>
  <si>
    <t>【SKF】调心滚子轴承\23044CC/C3W33\SKF</t>
  </si>
  <si>
    <t>【SKF】调心滚子轴承\24044CC/W33\SKF</t>
  </si>
  <si>
    <t>【SKF】调心滚子轴承\23222CC/W33\SKF</t>
  </si>
  <si>
    <t>【SKF】调心滚子轴承\22212E\SKF</t>
  </si>
  <si>
    <t>【SKF】调心滚子轴承\24130CC/W33/C3\SKF</t>
  </si>
  <si>
    <t>【SKF】调心滚子轴承\23224CC/W33\SKF</t>
  </si>
  <si>
    <t>【SKF】调心滚子轴承\21317E\SKF</t>
  </si>
  <si>
    <t>【SKF】调心滚子轴承\23230CC/W33\SKF</t>
  </si>
  <si>
    <t>【SKF】调心滚子轴承\22211E\SKF</t>
  </si>
  <si>
    <t>【SKF】调心滚子轴承\22315EK\SKF</t>
  </si>
  <si>
    <t>【SKF】调心滚子轴承\21312E\SKF</t>
  </si>
  <si>
    <t>【SKF】调心滚子轴承\24126CC/C3W33\SKF</t>
  </si>
  <si>
    <t>【SKF】调心滚子轴承\2216ETN9\SKF</t>
  </si>
  <si>
    <t>【SKF】调心滚子轴承\23134CCK/C3W33\SKF</t>
  </si>
  <si>
    <t>【SKF】调心滚子轴承\2219M\SKF</t>
  </si>
  <si>
    <t>【SKF】调心滚子轴承\23120CC/C3W33\SKF</t>
  </si>
  <si>
    <t>【SKF】调心滚子轴承\22324CC/C3W33\SKF</t>
  </si>
  <si>
    <t>【SKF】调心滚子轴承\22244CC/C3W33\SKF</t>
  </si>
  <si>
    <t>【SKF】调心滚子轴承\29332E\SKF</t>
  </si>
  <si>
    <t>【SKF】调心滚子轴承\23136CC/C3W33\SKF</t>
  </si>
  <si>
    <t>【SKF】调心滚子轴承\22236CC/C3W33\SKF</t>
  </si>
  <si>
    <t>【SKF】调心滚子轴承\23228CC/W33\SKF</t>
  </si>
  <si>
    <t>【SKF】调心滚子轴承\22313E/C3\SKF</t>
  </si>
  <si>
    <t>【SKF】调心滚子轴承\23148CC/C3W33\SKF</t>
  </si>
  <si>
    <t>【SKF】调心滚子轴承\23036CCK/W33\SKF</t>
  </si>
  <si>
    <t>【SKF】调心滚子轴承\24156CC/C3W33\SKF</t>
  </si>
  <si>
    <t>【SKF】调心滚子轴承\23948CC/C3W33\SKF</t>
  </si>
  <si>
    <t>【SKF】调心滚子轴承\22330CCJA/W33VA405\SKF</t>
  </si>
  <si>
    <t>【SKF】调心滚子轴承\24136CC/W33\SKF</t>
  </si>
  <si>
    <t>【SKF】调心滚子轴承\23234CC/W33\SKF</t>
  </si>
  <si>
    <t>【SKF】调心滚子轴承\24152CC/W33\SKF</t>
  </si>
  <si>
    <t>【SKF】调心滚子轴承\21309E\SKF</t>
  </si>
  <si>
    <t>【SKF】调心滚子轴承\23138CCK/W33\SKF</t>
  </si>
  <si>
    <t>【SKF】调心滚子轴承\22214E\SKF</t>
  </si>
  <si>
    <t>【SKF】调心滚子轴承\23048CCK/W33\SKF</t>
  </si>
  <si>
    <t>【SKF】调心滚子轴承\22313E\SKF</t>
  </si>
  <si>
    <t>【SKF】调心滚子轴承\23056CCK/W33\SKF</t>
  </si>
  <si>
    <t>【SKF】调心滚子轴承\22315E\SKF</t>
  </si>
  <si>
    <t>【SKF】调心滚子轴承\21316E/C3\SKF</t>
  </si>
  <si>
    <t>【SKF】调心滚子轴承\22316E\SKF</t>
  </si>
  <si>
    <t>【SKF】调心滚子轴承\24140CC/C3W33\SKF</t>
  </si>
  <si>
    <t>【SKF】调心滚子轴承\22317E\SKF</t>
  </si>
  <si>
    <t>【SKF】调心滚子轴承\23238CC/W33/C3\SKF</t>
  </si>
  <si>
    <t>【SKF】调心滚子轴承\24036CC/W33\SKF</t>
  </si>
  <si>
    <t>【SKF】调心滚子轴承\24044CC/C3W33\SKF</t>
  </si>
  <si>
    <t>【SKF】调心滚子轴承\22352CC/C3W33\SKF</t>
  </si>
  <si>
    <t>【SKF】调心滚子轴承\22319E/C3\SKF</t>
  </si>
  <si>
    <t>【SKF】调心滚子轴承\23218CC/C3W33\SKF</t>
  </si>
  <si>
    <t>【SKF】调心滚子轴承\22315E/C3\SKF</t>
  </si>
  <si>
    <t>【SKF】调心滚子轴承\23034CC/C3W33\SKF</t>
  </si>
  <si>
    <t>【SKF】调心滚子轴承\23230CC/C3W33\SKF</t>
  </si>
  <si>
    <t>【SKF】调心滚子轴承\24048CC/C3W33\SKF</t>
  </si>
  <si>
    <t>【SKF】调心滚子轴承\24148CC/W33\SKF</t>
  </si>
  <si>
    <t>【SKF】调心滚子轴承\23028CC/C3W33\SKF</t>
  </si>
  <si>
    <t>【SKF】调心滚子轴承\22234CC/W33/C3\SKF</t>
  </si>
  <si>
    <t>【SKF】调心滚子轴承\23040CC/C3W33\SKF</t>
  </si>
  <si>
    <t>【SKF】调心滚子轴承\23940CC/W33/C3\SKF</t>
  </si>
  <si>
    <t>【SKF】调心滚子轴承\23048CC/C3W33\SKF</t>
  </si>
  <si>
    <t>【SKF】调心滚子轴承\22218E/C3\SKF</t>
  </si>
  <si>
    <t>【SKF】调心滚子轴承\24130CC/W33\SKF</t>
  </si>
  <si>
    <t>【SKF】调心滚子轴承\23136 CCK/C3W33\SKF</t>
  </si>
  <si>
    <t>【SKF】调心滚子轴承\22216E/C3\SKF</t>
  </si>
  <si>
    <t>【SKF】调心滚子轴承\22206E\SKF</t>
  </si>
  <si>
    <t>【SKF】调心滚子轴承\23144CC/C3W33\SKF</t>
  </si>
  <si>
    <t>【SKF】调心滚子轴承\23140CC/C3W33\SKF</t>
  </si>
  <si>
    <t>【SKF】调心滚子轴承\23226CC/C3W33\SKF</t>
  </si>
  <si>
    <t>【SKF】调心滚子轴承\23940CC/W33\SKF</t>
  </si>
  <si>
    <t>【SKF】调心滚子轴承\23222CC/C3W33\SKF</t>
  </si>
  <si>
    <t>【SKF】调心滚子轴承\24030CC/W33\SKF</t>
  </si>
  <si>
    <t>【SKF】调心滚子轴承\23030CC/C3W33\SKF</t>
  </si>
  <si>
    <t>【SKF】调心滚子轴承\23052CC/C3W33\SKF</t>
  </si>
  <si>
    <t>【SKF】调心滚子轴承\22334CC/C3W33\SKF</t>
  </si>
  <si>
    <t>【SKF】调心滚子轴承\23240CC/C3W33\SKF</t>
  </si>
  <si>
    <t>【SKF】调心滚子轴承\24024CC/W33\SKF</t>
  </si>
  <si>
    <t>【SKF】调心滚子轴承\22314E\SKF</t>
  </si>
  <si>
    <t>【SKF】调心滚子轴承\23124CC/W33/C3\SKF</t>
  </si>
  <si>
    <t>【SKF】调心滚子轴承\23236CC/C3W33\SKF</t>
  </si>
  <si>
    <t>【SKF】调心滚子轴承\24026CC/W33\SKF</t>
  </si>
  <si>
    <t>【SKF】调心滚子轴承\22317E/C3\SKF</t>
  </si>
  <si>
    <t>【SKF】调心滚子轴承\23128CC/C3W33\SKF</t>
  </si>
  <si>
    <t>【SKF】调心滚子轴承\21315E/C3\SKF</t>
  </si>
  <si>
    <t>【SKF】调心滚子轴承\21318E/C3\SKF</t>
  </si>
  <si>
    <t>【SKF】调心滚子轴承\22248CC/C3W33\SKF</t>
  </si>
  <si>
    <t>【SKF】调心滚子轴承\22248CCK/C3W33\SKF</t>
  </si>
  <si>
    <t>【SKF】调心滚子轴承\22260CC/C3W33\SKF</t>
  </si>
  <si>
    <t>【SKF】调心滚子轴承\22319E/C4\SKF</t>
  </si>
  <si>
    <t>【SKF】调心滚子轴承\22380CA/W33\SKF</t>
  </si>
  <si>
    <t>【SKF】调心滚子轴承\23160CC/C3W33\SKF</t>
  </si>
  <si>
    <t>【SKF】调心滚子轴承\23164CCK/W33\SKF</t>
  </si>
  <si>
    <t>【SKF】调心滚子轴承\23188CA/W33</t>
  </si>
  <si>
    <t>【SKF】调心滚子轴承\23276CA/W33\SKF</t>
  </si>
  <si>
    <t>【SKF】调心滚子轴承\23964CCK/W33\SKF</t>
  </si>
  <si>
    <t>【SKF】调心滚子轴承\23968CC/W33\SKF</t>
  </si>
  <si>
    <t>【SKF】调心滚子轴承\23980CC/W33\SKF</t>
  </si>
  <si>
    <t>【SKF】调心滚子轴承\23988CC/W33\SKF</t>
  </si>
  <si>
    <t>【SKF】调心滚子轴承\240/500ECA/W33\SKF</t>
  </si>
  <si>
    <t>【SKF】调心滚子轴承\24020CC/C3W33\SKF</t>
  </si>
  <si>
    <t>【SKF】调心滚子轴承\24056CC/C4W33\SKF</t>
  </si>
  <si>
    <t>【SKF】调心滚子轴承\24128CC/C3W33\SKF</t>
  </si>
  <si>
    <t>【SKF】调心滚子轴承\29326E\SKF</t>
  </si>
  <si>
    <t>【SKF】调心滚子轴承\29356E\SKF</t>
  </si>
  <si>
    <t>【SKF】调心球轴承\1316\SKF</t>
  </si>
  <si>
    <t>【SKF】调心球轴承\1209ETN9\SKF</t>
  </si>
  <si>
    <t>【SKF】调心球轴承\1213EKTN9\SKF</t>
  </si>
  <si>
    <t>【SKF】调心球轴承\1220K\SKF</t>
  </si>
  <si>
    <t>【SKF】调心球轴承\1310ETN9\SKF</t>
  </si>
  <si>
    <t>【SKF】调心球轴承\1312EKTN9\SKF</t>
  </si>
  <si>
    <t>【SKF】调心球轴承\1312ETN9\SKF</t>
  </si>
  <si>
    <t>【SKF】调心球轴承\1313ETN9\SKF</t>
  </si>
  <si>
    <t>【SKF】调心球轴承\2214\SKF</t>
  </si>
  <si>
    <t>【SKF】调心球轴承\1314\SKF</t>
  </si>
  <si>
    <t>【SKF】调心球轴承\1217\SKF</t>
  </si>
  <si>
    <t>【SKF】调心球轴承\2210ETN9\SKF</t>
  </si>
  <si>
    <t>【SKF】调心球轴承\2316\SKF</t>
  </si>
  <si>
    <t>【SKF】调心球轴承\2310\SKF</t>
  </si>
  <si>
    <t>【SKF】调心球轴承\2314\SKF</t>
  </si>
  <si>
    <t>【SKF】调心球轴承\2312\SKF</t>
  </si>
  <si>
    <t>【SKF】调心球轴承\1315\SKF</t>
  </si>
  <si>
    <t>【SKF】调心球轴承\2313\SKF</t>
  </si>
  <si>
    <t>【SKF】调心球轴承\2206ETN9\SKF</t>
  </si>
  <si>
    <t>【SKF】调心球轴承\1205ETN9\SKF</t>
  </si>
  <si>
    <t>【SKF】调心球轴承\2220\SKF</t>
  </si>
  <si>
    <t>【SKF】调心球轴承\2311\SKF</t>
  </si>
  <si>
    <t>【SKF】调心球轴承\2315\SKF</t>
  </si>
  <si>
    <t>【SKF】调心球轴承\1216\SKF</t>
  </si>
  <si>
    <t>【SKF】调心球轴承\1222\SKF</t>
  </si>
  <si>
    <t>【SKF】调心球轴承\1212ETN9\SKF</t>
  </si>
  <si>
    <t>【SKF】调心球轴承\2209ETN9\SKF</t>
  </si>
  <si>
    <t>【SKF】调心球轴承\1214ETN9\SKF</t>
  </si>
  <si>
    <t>【SKF】调心球轴承\1311ETN9\SKF</t>
  </si>
  <si>
    <t>【SKF】调心球轴承\2205E-2RS1KTN9\SKF</t>
  </si>
  <si>
    <t>【SKF】调心球轴承\2207E-2RS1TN9\SKF</t>
  </si>
  <si>
    <t>【SKF】调心球轴承\2212EKTN9\SKF</t>
  </si>
  <si>
    <t>【SKF】调心球轴承\2305E-2RS1TN9\SKF</t>
  </si>
  <si>
    <t>【SKF】圆柱滚子轴承\NJ220ECM\SKF</t>
  </si>
  <si>
    <t>【SKF】圆柱滚子轴承\NJ2224ECJ\SKF</t>
  </si>
  <si>
    <t>【SKF】圆柱滚子轴承\NU218ECM\SKF</t>
  </si>
  <si>
    <t>【SKF】圆柱滚子轴承\NJ224ECM\SKF</t>
  </si>
  <si>
    <t>【SKF】圆柱滚子轴承\NU220ECJ/C3\SKF</t>
  </si>
  <si>
    <t>【SKF】圆柱滚子轴承\NJ228ECJ\SKF</t>
  </si>
  <si>
    <t>【SKF】圆柱滚子轴承\NU222ECM\SKF</t>
  </si>
  <si>
    <t>【SKF】圆柱滚子轴承\NU1048ML\SKF</t>
  </si>
  <si>
    <t>【SKF】圆柱滚子轴承\NU224ECP\SKF</t>
  </si>
  <si>
    <t>【SKF】圆柱滚子轴承\NU224ECM\SKF</t>
  </si>
  <si>
    <t>【SKF】圆柱滚子轴承\NU226ECP\SKF</t>
  </si>
  <si>
    <t>【SKF】圆柱滚子轴承\NU228ECML\SKF</t>
  </si>
  <si>
    <t>【SKF】圆柱滚子轴承\NU226ECM\SKF</t>
  </si>
  <si>
    <t>【SKF】圆柱滚子轴承\NU230ECM\SKF</t>
  </si>
  <si>
    <t>【SKF】圆柱滚子轴承\NU234ECM/C3\SKF</t>
  </si>
  <si>
    <t>【SKF】圆柱滚子轴承\NU230ECM/C3\SKF</t>
  </si>
  <si>
    <t>【SKF】圆柱滚子轴承\NU238ECM/C3\SKF</t>
  </si>
  <si>
    <t>【SKF】圆柱滚子轴承\NU2320ECJ/C3\SKF</t>
  </si>
  <si>
    <t>【SKF】圆柱滚子轴承\NU319ECM/C3\SKF</t>
  </si>
  <si>
    <t>【SKF】圆柱滚子轴承\NU2320ECML/C3\SKF</t>
  </si>
  <si>
    <t>【SKF】圆柱滚子轴承\NU322ECJ\SKF</t>
  </si>
  <si>
    <t>【SKF】圆柱滚子轴承\NU232ECM/C3\SKF</t>
  </si>
  <si>
    <t>【SKF】圆柱滚子轴承\NU236ECM/C3\SKF</t>
  </si>
  <si>
    <t>【SKF】圆柱滚子轴承\NU330ECM\SKF</t>
  </si>
  <si>
    <t>【SKF】圆柱滚子轴承\NU306ECP\SKF</t>
  </si>
  <si>
    <t>【SKF】圆柱滚子轴承\NU334ECM\SKF</t>
  </si>
  <si>
    <t>【SKF】圆柱滚子轴承\NU307ECP\SKF</t>
  </si>
  <si>
    <t>【SKF】圆柱滚子轴承\N314ECM\SKF</t>
  </si>
  <si>
    <t>【SKF】圆柱滚子轴承\NU308ECJ\SKF</t>
  </si>
  <si>
    <t>【SKF】圆柱滚子轴承\N326ECM\SKF</t>
  </si>
  <si>
    <t>【SKF】圆柱滚子轴承\NU308ECM\SKF</t>
  </si>
  <si>
    <t>【SKF】圆柱滚子轴承\NJ2216ECM/C3\SKF</t>
  </si>
  <si>
    <t>【SKF】圆柱滚子轴承\NU308ECP\SKF</t>
  </si>
  <si>
    <t>【SKF】圆柱滚子轴承\NU308ECP/C3\SKF</t>
  </si>
  <si>
    <t>【SKF】圆柱滚子轴承\NJ2226ECML\SKF</t>
  </si>
  <si>
    <t>【SKF】圆柱滚子轴承\NU309ECJ\SKF</t>
  </si>
  <si>
    <t>【SKF】圆柱滚子轴承\NJ224ECJ\SKF</t>
  </si>
  <si>
    <t>【SKF】圆柱滚子轴承\NU309ECM\SKF</t>
  </si>
  <si>
    <t>【SKF】圆柱滚子轴承\NJ230ECJ\SKF</t>
  </si>
  <si>
    <t>【SKF】圆柱滚子轴承\NU310ECJ\SKF</t>
  </si>
  <si>
    <t>【SKF】圆柱滚子轴承\NJ313ECM\SKF</t>
  </si>
  <si>
    <t>【SKF】圆柱滚子轴承\NU310ECM\SKF</t>
  </si>
  <si>
    <t>【SKF】圆柱滚子轴承\NJ322ECJ/C3\SKF</t>
  </si>
  <si>
    <t>【SKF】圆柱滚子轴承\NU310ECP\SKF</t>
  </si>
  <si>
    <t>【SKF】圆柱滚子轴承\NU311ECM\SKF</t>
  </si>
  <si>
    <t>【SKF】圆柱滚子轴承\NJ324ECJ/C3\SKF</t>
  </si>
  <si>
    <t>【SKF】圆柱滚子轴承\NU311ECM/C3\SKF</t>
  </si>
  <si>
    <t>【SKF】圆柱滚子轴承\NJ326ECJ/C3\SKF</t>
  </si>
  <si>
    <t>【SKF】圆柱滚子轴承\NU311ECP\SKF</t>
  </si>
  <si>
    <t>【SKF】圆柱滚子轴承\NJ326ECM/C3\SKF</t>
  </si>
  <si>
    <t>【SKF】圆柱滚子轴承\NU312ECJ\SKF</t>
  </si>
  <si>
    <t>【SKF】圆柱滚子轴承\NJ330ECM/C3\SKF</t>
  </si>
  <si>
    <t>【SKF】圆柱滚子轴承\NU312ECJ/C3\SKF</t>
  </si>
  <si>
    <t>【SKF】圆柱滚子轴承\NU1052ML\SKF</t>
  </si>
  <si>
    <t>【SKF】圆柱滚子轴承\NU312ECM\SKF</t>
  </si>
  <si>
    <t>【SKF】圆柱滚子轴承\NU312ECP\SKF</t>
  </si>
  <si>
    <t>【SKF】圆柱滚子轴承\NU215ECJ\SKF</t>
  </si>
  <si>
    <t>【SKF】圆柱滚子轴承\NU313ECJ\SKF</t>
  </si>
  <si>
    <t>【SKF】圆柱滚子轴承\NU217ECJ\SKF</t>
  </si>
  <si>
    <t>【SKF】圆柱滚子轴承\NU313ECM\SKF</t>
  </si>
  <si>
    <t>【SKF】圆柱滚子轴承\NU218ECM/C3\SKF</t>
  </si>
  <si>
    <t>【SKF】圆柱滚子轴承\NU313ECP\SKF</t>
  </si>
  <si>
    <t>【SKF】圆柱滚子轴承\NU2226ECML\SKF</t>
  </si>
  <si>
    <t>【SKF】圆柱滚子轴承\NU314ECP\SKF</t>
  </si>
  <si>
    <t>【SKF】圆柱滚子轴承\NU228ECM\SKF</t>
  </si>
  <si>
    <t>【SKF】圆柱滚子轴承\NU316ECJ\SKF</t>
  </si>
  <si>
    <t>【SKF】圆柱滚子轴承\NU240ECM/C3\SKF</t>
  </si>
  <si>
    <t>【SKF】圆柱滚子轴承\NU316ECM/C3\SKF</t>
  </si>
  <si>
    <t>【SKF】圆柱滚子轴承\NU320ECJ\SKF</t>
  </si>
  <si>
    <t>【SKF】圆柱滚子轴承\NU317ECJ\SKF</t>
  </si>
  <si>
    <t>【SKF】圆柱滚子轴承\NU320ECM\SKF</t>
  </si>
  <si>
    <t>【SKF】圆柱滚子轴承\NU317ECM/C3\SKF</t>
  </si>
  <si>
    <t>【SKF】圆柱滚子轴承\NU317ECP\SKF</t>
  </si>
  <si>
    <t>【SKF】圆柱滚子轴承\NU322ECM\SKF</t>
  </si>
  <si>
    <t>【SKF】圆柱滚子轴承\NU319ECP/C3\SKF</t>
  </si>
  <si>
    <t>【SKF】圆柱滚子轴承\NU322ECP\SKF</t>
  </si>
  <si>
    <t>【SKF】圆柱滚子轴承\NU324ECJ\SKF</t>
  </si>
  <si>
    <t>【SKF】圆柱滚子轴承\NU326ECJ/C3\SKF</t>
  </si>
  <si>
    <t>【SKF】圆柱滚子轴承\NUP307ECJ\SKF</t>
  </si>
  <si>
    <t>【SKF】圆柱滚子轴承\NU326ECM\SKF</t>
  </si>
  <si>
    <t>【SKF】圆柱滚子轴承\NUP309ECJ\SKF</t>
  </si>
  <si>
    <t>【SKF】圆柱滚子轴承\NU328ECM\SKF</t>
  </si>
  <si>
    <t>【SKF】圆柱滚子轴承\NUP311ECJ\SKF</t>
  </si>
  <si>
    <t>【SKF】圆柱滚子轴承\NUP313ECJ\SKF</t>
  </si>
  <si>
    <t>【SKF】圆柱滚子轴承\NU330ECM/C3\SKF</t>
  </si>
  <si>
    <t>【SKF】圆柱滚子轴承\NUP317ECJ\SKF</t>
  </si>
  <si>
    <t>【SKF】圆柱滚子轴承\NU332ECM\SKF</t>
  </si>
  <si>
    <t>【SKF】圆柱滚子轴承\NU305ECP\SKF</t>
  </si>
  <si>
    <t>【SKF】圆柱滚子轴承\NU336ECM\SKF</t>
  </si>
  <si>
    <t>【SKF】圆柱滚子轴承\NJ232ECML\SKF</t>
  </si>
  <si>
    <t>【SKF】圆柱滚子轴承\NU218ECJ/C3\SKF</t>
  </si>
  <si>
    <t>【SKF】圆柱滚子轴承\NU217ECM\SKF</t>
  </si>
  <si>
    <t>【SKF】圆柱滚子轴承\NU222ECM/C3\SKF</t>
  </si>
  <si>
    <t>【SKF】圆柱滚子轴承\NU211ECM/C3\SKF</t>
  </si>
  <si>
    <t>【SKF】圆柱滚子轴承\NU224ECM/C3\SKF</t>
  </si>
  <si>
    <t>【SKF】圆柱滚子轴承\NJ2322ECML/C3\SKF</t>
  </si>
  <si>
    <t>【SKF】圆柱滚子轴承\NJ1034ML/C3\SKF</t>
  </si>
  <si>
    <t>【SKF】圆柱滚子轴承\NU228ECM/C3\SKF</t>
  </si>
  <si>
    <t>【SKF】圆柱滚子轴承\NJ214ECM/C3\SKF</t>
  </si>
  <si>
    <t>【SKF】圆柱滚子轴承\NU334ECM/C3\SKF</t>
  </si>
  <si>
    <t>【SKF】圆柱滚子轴承\NJ2316ECML/C3\SKF</t>
  </si>
  <si>
    <t>【SKF】圆柱滚子轴承\NU219ECM\SKF</t>
  </si>
  <si>
    <t>【SKF】圆柱滚子轴承\NU309ECM/C3\SKF</t>
  </si>
  <si>
    <t>【SKF】圆柱滚子轴承\NU220ECM\SKF</t>
  </si>
  <si>
    <t>【SKF】圆柱滚子轴承\NU220ECM/C3\SKF</t>
  </si>
  <si>
    <t>【SKF】圆柱滚子轴承\NU236ECM\SKF</t>
  </si>
  <si>
    <t>【SKF】圆柱滚子轴承\NJ2214ECM/C3\SKF</t>
  </si>
  <si>
    <t>【SKF】圆柱滚子轴承\NJ2308ECJ\SKF</t>
  </si>
  <si>
    <t>【SKF】圆柱滚子轴承\NU314ECM\SKF</t>
  </si>
  <si>
    <t>【SKF】圆柱滚子轴承\NU212ECM\SKF</t>
  </si>
  <si>
    <t>【SKF】圆柱滚子轴承\NU315ECM\SKF</t>
  </si>
  <si>
    <t>【SKF】圆柱滚子轴承\NJ2314ECML/C3\SKF</t>
  </si>
  <si>
    <t>【SKF】圆柱滚子轴承\NU319ECJ/C3\SKF</t>
  </si>
  <si>
    <t>【SKF】圆柱滚子轴承\NJ308ECJ/C3\SKF</t>
  </si>
  <si>
    <t>【SKF】圆柱滚子轴承\NJ315ECM\SKF</t>
  </si>
  <si>
    <t>【SKF】圆柱滚子轴承\NU308ECJ/C3\SKF</t>
  </si>
  <si>
    <t>【SKF】圆柱滚子轴承\NU2234ECML/C3\SKF</t>
  </si>
  <si>
    <t>【SKF】圆柱滚子轴承\NJ311ECJ\SKF</t>
  </si>
  <si>
    <t>【SKF】圆柱滚子轴承\NJ216ECML/C3\SKF</t>
  </si>
  <si>
    <t>【SKF】圆柱滚子轴承\NJ219ECJ/C3\SKF</t>
  </si>
  <si>
    <t>【SKF】圆柱滚子轴承\NJ2312ECML/C3\SKF</t>
  </si>
  <si>
    <t>【SKF】圆柱滚子轴承\22244CCK/W33\SKF</t>
  </si>
  <si>
    <t>【SKF】圆柱滚子轴承\NJ310ECM/C3\SKF</t>
  </si>
  <si>
    <t>【SKF】圆柱滚子轴承\NU260M/C3\SKF</t>
  </si>
  <si>
    <t>【SKF】圆柱滚子轴承\NJ224ECM/C3\SKF</t>
  </si>
  <si>
    <t>【SKF】圆柱滚子轴承\NU1034M/C3\SKF</t>
  </si>
  <si>
    <t>【SKF】圆柱滚子轴承\NJ2306ECML/C3\SKF</t>
  </si>
  <si>
    <t>【SKF】圆柱滚子轴承\22322E/C3\SKF</t>
  </si>
  <si>
    <t>【SKF】圆柱滚子轴承\N318ECM\SKF</t>
  </si>
  <si>
    <t>【SKF】圆柱滚子轴承\N319ECM\SKF</t>
  </si>
  <si>
    <t>【SKF】圆柱滚子轴承\NJ218ECM\SKF</t>
  </si>
  <si>
    <t>【SKF】圆柱滚子轴承\N320ECM\SKF</t>
  </si>
  <si>
    <t>【SKF】圆柱滚子轴承\NJ314ECJ/C3\SKF</t>
  </si>
  <si>
    <t>【SKF】圆柱滚子轴承\N324ECM/C3\SKF</t>
  </si>
  <si>
    <t>【SKF】圆柱滚子轴承\NJ226ECJ/C3\SKF</t>
  </si>
  <si>
    <t>【SKF】圆柱滚子轴承\NJ211ECJ\SKF</t>
  </si>
  <si>
    <t>【SKF】圆柱滚子轴承\NJ2209ECJ\SKF</t>
  </si>
  <si>
    <t>【SKF】圆柱滚子轴承\NJ213ECJ\SKF</t>
  </si>
  <si>
    <t>【SKF】圆柱滚子轴承\NJ228ECJ/C3\SKF</t>
  </si>
  <si>
    <t>【SKF】圆柱滚子轴承\NJ220ECJ\SKF</t>
  </si>
  <si>
    <t>【SKF】圆柱滚子轴承\NU314ECJ\SKF</t>
  </si>
  <si>
    <t>【SKF】圆柱滚子轴承\NJ2309ECP\SKF</t>
  </si>
  <si>
    <t>【SKF】圆柱滚子轴承\NJ2310ECML/C3\SKF</t>
  </si>
  <si>
    <t>【SKF】圆柱滚子轴承\NJ219ECP\SKF</t>
  </si>
  <si>
    <t>【SKF】圆柱滚子轴承\NJ2315ECML/C3\SKF</t>
  </si>
  <si>
    <t>【SKF】圆柱滚子轴承\NU326ECP\SKF</t>
  </si>
  <si>
    <t>【SKF】圆柱滚子轴承\NU216ECJ\SKF</t>
  </si>
  <si>
    <t>【SKF】圆柱滚子轴承\N313ECM\SKF</t>
  </si>
  <si>
    <t>【SKF】圆柱滚子轴承\NU222ECJ\SKF</t>
  </si>
  <si>
    <t>【SKF】圆柱滚子轴承\NJ314ECM\SKF</t>
  </si>
  <si>
    <t>【SKF】圆柱滚子轴承\NU224ECJ\SKF</t>
  </si>
  <si>
    <t>【SKF】圆柱滚子轴承\NJ316ECP\SKF</t>
  </si>
  <si>
    <t>【SKF】圆柱滚子轴承\NU224ECJ/C3\SKF</t>
  </si>
  <si>
    <t>【SKF】圆柱滚子轴承\NU226ECJ/C3\SKF</t>
  </si>
  <si>
    <t>【SKF】圆柱滚子轴承\NU2317ECP\SKF</t>
  </si>
  <si>
    <t>【SKF】圆柱滚子轴承\NU230ECJ\SKF</t>
  </si>
  <si>
    <t>【SKF】圆柱滚子轴承\NU318ECM/C3\SKF</t>
  </si>
  <si>
    <t>【SKF】圆柱滚子轴承\NU324ECJ/C3\SKF</t>
  </si>
  <si>
    <t>【SKF】圆柱滚子轴承\NU2218ECM\SKF</t>
  </si>
  <si>
    <t>【SKF】圆柱滚子轴承\NU326ECM/C3\SKF</t>
  </si>
  <si>
    <t>【SKF】圆柱滚子轴承\NU324ECM/C3\SKF</t>
  </si>
  <si>
    <t>【SKF】圆柱滚子轴承\NU328ECJ\SKF</t>
  </si>
  <si>
    <t>【SKF】圆柱滚子轴承\N320ECM/C3\SKF</t>
  </si>
  <si>
    <t>【SKF】圆柱滚子轴承\NU1009ECP\SKF</t>
  </si>
  <si>
    <t>【SKF】圆柱滚子轴承\NU332ECML/C3\SKF</t>
  </si>
  <si>
    <t>【SKF】圆柱滚子轴承\NU328ECM/C3\SKF</t>
  </si>
  <si>
    <t>【SKF】圆柱滚子轴承\NJ2318ECML/C3\SKF</t>
  </si>
  <si>
    <t>【SKF】圆柱滚子轴承\NU214ECP/C3\SKF</t>
  </si>
  <si>
    <t>【SKF】圆柱滚子轴承\N319ECM/C3\SKF</t>
  </si>
  <si>
    <t>【SKF】圆柱滚子轴承\NU226ECP/C3\SKF</t>
  </si>
  <si>
    <t>【SKF】圆柱滚子轴承\NU2314ECP\SKF</t>
  </si>
  <si>
    <t>【SKF】圆柱滚子轴承\NJ2222ECJ/C3\SKF</t>
  </si>
  <si>
    <t>【SKF】圆柱滚子轴承\NU1022ML\SKF</t>
  </si>
  <si>
    <t>【SKF】圆柱滚子轴承\NU1024ML/C3\SKF</t>
  </si>
  <si>
    <t>【SKF】圆柱滚子轴承\NU2215ECJ\SKF</t>
  </si>
  <si>
    <t>【SKF】圆柱滚子轴承\NU212ECJ/C3\SKF</t>
  </si>
  <si>
    <t>【SKF】圆柱滚子轴承\NU324ECM\SKF</t>
  </si>
  <si>
    <t>【SKF】圆柱滚子轴承\NJ2208ECJ\SKF</t>
  </si>
  <si>
    <t>【SKF】圆柱滚子轴承\N306ECP\SKF</t>
  </si>
  <si>
    <t>【SKF】圆柱滚子轴承\NJ2210ECJ\SKF</t>
  </si>
  <si>
    <t>【SKF】圆柱滚子轴承\N310ECP\SKF</t>
  </si>
  <si>
    <t>【SKF】圆柱滚子轴承\NJ309ECJ\SKF</t>
  </si>
  <si>
    <t>【SKF】圆柱滚子轴承\N312ECM\SKF</t>
  </si>
  <si>
    <t>【SKF】圆柱滚子轴承\NJ2306ECP\SKF</t>
  </si>
  <si>
    <t>【SKF】圆柱滚子轴承\N312ECP\SKF</t>
  </si>
  <si>
    <t>【SKF】圆柱滚子轴承\NJ211ECJ/C3\SKF</t>
  </si>
  <si>
    <t>【SKF】圆柱滚子轴承\N314ECP\SKF</t>
  </si>
  <si>
    <t>【SKF】圆柱滚子轴承\N316ECP\SKF</t>
  </si>
  <si>
    <t>【SKF】圆柱滚子轴承\NJ220ECP\SKF</t>
  </si>
  <si>
    <t>【SKF】圆柱滚子轴承\NJ224ECP\SKF</t>
  </si>
  <si>
    <t>【SKF】圆柱滚子轴承\NJ310ECJ\SKF</t>
  </si>
  <si>
    <t>【SKF】圆柱滚子轴承\NJ310ECJ/C3\SKF</t>
  </si>
  <si>
    <t>【SKF】圆柱滚子轴承\NJ310ECM\SKF</t>
  </si>
  <si>
    <t>【SKF】圆柱滚子轴承\NU1006\SKF</t>
  </si>
  <si>
    <t>【SKF】圆柱滚子轴承\NU208ECP\SKF</t>
  </si>
  <si>
    <t>【SKF】圆柱滚子轴承\NU209ECP\SKF</t>
  </si>
  <si>
    <t>【SKF】圆柱滚子轴承\NU213ECM\SKF</t>
  </si>
  <si>
    <t>【SKF】圆柱滚子轴承\NU216ECM\SKF</t>
  </si>
  <si>
    <t>【SKF】圆柱滚子轴承\NU216ECM/C3\SKF</t>
  </si>
  <si>
    <t>【SKF】圆柱滚子轴承\NU217ECP/C3\SKF</t>
  </si>
  <si>
    <t>【SKF】圆柱滚子轴承\NU210ECJ\SKF</t>
  </si>
  <si>
    <t>【SKF】圆柱滚子轴承\BC1-0313\SKF</t>
  </si>
  <si>
    <t>【SKF】圆柱滚子轴承\BC1-0312\SKF</t>
  </si>
  <si>
    <t>【SKF】圆柱滚子轴承\BC1-0314\SKF</t>
  </si>
  <si>
    <t>【SKF】圆柱滚子轴承\N224ECM/C3\SKF</t>
  </si>
  <si>
    <t>【SKF】圆柱滚子轴承\NCF1880V\SKF</t>
  </si>
  <si>
    <t>【SKF】圆柱滚子轴承\NCF2916CV\SKF</t>
  </si>
  <si>
    <t>【SKF】圆柱滚子轴承\NCF 2992 V\SKF</t>
  </si>
  <si>
    <t>【SKF】圆柱滚子轴承\NJ204ECML\SKF</t>
  </si>
  <si>
    <t>【SKF】圆柱滚子轴承\NJ208ECM\SKF</t>
  </si>
  <si>
    <t>【SKF】圆柱滚子轴承\NJ221ECJ\SKF</t>
  </si>
  <si>
    <t>【SKF】圆柱滚子轴承\NJ2217ECM/C3\SKF</t>
  </si>
  <si>
    <t>【SKF】圆柱滚子轴承\NJ2218ECJ\SKF</t>
  </si>
  <si>
    <t>【SKF】圆柱滚子轴承\NJ2220ECJ\SKF</t>
  </si>
  <si>
    <t>【SKF】圆柱滚子轴承\NJ2220ECM/C3\SKF</t>
  </si>
  <si>
    <t>【SKF】圆柱滚子轴承\NJ228ECML\SKF</t>
  </si>
  <si>
    <t>【SKF】圆柱滚子轴承\NJ306ECJ\SKF</t>
  </si>
  <si>
    <t>【SKF】圆柱滚子轴承\NJ309ECJ/C3\SKF</t>
  </si>
  <si>
    <t>【SKF】圆柱滚子轴承\NU208ECML/C4\SKF</t>
  </si>
  <si>
    <t>【SKF】圆柱滚子轴承\NU210ECM/C3HVA3091\SKF</t>
  </si>
  <si>
    <t>【SKF】圆柱滚子轴承\NU220ECML\SKF</t>
  </si>
  <si>
    <t>【SKF】圆柱滚子轴承\NU220ECML/P54S1\SKF</t>
  </si>
  <si>
    <t>【SKF】圆柱滚子轴承\NU2217ECM\SKF</t>
  </si>
  <si>
    <t>【SKF】圆柱滚子轴承\NU222ECML/C3\SKF</t>
  </si>
  <si>
    <t>【SKF】圆柱滚子轴承\NU2236ECML/L4B\SKF</t>
  </si>
  <si>
    <t>【SKF】圆柱滚子轴承\NU226ECM/C3\SKF</t>
  </si>
  <si>
    <t>【SKF】圆柱滚子轴承\NU252M/C3\SKF</t>
  </si>
  <si>
    <t>【SKF】圆柱滚子轴承\NU315EM\SKF</t>
  </si>
  <si>
    <t>【SKF】圆柱滚子轴承\NNCF5030CV/C3\SKF</t>
  </si>
  <si>
    <t>【SKF】圆柱滚子轴承\NNCF5032CV/C3\SKF</t>
  </si>
  <si>
    <t>【SKF】圆锥滚子轴承\32028X\SKF</t>
  </si>
  <si>
    <t>【SKF】圆锥滚子轴承\32036X\SKF</t>
  </si>
  <si>
    <t>【SKF】圆锥滚子轴承\32030X\SKF</t>
  </si>
  <si>
    <t>【SKF】圆锥滚子轴承\32938\SKF</t>
  </si>
  <si>
    <t>【SKF】圆锥滚子轴承\32038X\SKF</t>
  </si>
  <si>
    <t>【SKF】圆锥滚子轴承\32052X\SKF</t>
  </si>
  <si>
    <t>【SKF】圆锥滚子轴承\32220\SKF</t>
  </si>
  <si>
    <t>【SKF】圆锥滚子轴承\32306\SKF</t>
  </si>
  <si>
    <t>【SKF】圆锥滚子轴承\32320\SKF</t>
  </si>
  <si>
    <t>【SKF】圆锥滚子轴承\32044X\SKF</t>
  </si>
  <si>
    <t>【SKF】圆锥滚子轴承\30208\SKF</t>
  </si>
  <si>
    <t>【SKF】圆锥滚子轴承\30209\SKF</t>
  </si>
  <si>
    <t>【SKF】圆锥滚子轴承\30213\SKF</t>
  </si>
  <si>
    <t>【SKF】圆锥滚子轴承\30222J2\SKF</t>
  </si>
  <si>
    <t>【SKF】圆锥滚子轴承\30308\SKF</t>
  </si>
  <si>
    <t>【SKF】圆锥滚子轴承\30309\SKF</t>
  </si>
  <si>
    <t>【SKF】圆锥滚子轴承\30311\SKF</t>
  </si>
  <si>
    <t>【SKF】圆锥滚子轴承\30312J2/Q\SKF</t>
  </si>
  <si>
    <t>【SKF】圆锥滚子轴承\30318\SKF</t>
  </si>
  <si>
    <t>【SKF】圆锥滚子轴承\31315\SKF</t>
  </si>
  <si>
    <t>【SKF】圆锥滚子轴承\32206\SKF</t>
  </si>
  <si>
    <t>【SKF】圆锥滚子轴承\32212\SKF</t>
  </si>
  <si>
    <t>【SKF】圆锥滚子轴承\32228\SKF</t>
  </si>
  <si>
    <t>【SKF】圆锥滚子轴承\33210\SKF</t>
  </si>
  <si>
    <t>【SKF】圆锥滚子轴承\30207J2/Q\SKF</t>
  </si>
  <si>
    <t>【SKF】圆锥滚子轴承\32024X\SKF</t>
  </si>
  <si>
    <t>【SKF】圆锥滚子轴承\32026X\SKF</t>
  </si>
  <si>
    <t>【SKF】圆锥滚子轴承\32032X\SKF</t>
  </si>
  <si>
    <t>【SKF】圆锥滚子轴承\30236\SKF</t>
  </si>
  <si>
    <t>【SKF】圆锥滚子轴承\32317J2\SKF</t>
  </si>
  <si>
    <t>【SKF】圆锥滚子轴承\32216\SKF</t>
  </si>
  <si>
    <t>【SKF】圆锥滚子轴承\32040X\SKF</t>
  </si>
  <si>
    <t>【SKF】圆锥滚子轴承\30230\SKF</t>
  </si>
  <si>
    <t>【SKF】圆锥滚子轴承\32020X\SKF</t>
  </si>
  <si>
    <t>【SKF】圆锥滚子轴承\33122\SKF</t>
  </si>
  <si>
    <t>【SKF】圆锥滚子轴承\33217\SKF</t>
  </si>
  <si>
    <t>【SKF】圆锥滚子轴承\30203\SKF</t>
  </si>
  <si>
    <t>【SKF】圆锥滚子轴承\30205\SKF</t>
  </si>
  <si>
    <t>【SKF】圆锥滚子轴承\30212\SKF</t>
  </si>
  <si>
    <t>【SKF】圆锥滚子轴承\30217\SKF</t>
  </si>
  <si>
    <t>【SKF】圆锥滚子轴承\30228\SKF</t>
  </si>
  <si>
    <t>【SKF】圆锥滚子轴承\31307\SKF</t>
  </si>
  <si>
    <t>【SKF】圆锥滚子轴承\31311\SKF</t>
  </si>
  <si>
    <t>【SKF】圆锥滚子轴承\32215\SKF</t>
  </si>
  <si>
    <t>【SKF】圆锥滚子轴承\32232\SKF</t>
  </si>
  <si>
    <t>【SKF】圆锥滚子轴承\32240\SKF</t>
  </si>
  <si>
    <t>【SKF】圆锥滚子轴承\32303\SKF</t>
  </si>
  <si>
    <t>【SKF】圆锥滚子轴承\32304\SKF</t>
  </si>
  <si>
    <t>【SKF】圆锥滚子轴承\32311\SKF</t>
  </si>
  <si>
    <t>【SKF】圆锥滚子轴承\32920\SKF</t>
  </si>
  <si>
    <t>【SKF】圆锥滚子轴承\32922\SKF</t>
  </si>
  <si>
    <t>【SKF】圆锥滚子轴承\33012\SKF</t>
  </si>
  <si>
    <t>【SKF】圆锥滚子轴承\33013\SKF</t>
  </si>
  <si>
    <t>【SKF】圆锥滚子轴承\33016\SKF</t>
  </si>
  <si>
    <t>【SKF】圆锥滚子轴承\33019\SKF</t>
  </si>
  <si>
    <t>【SKF】圆锥滚子轴承\33021\SKF</t>
  </si>
  <si>
    <t>【SKF】圆锥滚子轴承\33112\SKF</t>
  </si>
  <si>
    <t>【SKF】圆锥滚子轴承\33117\SKF</t>
  </si>
  <si>
    <t>【SKF】圆锥滚子轴承\33206\SKF</t>
  </si>
  <si>
    <t>【SKF】圆锥滚子轴承\33214\SKF</t>
  </si>
  <si>
    <t>【SKF】圆锥滚子轴承\30230/DF\SKF</t>
  </si>
  <si>
    <t>【SKF】圆锥滚子轴承\31312J2/Q\SKF</t>
  </si>
  <si>
    <t>【SKF】圆锥滚子轴承\31315/DF\SKF</t>
  </si>
  <si>
    <t>【SKF】圆锥滚子轴承\32013X/Q\SKF</t>
  </si>
  <si>
    <t>【SKF】圆锥滚子轴承\32034X\SKF</t>
  </si>
  <si>
    <t>【SKF】圆锥滚子轴承\32205BJ2/Q\SKF</t>
  </si>
  <si>
    <t>【SKF】圆锥滚子轴承\32214J2/Q\SKF</t>
  </si>
  <si>
    <t>【SKF】圆锥滚子轴承\32232/DF\SKF</t>
  </si>
  <si>
    <t>【SKF】圆锥滚子轴承\32309BJ2/QCL7C\SKF</t>
  </si>
  <si>
    <t>【SKF】圆锥滚子轴承\32314BJ2/QCL7C\SKF</t>
  </si>
  <si>
    <t>【SKF】圆锥滚子轴承\32315B/CL7C\SKF</t>
  </si>
  <si>
    <t>【SKF】圆锥滚子轴承\361204R\SKF</t>
  </si>
  <si>
    <t>【SKF】圆锥滚子轴承\T4CB120\SKF</t>
  </si>
  <si>
    <t>【SKF】角接触球轴承\7232BCBM\SKF</t>
  </si>
  <si>
    <t>【SKF】角接触球轴承\7315BECBM\SKF</t>
  </si>
  <si>
    <t>【SKF】角接触球轴承\7318BECBP\SKF</t>
  </si>
  <si>
    <t>【SKF】角接触球轴承\7314BECBM\SKF</t>
  </si>
  <si>
    <t>【SKF】角接触球轴承\7240BCBM\SKF</t>
  </si>
  <si>
    <t>【SKF】角接触球轴承\7228BCBM\SKF</t>
  </si>
  <si>
    <t>【SKF】角接触球轴承\7316BECBM\SKF</t>
  </si>
  <si>
    <t>【SKF】角接触球轴承\7214 BECBM\SKF</t>
  </si>
  <si>
    <t>【SKF】角接触球轴承\7220BECBP\SKF</t>
  </si>
  <si>
    <t>【SKF】角接触球轴承\7313BECBM\SKF</t>
  </si>
  <si>
    <t>【SKF】角接触球轴承\7218BECBM\SKF</t>
  </si>
  <si>
    <t>【SKF】角接触球轴承\7211BECBP\SKF</t>
  </si>
  <si>
    <t>【SKF】角接触球轴承\3209A\SKF</t>
  </si>
  <si>
    <t>【SKF】角接触球轴承\QJ328N2MA/C3\SKF</t>
  </si>
  <si>
    <t>【SKF】角接触球轴承\7306BEP\SKF</t>
  </si>
  <si>
    <t>【SKF】角接触球轴承\7308BECBM\SKF</t>
  </si>
  <si>
    <t>【SKF】角接触球轴承\3207ATN9\SKF</t>
  </si>
  <si>
    <t>【SKF】角接触球轴承\3214A\SKF</t>
  </si>
  <si>
    <t>【SKF】角接触球轴承\3306ATN9\SKF</t>
  </si>
  <si>
    <t>【SKF】角接触球轴承\3307A-2RS1\SKF</t>
  </si>
  <si>
    <t>【SKF】角接触球轴承\3307A-2RS1TN9/MT33\SKF</t>
  </si>
  <si>
    <t>【SKF】角接触球轴承\3308A\SKF</t>
  </si>
  <si>
    <t>【SKF】角接触球轴承\3308ATN9\SKF</t>
  </si>
  <si>
    <t>【SKF】角接触球轴承\3309A/C3\SKF</t>
  </si>
  <si>
    <t>【SKF】角接触球轴承\7202 BECBP\SKF</t>
  </si>
  <si>
    <t>【SKF】角接触球轴承\7202BEP\SKF</t>
  </si>
  <si>
    <t>【SKF】角接触球轴承\7213 BEP\SKF</t>
  </si>
  <si>
    <t>【SKF】角接触球轴承\7215BECBM\SKF</t>
  </si>
  <si>
    <t>【SKF】角接触球轴承\7215BECBP\SKF</t>
  </si>
  <si>
    <t>【SKF】角接触球轴承\7216BECBM\SKF</t>
  </si>
  <si>
    <t>【SKF】角接触球轴承\7216BECBP\SKF</t>
  </si>
  <si>
    <t>【SKF】角接触球轴承\7217BECBM\SKF</t>
  </si>
  <si>
    <t>【SKF】角接触球轴承\7219BECBM\SKF</t>
  </si>
  <si>
    <t>【SKF】角接触球轴承\7220BECBM\SKF</t>
  </si>
  <si>
    <t>【SKF】角接触球轴承\7222BECBM\SKF</t>
  </si>
  <si>
    <t>【SKF】角接触球轴承\7224BCBM\SKF</t>
  </si>
  <si>
    <t>【SKF】角接触球轴承\7305BECBP\SKF</t>
  </si>
  <si>
    <t>【SKF】角接触球轴承\7305BEP\SKF</t>
  </si>
  <si>
    <t>【SKF】角接触球轴承\7306BECBM\SKF</t>
  </si>
  <si>
    <t>【SKF】角接触球轴承\7306BECBP\SKF</t>
  </si>
  <si>
    <t>【SKF】角接触球轴承\7307BECBP\SKF</t>
  </si>
  <si>
    <t>【SKF】角接触球轴承\7308BECBJ\SKF</t>
  </si>
  <si>
    <t>【SKF】角接触球轴承\7308BECBP\SKF</t>
  </si>
  <si>
    <t>【SKF】角接触球轴承\7309BECBM\SKF</t>
  </si>
  <si>
    <t>【SKF】角接触球轴承\7310BECBJ\SKF</t>
  </si>
  <si>
    <t>【SKF】角接触球轴承\7310BECBM\SKF</t>
  </si>
  <si>
    <t>【SKF】角接触球轴承\7310BECBP\SKF</t>
  </si>
  <si>
    <t>【SKF】角接触球轴承\7311BECBM\SKF</t>
  </si>
  <si>
    <t>【SKF】角接触球轴承\7311BECBP\SKF</t>
  </si>
  <si>
    <t>【SKF】角接触球轴承\7312BECBJ\SKF</t>
  </si>
  <si>
    <t>【SKF】角接触球轴承\7312BECBM\SKF</t>
  </si>
  <si>
    <t>【SKF】角接触球轴承\7312BECBP\SKF</t>
  </si>
  <si>
    <t>【SKF】角接触球轴承\7312BEP\SKF</t>
  </si>
  <si>
    <t>【SKF】角接触球轴承\7313BECBP\SKF</t>
  </si>
  <si>
    <t>【SKF】角接触球轴承\7313BEP\SKF</t>
  </si>
  <si>
    <t>【SKF】角接触球轴承\7314BECBJ\SKF</t>
  </si>
  <si>
    <t>【SKF】角接触球轴承\7314BECBP\SKF</t>
  </si>
  <si>
    <t>【SKF】角接触球轴承\7316BEP\SKF</t>
  </si>
  <si>
    <t>【SKF】角接触球轴承\7317BECBM\SKF</t>
  </si>
  <si>
    <t>【SKF】角接触球轴承\7317BECBP\SKF</t>
  </si>
  <si>
    <t>【SKF】角接触球轴承\7318BECBJ\SKF</t>
  </si>
  <si>
    <t>【SKF】角接触球轴承\7318BECBM\SKF</t>
  </si>
  <si>
    <t>【SKF】角接触球轴承\7319BECBM\SKF</t>
  </si>
  <si>
    <t>【SKF】角接触球轴承\7320BECBM\SKF</t>
  </si>
  <si>
    <t>【SKF】角接触球轴承\7322BECBM\SKF</t>
  </si>
  <si>
    <t>【SKF】角接触球轴承\7205BECBP\SKF</t>
  </si>
  <si>
    <t>【SKF】角接触球轴承\7315BECBP\SKF</t>
  </si>
  <si>
    <t>【SKF】角接触球轴承\3310A-2Z\SKF</t>
  </si>
  <si>
    <t>【SKF】角接触球轴承\3205ATN9\SKF</t>
  </si>
  <si>
    <t>【SKF】角接触球轴承\3208ATN9\SKF</t>
  </si>
  <si>
    <t>【SKF】角接触球轴承\3210ATN9\SKF</t>
  </si>
  <si>
    <t>【SKF】角接触球轴承\3203A-2ZTN9/MT33\SKF</t>
  </si>
  <si>
    <t>【SKF】角接触球轴承\3206A-2RS1/MT33\SKF</t>
  </si>
  <si>
    <t>【SKF】角接触球轴承\3206A-2RS1TN9/MT33\SKF</t>
  </si>
  <si>
    <t>【SKF】角接触球轴承\3208A\SKF</t>
  </si>
  <si>
    <t>【SKF】角接触球轴承\3209A-2RS1TN9/MT33\SKF</t>
  </si>
  <si>
    <t>【SKF】角接触球轴承\3211ATN9\SKF</t>
  </si>
  <si>
    <t>【SKF】角接触球轴承\3212A-2Z/MT33\SKF</t>
  </si>
  <si>
    <t>【SKF】角接触球轴承\3219A\SKF</t>
  </si>
  <si>
    <t>【SKF】角接触球轴承\3220A\SKF</t>
  </si>
  <si>
    <t>【SKF】角接触球轴承\3312A/C3\SKF</t>
  </si>
  <si>
    <t>【SKF】角接触球轴承\3311A/C3\SKF</t>
  </si>
  <si>
    <t>【SKF】角接触球轴承\7214ACD/P4A\SKF</t>
  </si>
  <si>
    <t>【SKF】角接触球轴承\7214ACDGB HCP4A\SKF</t>
  </si>
  <si>
    <t>【SKF】角接触球轴承\7216ACDGB HCP4A\SKF</t>
  </si>
  <si>
    <t>【SKF】角接触球轴承\7216 BECBJ\SKF</t>
  </si>
  <si>
    <t>【SKF】角接触球轴承\7216BECBY\SKF</t>
  </si>
  <si>
    <t>【SKF】角接触球轴承\7310BEP\SKF</t>
  </si>
  <si>
    <t>【SKF】角接触球轴承\7312BEGAM\SKF</t>
  </si>
  <si>
    <t>【SKF】角接触球轴承\7315BEGAM\SKF</t>
  </si>
  <si>
    <t>【SKF】角接触球轴承\7416CBM\SKF</t>
  </si>
  <si>
    <t>【SKF】角接触球轴承\BVNB 311523\SKF</t>
  </si>
  <si>
    <t>【SKF】角接触球轴承\QJ216MA\SKF</t>
  </si>
  <si>
    <t>【SKF】角接触球轴承\QJ234N2MA\SKF</t>
  </si>
  <si>
    <t>【SKF】角接触球轴承\QJ314MA\SKF</t>
  </si>
  <si>
    <t>【SKF】推力球轴承\51106\SKF</t>
  </si>
  <si>
    <t>【SKF】推力球轴承\51113\SKF</t>
  </si>
  <si>
    <t>【SKF】推力球轴承\51105\SKF</t>
  </si>
  <si>
    <t>【SKF】推力球轴承\51107\SKF</t>
  </si>
  <si>
    <t>【SKF】推力球轴承\51224\SKF</t>
  </si>
  <si>
    <t>【SKF】推力球轴承\51308\SKF</t>
  </si>
  <si>
    <t>【SKF】推力球轴承\51114\SKF</t>
  </si>
  <si>
    <t>【SKF】推力球轴承\51220\SKF</t>
  </si>
  <si>
    <t>【SKF】推力球轴承\51126\SKF</t>
  </si>
  <si>
    <t>【SKF】推力球轴承\51210\SKF</t>
  </si>
  <si>
    <t>【SKF】推力球轴承\51313\SKF</t>
  </si>
  <si>
    <t>【SKF】推力球轴承\51214\SKF</t>
  </si>
  <si>
    <t>【SKF】推力球轴承\51115\SKF</t>
  </si>
  <si>
    <t>【SKF】推力球轴承\51408\SKF</t>
  </si>
  <si>
    <t>【SKF】推力球轴承\51309\SKF</t>
  </si>
  <si>
    <t>【SKF】推力球轴承\51226\SKF</t>
  </si>
  <si>
    <t>【SKF】推力球轴承\51100\SKF</t>
  </si>
  <si>
    <t>【SKF】推力球轴承\51104\SKF</t>
  </si>
  <si>
    <t>【SKF】推力滚子轴承\29317E\SKF</t>
  </si>
  <si>
    <t>【SKF】推力调心滚子轴承\29413E\SKF</t>
  </si>
  <si>
    <t>【SKF】滚针轴承\NKI50/35\SKF</t>
  </si>
  <si>
    <t>【SKF】轴承紧定套\H322\SKF</t>
  </si>
  <si>
    <t>【SKF】双列角接触球轴承\3212A-2RS1\SKF</t>
  </si>
  <si>
    <t>【SKF】外球面轴承\YAR206-2F\SKF</t>
  </si>
  <si>
    <t>【SKF】推力滚子轴承\29322E\SKF</t>
  </si>
  <si>
    <t>【SKF】推力滚子轴承\29328E\SKF</t>
  </si>
  <si>
    <t>【SKF】推力滚子轴承\29340E\SKF</t>
  </si>
  <si>
    <t>【SKF】推力滚子轴承\29434E\SKF</t>
  </si>
  <si>
    <t>【SKF】四点接触球轴承\QJ224N2MA\SKF</t>
  </si>
  <si>
    <t>【SKF】单列角接触球轴承\7234BCBM\SKF</t>
  </si>
  <si>
    <t>【SKF】四点角接触球轴承\QJ230N2MA\SKF</t>
  </si>
  <si>
    <t>【SKF】四点角接触球轴承\QJ213MA\SKF</t>
  </si>
  <si>
    <t>【SKF】四点角接触球轴承\QJ218N2MA\SKF</t>
  </si>
  <si>
    <t>【SKF】推力圆柱滚子轴承\81126TN\SKF</t>
  </si>
  <si>
    <t>【SKF】推力圆柱滚子轴承\K81106TN\SKF</t>
  </si>
  <si>
    <t>【SKF】推力调心滚子轴承\29488EM\SKF</t>
  </si>
  <si>
    <t>【SKF】密封件\TSN522S\SKF</t>
  </si>
  <si>
    <t>【SKF】密封件\11197\SKF</t>
  </si>
  <si>
    <t>【SKF】密封件\TSN517L\SKF</t>
  </si>
  <si>
    <t>【SKF】密封件\TSN518A\SKF</t>
  </si>
  <si>
    <t>【SKF】密封件\TSN520S\SKF</t>
  </si>
  <si>
    <t>【SKF】球面滚子轴承\23060CCK/W33\SKF</t>
  </si>
  <si>
    <t>【SKF】轴承紧定套\H311\SKF</t>
  </si>
  <si>
    <t>【SKF】轴承座端盖\ECY210\SKF</t>
  </si>
  <si>
    <t>【SKF】轴承座端盖\ECY209\SKF</t>
  </si>
  <si>
    <t>【SKF】轴承座端盖\ECY208\SKF</t>
  </si>
  <si>
    <t>【SKF】轴承座端盖\ECY207\SKF</t>
  </si>
  <si>
    <t>【SKF】轴承座端盖\ECY206\SKF</t>
  </si>
  <si>
    <t>【SKF】轴承座端盖\ECY205\SKF</t>
  </si>
  <si>
    <t>【SKF】轴承座端盖\ECY204\SKF</t>
  </si>
  <si>
    <t>【SKF】轴承座端盖\ECY214\SKF</t>
  </si>
  <si>
    <t>【SKF】轴承座端盖\ECY213\SKF</t>
  </si>
  <si>
    <t>【SKF】轴承座端盖\ECY212\SKF</t>
  </si>
  <si>
    <t>【SKF】轴承座端盖\ECY211\SKF</t>
  </si>
  <si>
    <t>【SKF】注油器\226400E/400\SKF</t>
  </si>
  <si>
    <t>【SKF】轴承密封件\TSN513A\SKF</t>
  </si>
  <si>
    <t>【SKF】轴承密封件\TSN513L\SKF</t>
  </si>
  <si>
    <t>【SKF】轴承垫圈\ASNH218\SKF</t>
  </si>
  <si>
    <t>【SKF】轴承垫圈\ASNH513-611\SKF</t>
  </si>
  <si>
    <t>【SKF】轴承垫圈\ASNH518-615\SKF</t>
  </si>
  <si>
    <t>【SKF】定位环\FRB10/120\SKF</t>
  </si>
  <si>
    <t>【SKF】定位环\FRB12.5/150\SKF</t>
  </si>
  <si>
    <t>【SKF】定位环\FRB12.5/160\SKF</t>
  </si>
  <si>
    <t>【SKF】定位环\FRB 13.5/200\SKF</t>
  </si>
  <si>
    <t>【SKF】定位环\FRB14/120\SKF</t>
  </si>
  <si>
    <t>【SKF】液压螺母\HMV11E\SKF</t>
  </si>
  <si>
    <t>【SKF】退卸套\AHX3128\SKF</t>
  </si>
  <si>
    <t>【SKF】退卸套\AHX3126\SKF</t>
  </si>
  <si>
    <t>【SKF】锁定垫圈\MB18\SKF</t>
  </si>
  <si>
    <t>【SKF】角环\HJ320EC/VA301\SKF</t>
  </si>
  <si>
    <t>【SKF】带座轴承\SY506M\SKF</t>
  </si>
  <si>
    <t>【能事达】先导电磁阀\NSD-KTF4WE6\水轮机微机调速器\MGC4000</t>
  </si>
  <si>
    <t>长江三峡能事达电气股份有限公司</t>
  </si>
  <si>
    <t>能事达</t>
  </si>
  <si>
    <t>GNWZBP(TH)ZYCG2020-212</t>
  </si>
  <si>
    <t>国家能源e购商城2020年度能事达调速系统备品备件铺货采购合同</t>
  </si>
  <si>
    <t>【能事达】组合阀组\ZHF-63\水轮机微机调速器\MGC4000</t>
  </si>
  <si>
    <t>【能事达】自动补气装置\QZB-10 6.3MPa AC220V\油压装置气罐\YZ-16/2-6.3\国产</t>
  </si>
  <si>
    <t>【能事达】滤油器\LYQ-6/6.3\国产\能事达</t>
  </si>
  <si>
    <t>【能事达】切换阀\NSD-KTF3WE6A\水轮机微机调速器\MGC4000</t>
  </si>
  <si>
    <t>【能事达】紧停电磁换向阀\NSD3WE10A3\水轮机微机调速器\MGC4000</t>
  </si>
  <si>
    <t>【能事达】比例伺服阀\4WRPEH6CB\水轮机微机调速器\MGC4000</t>
  </si>
  <si>
    <t>【能事达】直线位移转换器\NSD-ST20\水轮机微机调速器\MGC4000</t>
  </si>
  <si>
    <t>【能事达】比例伺服阀插头\4WRPEH6CB\水轮机微机调速器\MGC4000</t>
  </si>
  <si>
    <t>【能事达】电磁换向阀线圈\NSD-KTF3WE6\水轮机微机调速器\MGC4000</t>
  </si>
  <si>
    <t>【能事达】调速器主配集成块\NSD-ST-150\水轮机微机调速器\MGC4000</t>
  </si>
  <si>
    <t>【能事达】调速器主配阀盖\NSD-ST-150\水轮机微机调速器\MGC4000</t>
  </si>
  <si>
    <t>【能事达】调速器主配村套\NSD-ST-150\水轮机微机调速器\MGC4000</t>
  </si>
  <si>
    <t>【能事达】调速器主配活塞\NSD-ST-150\水轮机微机调速器\MGC4000</t>
  </si>
  <si>
    <t>【能事达】开度表\CP-96\0-100%\国产</t>
  </si>
  <si>
    <t>【能事达】电流表\CP-96\0.004-0.02A\1.5级</t>
  </si>
  <si>
    <t>【能事达】指示灯\XB6EAV5BC DC24V</t>
  </si>
  <si>
    <t>【能事达】指示灯\XB6EAV4BC DC24V</t>
  </si>
  <si>
    <t>【能事达】指示灯\XB6EAV3BC DC24V</t>
  </si>
  <si>
    <t>【能事达】保护盖\APT F3-2</t>
  </si>
  <si>
    <t>【能事达】带灯控制按钮\XB2BW34B1C AC24V/DC24V 0.27A 红\IP65</t>
  </si>
  <si>
    <t>【能事达】按扭\XB2-BA31C\IP65</t>
  </si>
  <si>
    <t>【能事达】控制按钮\XB2-BA51C AC220V 10A\IP65</t>
  </si>
  <si>
    <t>【能事达】转换开关\LW39-16B-6OB-13X/2\AC220V\2A\IP40</t>
  </si>
  <si>
    <t>【能事达】选择开关\XB2-BD25C\IP65</t>
  </si>
  <si>
    <t>【能事达】指示灯\XB2-BVB3LC</t>
  </si>
  <si>
    <t>【能事达】指示灯\XB2-BVB5LC AC/DC24V 绿</t>
  </si>
  <si>
    <t>【能事达】信号灯\XB2BVB4LC 24VAC/DC</t>
  </si>
  <si>
    <t>【能事达】交换机\EKI-2525P-BE 研华</t>
  </si>
  <si>
    <t>【能事达】光隔板\B-TD00107A\调速器\MGC4000</t>
  </si>
  <si>
    <t>【能事达】功率变送器\P53043111231200\国产</t>
  </si>
  <si>
    <t>【能事达】继电器座\FS4CO\中间继电器\DRM570220LT</t>
  </si>
  <si>
    <t>【能事达】继电器座\FS2CO\继电器\DRM270220L</t>
  </si>
  <si>
    <t>【能事达】中间继电器\DRM270730LT\AC230V\10A</t>
  </si>
  <si>
    <t>【魏德米勒】中间继电器\DRM570220LT\DC220V\10A\进口</t>
  </si>
  <si>
    <t>魏德米勒</t>
  </si>
  <si>
    <t>【能事达】中间继电器\DRM270220LT\DC220V\国产</t>
  </si>
  <si>
    <t>【能事达】测频隔离变压器\SD001G0V001A3\调速器\MGC4000</t>
  </si>
  <si>
    <t>【能事达】端板\D-ST4-QUATTRO\水轮机微机调速器\MGC4000</t>
  </si>
  <si>
    <t>【能事达】元件端子\ST4-QUATTRO-DIO1N5408/R-L\800V\铜\4mm\4</t>
  </si>
  <si>
    <t>【能事达】控制变压器\JBK5-400VA\0.4kVA\AC220V\AC180V</t>
  </si>
  <si>
    <t>【能事达】稳压电源\DR-120-24\AC220V\DC24V\5A</t>
  </si>
  <si>
    <t>【能事达】数字信号隔离输出模块\NSD-DO16-V1.0\水轮机微机调速器\MGC4000</t>
  </si>
  <si>
    <t>【能事达】电源耦合与监视模块\NSD-ICU-V1.0\水轮机微机调速器\MGC4000</t>
  </si>
  <si>
    <t>【能事达】驱动接口转接线\MGC-FCW-V1.0\水轮机微机调速器\MGC4000</t>
  </si>
  <si>
    <t>【能事达】驱动器转接板\MGC-DRV-V1.0\调速器\MGC4000</t>
  </si>
  <si>
    <t>【能事达】编制器电缆\VW3M8111R10\水轮机微机调速器\MGC4000</t>
  </si>
  <si>
    <t>【能事达】连接器\VW3M5111\水轮机微机调速器\MGC4000</t>
  </si>
  <si>
    <t>【施耐德】脉冲定位模块\BMX MSP0200\施耐德\进口</t>
  </si>
  <si>
    <t>施耐德</t>
  </si>
  <si>
    <t>【施耐德】螺钉端子块\BMX FTB 2010 20点\施耐德</t>
  </si>
  <si>
    <t>【施耐德】4通道隔离模拟量输出模块\BMXAMO0410\施耐德</t>
  </si>
  <si>
    <t>【施耐德】8通道隔离模拟量输入模块\BMXAMI0810\施耐德</t>
  </si>
  <si>
    <t>【施耐德】计数模块端子块\BMXXTSHSC20\施耐德\进口</t>
  </si>
  <si>
    <t>【施耐德】高速计数模块\BMX EHC0200\施耐德\进口</t>
  </si>
  <si>
    <t>【能事达】离散量输入输出电缆\BMXFCW303\国产</t>
  </si>
  <si>
    <t>【施耐德】32通道隔离数字量输出模块\BMXDDO3202K\施耐德</t>
  </si>
  <si>
    <t>【施耐德】32通道隔离数字量输入模块\BMXDDI3202K\施耐德</t>
  </si>
  <si>
    <t>【施耐德】底板\BMXXBP0800\施耐德\进口</t>
  </si>
  <si>
    <t>【施耐德】PLC模块\BMXP342020\施耐德\进口</t>
  </si>
  <si>
    <t>【施耐德】PLC电源模块\BMX CPS 2010\进口</t>
  </si>
  <si>
    <t>【能事达】接近开关\NI8-M18-AP6X\IP67</t>
  </si>
  <si>
    <t>【MTS】传感器接头\370618 250V 5A\MTS\进口</t>
  </si>
  <si>
    <t>MTS</t>
  </si>
  <si>
    <t>【MTS】滑块\252182/MTS\调速器\MGC4000</t>
  </si>
  <si>
    <t>【MTS】位移传感器\EPW0050MW341A01\MTS\进口</t>
  </si>
  <si>
    <t>【施耐德】驱动器\LXM23CU07M3X\伺服电动机\MGC4000</t>
  </si>
  <si>
    <t>【施耐德】伺服电机\BCH0802O11A1C\进口</t>
  </si>
  <si>
    <t>【能事达】分段关闭装置\FD-150\水轮机微机调速器\MGC4000</t>
  </si>
  <si>
    <t>【能事达】先导控制阀\NSD-KTF4WE10\水轮机微机调速器\MGC4000</t>
  </si>
  <si>
    <t>【能事达】事故配压阀\SGF-150\水轮机微机调速器\MGC4000</t>
  </si>
  <si>
    <t>【能事达】紧停电磁阀线圈\NSD3WE6\水轮机微机调速器\MGC4000</t>
  </si>
  <si>
    <t>【能事达】紧停电磁阀线圈\NSD3WE10\水轮机微机调速器\MGC4000</t>
  </si>
  <si>
    <t>【能事达】滤油器滤芯\nsdlh010b0\水轮机微机调速器\MGC4000</t>
  </si>
  <si>
    <t>【能事达】组合阀组安全先导控制阀\DBC/2NSD\水轮机微机调速器\MGC4000</t>
  </si>
  <si>
    <t>【能事达】弹簧端子块\BMXFTB2820\国产</t>
  </si>
  <si>
    <t>【能事达】开关电源\DR-75-24\AC100-240V\DC24V\2A</t>
  </si>
  <si>
    <t>【能事达】开关接点\ZB2-BE101C/NO\水轮机微机调速器\MGC4000</t>
  </si>
  <si>
    <t>【能事达】行程开关\LXP1-200A1C 380V 0.8A\IP66</t>
  </si>
  <si>
    <t>【能事达】频率表\KLY-D3V-3-1/2 0-100Hz DC24V\国产</t>
  </si>
  <si>
    <t>【能事达】开度显示仪\KLY-D3V-3-1/2 DC24V\0-100%\国产</t>
  </si>
  <si>
    <t>【能事达】通讯电缆\MGC-WCS-V1.0\水轮机微机调速器\MGC4000</t>
  </si>
  <si>
    <t>【能事达】插头\VW3M4112\DC24V\5A</t>
  </si>
  <si>
    <t>【能事达】微动开关\XCJ-102 AC250V 10A\IP30</t>
  </si>
  <si>
    <t>【能事达】格莱圈\SYTD-21-22\水轮机微机调速器\MGC4000</t>
  </si>
  <si>
    <t>【能事达】急停阀线圈\MFZ30-90YC\水轮机微机调速器\MGC4000</t>
  </si>
  <si>
    <t>【能事达】电磁阀\3WE6A-L6X/EG24NZ5L\螺纹\DC24V\0-350bar\国产</t>
  </si>
  <si>
    <t>【能事达】Yx型密封圈\220×236×20mm\聚氨酯</t>
  </si>
  <si>
    <t>【内蒙古中铁】成组砼岔枕\P50;1/12;5.0m交渡;专线(03)3424包神段（朱盖塔站_神木北站）</t>
  </si>
  <si>
    <t>内蒙古中铁轨枕制造有限公司</t>
  </si>
  <si>
    <t>内蒙古中铁</t>
  </si>
  <si>
    <t>GNWZBP(TH)ZECG2020-184</t>
  </si>
  <si>
    <t>国家能源e购商城内蒙古中铁轨枕配件铺货采购合同-包神段（朱盖塔站—神木北站）</t>
  </si>
  <si>
    <t>【内蒙古中铁】成组砼岔枕\P50;1/12;单开;专线(01)3423包神段（朱盖塔站_神木北站）</t>
  </si>
  <si>
    <t>【内蒙古中铁】成组砼岔枕\P50;1/12;复交;CZ2220Z包神段（朱盖塔站_神木北站）</t>
  </si>
  <si>
    <t>【内蒙古中铁】成组砼岔枕\P50;1/12;专线3355包神段（朱盖塔站_神木北站）</t>
  </si>
  <si>
    <t>【内蒙古中铁】成组砼岔枕\P50;1/12;专线4257包神段（朱盖塔站_神木北站）</t>
  </si>
  <si>
    <t>【内蒙古中铁】成组砼岔枕\P50;1/6;5.0m交渡;SC432-500包神段（朱盖塔站_神木北站）</t>
  </si>
  <si>
    <t>【内蒙古中铁】成组砼岔枕\P50;1/6;对称;SC384包神段（朱盖塔站_神木北站）</t>
  </si>
  <si>
    <t>【内蒙古中铁】成组砼岔枕\P50;1/6;对称;右开;SC384-500包神段（朱盖塔站_神木北站）</t>
  </si>
  <si>
    <t>【内蒙古中铁】成组砼岔枕\P50;1/6;对称;左开;SC384-500包神段（朱盖塔站_神木北站）</t>
  </si>
  <si>
    <t>【内蒙古中铁】成组砼岔枕\P50;1/9;5.0m交渡;CZ2210包神段（朱盖塔站_神木北站）</t>
  </si>
  <si>
    <t>【内蒙古中铁】成组砼岔枕\P50;1/9;5.0m交渡;SC580包神段（朱盖塔站_神木北站）</t>
  </si>
  <si>
    <t>【内蒙古中铁】成组砼岔枕\P50;1/9;5.0m交渡;专线(02)3428包神段（朱盖塔站_神木北站）</t>
  </si>
  <si>
    <t>【内蒙古中铁】成组砼岔枕\P50;1/9;5.0m交渡;专线(02)7663包神段（朱盖塔站_神木北站）</t>
  </si>
  <si>
    <t>【内蒙古中铁】成组砼岔枕\P50;1/9;CZ2209A包神段（朱盖塔站_神木北站）</t>
  </si>
  <si>
    <t>【内蒙古中铁】成组砼岔枕\P50;1/9;单开;CZ2209Z包神段（朱盖塔站_神木北站）</t>
  </si>
  <si>
    <t>【内蒙古中铁】成组砼岔枕\P50;1/9;单开;专线(03)3281包神段（朱盖塔站_神木北站）</t>
  </si>
  <si>
    <t>【内蒙古中铁】成组砼岔枕\P50;1/9;复交;CZ2214Z包神段（朱盖塔站_神木北站）</t>
  </si>
  <si>
    <t>【内蒙古中铁】成组砼岔枕\P50;1/9;复交;专线(04)3443包神段（朱盖塔站_神木北站）</t>
  </si>
  <si>
    <t>【内蒙古中铁】成组砼岔枕\P50;1/9;交渡;CZ2213Z包神段（朱盖塔站_神木北站）</t>
  </si>
  <si>
    <t>【内蒙古中铁】成组砼岔枕\P50;1/9;交渡;SC571-1101包神段（朱盖塔站_神木北站）</t>
  </si>
  <si>
    <t>【内蒙古中铁】成组砼岔枕\P50;1/9;交渡;专线(03)3431包神段（朱盖塔站_神木北站）</t>
  </si>
  <si>
    <t>【内蒙古中铁】成组砼岔枕\P60;1/12;5.5m交渡;SC342-500包神段（朱盖塔站_神木北站）</t>
  </si>
  <si>
    <t>【内蒙古中铁】成组砼岔枕\P60;1/12;6.5m交渡;专线3413包神段（朱盖塔站_神木北站）</t>
  </si>
  <si>
    <t>【内蒙古中铁】成组砼岔枕\P60;1/12;单开;SC330-500包神段（朱盖塔站_神木北站）</t>
  </si>
  <si>
    <t>【内蒙古中铁】成组砼岔枕\P60;1/12;渡线;专线3402;Ⅲ型包神段（朱盖塔站_神木北站）</t>
  </si>
  <si>
    <t>【内蒙古中铁】成组砼岔枕\P60;1/12;复交;SC350包神段（朱盖塔站_神木北站）</t>
  </si>
  <si>
    <t>【内蒙古中铁】成组砼岔枕\P60;1/12;交渡;SC340-500包神段（朱盖塔站_神木北站）</t>
  </si>
  <si>
    <t>【内蒙古中铁】成组砼岔枕\P60;1/12;交渡;SC342-500包神段（朱盖塔站_神木北站）</t>
  </si>
  <si>
    <t>【内蒙古中铁】成组砼岔枕\P60;1/12;砼;单开;专线4249包神段（朱盖塔站_神木北站）</t>
  </si>
  <si>
    <t>【内蒙古中铁】成组砼岔枕\P60;1/12;专线3399;Ⅲ型包神段（朱盖塔站_神木北站）</t>
  </si>
  <si>
    <t>【内蒙古中铁】成组砼岔枕\P60;1/18;单开;GLC(07)02-300包神段（朱盖塔站_神木北站）</t>
  </si>
  <si>
    <t>【内蒙古中铁】成组砼岔枕\P60;1/18;单开;GLC(09)05-300包神段（朱盖塔站_神木北站）</t>
  </si>
  <si>
    <t>【内蒙古中铁】成组砼岔枕\P60;1/9;5.0m组合;SC(07)460-1108包神段（朱盖塔站_神木北站）</t>
  </si>
  <si>
    <t>【内蒙古中铁】成组砼岔枕\P60;1/9;5.0m组合;SC(07)460-1204包神段（朱盖塔站_神木北站）</t>
  </si>
  <si>
    <t>【内蒙古中铁】成组砼岔枕\P60;1/9;5.0m组合;SC(07)460-1208包神段（朱盖塔站_神木北站）</t>
  </si>
  <si>
    <t>【内蒙古中铁】成组砼岔枕\P60;1/9;5.0m组合;SC(07)460-1211包神段（朱盖塔站_神木北站）</t>
  </si>
  <si>
    <t>【内蒙古中铁】成组砼岔枕\P60;1/9;5.3m交渡;CZ581Z包神段（朱盖塔站_神木北站）</t>
  </si>
  <si>
    <t>【内蒙古中铁】成组砼岔枕\P60;1/9;单开;CZ577Z包神段（朱盖塔站_神木北站）</t>
  </si>
  <si>
    <t>【内蒙古中铁】成组砼岔枕\P60;1/9;单开;专线(03)3366包神段（朱盖塔站_神木北站）</t>
  </si>
  <si>
    <t>【内蒙古中铁】成组砼岔枕\P60;1/9;复交;SC450-500包神段（朱盖塔站_神木北站）</t>
  </si>
  <si>
    <t>【内蒙古中铁】成组砼岔枕\P60;1/9;复式交分;CZ2504Z包神段（朱盖塔站_神木北站）</t>
  </si>
  <si>
    <t>【内蒙古中铁】成组砼岔枕\P60;1/9;交渡;CZ580Z包神段（朱盖塔站_神木北站）</t>
  </si>
  <si>
    <t>【内蒙古中铁】成组砼岔枕\P60;1/9;交渡;CZ582Z包神段（朱盖塔站_神木北站）</t>
  </si>
  <si>
    <t>【内蒙古中铁】成组砼岔枕\P60;1/9;交渡;CZ583Z包神段（朱盖塔站_神木北站）</t>
  </si>
  <si>
    <t>【内蒙古中铁】成组砼岔枕\P60;1/9;专线3366;右开包神段（朱盖塔站_神木北站）</t>
  </si>
  <si>
    <t>【内蒙古中铁】成组砼岔枕\P60;1/9;专线3366;左开包神段（朱盖塔站_神木北站）</t>
  </si>
  <si>
    <t>【内蒙古中铁】成组砼岔枕\P75;1/12;SC381-500包神段（朱盖塔站_神木北站）</t>
  </si>
  <si>
    <t>【内蒙古中铁】成组砼岔枕\P75;1/12;SC443-500;交渡包神段（朱盖塔站_神木北站）</t>
  </si>
  <si>
    <t>【内蒙古中铁】成组砼岔枕\P75;1/12;单开;SC559-500包神段（朱盖塔站_神木北站）</t>
  </si>
  <si>
    <t>【内蒙古中铁】成组砼岔枕\P75;1/12;单开;研线1116-400包神段（朱盖塔站_神木北站）</t>
  </si>
  <si>
    <t>【内蒙古中铁】成组砼岔枕\P75;1/12;交渡;SC444包神段（朱盖塔站_神木北站）</t>
  </si>
  <si>
    <t>【内蒙古中铁】成组砼岔枕\P75;1/18;单开;SC488-500包神段（朱盖塔站_神木北站）</t>
  </si>
  <si>
    <t>【内蒙古中铁】成组砼岔枕\P75;1/9;5.0m交渡;SC551包神段（朱盖塔站_神木北站）</t>
  </si>
  <si>
    <t>【内蒙古中铁】电气绝缘枕\ⅢaZ型包神段（朱盖塔站_神木北站）</t>
  </si>
  <si>
    <t>【内蒙古中铁】电容枕\ⅢA型/ⅢAD包神段（朱盖塔站_神木北站）</t>
  </si>
  <si>
    <t>【内蒙古中铁】电容枕\新Ⅱ型/XⅡD包神段（朱盖塔站_神木北站）</t>
  </si>
  <si>
    <t>【内蒙古中铁】电容枕\新Ⅱ型;2500mm;研线0308-1包神段（朱盖塔站_神木北站）</t>
  </si>
  <si>
    <t>【内蒙古中铁】电容枕\新Ⅲ型桥枕;2600mm;研线0308-1包神段（朱盖塔站_神木北站）</t>
  </si>
  <si>
    <t>【内蒙古中铁】砼岔枕\P50;1/12;13#;专线(01)3423包神段（朱盖塔站_神木北站）</t>
  </si>
  <si>
    <t>【内蒙古中铁】砼岔枕\P50;1/12;21#;专线(01)3423包神段（朱盖塔站_神木北站）</t>
  </si>
  <si>
    <t>【内蒙古中铁】砼岔枕\P50;1/12;5#;专线3355包神段（朱盖塔站_神木北站）</t>
  </si>
  <si>
    <t>【内蒙古中铁】砼岔枕\P50;1/12;58#;专线3355包神段（朱盖塔站_神木北站）</t>
  </si>
  <si>
    <t>【内蒙古中铁】砼岔枕\P50;1/9;20#;专线(03)3281包神段（朱盖塔站_神木北站）</t>
  </si>
  <si>
    <t>【内蒙古中铁】砼岔枕\P50;1/9;3#;CZ2209包神段（朱盖塔站_神木北站）</t>
  </si>
  <si>
    <t>【内蒙古中铁】砼岔枕\P50;1/9;39#;专线(03)3281包神段（朱盖塔站_神木北站）</t>
  </si>
  <si>
    <t>【内蒙古中铁】砼岔枕\P50;1/9;48#;专线(03)3281包神段（朱盖塔站_神木北站）</t>
  </si>
  <si>
    <t>【内蒙古中铁】砼岔枕\P50;1/9;49#;专线(03)3281包神段（朱盖塔站_神木北站）</t>
  </si>
  <si>
    <t>【内蒙古中铁】砼岔枕\P50;1/9;52#;专线(03)3281包神段（朱盖塔站_神木北站）</t>
  </si>
  <si>
    <t>【内蒙古中铁】砼岔枕\P50;1/9;单开31#;专线(03)3281包神段（朱盖塔站_神木北站）</t>
  </si>
  <si>
    <t>【内蒙古中铁】砼岔枕\P50;1/9;单开32#;专线(03)3281包神段（朱盖塔站_神木北站）</t>
  </si>
  <si>
    <t>【内蒙古中铁】砼岔枕\P50;1/9;单开33#;专线(03)3281包神段（朱盖塔站_神木北站）</t>
  </si>
  <si>
    <t>【内蒙古中铁】砼岔枕\P50;1/9;单开34#;专线(03)3281包神段（朱盖塔站_神木北站）</t>
  </si>
  <si>
    <t>【内蒙古中铁】砼岔枕\P50;1/9;单开35#;专线(03)3281包神段（朱盖塔站_神木北站）</t>
  </si>
  <si>
    <t>【内蒙古中铁】砼岔枕\P50;1/9;单开36#;专线(03)3281包神段（朱盖塔站_神木北站）</t>
  </si>
  <si>
    <t>【内蒙古中铁】砼岔枕\P50;1/9;单开37#;专线(03)3281包神段（朱盖塔站_神木北站）</t>
  </si>
  <si>
    <t>【内蒙古中铁】砼岔枕\P60;1/12;1#;SC330-500包神段（朱盖塔站_神木北站）</t>
  </si>
  <si>
    <t>【内蒙古中铁】砼岔枕\P60;1/12;1#;专线3399包神段（朱盖塔站_神木北站）</t>
  </si>
  <si>
    <t>【内蒙古中铁】砼岔枕\P60;1/12;10#;专线3399包神段（朱盖塔站_神木北站）</t>
  </si>
  <si>
    <t>【内蒙古中铁】砼岔枕\P60;1/12;11#;专线3399包神段（朱盖塔站_神木北站）</t>
  </si>
  <si>
    <t>【内蒙古中铁】砼岔枕\P60;1/12;12#;专线3399包神段（朱盖塔站_神木北站）</t>
  </si>
  <si>
    <t>【内蒙古中铁】砼岔枕\P60;1/12;13#;专线3399包神段（朱盖塔站_神木北站）</t>
  </si>
  <si>
    <t>【内蒙古中铁】砼岔枕\P60;1/12;14#;专线3399包神段（朱盖塔站_神木北站）</t>
  </si>
  <si>
    <t>【内蒙古中铁】砼岔枕\P60;1/12;15#;专线3399包神段（朱盖塔站_神木北站）</t>
  </si>
  <si>
    <t>【内蒙古中铁】砼岔枕\P60;1/12;16#;专线3399包神段（朱盖塔站_神木北站）</t>
  </si>
  <si>
    <t>【内蒙古中铁】砼岔枕\P60;1/12;17#;专线3399包神段（朱盖塔站_神木北站）</t>
  </si>
  <si>
    <t>【内蒙古中铁】砼岔枕\P60;1/12;18#;专线3399包神段（朱盖塔站_神木北站）</t>
  </si>
  <si>
    <t>【内蒙古中铁】砼岔枕\P60;1/12;19#;专线3399包神段（朱盖塔站_神木北站）</t>
  </si>
  <si>
    <t>【内蒙古中铁】砼岔枕\P60;1/12;2#;专线3399包神段（朱盖塔站_神木北站）</t>
  </si>
  <si>
    <t>【内蒙古中铁】砼岔枕\P60;1/12;23#;专线3399包神段（朱盖塔站_神木北站）</t>
  </si>
  <si>
    <t>【内蒙古中铁】砼岔枕\P60;1/12;24#;专线3399包神段（朱盖塔站_神木北站）</t>
  </si>
  <si>
    <t>【内蒙古中铁】砼岔枕\P60;1/12;25#;SC330-500包神段（朱盖塔站_神木北站）</t>
  </si>
  <si>
    <t>【内蒙古中铁】砼岔枕\P60;1/12;25#;SC350包神段（朱盖塔站_神木北站）</t>
  </si>
  <si>
    <t>【内蒙古中铁】砼岔枕\P60;1/12;25#;专线3399包神段（朱盖塔站_神木北站）</t>
  </si>
  <si>
    <t>【内蒙古中铁】砼岔枕\P60;1/12;26#;SC330-500包神段（朱盖塔站_神木北站）</t>
  </si>
  <si>
    <t>【内蒙古中铁】砼岔枕\P60;1/12;26#;SC350包神段（朱盖塔站_神木北站）</t>
  </si>
  <si>
    <t>【内蒙古中铁】砼岔枕\P60;1/12;26#;专线3399包神段（朱盖塔站_神木北站）</t>
  </si>
  <si>
    <t>【内蒙古中铁】砼岔枕\P60;1/12;27#;SC330-500包神段（朱盖塔站_神木北站）</t>
  </si>
  <si>
    <t>【内蒙古中铁】砼岔枕\P60;1/12;27#;专线3399包神段（朱盖塔站_神木北站）</t>
  </si>
  <si>
    <t>【内蒙古中铁】砼岔枕\P60;1/12;28#;SC330-500包神段（朱盖塔站_神木北站）</t>
  </si>
  <si>
    <t>【内蒙古中铁】砼岔枕\P60;1/12;28#;专线3399包神段（朱盖塔站_神木北站）</t>
  </si>
  <si>
    <t>【内蒙古中铁】砼岔枕\P60;1/12;28#;专线4228包神段（朱盖塔站_神木北站）</t>
  </si>
  <si>
    <t>【内蒙古中铁】砼岔枕\P60;1/12;29#;SC330-500包神段（朱盖塔站_神木北站）</t>
  </si>
  <si>
    <t>【内蒙古中铁】砼岔枕\P60;1/12;29#;专线3399包神段（朱盖塔站_神木北站）</t>
  </si>
  <si>
    <t>【内蒙古中铁】砼岔枕\P60;1/12;30#;专线3399包神段（朱盖塔站_神木北站）</t>
  </si>
  <si>
    <t>【内蒙古中铁】砼岔枕\P60;1/12;30#;专线4228包神段（朱盖塔站_神木北站）</t>
  </si>
  <si>
    <t>【内蒙古中铁】砼岔枕\P60;1/12;32#;专线3399包神段（朱盖塔站_神木北站）</t>
  </si>
  <si>
    <t>【内蒙古中铁】砼岔枕\P60;1/12;34#;专线3399包神段（朱盖塔站_神木北站）</t>
  </si>
  <si>
    <t>【内蒙古中铁】砼岔枕\P60;1/12;36#;SC350包神段（朱盖塔站_神木北站）</t>
  </si>
  <si>
    <t>【内蒙古中铁】砼岔枕\P60;1/12;37#;专线3399包神段（朱盖塔站_神木北站）</t>
  </si>
  <si>
    <t>【内蒙古中铁】砼岔枕\P60;1/12;40#;专线3399包神段（朱盖塔站_神木北站）</t>
  </si>
  <si>
    <t>【内蒙古中铁】砼岔枕\P60;1/12;41#;专线3399包神段（朱盖塔站_神木北站）</t>
  </si>
  <si>
    <t>【内蒙古中铁】砼岔枕\P60;1/12;42#;专线3399包神段（朱盖塔站_神木北站）</t>
  </si>
  <si>
    <t>【内蒙古中铁】砼岔枕\P60;1/12;43#;专线3399包神段（朱盖塔站_神木北站）</t>
  </si>
  <si>
    <t>【内蒙古中铁】砼岔枕\P60;1/12;49#;SC330-500包神段（朱盖塔站_神木北站）</t>
  </si>
  <si>
    <t>【内蒙古中铁】砼岔枕\P60;1/12;51#;专线3399包神段（朱盖塔站_神木北站）</t>
  </si>
  <si>
    <t>【内蒙古中铁】砼岔枕\P60;1/12;52#;专线3399包神段（朱盖塔站_神木北站）</t>
  </si>
  <si>
    <t>【内蒙古中铁】砼岔枕\P60;1/12;53#;SC330-500包神段（朱盖塔站_神木北站）</t>
  </si>
  <si>
    <t>【内蒙古中铁】砼岔枕\P60;1/12;53#;专线3399包神段（朱盖塔站_神木北站）</t>
  </si>
  <si>
    <t>【内蒙古中铁】砼岔枕\P60;1/12;53#;专线4228包神段（朱盖塔站_神木北站）</t>
  </si>
  <si>
    <t>【内蒙古中铁】砼岔枕\P60;1/12;54#;SC330包神段（朱盖塔站_神木北站）</t>
  </si>
  <si>
    <t>【内蒙古中铁】砼岔枕\P60;1/12;54#;专线3399包神段（朱盖塔站_神木北站）</t>
  </si>
  <si>
    <t>【内蒙古中铁】砼岔枕\P60;1/12;55#;专线3399包神段（朱盖塔站_神木北站）</t>
  </si>
  <si>
    <t>【内蒙古中铁】砼岔枕\P60;1/12;56#;专线3399包神段（朱盖塔站_神木北站）</t>
  </si>
  <si>
    <t>【内蒙古中铁】砼岔枕\P60;1/12;57#;专线3399包神段（朱盖塔站_神木北站）</t>
  </si>
  <si>
    <t>【内蒙古中铁】砼岔枕\P60;1/12;57#;专线4228包神段（朱盖塔站_神木北站）</t>
  </si>
  <si>
    <t>【内蒙古中铁】砼岔枕\P60;1/12;58#;专线3399包神段（朱盖塔站_神木北站）</t>
  </si>
  <si>
    <t>【内蒙古中铁】砼岔枕\P60;1/12;59#;专线3399包神段（朱盖塔站_神木北站）</t>
  </si>
  <si>
    <t>【内蒙古中铁】砼岔枕\P60;1/12;60#;专线3399包神段（朱盖塔站_神木北站）</t>
  </si>
  <si>
    <t>【内蒙古中铁】砼岔枕\P60;1/12;61#;专线3399包神段（朱盖塔站_神木北站）</t>
  </si>
  <si>
    <t>【内蒙古中铁】砼岔枕\P60;1/12;62#;专线3399包神段（朱盖塔站_神木北站）</t>
  </si>
  <si>
    <t>【内蒙古中铁】砼岔枕\P60;1/12;63#;SC330-500包神段（朱盖塔站_神木北站）</t>
  </si>
  <si>
    <t>【内蒙古中铁】砼岔枕\P60;1/12;63#;SC340包神段（朱盖塔站_神木北站）</t>
  </si>
  <si>
    <t>【内蒙古中铁】砼岔枕\P60;1/12;63#;专线3399包神段（朱盖塔站_神木北站）</t>
  </si>
  <si>
    <t>【内蒙古中铁】砼岔枕\P60;1/12;63#;专线3402包神段（朱盖塔站_神木北站）</t>
  </si>
  <si>
    <t>【内蒙古中铁】砼岔枕\P60;1/12;63#;专线4228包神段（朱盖塔站_神木北站）</t>
  </si>
  <si>
    <t>【内蒙古中铁】砼岔枕\P60;1/12;63Z#;SC341-500包神段（朱盖塔站_神木北站）</t>
  </si>
  <si>
    <t>【内蒙古中铁】砼岔枕\P60;1/12;64#;SC330包神段（朱盖塔站_神木北站）</t>
  </si>
  <si>
    <t>【内蒙古中铁】砼岔枕\P60;1/12;64#;SC340包神段（朱盖塔站_神木北站）</t>
  </si>
  <si>
    <t>【内蒙古中铁】砼岔枕\P60;1/12;64#;专线3399包神段（朱盖塔站_神木北站）</t>
  </si>
  <si>
    <t>【内蒙古中铁】砼岔枕\P60;1/12;64#;专线3402包神段（朱盖塔站_神木北站）</t>
  </si>
  <si>
    <t>【内蒙古中铁】砼岔枕\P60;1/12;64Z#;SC341-500包神段（朱盖塔站_神木北站）</t>
  </si>
  <si>
    <t>【内蒙古中铁】砼岔枕\P60;1/12;65#;交渡;SC340C包神段（朱盖塔站_神木北站）</t>
  </si>
  <si>
    <t>【内蒙古中铁】砼岔枕\P60;1/12;65#;专线3399包神段（朱盖塔站_神木北站）</t>
  </si>
  <si>
    <t>【内蒙古中铁】砼岔枕\P60;1/12;66#;专线3399包神段（朱盖塔站_神木北站）</t>
  </si>
  <si>
    <t>【内蒙古中铁】砼岔枕\P60;1/12;67#;专线3399包神段（朱盖塔站_神木北站）</t>
  </si>
  <si>
    <t>【内蒙古中铁】砼岔枕\P60;1/12;68#;专线3399包神段（朱盖塔站_神木北站）</t>
  </si>
  <si>
    <t>【内蒙古中铁】砼岔枕\P60;1/12;69#;专线3399包神段（朱盖塔站_神木北站）</t>
  </si>
  <si>
    <t>【内蒙古中铁】砼岔枕\P60;1/12;73#;专线3402包神段（朱盖塔站_神木北站）</t>
  </si>
  <si>
    <t>【内蒙古中铁】砼岔枕\P60;1/12;74#;专线3402包神段（朱盖塔站_神木北站）</t>
  </si>
  <si>
    <t>【内蒙古中铁】砼岔枕\P60;1/18;21#;专线3386包神段（朱盖塔站_神木北站）</t>
  </si>
  <si>
    <t>【内蒙古中铁】砼岔枕\P60;1/18;32#;专线3386包神段（朱盖塔站_神木北站）</t>
  </si>
  <si>
    <t>【内蒙古中铁】砼岔枕\P60;1/18;33#;专线3386包神段（朱盖塔站_神木北站）</t>
  </si>
  <si>
    <t>【内蒙古中铁】砼岔枕\P60;1/18;34#;专线3386包神段（朱盖塔站_神木北站）</t>
  </si>
  <si>
    <t>【内蒙古中铁】砼岔枕\P60;1/18;71#;专线3386包神段（朱盖塔站_神木北站）</t>
  </si>
  <si>
    <t>【内蒙古中铁】砼岔枕\P60;1/18;72#;专线3386包神段（朱盖塔站_神木北站）</t>
  </si>
  <si>
    <t>【内蒙古中铁】砼岔枕\P60;1/9;34#;交渡;SC392C包神段（朱盖塔站_神木北站）</t>
  </si>
  <si>
    <t>【内蒙古中铁】砼岔枕\P60;1/9;42#;专线(03)3366包神段（朱盖塔站_神木北站）</t>
  </si>
  <si>
    <t>【内蒙古中铁】砼岔枕\P60;1/9;43#;专线(03)3366包神段（朱盖塔站_神木北站）</t>
  </si>
  <si>
    <t>【内蒙古中铁】砼岔枕\P60;1/9;49#;SC390包神段（朱盖塔站_神木北站）</t>
  </si>
  <si>
    <t>【内蒙古中铁】砼岔枕\P60;1/9;49#;专线(03)3366包神段（朱盖塔站_神木北站）</t>
  </si>
  <si>
    <t>【内蒙古中铁】砼岔枕\P60;1/9;5#;SC390包神段（朱盖塔站_神木北站）</t>
  </si>
  <si>
    <t>【内蒙古中铁】砼岔枕\P60;1/9;50#;SC390包神段（朱盖塔站_神木北站）</t>
  </si>
  <si>
    <t>【内蒙古中铁】砼岔枕\P60;1/9;54#;专线(03)3366包神段（朱盖塔站_神木北站）</t>
  </si>
  <si>
    <t>【内蒙古中铁】砼岔枕\P60;1/9;6#;SC390包神段（朱盖塔站_神木北站）</t>
  </si>
  <si>
    <t>【内蒙古中铁】砼岔枕\P60;1/9;7#;SC390包神段（朱盖塔站_神木北站）</t>
  </si>
  <si>
    <t>【内蒙古中铁】砼岔枕\P60;1/9;8#;SC390包神段（朱盖塔站_神木北站）</t>
  </si>
  <si>
    <t>【内蒙古中铁】砼岔枕\P60;1/9;9#;SC390包神段（朱盖塔站_神木北站）</t>
  </si>
  <si>
    <t>【内蒙古中铁】砼岔枕\P60;1/9;交渡12#;CZ581Z包神段（朱盖塔站_神木北站）</t>
  </si>
  <si>
    <t>【内蒙古中铁】砼岔枕\P60;1/9;交渡16#;CZ581Z包神段（朱盖塔站_神木北站）</t>
  </si>
  <si>
    <t>【内蒙古中铁】砼岔枕\P60;1/9;交渡22#;CZ580Z包神段（朱盖塔站_神木北站）</t>
  </si>
  <si>
    <t>【内蒙古中铁】砼岔枕\P60;1/9;交渡23#;CZ581Z包神段（朱盖塔站_神木北站）</t>
  </si>
  <si>
    <t>【内蒙古中铁】砼岔枕\P60;1/9;交渡24#;CZ581Z包神段（朱盖塔站_神木北站）</t>
  </si>
  <si>
    <t>【内蒙古中铁】砼岔枕\P60;1/9;交渡25#;CZ581Z包神段（朱盖塔站_神木北站）</t>
  </si>
  <si>
    <t>【内蒙古中铁】砼岔枕\P60;1/9;交渡40#;CZ580Z包神段（朱盖塔站_神木北站）</t>
  </si>
  <si>
    <t>【内蒙古中铁】砼岔枕\P60;1/9;交渡44#;CZ581Z包神段（朱盖塔站_神木北站）</t>
  </si>
  <si>
    <t>【内蒙古中铁】砼岔枕\P60;1/9;交渡49#;CZ581Z包神段（朱盖塔站_神木北站）</t>
  </si>
  <si>
    <t>【内蒙古中铁】砼岔枕\P60;1/9;交渡50#;CZ581Z包神段（朱盖塔站_神木北站）</t>
  </si>
  <si>
    <t>【内蒙古中铁】砼岔枕\P75;1/12;1#;SC559-500包神段（朱盖塔站_神木北站）</t>
  </si>
  <si>
    <t>【内蒙古中铁】砼岔枕\P75;1/12;2#;SC559-500包神段（朱盖塔站_神木北站）</t>
  </si>
  <si>
    <t>【内蒙古中铁】砼岔枕\P75;1/12;25#;SC559-500包神段（朱盖塔站_神木北站）</t>
  </si>
  <si>
    <t>【内蒙古中铁】砼岔枕\P75;1/12;26#;SC559-500包神段（朱盖塔站_神木北站）</t>
  </si>
  <si>
    <t>【内蒙古中铁】砼岔枕\P75;1/12;27#;SC559-500包神段（朱盖塔站_神木北站）</t>
  </si>
  <si>
    <t>【内蒙古中铁】砼岔枕\P75;1/12;28#;SC559-500包神段（朱盖塔站_神木北站）</t>
  </si>
  <si>
    <t>【内蒙古中铁】砼岔枕\P75;1/12;29#;SC559-500包神段（朱盖塔站_神木北站）</t>
  </si>
  <si>
    <t>【内蒙古中铁】砼岔枕\P75;1/12;3#;SC559-500包神段（朱盖塔站_神木北站）</t>
  </si>
  <si>
    <t>【内蒙古中铁】砼岔枕\P75;1/12;30#;SC559-500包神段（朱盖塔站_神木北站）</t>
  </si>
  <si>
    <t>【内蒙古中铁】砼岔枕\P75;1/12;31#;SC559-500包神段（朱盖塔站_神木北站）</t>
  </si>
  <si>
    <t>【内蒙古中铁】砼岔枕\P75;1/12;39#;SC559-500包神段（朱盖塔站_神木北站）</t>
  </si>
  <si>
    <t>【内蒙古中铁】砼岔枕\P75;1/12;40#;SC559-500包神段（朱盖塔站_神木北站）</t>
  </si>
  <si>
    <t>【内蒙古中铁】砼岔枕\P75;1/12;5.3m交渡;CZ716包神段（朱盖塔站_神木北站）</t>
  </si>
  <si>
    <t>【内蒙古中铁】砼岔枕\P75;1/12;50#;SC559-500包神段（朱盖塔站_神木北站）</t>
  </si>
  <si>
    <t>【内蒙古中铁】砼岔枕\P75;1/12;51#;SC559-500包神段（朱盖塔站_神木北站）</t>
  </si>
  <si>
    <t>【内蒙古中铁】砼岔枕\P75;1/12;52#;SC559-500包神段（朱盖塔站_神木北站）</t>
  </si>
  <si>
    <t>【内蒙古中铁】砼岔枕\P75;1/12;53#;SC559-500包神段（朱盖塔站_神木北站）</t>
  </si>
  <si>
    <t>【内蒙古中铁】砼岔枕\P75;1/12;54#;SC559-500包神段（朱盖塔站_神木北站）</t>
  </si>
  <si>
    <t>【内蒙古中铁】砼岔枕\P75;1/12;55#;SC559-500包神段（朱盖塔站_神木北站）</t>
  </si>
  <si>
    <t>【内蒙古中铁】砼岔枕\P75;1/12;56#;SC559-500包神段（朱盖塔站_神木北站）</t>
  </si>
  <si>
    <t>【内蒙古中铁】砼岔枕\P75;1/12;60#;SC559-500包神段（朱盖塔站_神木北站）</t>
  </si>
  <si>
    <t>【内蒙古中铁】砼岔枕\P75;1/12;61#;SC559-500包神段（朱盖塔站_神木北站）</t>
  </si>
  <si>
    <t>【内蒙古中铁】砼岔枕\P75;1/12;62#;SC559-500包神段（朱盖塔站_神木北站）</t>
  </si>
  <si>
    <t>【内蒙古中铁】砼岔枕\P75;1/12;63#;SC559-500包神段（朱盖塔站_神木北站）</t>
  </si>
  <si>
    <t>【内蒙古中铁】砼岔枕\P75;1/12;64#;SC559-500包神段（朱盖塔站_神木北站）</t>
  </si>
  <si>
    <t>【内蒙古中铁】砼岔枕\P75;1/12;65#;SC559-500包神段（朱盖塔站_神木北站）</t>
  </si>
  <si>
    <t>【内蒙古中铁】砼岔枕\P75;1/12;66#;SC559-500包神段（朱盖塔站_神木北站）</t>
  </si>
  <si>
    <t>【内蒙古中铁】砼岔枕\P75;1/12;67#;SC559-500包神段（朱盖塔站_神木北站）</t>
  </si>
  <si>
    <t>【内蒙古中铁】砼岔枕\P75;1/12;68#;SC559-500包神段（朱盖塔站_神木北站）</t>
  </si>
  <si>
    <t>【内蒙古中铁】砼岔枕\P75;1/12;80#;SC559-500包神段（朱盖塔站_神木北站）</t>
  </si>
  <si>
    <t>【内蒙古中铁】砼岔枕\P75;1/12;81#;SC559-500包神段（朱盖塔站_神木北站）</t>
  </si>
  <si>
    <t>【内蒙古中铁】砼岔枕\P75;1/12;单开;专线4228包神段（朱盖塔站_神木北站）</t>
  </si>
  <si>
    <t>【内蒙古中铁】砼桥枕\ⅡZQ-C型0#包神段（朱盖塔站_神木北站）</t>
  </si>
  <si>
    <t>【内蒙古中铁】砼桥枕\Ⅲ型包神段（朱盖塔站_神木北站）</t>
  </si>
  <si>
    <t>【内蒙古中铁】砼桥枕\梭头;新Ⅲ型;1#包神段（朱盖塔站_神木北站）</t>
  </si>
  <si>
    <t>【内蒙古中铁】砼桥枕\梭头;新Ⅲ型;2#包神段（朱盖塔站_神木北站）</t>
  </si>
  <si>
    <t>【内蒙古中铁】砼桥枕\梭头;新Ⅲ型;3#包神段（朱盖塔站_神木北站）</t>
  </si>
  <si>
    <t>【内蒙古中铁】砼桥枕\梭头;新Ⅲ型;4#包神段（朱盖塔站_神木北站）</t>
  </si>
  <si>
    <t>【内蒙古中铁】砼桥枕\新Ⅲ型包神段（朱盖塔站_神木北站）</t>
  </si>
  <si>
    <t>【内蒙古中铁】砼桥枕\专线3448;弹性;新Ⅲ型包神段（朱盖塔站_神木北站）</t>
  </si>
  <si>
    <t>【内蒙古中铁】砼桥枕\专线3448;弹性;新Ⅲ型;1#包神段（朱盖塔站_神木北站）</t>
  </si>
  <si>
    <t>【内蒙古中铁】砼桥枕\专线3448;弹性;新Ⅲ型;2#包神段（朱盖塔站_神木北站）</t>
  </si>
  <si>
    <t>【内蒙古中铁】砼桥枕\专线3448;弹性;新Ⅲ型;3#包神段（朱盖塔站_神木北站）</t>
  </si>
  <si>
    <t>【内蒙古中铁】砼桥枕\专线3448;弹性;新Ⅲ型;4#包神段（朱盖塔站_神木北站）</t>
  </si>
  <si>
    <t>【内蒙古中铁】砼枕\X-Ⅱ型包神段（朱盖塔站_神木北站）</t>
  </si>
  <si>
    <t>【内蒙古中铁】砼枕\YⅡ-F包神段（朱盖塔站_神木北站）</t>
  </si>
  <si>
    <t>【内蒙古中铁】砼枕\弹性;ⅢA型包神段（朱盖塔站_神木北站）</t>
  </si>
  <si>
    <t>【内蒙古中铁】砼枕\专线3393;ⅢA型包神段（朱盖塔站_神木北站）</t>
  </si>
  <si>
    <t>【内蒙古中铁】成组砼岔枕\P50;1/12;5.0m交渡;专线(03)3424\包神段（府谷站—阴塔站）</t>
  </si>
  <si>
    <t>GNWZBP(TH)ZECG2020-185</t>
  </si>
  <si>
    <t>国家能源e购商城内蒙古中铁轨枕配件铺货采购合同-包神段（府谷站—阴塔站）</t>
  </si>
  <si>
    <t>【内蒙古中铁】成组砼岔枕\P50;1/12;单开;专线(01)3423\包神段（府谷站—阴塔站）</t>
  </si>
  <si>
    <t>【内蒙古中铁】成组砼岔枕\P50;1/12;复交;CZ2220Z\包神段（府谷站—阴塔站）</t>
  </si>
  <si>
    <t>【内蒙古中铁】成组砼岔枕\P50;1/12;专线3355\包神段（府谷站—阴塔站）</t>
  </si>
  <si>
    <t>【内蒙古中铁】成组砼岔枕\P50;1/12;专线4257\包神段（府谷站—阴塔站）</t>
  </si>
  <si>
    <t>【内蒙古中铁】成组砼岔枕\P50;1/6;5.0m交渡;SC432-500\包神段（府谷站—阴塔站）</t>
  </si>
  <si>
    <t>【内蒙古中铁】成组砼岔枕\P50;1/6;对称;SC384\包神段（府谷站—阴塔站）</t>
  </si>
  <si>
    <t>【内蒙古中铁】成组砼岔枕\P50;1/6;对称;右开;SC384-500\包神段（府谷站—阴塔站）</t>
  </si>
  <si>
    <t>【内蒙古中铁】成组砼岔枕\P50;1/6;对称;左开;SC384-500\包神段（府谷站—阴塔站）</t>
  </si>
  <si>
    <t>【内蒙古中铁】成组砼岔枕\P50;1/9;5.0m交渡;CZ2210\包神段（府谷站—阴塔站）</t>
  </si>
  <si>
    <t>【内蒙古中铁】成组砼岔枕\P50;1/9;5.0m交渡;SC580\包神段（府谷站—阴塔站）</t>
  </si>
  <si>
    <t>【内蒙古中铁】成组砼岔枕\P50;1/9;5.0m交渡;专线(02)3428\包神段（府谷站—阴塔站）</t>
  </si>
  <si>
    <t>【内蒙古中铁】成组砼岔枕\P50;1/9;5.0m交渡;专线(02)7663\包神段（府谷站—阴塔站）</t>
  </si>
  <si>
    <t>【内蒙古中铁】成组砼岔枕\P50;1/9;CZ2209A\包神段（府谷站—阴塔站）</t>
  </si>
  <si>
    <t>【内蒙古中铁】成组砼岔枕\P50;1/9;单开;CZ2209Z\包神段（府谷站—阴塔站）</t>
  </si>
  <si>
    <t>【内蒙古中铁】成组砼岔枕\P50;1/9;单开;专线(03)3281\包神段（府谷站—阴塔站）</t>
  </si>
  <si>
    <t>【内蒙古中铁】成组砼岔枕\P50;1/9;复交;CZ2214Z\包神段（府谷站—阴塔站）</t>
  </si>
  <si>
    <t>【内蒙古中铁】成组砼岔枕\P50;1/9;复交;专线(04)3443\包神段（府谷站—阴塔站）</t>
  </si>
  <si>
    <t>【内蒙古中铁】成组砼岔枕\P50;1/9;交渡;CZ2213Z\包神段（府谷站—阴塔站）</t>
  </si>
  <si>
    <t>【内蒙古中铁】成组砼岔枕\P50;1/9;交渡;SC571-1101\包神段（府谷站—阴塔站）</t>
  </si>
  <si>
    <t>【内蒙古中铁】成组砼岔枕\P50;1/9;交渡;专线(03)3431\包神段（府谷站—阴塔站）</t>
  </si>
  <si>
    <t>【内蒙古中铁】成组砼岔枕\P60;1/12;5.5m交渡;SC342-500\包神段（府谷站—阴塔站）</t>
  </si>
  <si>
    <t>【内蒙古中铁】成组砼岔枕\P60;1/12;6.5m交渡;专线3413\包神段（府谷站—阴塔站）</t>
  </si>
  <si>
    <t>【内蒙古中铁】成组砼岔枕\P60;1/12;单开;SC330-500\包神段（府谷站—阴塔站）</t>
  </si>
  <si>
    <t>【内蒙古中铁】成组砼岔枕\P60;1/12;渡线;专线3402;Ⅲ型\包神段（府谷站—阴塔站）</t>
  </si>
  <si>
    <t>【内蒙古中铁】成组砼岔枕\P60;1/12;复交;SC350\包神段（府谷站—阴塔站）</t>
  </si>
  <si>
    <t>【内蒙古中铁】成组砼岔枕\P60;1/12;交渡;SC340-500\包神段（府谷站—阴塔站）</t>
  </si>
  <si>
    <t>【内蒙古中铁】成组砼岔枕\P60;1/12;交渡;SC342-500\包神段（府谷站—阴塔站）</t>
  </si>
  <si>
    <t>【内蒙古中铁】成组砼岔枕\P60;1/12;砼;单开;专线4249\包神段（府谷站—阴塔站）</t>
  </si>
  <si>
    <t>【内蒙古中铁】成组砼岔枕\P60;1/12;专线3399;Ⅲ型\包神段（府谷站—阴塔站）</t>
  </si>
  <si>
    <t>【内蒙古中铁】成组砼岔枕\P60;1/18;单开;GLC(07)02-300\包神段（府谷站—阴塔站）</t>
  </si>
  <si>
    <t>【内蒙古中铁】成组砼岔枕\P60;1/18;单开;GLC(09)05-300\包神段（府谷站—阴塔站）</t>
  </si>
  <si>
    <t>【内蒙古中铁】成组砼岔枕\P60;1/9;5.0m组合;SC(07)460-1108\包神段（府谷站—阴塔站）</t>
  </si>
  <si>
    <t>【内蒙古中铁】成组砼岔枕\P60;1/9;5.0m组合;SC(07)460-1204\包神段（府谷站—阴塔站）</t>
  </si>
  <si>
    <t>【内蒙古中铁】成组砼岔枕\P60;1/9;5.0m组合;SC(07)460-1208\包神段（府谷站—阴塔站）</t>
  </si>
  <si>
    <t>【内蒙古中铁】成组砼岔枕\P60;1/9;5.0m组合;SC(07)460-1211\包神段（府谷站—阴塔站）</t>
  </si>
  <si>
    <t>【内蒙古中铁】成组砼岔枕\P60;1/9;5.3m交渡;CZ581Z\包神段（府谷站—阴塔站）</t>
  </si>
  <si>
    <t>【内蒙古中铁】成组砼岔枕\P60;1/9;单开;CZ577Z\包神段（府谷站—阴塔站）</t>
  </si>
  <si>
    <t>【内蒙古中铁】成组砼岔枕\P60;1/9;单开;专线(03)3366\包神段（府谷站—阴塔站）</t>
  </si>
  <si>
    <t>【内蒙古中铁】成组砼岔枕\P60;1/9;复交;SC450-500\包神段（府谷站—阴塔站）</t>
  </si>
  <si>
    <t>【内蒙古中铁】成组砼岔枕\P60;1/9;复式交分;CZ2504Z\包神段（府谷站—阴塔站）</t>
  </si>
  <si>
    <t>【内蒙古中铁】成组砼岔枕\P60;1/9;交渡;CZ580Z\包神段（府谷站—阴塔站）</t>
  </si>
  <si>
    <t>【内蒙古中铁】成组砼岔枕\P60;1/9;交渡;CZ582Z\包神段（府谷站—阴塔站）</t>
  </si>
  <si>
    <t>【内蒙古中铁】成组砼岔枕\P60;1/9;交渡;CZ583Z\包神段（府谷站—阴塔站）</t>
  </si>
  <si>
    <t>【内蒙古中铁】成组砼岔枕\P60;1/9;专线3366;右开\包神段（府谷站—阴塔站）</t>
  </si>
  <si>
    <t>【内蒙古中铁】成组砼岔枕\P60;1/9;专线3366;左开\包神段（府谷站—阴塔站）</t>
  </si>
  <si>
    <t>【内蒙古中铁】成组砼岔枕\P75;1/12;SC381-500\包神段（府谷站—阴塔站）</t>
  </si>
  <si>
    <t>【内蒙古中铁】成组砼岔枕\P75;1/12;SC443-500;交渡\包神段（府谷站—阴塔站）</t>
  </si>
  <si>
    <t>【内蒙古中铁】成组砼岔枕\P75;1/12;单开;SC559-500\包神段（府谷站—阴塔站）</t>
  </si>
  <si>
    <t>【内蒙古中铁】成组砼岔枕\P75;1/12;单开;研线1116-400\包神段（府谷站—阴塔站）</t>
  </si>
  <si>
    <t>【内蒙古中铁】成组砼岔枕\P75;1/12;交渡;SC444\包神段（府谷站—阴塔站）</t>
  </si>
  <si>
    <t>【内蒙古中铁】成组砼岔枕\P75;1/18;单开;SC488-500\包神段（府谷站—阴塔站）</t>
  </si>
  <si>
    <t>【内蒙古中铁】成组砼岔枕\P75;1/9;5.0m交渡;SC551\包神段（府谷站—阴塔站）</t>
  </si>
  <si>
    <t>【内蒙古中铁】电气绝缘枕\ⅢaZ型\包神段（府谷站—阴塔站）</t>
  </si>
  <si>
    <t>【内蒙古中铁】电容枕\ⅢA型/ⅢAD\包神段（府谷站—阴塔站）</t>
  </si>
  <si>
    <t>【内蒙古中铁】电容枕\新Ⅱ型/XⅡD\包神段（府谷站—阴塔站）</t>
  </si>
  <si>
    <t>【内蒙古中铁】电容枕\新Ⅱ型;2500mm;研线0308-1\包神段（府谷站—阴塔站）</t>
  </si>
  <si>
    <t>【内蒙古中铁】电容枕\新Ⅲ型桥枕;2600mm;研线0308-1\包神段（府谷站—阴塔站）</t>
  </si>
  <si>
    <t>【内蒙古中铁】砼岔枕\P50;1/12;13#;专线(01)3423\包神段（府谷站—阴塔站）</t>
  </si>
  <si>
    <t>【内蒙古中铁】砼岔枕\P50;1/12;21#;专线(01)3423\包神段（府谷站—阴塔站）</t>
  </si>
  <si>
    <t>【内蒙古中铁】砼岔枕\P50;1/12;5#;专线3355\包神段（府谷站—阴塔站）</t>
  </si>
  <si>
    <t>【内蒙古中铁】砼岔枕\P50;1/12;58#;专线3355\包神段（府谷站—阴塔站）</t>
  </si>
  <si>
    <t>【内蒙古中铁】砼岔枕\P50;1/9;20#;专线(03)3281\包神段（府谷站—阴塔站）</t>
  </si>
  <si>
    <t>【内蒙古中铁】砼岔枕\P50;1/9;3#;CZ2209\包神段（府谷站—阴塔站）</t>
  </si>
  <si>
    <t>【内蒙古中铁】砼岔枕\P50;1/9;39#;专线(03)3281\包神段（府谷站—阴塔站）</t>
  </si>
  <si>
    <t>【内蒙古中铁】砼岔枕\P50;1/9;48#;专线(03)3281\包神段（府谷站—阴塔站）</t>
  </si>
  <si>
    <t>【内蒙古中铁】砼岔枕\P50;1/9;49#;专线(03)3281\包神段（府谷站—阴塔站）</t>
  </si>
  <si>
    <t>【内蒙古中铁】砼岔枕\P50;1/9;52#;专线(03)3281\包神段（府谷站—阴塔站）</t>
  </si>
  <si>
    <t>【内蒙古中铁】砼岔枕\P50;1/9;单开31#;专线(03)3281\包神段（府谷站—阴塔站）</t>
  </si>
  <si>
    <t>【内蒙古中铁】砼岔枕\P50;1/9;单开32#;专线(03)3281\包神段（府谷站—阴塔站）</t>
  </si>
  <si>
    <t>【内蒙古中铁】砼岔枕\P50;1/9;单开33#;专线(03)3281\包神段（府谷站—阴塔站）</t>
  </si>
  <si>
    <t>【内蒙古中铁】砼岔枕\P50;1/9;单开34#;专线(03)3281\包神段（府谷站—阴塔站）</t>
  </si>
  <si>
    <t>【内蒙古中铁】砼岔枕\P50;1/9;单开35#;专线(03)3281\包神段（府谷站—阴塔站）</t>
  </si>
  <si>
    <t>【内蒙古中铁】砼岔枕\P50;1/9;单开36#;专线(03)3281\包神段（府谷站—阴塔站）</t>
  </si>
  <si>
    <t>【内蒙古中铁】砼岔枕\P50;1/9;单开37#;专线(03)3281\包神段（府谷站—阴塔站）</t>
  </si>
  <si>
    <t>【内蒙古中铁】砼岔枕\P60;1/12;1#;SC330-500\包神段（府谷站—阴塔站）</t>
  </si>
  <si>
    <t>【内蒙古中铁】砼岔枕\P60;1/12;1#;专线3399\包神段（府谷站—阴塔站）</t>
  </si>
  <si>
    <t>【内蒙古中铁】砼岔枕\P60;1/12;10#;专线3399\包神段（府谷站—阴塔站）</t>
  </si>
  <si>
    <t>【内蒙古中铁】砼岔枕\P60;1/12;11#;专线3399\包神段（府谷站—阴塔站）</t>
  </si>
  <si>
    <t>【内蒙古中铁】砼岔枕\P60;1/12;12#;专线3399\包神段（府谷站—阴塔站）</t>
  </si>
  <si>
    <t>【内蒙古中铁】砼岔枕\P60;1/12;13#;专线3399\包神段（府谷站—阴塔站）</t>
  </si>
  <si>
    <t>【内蒙古中铁】砼岔枕\P60;1/12;14#;专线3399\包神段（府谷站—阴塔站）</t>
  </si>
  <si>
    <t>【内蒙古中铁】砼岔枕\P60;1/12;15#;专线3399\包神段（府谷站—阴塔站）</t>
  </si>
  <si>
    <t>【内蒙古中铁】砼岔枕\P60;1/12;16#;专线3399\包神段（府谷站—阴塔站）</t>
  </si>
  <si>
    <t>【内蒙古中铁】砼岔枕\P60;1/12;17#;专线3399\包神段（府谷站—阴塔站）</t>
  </si>
  <si>
    <t>【内蒙古中铁】砼岔枕\P60;1/12;18#;专线3399\包神段（府谷站—阴塔站）</t>
  </si>
  <si>
    <t>【内蒙古中铁】砼岔枕\P60;1/12;19#;专线3399\包神段（府谷站—阴塔站）</t>
  </si>
  <si>
    <t>【内蒙古中铁】砼岔枕\P60;1/12;2#;专线3399\包神段（府谷站—阴塔站）</t>
  </si>
  <si>
    <t>【内蒙古中铁】砼岔枕\P60;1/12;23#;专线3399\包神段（府谷站—阴塔站）</t>
  </si>
  <si>
    <t>【内蒙古中铁】砼岔枕\P60;1/12;24#;专线3399\包神段（府谷站—阴塔站）</t>
  </si>
  <si>
    <t>【内蒙古中铁】砼岔枕\P60;1/12;25#;SC330-500\包神段（府谷站—阴塔站）</t>
  </si>
  <si>
    <t>【内蒙古中铁】砼岔枕\P60;1/12;25#;SC350\包神段（府谷站—阴塔站）</t>
  </si>
  <si>
    <t>【内蒙古中铁】砼岔枕\P60;1/12;25#;专线3399\包神段（府谷站—阴塔站）</t>
  </si>
  <si>
    <t>【内蒙古中铁】砼岔枕\P60;1/12;26#;SC330-500\包神段（府谷站—阴塔站）</t>
  </si>
  <si>
    <t>【内蒙古中铁】砼岔枕\P60;1/12;26#;SC350\包神段（府谷站—阴塔站）</t>
  </si>
  <si>
    <t>【内蒙古中铁】砼岔枕\P60;1/12;26#;专线3399\包神段（府谷站—阴塔站）</t>
  </si>
  <si>
    <t>【内蒙古中铁】砼岔枕\P60;1/12;27#;SC330-500\包神段（府谷站—阴塔站）</t>
  </si>
  <si>
    <t>【内蒙古中铁】砼岔枕\P60;1/12;27#;专线3399\包神段（府谷站—阴塔站）</t>
  </si>
  <si>
    <t>【内蒙古中铁】砼岔枕\P60;1/12;28#;SC330-500\包神段（府谷站—阴塔站）</t>
  </si>
  <si>
    <t>【内蒙古中铁】砼岔枕\P60;1/12;28#;专线3399\包神段（府谷站—阴塔站）</t>
  </si>
  <si>
    <t>【内蒙古中铁】砼岔枕\P60;1/12;28#;专线4228\包神段（府谷站—阴塔站）</t>
  </si>
  <si>
    <t>【内蒙古中铁】砼岔枕\P60;1/12;29#;SC330-500\包神段（府谷站—阴塔站）</t>
  </si>
  <si>
    <t>【内蒙古中铁】砼岔枕\P60;1/12;29#;专线3399\包神段（府谷站—阴塔站）</t>
  </si>
  <si>
    <t>【内蒙古中铁】砼岔枕\P60;1/12;30#;专线3399\包神段（府谷站—阴塔站）</t>
  </si>
  <si>
    <t>【内蒙古中铁】砼岔枕\P60;1/12;30#;专线4228\包神段（府谷站—阴塔站）</t>
  </si>
  <si>
    <t>【内蒙古中铁】砼岔枕\P60;1/12;32#;专线3399\包神段（府谷站—阴塔站）</t>
  </si>
  <si>
    <t>【内蒙古中铁】砼岔枕\P60;1/12;34#;专线3399\包神段（府谷站—阴塔站）</t>
  </si>
  <si>
    <t>【内蒙古中铁】砼岔枕\P60;1/12;36#;SC350\包神段（府谷站—阴塔站）</t>
  </si>
  <si>
    <t>【内蒙古中铁】砼岔枕\P60;1/12;37#;专线3399\包神段（府谷站—阴塔站）</t>
  </si>
  <si>
    <t>【内蒙古中铁】砼岔枕\P60;1/12;40#;专线3399\包神段（府谷站—阴塔站）</t>
  </si>
  <si>
    <t>【内蒙古中铁】砼岔枕\P60;1/12;41#;专线3399\包神段（府谷站—阴塔站）</t>
  </si>
  <si>
    <t>【内蒙古中铁】砼岔枕\P60;1/12;42#;专线3399\包神段（府谷站—阴塔站）</t>
  </si>
  <si>
    <t>【内蒙古中铁】砼岔枕\P60;1/12;43#;专线3399\包神段（府谷站—阴塔站）</t>
  </si>
  <si>
    <t>【内蒙古中铁】砼岔枕\P60;1/12;49#;SC330-500\包神段（府谷站—阴塔站）</t>
  </si>
  <si>
    <t>【内蒙古中铁】砼岔枕\P60;1/12;51#;专线3399\包神段（府谷站—阴塔站）</t>
  </si>
  <si>
    <t>【内蒙古中铁】砼岔枕\P60;1/12;52#;专线3399\包神段（府谷站—阴塔站）</t>
  </si>
  <si>
    <t>【内蒙古中铁】砼岔枕\P60;1/12;53#;SC330-500\包神段（府谷站—阴塔站）</t>
  </si>
  <si>
    <t>【内蒙古中铁】砼岔枕\P60;1/12;53#;专线3399\包神段（府谷站—阴塔站）</t>
  </si>
  <si>
    <t>【内蒙古中铁】砼岔枕\P60;1/12;53#;专线4228\包神段（府谷站—阴塔站）</t>
  </si>
  <si>
    <t>【内蒙古中铁】砼岔枕\P60;1/12;54#;SC330\包神段（府谷站—阴塔站）</t>
  </si>
  <si>
    <t>【内蒙古中铁】砼岔枕\P60;1/12;54#;专线3399\包神段（府谷站—阴塔站）</t>
  </si>
  <si>
    <t>【内蒙古中铁】砼岔枕\P60;1/12;55#;专线3399\包神段（府谷站—阴塔站）</t>
  </si>
  <si>
    <t>【内蒙古中铁】砼岔枕\P60;1/12;56#;专线3399\包神段（府谷站—阴塔站）</t>
  </si>
  <si>
    <t>【内蒙古中铁】砼岔枕\P60;1/12;57#;专线3399\包神段（府谷站—阴塔站）</t>
  </si>
  <si>
    <t>【内蒙古中铁】砼岔枕\P60;1/12;57#;专线4228\包神段（府谷站—阴塔站）</t>
  </si>
  <si>
    <t>【内蒙古中铁】砼岔枕\P60;1/12;58#;专线3399\包神段（府谷站—阴塔站）</t>
  </si>
  <si>
    <t>【内蒙古中铁】砼岔枕\P60;1/12;59#;专线3399\包神段（府谷站—阴塔站）</t>
  </si>
  <si>
    <t>【内蒙古中铁】砼岔枕\P60;1/12;60#;专线3399\包神段（府谷站—阴塔站）</t>
  </si>
  <si>
    <t>【内蒙古中铁】砼岔枕\P60;1/12;61#;专线3399\包神段（府谷站—阴塔站）</t>
  </si>
  <si>
    <t>【内蒙古中铁】砼岔枕\P60;1/12;62#;专线3399\包神段（府谷站—阴塔站）</t>
  </si>
  <si>
    <t>【内蒙古中铁】砼岔枕\P60;1/12;63#;SC330-500\包神段（府谷站—阴塔站）</t>
  </si>
  <si>
    <t>【内蒙古中铁】砼岔枕\P60;1/12;63#;SC340\包神段（府谷站—阴塔站）</t>
  </si>
  <si>
    <t>【内蒙古中铁】砼岔枕\P60;1/12;63#;专线3399\包神段（府谷站—阴塔站）</t>
  </si>
  <si>
    <t>【内蒙古中铁】砼岔枕\P60;1/12;63#;专线3402\包神段（府谷站—阴塔站）</t>
  </si>
  <si>
    <t>【内蒙古中铁】砼岔枕\P60;1/12;63#;专线4228\包神段（府谷站—阴塔站）</t>
  </si>
  <si>
    <t>【内蒙古中铁】砼岔枕\P60;1/12;63Z#;SC341-500\包神段（府谷站—阴塔站）</t>
  </si>
  <si>
    <t>【内蒙古中铁】砼岔枕\P60;1/12;64#;SC330\包神段（府谷站—阴塔站）</t>
  </si>
  <si>
    <t>【内蒙古中铁】砼岔枕\P60;1/12;64#;SC340\包神段（府谷站—阴塔站）</t>
  </si>
  <si>
    <t>【内蒙古中铁】砼岔枕\P60;1/12;64#;专线3399\包神段（府谷站—阴塔站）</t>
  </si>
  <si>
    <t>【内蒙古中铁】砼岔枕\P60;1/12;64#;专线3402\包神段（府谷站—阴塔站）</t>
  </si>
  <si>
    <t>【内蒙古中铁】砼岔枕\P60;1/12;64Z#;SC341-500\包神段（府谷站—阴塔站）</t>
  </si>
  <si>
    <t>【内蒙古中铁】砼岔枕\P60;1/12;65#;交渡;SC340C\包神段（府谷站—阴塔站）</t>
  </si>
  <si>
    <t>【内蒙古中铁】砼岔枕\P60;1/12;65#;专线3399\包神段（府谷站—阴塔站）</t>
  </si>
  <si>
    <t>【内蒙古中铁】砼岔枕\P60;1/12;66#;专线3399\包神段（府谷站—阴塔站）</t>
  </si>
  <si>
    <t>【内蒙古中铁】砼岔枕\P60;1/12;67#;专线3399\包神段（府谷站—阴塔站）</t>
  </si>
  <si>
    <t>【内蒙古中铁】砼岔枕\P60;1/12;68#;专线3399\包神段（府谷站—阴塔站）</t>
  </si>
  <si>
    <t>【内蒙古中铁】砼岔枕\P60;1/12;69#;专线3399\包神段（府谷站—阴塔站）</t>
  </si>
  <si>
    <t>【内蒙古中铁】砼岔枕\P60;1/12;73#;专线3402\包神段（府谷站—阴塔站）</t>
  </si>
  <si>
    <t>【内蒙古中铁】砼岔枕\P60;1/12;74#;专线3402\包神段（府谷站—阴塔站）</t>
  </si>
  <si>
    <t>【内蒙古中铁】砼岔枕\P60;1/18;21#;专线3386\包神段（府谷站—阴塔站）</t>
  </si>
  <si>
    <t>【内蒙古中铁】砼岔枕\P60;1/18;32#;专线3386\包神段（府谷站—阴塔站）</t>
  </si>
  <si>
    <t>【内蒙古中铁】砼岔枕\P60;1/18;33#;专线3386\包神段（府谷站—阴塔站）</t>
  </si>
  <si>
    <t>【内蒙古中铁】砼岔枕\P60;1/18;34#;专线3386\包神段（府谷站—阴塔站）</t>
  </si>
  <si>
    <t>【内蒙古中铁】砼岔枕\P60;1/18;71#;专线3386\包神段（府谷站—阴塔站）</t>
  </si>
  <si>
    <t>【内蒙古中铁】砼岔枕\P60;1/18;72#;专线3386\包神段（府谷站—阴塔站）</t>
  </si>
  <si>
    <t>【内蒙古中铁】砼岔枕\P60;1/9;34#;交渡;SC392C\包神段（府谷站—阴塔站）</t>
  </si>
  <si>
    <t>【内蒙古中铁】砼岔枕\P60;1/9;42#;专线(03)3366\包神段（府谷站—阴塔站）</t>
  </si>
  <si>
    <t>【内蒙古中铁】砼岔枕\P60;1/9;43#;专线(03)3366\包神段（府谷站—阴塔站）</t>
  </si>
  <si>
    <t>【内蒙古中铁】砼岔枕\P60;1/9;49#;SC390\包神段（府谷站—阴塔站）</t>
  </si>
  <si>
    <t>【内蒙古中铁】砼岔枕\P60;1/9;49#;专线(03)3366\包神段（府谷站—阴塔站）</t>
  </si>
  <si>
    <t>【内蒙古中铁】砼岔枕\P60;1/9;5#;SC390\包神段（府谷站—阴塔站）</t>
  </si>
  <si>
    <t>【内蒙古中铁】砼岔枕\P60;1/9;50#;SC390\包神段（府谷站—阴塔站）</t>
  </si>
  <si>
    <t>【内蒙古中铁】砼岔枕\P60;1/9;54#;专线(03)3366\包神段（府谷站—阴塔站）</t>
  </si>
  <si>
    <t>【内蒙古中铁】砼岔枕\P60;1/9;6#;SC390\包神段（府谷站—阴塔站）</t>
  </si>
  <si>
    <t>【内蒙古中铁】砼岔枕\P60;1/9;7#;SC390\包神段（府谷站—阴塔站）</t>
  </si>
  <si>
    <t>【内蒙古中铁】砼岔枕\P60;1/9;8#;SC390\包神段（府谷站—阴塔站）</t>
  </si>
  <si>
    <t>【内蒙古中铁】砼岔枕\P60;1/9;9#;SC390\包神段（府谷站—阴塔站）</t>
  </si>
  <si>
    <t>【内蒙古中铁】砼岔枕\P60;1/9;交渡12#;CZ581Z\包神段（府谷站—阴塔站）</t>
  </si>
  <si>
    <t>【内蒙古中铁】砼岔枕\P60;1/9;交渡16#;CZ581Z\包神段（府谷站—阴塔站）</t>
  </si>
  <si>
    <t>【内蒙古中铁】砼岔枕\P60;1/9;交渡22#;CZ580Z\包神段（府谷站—阴塔站）</t>
  </si>
  <si>
    <t>【内蒙古中铁】砼岔枕\P60;1/9;交渡23#;CZ581Z\包神段（府谷站—阴塔站）</t>
  </si>
  <si>
    <t>【内蒙古中铁】砼岔枕\P60;1/9;交渡24#;CZ581Z\包神段（府谷站—阴塔站）</t>
  </si>
  <si>
    <t>【内蒙古中铁】砼岔枕\P60;1/9;交渡25#;CZ581Z\包神段（府谷站—阴塔站）</t>
  </si>
  <si>
    <t>【内蒙古中铁】砼岔枕\P60;1/9;交渡40#;CZ580Z\包神段（府谷站—阴塔站）</t>
  </si>
  <si>
    <t>【内蒙古中铁】砼岔枕\P60;1/9;交渡44#;CZ581Z\包神段（府谷站—阴塔站）</t>
  </si>
  <si>
    <t>【内蒙古中铁】砼岔枕\P60;1/9;交渡49#;CZ581Z\包神段（府谷站—阴塔站）</t>
  </si>
  <si>
    <t>【内蒙古中铁】砼岔枕\P60;1/9;交渡50#;CZ581Z\包神段（府谷站—阴塔站）</t>
  </si>
  <si>
    <t>【内蒙古中铁】砼岔枕\P75;1/12;1#;SC559-500\包神段（府谷站—阴塔站）</t>
  </si>
  <si>
    <t>【内蒙古中铁】砼岔枕\P75;1/12;2#;SC559-500\包神段（府谷站—阴塔站）</t>
  </si>
  <si>
    <t>【内蒙古中铁】砼岔枕\P75;1/12;25#;SC559-500\包神段（府谷站—阴塔站）</t>
  </si>
  <si>
    <t>【内蒙古中铁】砼岔枕\P75;1/12;26#;SC559-500\包神段（府谷站—阴塔站）</t>
  </si>
  <si>
    <t>【内蒙古中铁】砼岔枕\P75;1/12;27#;SC559-500\包神段（府谷站—阴塔站）</t>
  </si>
  <si>
    <t>【内蒙古中铁】砼岔枕\P75;1/12;28#;SC559-500\包神段（府谷站—阴塔站）</t>
  </si>
  <si>
    <t>【内蒙古中铁】砼岔枕\P75;1/12;29#;SC559-500\包神段（府谷站—阴塔站）</t>
  </si>
  <si>
    <t>【内蒙古中铁】砼岔枕\P75;1/12;3#;SC559-500\包神段（府谷站—阴塔站）</t>
  </si>
  <si>
    <t>【内蒙古中铁】砼岔枕\P75;1/12;30#;SC559-500\包神段（府谷站—阴塔站）</t>
  </si>
  <si>
    <t>【内蒙古中铁】砼岔枕\P75;1/12;31#;SC559-500\包神段（府谷站—阴塔站）</t>
  </si>
  <si>
    <t>【内蒙古中铁】砼岔枕\P75;1/12;39#;SC559-500\包神段（府谷站—阴塔站）</t>
  </si>
  <si>
    <t>【内蒙古中铁】砼岔枕\P75;1/12;40#;SC559-500\包神段（府谷站—阴塔站）</t>
  </si>
  <si>
    <t>【内蒙古中铁】砼岔枕\P75;1/12;5.3m交渡;CZ716\包神段（府谷站—阴塔站）</t>
  </si>
  <si>
    <t>【内蒙古中铁】砼岔枕\P75;1/12;50#;SC559-500\包神段（府谷站—阴塔站）</t>
  </si>
  <si>
    <t>【内蒙古中铁】砼岔枕\P75;1/12;51#;SC559-500\包神段（府谷站—阴塔站）</t>
  </si>
  <si>
    <t>【内蒙古中铁】砼岔枕\P75;1/12;52#;SC559-500\包神段（府谷站—阴塔站）</t>
  </si>
  <si>
    <t>【内蒙古中铁】砼岔枕\P75;1/12;53#;SC559-500\包神段（府谷站—阴塔站）</t>
  </si>
  <si>
    <t>【内蒙古中铁】砼岔枕\P75;1/12;54#;SC559-500\包神段（府谷站—阴塔站）</t>
  </si>
  <si>
    <t>【内蒙古中铁】砼岔枕\P75;1/12;55#;SC559-500\包神段（府谷站—阴塔站）</t>
  </si>
  <si>
    <t>【内蒙古中铁】砼岔枕\P75;1/12;56#;SC559-500\包神段（府谷站—阴塔站）</t>
  </si>
  <si>
    <t>【内蒙古中铁】砼岔枕\P75;1/12;60#;SC559-500\包神段（府谷站—阴塔站）</t>
  </si>
  <si>
    <t>【内蒙古中铁】砼岔枕\P75;1/12;61#;SC559-500\包神段（府谷站—阴塔站）</t>
  </si>
  <si>
    <t>【内蒙古中铁】砼岔枕\P75;1/12;62#;SC559-500\包神段（府谷站—阴塔站）</t>
  </si>
  <si>
    <t>【内蒙古中铁】砼岔枕\P75;1/12;63#;SC559-500\包神段（府谷站—阴塔站）</t>
  </si>
  <si>
    <t>【内蒙古中铁】砼岔枕\P75;1/12;64#;SC559-500\包神段（府谷站—阴塔站）</t>
  </si>
  <si>
    <t>【内蒙古中铁】砼岔枕\P75;1/12;65#;SC559-500\包神段（府谷站—阴塔站）</t>
  </si>
  <si>
    <t>【内蒙古中铁】砼岔枕\P75;1/12;66#;SC559-500\包神段（府谷站—阴塔站）</t>
  </si>
  <si>
    <t>【内蒙古中铁】砼岔枕\P75;1/12;67#;SC559-500\包神段（府谷站—阴塔站）</t>
  </si>
  <si>
    <t>【内蒙古中铁】砼岔枕\P75;1/12;68#;SC559-500\包神段（府谷站—阴塔站）</t>
  </si>
  <si>
    <t>【内蒙古中铁】砼岔枕\P75;1/12;80#;SC559-500\包神段（府谷站—阴塔站）</t>
  </si>
  <si>
    <t>【内蒙古中铁】砼岔枕\P75;1/12;81#;SC559-500\包神段（府谷站—阴塔站）</t>
  </si>
  <si>
    <t>【内蒙古中铁】砼岔枕\P75;1/12;单开;专线4228\包神段（府谷站—阴塔站）</t>
  </si>
  <si>
    <t>【内蒙古中铁】砼桥枕\ⅡZQ-C型0#\包神段（府谷站—阴塔站）</t>
  </si>
  <si>
    <t>【内蒙古中铁】砼桥枕\Ⅲ型\包神段（府谷站—阴塔站）</t>
  </si>
  <si>
    <t>【内蒙古中铁】砼桥枕\梭头;新Ⅲ型;1#\包神段（府谷站—阴塔站）</t>
  </si>
  <si>
    <t>【内蒙古中铁】砼桥枕\梭头;新Ⅲ型;2#\包神段（府谷站—阴塔站）</t>
  </si>
  <si>
    <t>【内蒙古中铁】砼桥枕\梭头;新Ⅲ型;3#\包神段（府谷站—阴塔站）</t>
  </si>
  <si>
    <t>【内蒙古中铁】砼桥枕\梭头;新Ⅲ型;4#\包神段（府谷站—阴塔站）</t>
  </si>
  <si>
    <t>【内蒙古中铁】砼桥枕\新Ⅲ型\包神段（府谷站—阴塔站）</t>
  </si>
  <si>
    <t>【内蒙古中铁】砼桥枕\专线3448;弹性;新Ⅲ型\包神段（府谷站—阴塔站）</t>
  </si>
  <si>
    <t>【内蒙古中铁】砼桥枕\专线3448;弹性;新Ⅲ型;1#\包神段（府谷站—阴塔站）</t>
  </si>
  <si>
    <t>【内蒙古中铁】砼桥枕\专线3448;弹性;新Ⅲ型;2#\包神段（府谷站—阴塔站）</t>
  </si>
  <si>
    <t>【内蒙古中铁】砼桥枕\专线3448;弹性;新Ⅲ型;3#\包神段（府谷站—阴塔站）</t>
  </si>
  <si>
    <t>【内蒙古中铁】砼桥枕\专线3448;弹性;新Ⅲ型;4#\包神段（府谷站—阴塔站）</t>
  </si>
  <si>
    <t>【内蒙古中铁】砼枕\X-Ⅱ型\包神段（府谷站—阴塔站）</t>
  </si>
  <si>
    <t>【内蒙古中铁】砼枕\YⅡ-F\包神段（府谷站—阴塔站）</t>
  </si>
  <si>
    <t>【内蒙古中铁】砼枕\弹性;ⅢA型\包神段（府谷站—阴塔站）</t>
  </si>
  <si>
    <t>【内蒙古中铁】砼枕\专线3393;ⅢA型\包神段（府谷站—阴塔站）</t>
  </si>
  <si>
    <t>【内蒙古中铁】成组砼岔枕\P50;1/12;5.0m交渡;专线(03)3424\包神段（东胜站）</t>
  </si>
  <si>
    <t>GNWZBP(TH)ZECG2020-183</t>
  </si>
  <si>
    <t>国家能源e购商城内蒙古中铁轨枕配件铺货采购合同-包神段（东胜站）</t>
  </si>
  <si>
    <t>【内蒙古中铁】成组砼岔枕\P50;1/12;单开;专线(01)3423\包神段（东胜站）</t>
  </si>
  <si>
    <t>【内蒙古中铁】成组砼岔枕\P50;1/12;复交;CZ2220Z\包神段（东胜站）</t>
  </si>
  <si>
    <t>【内蒙古中铁】成组砼岔枕\P50;1/12;专线3355\包神段（东胜站）</t>
  </si>
  <si>
    <t>【内蒙古中铁】成组砼岔枕\P50;1/12;专线4257\包神段（东胜站）</t>
  </si>
  <si>
    <t>【内蒙古中铁】成组砼岔枕\P50;1/6;5.0m交渡;SC432-500\包神段（东胜站）</t>
  </si>
  <si>
    <t>【内蒙古中铁】成组砼岔枕\P50;1/6;对称;SC384\包神段（东胜站）</t>
  </si>
  <si>
    <t>【内蒙古中铁】成组砼岔枕\P50;1/6;对称;右开;SC384-500\包神段（东胜站）</t>
  </si>
  <si>
    <t>【内蒙古中铁】成组砼岔枕\P50;1/6;对称;左开;SC384-500\包神段（东胜站）</t>
  </si>
  <si>
    <t>【内蒙古中铁】成组砼岔枕\P50;1/9;5.0m交渡;CZ2210\包神段（东胜站）</t>
  </si>
  <si>
    <t>【内蒙古中铁】成组砼岔枕\P50;1/9;5.0m交渡;SC580\包神段（东胜站）</t>
  </si>
  <si>
    <t>【内蒙古中铁】成组砼岔枕\P50;1/9;5.0m交渡;专线(02)3428\包神段（东胜站）</t>
  </si>
  <si>
    <t>【内蒙古中铁】成组砼岔枕\P50;1/9;5.0m交渡;专线(02)7663\包神段（东胜站）</t>
  </si>
  <si>
    <t>【内蒙古中铁】成组砼岔枕\P50;1/9;CZ2209A\包神段（东胜站）</t>
  </si>
  <si>
    <t>【内蒙古中铁】成组砼岔枕\P50;1/9;单开;CZ2209Z\包神段（东胜站）</t>
  </si>
  <si>
    <t>【内蒙古中铁】成组砼岔枕\P50;1/9;单开;专线(03)3281\包神段（东胜站）</t>
  </si>
  <si>
    <t>【内蒙古中铁】成组砼岔枕\P50;1/9;复交;CZ2214Z\包神段（东胜站）</t>
  </si>
  <si>
    <t>【内蒙古中铁】成组砼岔枕\P50;1/9;复交;专线(04)3443\包神段（东胜站）</t>
  </si>
  <si>
    <t>【内蒙古中铁】成组砼岔枕\P50;1/9;交渡;CZ2213Z\包神段（东胜站）</t>
  </si>
  <si>
    <t>【内蒙古中铁】成组砼岔枕\P50;1/9;交渡;SC571-1101\包神段（东胜站）</t>
  </si>
  <si>
    <t>【内蒙古中铁】成组砼岔枕\P50;1/9;交渡;专线(03)3431\包神段（东胜站）</t>
  </si>
  <si>
    <t>【内蒙古中铁】成组砼岔枕\P60;1/12;5.5m交渡;SC342-500\包神段（东胜站）</t>
  </si>
  <si>
    <t>【内蒙古中铁】成组砼岔枕\P60;1/12;6.5m交渡;专线3413\包神段（东胜站）</t>
  </si>
  <si>
    <t>【内蒙古中铁】成组砼岔枕\P60;1/12;单开;SC330-500\包神段（东胜站）</t>
  </si>
  <si>
    <t>【内蒙古中铁】成组砼岔枕\P60;1/12;渡线;专线3402;Ⅲ型\包神段（东胜站）</t>
  </si>
  <si>
    <t>【内蒙古中铁】成组砼岔枕\P60;1/12;复交;SC350\包神段（东胜站）</t>
  </si>
  <si>
    <t>【内蒙古中铁】成组砼岔枕\P60;1/12;交渡;SC340-500\包神段（东胜站）</t>
  </si>
  <si>
    <t>【内蒙古中铁】成组砼岔枕\P60;1/12;交渡;SC342-500\包神段（东胜站）</t>
  </si>
  <si>
    <t>【内蒙古中铁】成组砼岔枕\P60;1/12;砼;单开;专线4249\包神段（东胜站）</t>
  </si>
  <si>
    <t>【内蒙古中铁】成组砼岔枕\P60;1/12;专线3399;Ⅲ型\包神段（东胜站）</t>
  </si>
  <si>
    <t>【内蒙古中铁】成组砼岔枕\P60;1/18;单开;GLC(07)02-300\包神段（东胜站）</t>
  </si>
  <si>
    <t>【内蒙古中铁】成组砼岔枕\P60;1/18;单开;GLC(09)05-300\包神段（东胜站）</t>
  </si>
  <si>
    <t>【内蒙古中铁】成组砼岔枕\P60;1/9;5.0m组合;SC(07)460-1108\包神段（东胜站）</t>
  </si>
  <si>
    <t>【内蒙古中铁】成组砼岔枕\P60;1/9;5.0m组合;SC(07)460-1204\包神段（东胜站）</t>
  </si>
  <si>
    <t>【内蒙古中铁】成组砼岔枕\P60;1/9;5.0m组合;SC(07)460-1208\包神段（东胜站）</t>
  </si>
  <si>
    <t>【内蒙古中铁】成组砼岔枕\P60;1/9;5.0m组合;SC(07)460-1211\包神段（东胜站）</t>
  </si>
  <si>
    <t>【内蒙古中铁】成组砼岔枕\P60;1/9;5.3m交渡;CZ581Z\包神段（东胜站）</t>
  </si>
  <si>
    <t>【内蒙古中铁】成组砼岔枕\P60;1/9;单开;CZ577Z\包神段（东胜站）</t>
  </si>
  <si>
    <t>【内蒙古中铁】成组砼岔枕\P60;1/9;单开;专线(03)3366\包神段（东胜站）</t>
  </si>
  <si>
    <t>【内蒙古中铁】成组砼岔枕\P60;1/9;复交;SC450-500\包神段（东胜站）</t>
  </si>
  <si>
    <t>【内蒙古中铁】成组砼岔枕\P60;1/9;复式交分;CZ2504Z\包神段（东胜站）</t>
  </si>
  <si>
    <t>【内蒙古中铁】成组砼岔枕\P60;1/9;交渡;CZ580Z\包神段（东胜站）</t>
  </si>
  <si>
    <t>【内蒙古中铁】成组砼岔枕\P60;1/9;交渡;CZ582Z\包神段（东胜站）</t>
  </si>
  <si>
    <t>【内蒙古中铁】成组砼岔枕\P60;1/9;交渡;CZ583Z\包神段（东胜站）</t>
  </si>
  <si>
    <t>【内蒙古中铁】成组砼岔枕\P60;1/9;专线3366;右开\包神段（东胜站）</t>
  </si>
  <si>
    <t>【内蒙古中铁】成组砼岔枕\P60;1/9;专线3366;左开\包神段（东胜站）</t>
  </si>
  <si>
    <t>【内蒙古中铁】成组砼岔枕\P75;1/12;SC381-500\包神段（东胜站）</t>
  </si>
  <si>
    <t>【内蒙古中铁】成组砼岔枕\P75;1/12;SC443-500;交渡\包神段（东胜站）</t>
  </si>
  <si>
    <t>【内蒙古中铁】成组砼岔枕\P75;1/12;单开;SC559-500\包神段（东胜站）</t>
  </si>
  <si>
    <t>【内蒙古中铁】成组砼岔枕\P75;1/12;单开;研线1116-400\包神段（东胜站）</t>
  </si>
  <si>
    <t>【内蒙古中铁】成组砼岔枕\P75;1/12;交渡;SC444\包神段（东胜站）</t>
  </si>
  <si>
    <t>【内蒙古中铁】成组砼岔枕\P75;1/18;单开;SC488-500\包神段（东胜站）</t>
  </si>
  <si>
    <t>【内蒙古中铁】成组砼岔枕\P75;1/9;5.0m交渡;SC551\包神段（东胜站）</t>
  </si>
  <si>
    <t>【内蒙古中铁】电气绝缘枕\ⅢaZ型\包神段（东胜站）</t>
  </si>
  <si>
    <t>【内蒙古中铁】电容枕\ⅢA型/ⅢAD\包神段（东胜站）</t>
  </si>
  <si>
    <t>【内蒙古中铁】电容枕\新Ⅱ型/XⅡD\包神段（东胜站）</t>
  </si>
  <si>
    <t>【内蒙古中铁】电容枕\新Ⅱ型;2500mm;研线0308-1\包神段（东胜站）</t>
  </si>
  <si>
    <t>【内蒙古中铁】电容枕\新Ⅲ型桥枕;2600mm;研线0308-1\包神段（东胜站）</t>
  </si>
  <si>
    <t>【内蒙古中铁】砼岔枕\P50;1/12;13#;专线(01)3423\包神段（东胜站）</t>
  </si>
  <si>
    <t>【内蒙古中铁】砼岔枕\P50;1/12;21#;专线(01)3423\包神段（东胜站）</t>
  </si>
  <si>
    <t>【内蒙古中铁】砼岔枕\P50;1/12;5#;专线3355\包神段（东胜站）</t>
  </si>
  <si>
    <t>【内蒙古中铁】砼岔枕\P50;1/12;58#;专线3355\包神段（东胜站）</t>
  </si>
  <si>
    <t>【内蒙古中铁】砼岔枕\P50;1/9;20#;专线(03)3281\包神段（东胜站）</t>
  </si>
  <si>
    <t>【内蒙古中铁】砼岔枕\P50;1/9;3#;CZ2209\包神段（东胜站）</t>
  </si>
  <si>
    <t>【内蒙古中铁】砼岔枕\P50;1/9;39#;专线(03)3281\包神段（东胜站）</t>
  </si>
  <si>
    <t>【内蒙古中铁】砼岔枕\P50;1/9;48#;专线(03)3281\包神段（东胜站）</t>
  </si>
  <si>
    <t>【内蒙古中铁】砼岔枕\P50;1/9;49#;专线(03)3281\包神段（东胜站）</t>
  </si>
  <si>
    <t>【内蒙古中铁】砼岔枕\P50;1/9;52#;专线(03)3281\包神段（东胜站）</t>
  </si>
  <si>
    <t>【内蒙古中铁】砼岔枕\P50;1/9;单开31#;专线(03)3281\包神段（东胜站）</t>
  </si>
  <si>
    <t>【内蒙古中铁】砼岔枕\P50;1/9;单开32#;专线(03)3281\包神段（东胜站）</t>
  </si>
  <si>
    <t>【内蒙古中铁】砼岔枕\P50;1/9;单开33#;专线(03)3281\包神段（东胜站）</t>
  </si>
  <si>
    <t>【内蒙古中铁】砼岔枕\P50;1/9;单开34#;专线(03)3281\包神段（东胜站）</t>
  </si>
  <si>
    <t>【内蒙古中铁】砼岔枕\P50;1/9;单开35#;专线(03)3281\包神段（东胜站）</t>
  </si>
  <si>
    <t>【内蒙古中铁】砼岔枕\P50;1/9;单开36#;专线(03)3281\包神段（东胜站）</t>
  </si>
  <si>
    <t>【内蒙古中铁】砼岔枕\P50;1/9;单开37#;专线(03)3281\包神段（东胜站）</t>
  </si>
  <si>
    <t>【内蒙古中铁】砼岔枕\P60;1/12;1#;SC330-500\包神段（东胜站）</t>
  </si>
  <si>
    <t>【内蒙古中铁】砼岔枕\P60;1/12;1#;专线3399\包神段（东胜站）</t>
  </si>
  <si>
    <t>【内蒙古中铁】砼岔枕\P60;1/12;10#;专线3399\包神段（东胜站）</t>
  </si>
  <si>
    <t>【内蒙古中铁】砼岔枕\P60;1/12;11#;专线3399\包神段（东胜站）</t>
  </si>
  <si>
    <t>【内蒙古中铁】砼岔枕\P60;1/12;12#;专线3399\包神段（东胜站）</t>
  </si>
  <si>
    <t>【内蒙古中铁】砼岔枕\P60;1/12;13#;专线3399\包神段（东胜站）</t>
  </si>
  <si>
    <t>【内蒙古中铁】砼岔枕\P60;1/12;14#;专线3399\包神段（东胜站）</t>
  </si>
  <si>
    <t>【内蒙古中铁】砼岔枕\P60;1/12;15#;专线3399\包神段（东胜站）</t>
  </si>
  <si>
    <t>【内蒙古中铁】砼岔枕\P60;1/12;16#;专线3399\包神段（东胜站）</t>
  </si>
  <si>
    <t>【内蒙古中铁】砼岔枕\P60;1/12;17#;专线3399\包神段（东胜站）</t>
  </si>
  <si>
    <t>【内蒙古中铁】砼岔枕\P60;1/12;18#;专线3399\包神段（东胜站）</t>
  </si>
  <si>
    <t>【内蒙古中铁】砼岔枕\P60;1/12;19#;专线3399\包神段（东胜站）</t>
  </si>
  <si>
    <t>【内蒙古中铁】砼岔枕\P60;1/12;2#;专线3399\包神段（东胜站）</t>
  </si>
  <si>
    <t>【内蒙古中铁】砼岔枕\P60;1/12;23#;专线3399\包神段（东胜站）</t>
  </si>
  <si>
    <t>【内蒙古中铁】砼岔枕\P60;1/12;24#;专线3399\包神段（东胜站）</t>
  </si>
  <si>
    <t>【内蒙古中铁】砼岔枕\P60;1/12;25#;SC330-500\包神段（东胜站）</t>
  </si>
  <si>
    <t>【内蒙古中铁】砼岔枕\P60;1/12;25#;SC350\包神段（东胜站）</t>
  </si>
  <si>
    <t>【内蒙古中铁】砼岔枕\P60;1/12;25#;专线3399\包神段（东胜站）</t>
  </si>
  <si>
    <t>【内蒙古中铁】砼岔枕\P60;1/12;26#;SC330-500\包神段（东胜站）</t>
  </si>
  <si>
    <t>【内蒙古中铁】砼岔枕\P60;1/12;26#;SC350\包神段（东胜站）</t>
  </si>
  <si>
    <t>【内蒙古中铁】砼岔枕\P60;1/12;26#;专线3399\包神段（东胜站）</t>
  </si>
  <si>
    <t>【内蒙古中铁】砼岔枕\P60;1/12;27#;SC330-500\包神段（东胜站）</t>
  </si>
  <si>
    <t>【内蒙古中铁】砼岔枕\P60;1/12;27#;专线3399\包神段（东胜站）</t>
  </si>
  <si>
    <t>【内蒙古中铁】砼岔枕\P60;1/12;28#;SC330-500\包神段（东胜站）</t>
  </si>
  <si>
    <t>【内蒙古中铁】砼岔枕\P60;1/12;28#;专线3399\包神段（东胜站）</t>
  </si>
  <si>
    <t>【内蒙古中铁】砼岔枕\P60;1/12;28#;专线4228\包神段（东胜站）</t>
  </si>
  <si>
    <t>【内蒙古中铁】砼岔枕\P60;1/12;29#;SC330-500\包神段（东胜站）</t>
  </si>
  <si>
    <t>【内蒙古中铁】砼岔枕\P60;1/12;29#;专线3399\包神段（东胜站）</t>
  </si>
  <si>
    <t>【内蒙古中铁】砼岔枕\P60;1/12;30#;专线3399\包神段（东胜站）</t>
  </si>
  <si>
    <t>【内蒙古中铁】砼岔枕\P60;1/12;30#;专线4228\包神段（东胜站）</t>
  </si>
  <si>
    <t>【内蒙古中铁】砼岔枕\P60;1/12;32#;专线3399\包神段（东胜站）</t>
  </si>
  <si>
    <t>【内蒙古中铁】砼岔枕\P60;1/12;34#;专线3399\包神段（东胜站）</t>
  </si>
  <si>
    <t>【内蒙古中铁】砼岔枕\P60;1/12;36#;SC350\包神段（东胜站）</t>
  </si>
  <si>
    <t>【内蒙古中铁】砼岔枕\P60;1/12;37#;专线3399\包神段（东胜站）</t>
  </si>
  <si>
    <t>【内蒙古中铁】砼岔枕\P60;1/12;40#;专线3399\包神段（东胜站）</t>
  </si>
  <si>
    <t>【内蒙古中铁】砼岔枕\P60;1/12;41#;专线3399\包神段（东胜站）</t>
  </si>
  <si>
    <t>【内蒙古中铁】砼岔枕\P60;1/12;42#;专线3399\包神段（东胜站）</t>
  </si>
  <si>
    <t>【内蒙古中铁】砼岔枕\P60;1/12;43#;专线3399\包神段（东胜站）</t>
  </si>
  <si>
    <t>【内蒙古中铁】砼岔枕\P60;1/12;49#;SC330-500\包神段（东胜站）</t>
  </si>
  <si>
    <t>【内蒙古中铁】砼岔枕\P60;1/12;51#;专线3399\包神段（东胜站）</t>
  </si>
  <si>
    <t>【内蒙古中铁】砼岔枕\P60;1/12;52#;专线3399\包神段（东胜站）</t>
  </si>
  <si>
    <t>【内蒙古中铁】砼岔枕\P60;1/12;53#;SC330-500\包神段（东胜站）</t>
  </si>
  <si>
    <t>【内蒙古中铁】砼岔枕\P60;1/12;53#;专线3399\包神段（东胜站）</t>
  </si>
  <si>
    <t>【内蒙古中铁】砼岔枕\P60;1/12;53#;专线4228\包神段（东胜站）</t>
  </si>
  <si>
    <t>【内蒙古中铁】砼岔枕\P60;1/12;54#;SC330\包神段（东胜站）</t>
  </si>
  <si>
    <t>【内蒙古中铁】砼岔枕\P60;1/12;54#;专线3399\包神段（东胜站）</t>
  </si>
  <si>
    <t>【内蒙古中铁】砼岔枕\P60;1/12;55#;专线3399\包神段（东胜站）</t>
  </si>
  <si>
    <t>【内蒙古中铁】砼岔枕\P60;1/12;56#;专线3399\包神段（东胜站）</t>
  </si>
  <si>
    <t>【内蒙古中铁】砼岔枕\P60;1/12;57#;专线3399\包神段（东胜站）</t>
  </si>
  <si>
    <t>【内蒙古中铁】砼岔枕\P60;1/12;57#;专线4228\包神段（东胜站）</t>
  </si>
  <si>
    <t>【内蒙古中铁】砼岔枕\P60;1/12;58#;专线3399\包神段（东胜站）</t>
  </si>
  <si>
    <t>【内蒙古中铁】砼岔枕\P60;1/12;59#;专线3399\包神段（东胜站）</t>
  </si>
  <si>
    <t>【内蒙古中铁】砼岔枕\P60;1/12;60#;专线3399\包神段（东胜站）</t>
  </si>
  <si>
    <t>【内蒙古中铁】砼岔枕\P60;1/12;61#;专线3399\包神段（东胜站）</t>
  </si>
  <si>
    <t>【内蒙古中铁】砼岔枕\P60;1/12;62#;专线3399\包神段（东胜站）</t>
  </si>
  <si>
    <t>【内蒙古中铁】砼岔枕\P60;1/12;63#;SC330-500\包神段（东胜站）</t>
  </si>
  <si>
    <t>【内蒙古中铁】砼岔枕\P60;1/12;63#;SC340\包神段（东胜站）</t>
  </si>
  <si>
    <t>【内蒙古中铁】砼岔枕\P60;1/12;63#;专线3399\包神段（东胜站）</t>
  </si>
  <si>
    <t>【内蒙古中铁】砼岔枕\P60;1/12;63#;专线3402\包神段（东胜站）</t>
  </si>
  <si>
    <t>【内蒙古中铁】砼岔枕\P60;1/12;63#;专线4228\包神段（东胜站）</t>
  </si>
  <si>
    <t>【内蒙古中铁】砼岔枕\P60;1/12;63Z#;SC341-500\包神段（东胜站）</t>
  </si>
  <si>
    <t>【内蒙古中铁】砼岔枕\P60;1/12;64#;SC330\包神段（东胜站）</t>
  </si>
  <si>
    <t>【内蒙古中铁】砼岔枕\P60;1/12;64#;SC340\包神段（东胜站）</t>
  </si>
  <si>
    <t>【内蒙古中铁】砼岔枕\P60;1/12;64#;专线3399\包神段（东胜站）</t>
  </si>
  <si>
    <t>【内蒙古中铁】砼岔枕\P60;1/12;64#;专线3402\包神段（东胜站）</t>
  </si>
  <si>
    <t>【内蒙古中铁】砼岔枕\P60;1/12;64Z#;SC341-500\包神段（东胜站）</t>
  </si>
  <si>
    <t>【内蒙古中铁】砼岔枕\P60;1/12;65#;交渡;SC340C\包神段（东胜站）</t>
  </si>
  <si>
    <t>【内蒙古中铁】砼岔枕\P60;1/12;65#;专线3399\包神段（东胜站）</t>
  </si>
  <si>
    <t>【内蒙古中铁】砼岔枕\P60;1/12;66#;专线3399\包神段（东胜站）</t>
  </si>
  <si>
    <t>【内蒙古中铁】砼岔枕\P60;1/12;67#;专线3399\包神段（东胜站）</t>
  </si>
  <si>
    <t>【内蒙古中铁】砼岔枕\P60;1/12;68#;专线3399\包神段（东胜站）</t>
  </si>
  <si>
    <t>【内蒙古中铁】砼岔枕\P60;1/12;69#;专线3399\包神段（东胜站）</t>
  </si>
  <si>
    <t>【内蒙古中铁】砼岔枕\P60;1/12;73#;专线3402\包神段（东胜站）</t>
  </si>
  <si>
    <t>【内蒙古中铁】砼岔枕\P60;1/12;74#;专线3402\包神段（东胜站）</t>
  </si>
  <si>
    <t>【内蒙古中铁】砼岔枕\P60;1/18;21#;专线3386\包神段（东胜站）</t>
  </si>
  <si>
    <t>【内蒙古中铁】砼岔枕\P60;1/18;32#;专线3386\包神段（东胜站）</t>
  </si>
  <si>
    <t>【内蒙古中铁】砼岔枕\P60;1/18;33#;专线3386\包神段（东胜站）</t>
  </si>
  <si>
    <t>【内蒙古中铁】砼岔枕\P60;1/18;34#;专线3386\包神段（东胜站）</t>
  </si>
  <si>
    <t>【内蒙古中铁】砼岔枕\P60;1/18;71#;专线3386\包神段（东胜站）</t>
  </si>
  <si>
    <t>【内蒙古中铁】砼岔枕\P60;1/18;72#;专线3386\包神段（东胜站）</t>
  </si>
  <si>
    <t>【内蒙古中铁】砼岔枕\P60;1/9;34#;交渡;SC392C\包神段（东胜站）</t>
  </si>
  <si>
    <t>【内蒙古中铁】砼岔枕\P60;1/9;42#;专线(03)3366\包神段（东胜站）</t>
  </si>
  <si>
    <t>【内蒙古中铁】砼岔枕\P60;1/9;43#;专线(03)3366\包神段（东胜站）</t>
  </si>
  <si>
    <t>【内蒙古中铁】砼岔枕\P60;1/9;49#;SC390\包神段（东胜站）</t>
  </si>
  <si>
    <t>【内蒙古中铁】砼岔枕\P60;1/9;49#;专线(03)3366\包神段（东胜站）</t>
  </si>
  <si>
    <t>【内蒙古中铁】砼岔枕\P60;1/9;5#;SC390\包神段（东胜站）</t>
  </si>
  <si>
    <t>【内蒙古中铁】砼岔枕\P60;1/9;50#;SC390\包神段（东胜站）</t>
  </si>
  <si>
    <t>【内蒙古中铁】砼岔枕\P60;1/9;54#;专线(03)3366\包神段（东胜站）</t>
  </si>
  <si>
    <t>【内蒙古中铁】砼岔枕\P60;1/9;6#;SC390\包神段（东胜站）</t>
  </si>
  <si>
    <t>【内蒙古中铁】砼岔枕\P60;1/9;7#;SC390\包神段（东胜站）</t>
  </si>
  <si>
    <t>【内蒙古中铁】砼岔枕\P60;1/9;8#;SC390\包神段（东胜站）</t>
  </si>
  <si>
    <t>【内蒙古中铁】砼岔枕\P60;1/9;9#;SC390\包神段（东胜站）</t>
  </si>
  <si>
    <t>【内蒙古中铁】砼岔枕\P60;1/9;交渡12#;CZ581Z\包神段（东胜站）</t>
  </si>
  <si>
    <t>【内蒙古中铁】砼岔枕\P60;1/9;交渡16#;CZ581Z\包神段（东胜站）</t>
  </si>
  <si>
    <t>【内蒙古中铁】砼岔枕\P60;1/9;交渡22#;CZ580Z\包神段（东胜站）</t>
  </si>
  <si>
    <t>【内蒙古中铁】砼岔枕\P60;1/9;交渡23#;CZ581Z\包神段（东胜站）</t>
  </si>
  <si>
    <t>【内蒙古中铁】砼岔枕\P60;1/9;交渡24#;CZ581Z\包神段（东胜站）</t>
  </si>
  <si>
    <t>【内蒙古中铁】砼岔枕\P60;1/9;交渡25#;CZ581Z\包神段（东胜站）</t>
  </si>
  <si>
    <t>【内蒙古中铁】砼岔枕\P60;1/9;交渡40#;CZ580Z\包神段（东胜站）</t>
  </si>
  <si>
    <t>【内蒙古中铁】砼岔枕\P60;1/9;交渡44#;CZ581Z\包神段（东胜站）</t>
  </si>
  <si>
    <t>【内蒙古中铁】砼岔枕\P60;1/9;交渡49#;CZ581Z\包神段（东胜站）</t>
  </si>
  <si>
    <t>【内蒙古中铁】砼岔枕\P60;1/9;交渡50#;CZ581Z\包神段（东胜站）</t>
  </si>
  <si>
    <t>【内蒙古中铁】砼岔枕\P75;1/12;1#;SC559-500\包神段（东胜站）</t>
  </si>
  <si>
    <t>【内蒙古中铁】砼岔枕\P75;1/12;2#;SC559-500\包神段（东胜站）</t>
  </si>
  <si>
    <t>【内蒙古中铁】砼岔枕\P75;1/12;25#;SC559-500\包神段（东胜站）</t>
  </si>
  <si>
    <t>【内蒙古中铁】砼岔枕\P75;1/12;26#;SC559-500\包神段（东胜站）</t>
  </si>
  <si>
    <t>【内蒙古中铁】砼岔枕\P75;1/12;27#;SC559-500\包神段（东胜站）</t>
  </si>
  <si>
    <t>【内蒙古中铁】砼岔枕\P75;1/12;28#;SC559-500\包神段（东胜站）</t>
  </si>
  <si>
    <t>【内蒙古中铁】砼岔枕\P75;1/12;29#;SC559-500\包神段（东胜站）</t>
  </si>
  <si>
    <t>【内蒙古中铁】砼岔枕\P75;1/12;3#;SC559-500\包神段（东胜站）</t>
  </si>
  <si>
    <t>【内蒙古中铁】砼岔枕\P75;1/12;30#;SC559-500\包神段（东胜站）</t>
  </si>
  <si>
    <t>【内蒙古中铁】砼岔枕\P75;1/12;31#;SC559-500\包神段（东胜站）</t>
  </si>
  <si>
    <t>【内蒙古中铁】砼岔枕\P75;1/12;39#;SC559-500\包神段（东胜站）</t>
  </si>
  <si>
    <t>【内蒙古中铁】砼岔枕\P75;1/12;40#;SC559-500\包神段（东胜站）</t>
  </si>
  <si>
    <t>【内蒙古中铁】砼岔枕\P75;1/12;5.3m交渡;CZ716\包神段（东胜站）</t>
  </si>
  <si>
    <t>【内蒙古中铁】砼岔枕\P75;1/12;50#;SC559-500\包神段（东胜站）</t>
  </si>
  <si>
    <t>【内蒙古中铁】砼岔枕\P75;1/12;51#;SC559-500\包神段（东胜站）</t>
  </si>
  <si>
    <t>【内蒙古中铁】砼岔枕\P75;1/12;52#;SC559-500\包神段（东胜站）</t>
  </si>
  <si>
    <t>【内蒙古中铁】砼岔枕\P75;1/12;53#;SC559-500\包神段（东胜站）</t>
  </si>
  <si>
    <t>【内蒙古中铁】砼岔枕\P75;1/12;54#;SC559-500\包神段（东胜站）</t>
  </si>
  <si>
    <t>【内蒙古中铁】砼岔枕\P75;1/12;55#;SC559-500\包神段（东胜站）</t>
  </si>
  <si>
    <t>【内蒙古中铁】砼岔枕\P75;1/12;56#;SC559-500\包神段（东胜站）</t>
  </si>
  <si>
    <t>【内蒙古中铁】砼岔枕\P75;1/12;60#;SC559-500\包神段（东胜站）</t>
  </si>
  <si>
    <t>【内蒙古中铁】砼岔枕\P75;1/12;61#;SC559-500\包神段（东胜站）</t>
  </si>
  <si>
    <t>【内蒙古中铁】砼岔枕\P75;1/12;62#;SC559-500\包神段（东胜站）</t>
  </si>
  <si>
    <t>【内蒙古中铁】砼岔枕\P75;1/12;63#;SC559-500\包神段（东胜站）</t>
  </si>
  <si>
    <t>【内蒙古中铁】砼岔枕\P75;1/12;64#;SC559-500\包神段（东胜站）</t>
  </si>
  <si>
    <t>【内蒙古中铁】砼岔枕\P75;1/12;65#;SC559-500\包神段（东胜站）</t>
  </si>
  <si>
    <t>【内蒙古中铁】砼岔枕\P75;1/12;66#;SC559-500\包神段（东胜站）</t>
  </si>
  <si>
    <t>【内蒙古中铁】砼岔枕\P75;1/12;67#;SC559-500\包神段（东胜站）</t>
  </si>
  <si>
    <t>【内蒙古中铁】砼岔枕\P75;1/12;68#;SC559-500\包神段（东胜站）</t>
  </si>
  <si>
    <t>【内蒙古中铁】砼岔枕\P75;1/12;80#;SC559-500\包神段（东胜站）</t>
  </si>
  <si>
    <t>【内蒙古中铁】砼岔枕\P75;1/12;81#;SC559-500\包神段（东胜站）</t>
  </si>
  <si>
    <t>【内蒙古中铁】砼岔枕\P75;1/12;单开;专线4228\包神段（东胜站）</t>
  </si>
  <si>
    <t>【内蒙古中铁】砼桥枕\ⅡZQ-C型0#\包神段（东胜站）</t>
  </si>
  <si>
    <t>【内蒙古中铁】砼桥枕\Ⅲ型\包神段（东胜站）</t>
  </si>
  <si>
    <t>【内蒙古中铁】砼桥枕\梭头;新Ⅲ型;1#\包神段（东胜站）</t>
  </si>
  <si>
    <t>【内蒙古中铁】砼桥枕\梭头;新Ⅲ型;2#\包神段（东胜站）</t>
  </si>
  <si>
    <t>【内蒙古中铁】砼桥枕\梭头;新Ⅲ型;3#\包神段（东胜站）</t>
  </si>
  <si>
    <t>【内蒙古中铁】砼桥枕\梭头;新Ⅲ型;4#\包神段（东胜站）</t>
  </si>
  <si>
    <t>【内蒙古中铁】砼桥枕\新Ⅲ型\包神段（东胜站）</t>
  </si>
  <si>
    <t>【内蒙古中铁】砼桥枕\专线3448;弹性;新Ⅲ型\包神段（东胜站）</t>
  </si>
  <si>
    <t>【内蒙古中铁】砼桥枕\专线3448;弹性;新Ⅲ型;1#\包神段（东胜站）</t>
  </si>
  <si>
    <t>【内蒙古中铁】砼桥枕\专线3448;弹性;新Ⅲ型;2#\包神段（东胜站）</t>
  </si>
  <si>
    <t>【内蒙古中铁】砼桥枕\专线3448;弹性;新Ⅲ型;3#\包神段（东胜站）</t>
  </si>
  <si>
    <t>【内蒙古中铁】砼桥枕\专线3448;弹性;新Ⅲ型;4#\包神段（东胜站）</t>
  </si>
  <si>
    <t>【内蒙古中铁】砼枕\X-Ⅱ型\包神段（东胜站）</t>
  </si>
  <si>
    <t>【内蒙古中铁】砼枕\YⅡ-F\包神段（东胜站）</t>
  </si>
  <si>
    <t>【内蒙古中铁】砼枕\弹性;ⅢA型\包神段（东胜站）</t>
  </si>
  <si>
    <t>【内蒙古中铁】砼枕\专线3393;ⅢA型\包神段（东胜站）</t>
  </si>
  <si>
    <t>【波司登】波司登男中长款羽绒服</t>
  </si>
  <si>
    <t>波司登羽绒服装有限公司</t>
  </si>
  <si>
    <t>波司登</t>
  </si>
  <si>
    <t>GNWZBP(TH)ZECG2020-238</t>
  </si>
  <si>
    <t>国家能源e购商城波司登工装长协采购铺货采购合同</t>
  </si>
  <si>
    <t>【波司登】波司登女中长款羽绒服</t>
  </si>
  <si>
    <t>MAXHUB会议平板CB55CF 55英寸红外触控智慧大屏，16：9的屏幕比例，屏幕分辨率3840*2160，（i5配置、内存DDR4 8G /固态硬盘128G ）具有白板书写、无线传屏和视频会议的功能</t>
  </si>
  <si>
    <t>广州视臻信息科技有限公司</t>
  </si>
  <si>
    <t>MAXHUB</t>
  </si>
  <si>
    <t>GNWZBP(TH)ZECG2020-262</t>
  </si>
  <si>
    <t>国家能源e购商城IT专区MAXHUB智慧大屏商品铺货采购合同</t>
  </si>
  <si>
    <t>北京网加时代科技有限公司</t>
  </si>
  <si>
    <t>MAXHUB会议平板CB55CF 55英寸红外触控智慧大屏，16：9的屏幕比例，屏幕分辨率3840*2160，（i7配置、内存DDR4 16G /固态硬盘256G ）具有白板书写、无线传屏和视频会议的功能</t>
  </si>
  <si>
    <t>MAXHUB会议平板CB65CF 65英寸红外触控智慧大屏，16：9的屏幕比例，屏幕分辨率3840*2160，（i5配置、内存DDR4 8G /固态硬盘128G ）具有白板书写、无线传屏和视频会议的功能</t>
  </si>
  <si>
    <t>MAXHUB会议平板CB65CF 65英寸红外触控智慧大屏，16：9的屏幕比例，屏幕分辨率3840*2160，（i7配置、内存DDR4 16G /固态硬盘256G  ）具有白板书写、无线传屏和视频会议的功能</t>
  </si>
  <si>
    <t>MAXHUB会议平板CB75CF 75英寸红外触控智慧大屏，16：9的屏幕比例，屏幕分辨率3840*2160，（i5配置、内存DDR4 8G /固态硬盘128G ）具有白板书写、无线传屏和视频会议的功能</t>
  </si>
  <si>
    <t>MAXHUB会议平板CB75CF 75英寸红外触控智慧大屏，16：9的屏幕比例，屏幕分辨率3840*2160，（i7配置、内存DDR4 16G /固态硬盘256G ）具有白板书写、无线传屏和视频会议的功能</t>
  </si>
  <si>
    <t>MAXHUB会议平板CB86CF 86英寸红外触控智慧大屏，16：9的屏幕比例，屏幕分辨率3840*2160，（i5配置、内存DDR4 8G /固态硬盘128G ）具有白板书写、无线传屏和视频会议的功能</t>
  </si>
  <si>
    <t>MAXHUB会议平板CB86CF 86英寸红外触控智慧大屏，16：9的屏幕比例，屏幕分辨率3840*2160，（i7配置、内存DDR4 16G /固态硬盘256G ）具有白板书写、无线传屏和视频会议的功能</t>
  </si>
  <si>
    <t>【内蒙古中铁】成组砼岔枕\P50;1/12;5.0m交渡;专线(03)3424\包神段（三岔站—寇庄站）</t>
  </si>
  <si>
    <t>GNWZBP(TH)ZECG2020-186</t>
  </si>
  <si>
    <t>国家能源e购商城内蒙古中铁轨枕配件铺货采购合同-包神段（三岔站—寇庄站）</t>
  </si>
  <si>
    <t>【内蒙古中铁】成组砼岔枕\P50;1/12;单开;专线(01)3423\包神段（三岔站—寇庄站）</t>
  </si>
  <si>
    <t>【内蒙古中铁】成组砼岔枕\P50;1/12;复交;CZ2220Z\包神段（三岔站—寇庄站）</t>
  </si>
  <si>
    <t>【内蒙古中铁】成组砼岔枕\P50;1/12;专线3355\包神段（三岔站—寇庄站）</t>
  </si>
  <si>
    <t>【内蒙古中铁】成组砼岔枕\P50;1/12;专线4257\包神段（三岔站—寇庄站）</t>
  </si>
  <si>
    <t>【内蒙古中铁】成组砼岔枕\P50;1/6;5.0m交渡;SC432-500\包神段（三岔站—寇庄站）</t>
  </si>
  <si>
    <t>【内蒙古中铁】成组砼岔枕\P50;1/6;对称;SC384\包神段（三岔站—寇庄站）</t>
  </si>
  <si>
    <t>【内蒙古中铁】成组砼岔枕\P50;1/6;对称;右开;SC384-500\包神段（三岔站—寇庄站）</t>
  </si>
  <si>
    <t>【内蒙古中铁】成组砼岔枕\P50;1/6;对称;左开;SC384-500\包神段（三岔站—寇庄站）</t>
  </si>
  <si>
    <t>【内蒙古中铁】成组砼岔枕\P50;1/9;5.0m交渡;CZ2210\包神段（三岔站—寇庄站）</t>
  </si>
  <si>
    <t>【内蒙古中铁】成组砼岔枕\P50;1/9;5.0m交渡;SC580\包神段（三岔站—寇庄站）</t>
  </si>
  <si>
    <t>【内蒙古中铁】成组砼岔枕\P50;1/9;5.0m交渡;专线(02)3428\包神段（三岔站—寇庄站）</t>
  </si>
  <si>
    <t>【内蒙古中铁】成组砼岔枕\P50;1/9;5.0m交渡;专线(02)7663\包神段（三岔站—寇庄站）</t>
  </si>
  <si>
    <t>【内蒙古中铁】成组砼岔枕\P50;1/9;CZ2209A\包神段（三岔站—寇庄站）</t>
  </si>
  <si>
    <t>【内蒙古中铁】成组砼岔枕\P50;1/9;单开;CZ2209Z\包神段（三岔站—寇庄站）</t>
  </si>
  <si>
    <t>【内蒙古中铁】成组砼岔枕\P50;1/9;单开;专线(03)3281\包神段（三岔站—寇庄站）</t>
  </si>
  <si>
    <t>【内蒙古中铁】成组砼岔枕\P50;1/9;复交;CZ2214Z\包神段（三岔站—寇庄站）</t>
  </si>
  <si>
    <t>【内蒙古中铁】成组砼岔枕\P50;1/9;复交;专线(04)3443\包神段（三岔站—寇庄站）</t>
  </si>
  <si>
    <t>【内蒙古中铁】成组砼岔枕\P50;1/9;交渡;CZ2213Z\包神段（三岔站—寇庄站）</t>
  </si>
  <si>
    <t>【内蒙古中铁】成组砼岔枕\P50;1/9;交渡;SC571-1101\包神段（三岔站—寇庄站）</t>
  </si>
  <si>
    <t>【内蒙古中铁】成组砼岔枕\P50;1/9;交渡;专线(03)3431\包神段（三岔站—寇庄站）</t>
  </si>
  <si>
    <t>【内蒙古中铁】成组砼岔枕\P60;1/12;5.5m交渡;SC342-500\包神段（三岔站—寇庄站）</t>
  </si>
  <si>
    <t>【内蒙古中铁】成组砼岔枕\P60;1/12;6.5m交渡;专线3413\包神段（三岔站—寇庄站）</t>
  </si>
  <si>
    <t>【内蒙古中铁】成组砼岔枕\P60;1/12;单开;SC330-500\包神段（三岔站—寇庄站）</t>
  </si>
  <si>
    <t>【内蒙古中铁】成组砼岔枕\P60;1/12;渡线;专线3402;Ⅲ型\包神段（三岔站—寇庄站）</t>
  </si>
  <si>
    <t>【内蒙古中铁】成组砼岔枕\P60;1/12;复交;SC350\包神段（三岔站—寇庄站）</t>
  </si>
  <si>
    <t>【内蒙古中铁】成组砼岔枕\P60;1/12;交渡;SC340-500\包神段（三岔站—寇庄站）</t>
  </si>
  <si>
    <t>【内蒙古中铁】成组砼岔枕\P60;1/12;交渡;SC342-500\包神段（三岔站—寇庄站）</t>
  </si>
  <si>
    <t>【内蒙古中铁】成组砼岔枕\P60;1/12;砼;单开;专线4249\包神段（三岔站—寇庄站）</t>
  </si>
  <si>
    <t>【内蒙古中铁】成组砼岔枕\P60;1/12;专线3399;Ⅲ型\包神段（三岔站—寇庄站）</t>
  </si>
  <si>
    <t>【内蒙古中铁】成组砼岔枕\P60;1/18;单开;GLC(07)02-300\包神段（三岔站—寇庄站）</t>
  </si>
  <si>
    <t>【内蒙古中铁】成组砼岔枕\P60;1/18;单开;GLC(09)05-300\包神段（三岔站—寇庄站）</t>
  </si>
  <si>
    <t>【内蒙古中铁】成组砼岔枕\P60;1/9;5.0m组合;SC(07)460-1108\包神段（三岔站—寇庄站）</t>
  </si>
  <si>
    <t>【内蒙古中铁】成组砼岔枕\P60;1/9;5.0m组合;SC(07)460-1204\包神段（三岔站—寇庄站）</t>
  </si>
  <si>
    <t>【内蒙古中铁】成组砼岔枕\P60;1/9;5.0m组合;SC(07)460-1208\包神段（三岔站—寇庄站）</t>
  </si>
  <si>
    <t>【内蒙古中铁】成组砼岔枕\P60;1/9;5.0m组合;SC(07)460-1211\包神段（三岔站—寇庄站）</t>
  </si>
  <si>
    <t>【内蒙古中铁】成组砼岔枕\P60;1/9;5.3m交渡;CZ581Z\包神段（三岔站—寇庄站）</t>
  </si>
  <si>
    <t>【内蒙古中铁】成组砼岔枕\P60;1/9;单开;CZ577Z\包神段（三岔站—寇庄站）</t>
  </si>
  <si>
    <t>【内蒙古中铁】成组砼岔枕\P60;1/9;单开;专线(03)3366\包神段（三岔站—寇庄站）</t>
  </si>
  <si>
    <t>【内蒙古中铁】成组砼岔枕\P60;1/9;复交;SC450-500\包神段（三岔站—寇庄站）</t>
  </si>
  <si>
    <t>【内蒙古中铁】成组砼岔枕\P60;1/9;复式交分;CZ2504Z\包神段（三岔站—寇庄站）</t>
  </si>
  <si>
    <t>【内蒙古中铁】成组砼岔枕\P60;1/9;交渡;CZ580Z\包神段（三岔站—寇庄站）</t>
  </si>
  <si>
    <t>【内蒙古中铁】成组砼岔枕\P60;1/9;交渡;CZ582Z\包神段（三岔站—寇庄站）</t>
  </si>
  <si>
    <t>【内蒙古中铁】成组砼岔枕\P60;1/9;交渡;CZ583Z\包神段（三岔站—寇庄站）</t>
  </si>
  <si>
    <t>【内蒙古中铁】成组砼岔枕\P60;1/9;专线3366;右开\包神段（三岔站—寇庄站）</t>
  </si>
  <si>
    <t>【内蒙古中铁】成组砼岔枕\P60;1/9;专线3366;左开\包神段（三岔站—寇庄站）</t>
  </si>
  <si>
    <t>【内蒙古中铁】成组砼岔枕\P75;1/12;SC381-500\包神段（三岔站—寇庄站）</t>
  </si>
  <si>
    <t>【内蒙古中铁】成组砼岔枕\P75;1/12;SC443-500;交渡\包神段（三岔站—寇庄站）</t>
  </si>
  <si>
    <t>【内蒙古中铁】成组砼岔枕\P75;1/12;单开;SC559-500\包神段（三岔站—寇庄站）</t>
  </si>
  <si>
    <t>【内蒙古中铁】成组砼岔枕\P75;1/12;单开;研线1116-400\包神段（三岔站—寇庄站）</t>
  </si>
  <si>
    <t>【内蒙古中铁】成组砼岔枕\P75;1/12;交渡;SC444\包神段（三岔站—寇庄站）</t>
  </si>
  <si>
    <t>【内蒙古中铁】成组砼岔枕\P75;1/18;单开;SC488-500\包神段（三岔站—寇庄站）</t>
  </si>
  <si>
    <t>【内蒙古中铁】成组砼岔枕\P75;1/9;5.0m交渡;SC551\包神段（三岔站—寇庄站）</t>
  </si>
  <si>
    <t>【内蒙古中铁】电气绝缘枕\ⅢaZ型\包神段（三岔站—寇庄站）</t>
  </si>
  <si>
    <t>【内蒙古中铁】电容枕\ⅢA型/ⅢAD\包神段（三岔站—寇庄站）</t>
  </si>
  <si>
    <t>【内蒙古中铁】电容枕\新Ⅱ型/XⅡD\包神段（三岔站—寇庄站）</t>
  </si>
  <si>
    <t>【内蒙古中铁】电容枕\新Ⅱ型;2500mm;研线0308-1\包神段（三岔站—寇庄站）</t>
  </si>
  <si>
    <t>【内蒙古中铁】电容枕\新Ⅲ型桥枕;2600mm;研线0308-1\包神段（三岔站—寇庄站）</t>
  </si>
  <si>
    <t>【内蒙古中铁】砼岔枕\P50;1/12;13#;专线(01)3423\包神段（三岔站—寇庄站）</t>
  </si>
  <si>
    <t>【内蒙古中铁】砼岔枕\P50;1/12;21#;专线(01)3423\包神段（三岔站—寇庄站）</t>
  </si>
  <si>
    <t>【内蒙古中铁】砼岔枕\P50;1/12;5#;专线3355\包神段（三岔站—寇庄站）</t>
  </si>
  <si>
    <t>【内蒙古中铁】砼岔枕\P50;1/12;58#;专线3355\包神段（三岔站—寇庄站）</t>
  </si>
  <si>
    <t>【内蒙古中铁】砼岔枕\P50;1/9;20#;专线(03)3281\包神段（三岔站—寇庄站）</t>
  </si>
  <si>
    <t>【内蒙古中铁】砼岔枕\P50;1/9;3#;CZ2209\包神段（三岔站—寇庄站）</t>
  </si>
  <si>
    <t>【内蒙古中铁】砼岔枕\P50;1/9;39#;专线(03)3281\包神段（三岔站—寇庄站）</t>
  </si>
  <si>
    <t>【内蒙古中铁】砼岔枕\P50;1/9;48#;专线(03)3281\包神段（三岔站—寇庄站）</t>
  </si>
  <si>
    <t>【内蒙古中铁】砼岔枕\P50;1/9;49#;专线(03)3281\包神段（三岔站—寇庄站）</t>
  </si>
  <si>
    <t>【内蒙古中铁】砼岔枕\P50;1/9;52#;专线(03)3281\包神段（三岔站—寇庄站）</t>
  </si>
  <si>
    <t>【内蒙古中铁】砼岔枕\P50;1/9;单开31#;专线(03)3281\包神段（三岔站—寇庄站）</t>
  </si>
  <si>
    <t>【内蒙古中铁】砼岔枕\P50;1/9;单开32#;专线(03)3281\包神段（三岔站—寇庄站）</t>
  </si>
  <si>
    <t>【内蒙古中铁】砼岔枕\P50;1/9;单开33#;专线(03)3281\包神段（三岔站—寇庄站）</t>
  </si>
  <si>
    <t>【内蒙古中铁】砼岔枕\P50;1/9;单开34#;专线(03)3281\包神段（三岔站—寇庄站）</t>
  </si>
  <si>
    <t>【内蒙古中铁】砼岔枕\P50;1/9;单开35#;专线(03)3281\包神段（三岔站—寇庄站）</t>
  </si>
  <si>
    <t>【内蒙古中铁】砼岔枕\P50;1/9;单开36#;专线(03)3281\包神段（三岔站—寇庄站）</t>
  </si>
  <si>
    <t>【内蒙古中铁】砼岔枕\P50;1/9;单开37#;专线(03)3281\包神段（三岔站—寇庄站）</t>
  </si>
  <si>
    <t>【内蒙古中铁】砼岔枕\P60;1/12;1#;SC330-500\包神段（三岔站—寇庄站）</t>
  </si>
  <si>
    <t>【内蒙古中铁】砼岔枕\P60;1/12;1#;专线3399\包神段（三岔站—寇庄站）</t>
  </si>
  <si>
    <t>【内蒙古中铁】砼岔枕\P60;1/12;10#;专线3399\包神段（三岔站—寇庄站）</t>
  </si>
  <si>
    <t>【内蒙古中铁】砼岔枕\P60;1/12;11#;专线3399\包神段（三岔站—寇庄站）</t>
  </si>
  <si>
    <t>【内蒙古中铁】砼岔枕\P60;1/12;12#;专线3399\包神段（三岔站—寇庄站）</t>
  </si>
  <si>
    <t>【内蒙古中铁】砼岔枕\P60;1/12;13#;专线3399\包神段（三岔站—寇庄站）</t>
  </si>
  <si>
    <t>【内蒙古中铁】砼岔枕\P60;1/12;14#;专线3399\包神段（三岔站—寇庄站）</t>
  </si>
  <si>
    <t>【内蒙古中铁】砼岔枕\P60;1/12;15#;专线3399\包神段（三岔站—寇庄站）</t>
  </si>
  <si>
    <t>【内蒙古中铁】砼岔枕\P60;1/12;16#;专线3399\包神段（三岔站—寇庄站）</t>
  </si>
  <si>
    <t>【内蒙古中铁】砼岔枕\P60;1/12;17#;专线3399\包神段（三岔站—寇庄站）</t>
  </si>
  <si>
    <t>【内蒙古中铁】砼岔枕\P60;1/12;18#;专线3399\包神段（三岔站—寇庄站）</t>
  </si>
  <si>
    <t>【内蒙古中铁】砼岔枕\P60;1/12;19#;专线3399\包神段（三岔站—寇庄站）</t>
  </si>
  <si>
    <t>【内蒙古中铁】砼岔枕\P60;1/12;2#;专线3399\包神段（三岔站—寇庄站）</t>
  </si>
  <si>
    <t>【内蒙古中铁】砼岔枕\P60;1/12;23#;专线3399\包神段（三岔站—寇庄站）</t>
  </si>
  <si>
    <t>【内蒙古中铁】砼岔枕\P60;1/12;24#;专线3399\包神段（三岔站—寇庄站）</t>
  </si>
  <si>
    <t>【内蒙古中铁】砼岔枕\P60;1/12;25#;SC330-500\包神段（三岔站—寇庄站）</t>
  </si>
  <si>
    <t>【内蒙古中铁】砼岔枕\P60;1/12;25#;SC350\包神段（三岔站—寇庄站）</t>
  </si>
  <si>
    <t>【内蒙古中铁】砼岔枕\P60;1/12;25#;专线3399\包神段（三岔站—寇庄站）</t>
  </si>
  <si>
    <t>【内蒙古中铁】砼岔枕\P60;1/12;26#;SC330-500\包神段（三岔站—寇庄站）</t>
  </si>
  <si>
    <t>【内蒙古中铁】砼岔枕\P60;1/12;26#;SC350\包神段（三岔站—寇庄站）</t>
  </si>
  <si>
    <t>【内蒙古中铁】砼岔枕\P60;1/12;26#;专线3399\包神段（三岔站—寇庄站）</t>
  </si>
  <si>
    <t>【内蒙古中铁】砼岔枕\P60;1/12;27#;SC330-500\包神段（三岔站—寇庄站）</t>
  </si>
  <si>
    <t>【内蒙古中铁】砼岔枕\P60;1/12;27#;专线3399\包神段（三岔站—寇庄站）</t>
  </si>
  <si>
    <t>【内蒙古中铁】砼岔枕\P60;1/12;28#;SC330-500\包神段（三岔站—寇庄站）</t>
  </si>
  <si>
    <t>【内蒙古中铁】砼岔枕\P60;1/12;28#;专线3399\包神段（三岔站—寇庄站）</t>
  </si>
  <si>
    <t>【内蒙古中铁】砼岔枕\P60;1/12;28#;专线4228\包神段（三岔站—寇庄站）</t>
  </si>
  <si>
    <t>【内蒙古中铁】砼岔枕\P60;1/12;29#;SC330-500\包神段（三岔站—寇庄站）</t>
  </si>
  <si>
    <t>【内蒙古中铁】砼岔枕\P60;1/12;29#;专线3399\包神段（三岔站—寇庄站）</t>
  </si>
  <si>
    <t>【内蒙古中铁】砼岔枕\P60;1/12;30#;专线3399\包神段（三岔站—寇庄站）</t>
  </si>
  <si>
    <t>【内蒙古中铁】砼岔枕\P60;1/12;30#;专线4228\包神段（三岔站—寇庄站）</t>
  </si>
  <si>
    <t>【内蒙古中铁】砼岔枕\P60;1/12;32#;专线3399\包神段（三岔站—寇庄站）</t>
  </si>
  <si>
    <t>【内蒙古中铁】砼岔枕\P60;1/12;34#;专线3399\包神段（三岔站—寇庄站）</t>
  </si>
  <si>
    <t>【内蒙古中铁】砼岔枕\P60;1/12;36#;SC350\包神段（三岔站—寇庄站）</t>
  </si>
  <si>
    <t>【内蒙古中铁】砼岔枕\P60;1/12;37#;专线3399\包神段（三岔站—寇庄站）</t>
  </si>
  <si>
    <t>【内蒙古中铁】砼岔枕\P60;1/12;40#;专线3399\包神段（三岔站—寇庄站）</t>
  </si>
  <si>
    <t>【内蒙古中铁】砼岔枕\P60;1/12;41#;专线3399\包神段（三岔站—寇庄站）</t>
  </si>
  <si>
    <t>【内蒙古中铁】砼岔枕\P60;1/12;42#;专线3399\包神段（三岔站—寇庄站）</t>
  </si>
  <si>
    <t>【内蒙古中铁】砼岔枕\P60;1/12;43#;专线3399\包神段（三岔站—寇庄站）</t>
  </si>
  <si>
    <t>【内蒙古中铁】砼岔枕\P60;1/12;49#;SC330-500\包神段（三岔站—寇庄站）</t>
  </si>
  <si>
    <t>【内蒙古中铁】砼岔枕\P60;1/12;51#;专线3399\包神段（三岔站—寇庄站）</t>
  </si>
  <si>
    <t>【内蒙古中铁】砼岔枕\P60;1/12;52#;专线3399\包神段（三岔站—寇庄站）</t>
  </si>
  <si>
    <t>【内蒙古中铁】砼岔枕\P60;1/12;53#;SC330-500\包神段（三岔站—寇庄站）</t>
  </si>
  <si>
    <t>【内蒙古中铁】砼岔枕\P60;1/12;53#;专线3399\包神段（三岔站—寇庄站）</t>
  </si>
  <si>
    <t>【内蒙古中铁】砼岔枕\P60;1/12;53#;专线4228\包神段（三岔站—寇庄站）</t>
  </si>
  <si>
    <t>【内蒙古中铁】砼岔枕\P60;1/12;54#;SC330\包神段（三岔站—寇庄站）</t>
  </si>
  <si>
    <t>【内蒙古中铁】砼岔枕\P60;1/12;54#;专线3399\包神段（三岔站—寇庄站）</t>
  </si>
  <si>
    <t>【内蒙古中铁】砼岔枕\P60;1/12;55#;专线3399\包神段（三岔站—寇庄站）</t>
  </si>
  <si>
    <t>【内蒙古中铁】砼岔枕\P60;1/12;56#;专线3399\包神段（三岔站—寇庄站）</t>
  </si>
  <si>
    <t>【内蒙古中铁】砼岔枕\P60;1/12;57#;专线3399\包神段（三岔站—寇庄站）</t>
  </si>
  <si>
    <t>【内蒙古中铁】砼岔枕\P60;1/12;57#;专线4228\包神段（三岔站—寇庄站）</t>
  </si>
  <si>
    <t>【内蒙古中铁】砼岔枕\P60;1/12;58#;专线3399\包神段（三岔站—寇庄站）</t>
  </si>
  <si>
    <t>【内蒙古中铁】砼岔枕\P60;1/12;59#;专线3399\包神段（三岔站—寇庄站）</t>
  </si>
  <si>
    <t>【内蒙古中铁】砼岔枕\P60;1/12;60#;专线3399\包神段（三岔站—寇庄站）</t>
  </si>
  <si>
    <t>【内蒙古中铁】砼岔枕\P60;1/12;61#;专线3399\包神段（三岔站—寇庄站）</t>
  </si>
  <si>
    <t>【内蒙古中铁】砼岔枕\P60;1/12;62#;专线3399\包神段（三岔站—寇庄站）</t>
  </si>
  <si>
    <t>【内蒙古中铁】砼岔枕\P60;1/12;63#;SC330-500\包神段（三岔站—寇庄站）</t>
  </si>
  <si>
    <t>【内蒙古中铁】砼岔枕\P60;1/12;63#;SC340\包神段（三岔站—寇庄站）</t>
  </si>
  <si>
    <t>【内蒙古中铁】砼岔枕\P60;1/12;63#;专线3399\包神段（三岔站—寇庄站）</t>
  </si>
  <si>
    <t>【内蒙古中铁】砼岔枕\P60;1/12;63#;专线3402\包神段（三岔站—寇庄站）</t>
  </si>
  <si>
    <t>【内蒙古中铁】砼岔枕\P60;1/12;63#;专线4228\包神段（三岔站—寇庄站）</t>
  </si>
  <si>
    <t>【内蒙古中铁】砼岔枕\P60;1/12;63Z#;SC341-500\包神段（三岔站—寇庄站）</t>
  </si>
  <si>
    <t>【内蒙古中铁】砼岔枕\P60;1/12;64#;SC330\包神段（三岔站—寇庄站）</t>
  </si>
  <si>
    <t>【内蒙古中铁】砼岔枕\P60;1/12;64#;SC340\包神段（三岔站—寇庄站）</t>
  </si>
  <si>
    <t>【内蒙古中铁】砼岔枕\P60;1/12;64#;专线3399\包神段（三岔站—寇庄站）</t>
  </si>
  <si>
    <t>【内蒙古中铁】砼岔枕\P60;1/12;64#;专线3402\包神段（三岔站—寇庄站）</t>
  </si>
  <si>
    <t>【内蒙古中铁】砼岔枕\P60;1/12;64Z#;SC341-500\包神段（三岔站—寇庄站）</t>
  </si>
  <si>
    <t>【内蒙古中铁】砼岔枕\P60;1/12;65#;交渡;SC340C\包神段（三岔站—寇庄站）</t>
  </si>
  <si>
    <t>【内蒙古中铁】砼岔枕\P60;1/12;65#;专线3399\包神段（三岔站—寇庄站）</t>
  </si>
  <si>
    <t>【内蒙古中铁】砼岔枕\P60;1/12;66#;专线3399\包神段（三岔站—寇庄站）</t>
  </si>
  <si>
    <t>【内蒙古中铁】砼岔枕\P60;1/12;67#;专线3399\包神段（三岔站—寇庄站）</t>
  </si>
  <si>
    <t>【内蒙古中铁】砼岔枕\P60;1/12;68#;专线3399\包神段（三岔站—寇庄站）</t>
  </si>
  <si>
    <t>【内蒙古中铁】砼岔枕\P60;1/12;69#;专线3399\包神段（三岔站—寇庄站）</t>
  </si>
  <si>
    <t>【内蒙古中铁】砼岔枕\P60;1/12;73#;专线3402\包神段（三岔站—寇庄站）</t>
  </si>
  <si>
    <t>【内蒙古中铁】砼岔枕\P60;1/12;74#;专线3402\包神段（三岔站—寇庄站）</t>
  </si>
  <si>
    <t>【内蒙古中铁】砼岔枕\P60;1/18;21#;专线3386\包神段（三岔站—寇庄站）</t>
  </si>
  <si>
    <t>【内蒙古中铁】砼岔枕\P60;1/18;32#;专线3386\包神段（三岔站—寇庄站）</t>
  </si>
  <si>
    <t>【内蒙古中铁】砼岔枕\P60;1/18;33#;专线3386\包神段（三岔站—寇庄站）</t>
  </si>
  <si>
    <t>【内蒙古中铁】砼岔枕\P60;1/18;34#;专线3386\包神段（三岔站—寇庄站）</t>
  </si>
  <si>
    <t>【内蒙古中铁】砼岔枕\P60;1/18;71#;专线3386\包神段（三岔站—寇庄站）</t>
  </si>
  <si>
    <t>【内蒙古中铁】砼岔枕\P60;1/18;72#;专线3386\包神段（三岔站—寇庄站）</t>
  </si>
  <si>
    <t>【内蒙古中铁】砼岔枕\P60;1/9;34#;交渡;SC392C\包神段（三岔站—寇庄站）</t>
  </si>
  <si>
    <t>【内蒙古中铁】砼岔枕\P60;1/9;42#;专线(03)3366\包神段（三岔站—寇庄站）</t>
  </si>
  <si>
    <t>【内蒙古中铁】砼岔枕\P60;1/9;43#;专线(03)3366\包神段（三岔站—寇庄站）</t>
  </si>
  <si>
    <t>【内蒙古中铁】砼岔枕\P60;1/9;49#;SC390\包神段（三岔站—寇庄站）</t>
  </si>
  <si>
    <t>【内蒙古中铁】砼岔枕\P60;1/9;49#;专线(03)3366\包神段（三岔站—寇庄站）</t>
  </si>
  <si>
    <t>【内蒙古中铁】砼岔枕\P60;1/9;5#;SC390\包神段（三岔站—寇庄站）</t>
  </si>
  <si>
    <t>【内蒙古中铁】砼岔枕\P60;1/9;50#;SC390\包神段（三岔站—寇庄站）</t>
  </si>
  <si>
    <t>【内蒙古中铁】砼岔枕\P60;1/9;54#;专线(03)3366\包神段（三岔站—寇庄站）</t>
  </si>
  <si>
    <t>【内蒙古中铁】砼岔枕\P60;1/9;6#;SC390\包神段（三岔站—寇庄站）</t>
  </si>
  <si>
    <t>【内蒙古中铁】砼岔枕\P60;1/9;7#;SC390\包神段（三岔站—寇庄站）</t>
  </si>
  <si>
    <t>【内蒙古中铁】砼岔枕\P60;1/9;8#;SC390\包神段（三岔站—寇庄站）</t>
  </si>
  <si>
    <t>【内蒙古中铁】砼岔枕\P60;1/9;9#;SC390\包神段（三岔站—寇庄站）</t>
  </si>
  <si>
    <t>【内蒙古中铁】砼岔枕\P60;1/9;交渡12#;CZ581Z\包神段（三岔站—寇庄站）</t>
  </si>
  <si>
    <t>【内蒙古中铁】砼岔枕\P60;1/9;交渡16#;CZ581Z\包神段（三岔站—寇庄站）</t>
  </si>
  <si>
    <t>【内蒙古中铁】砼岔枕\P60;1/9;交渡22#;CZ580Z\包神段（三岔站—寇庄站）</t>
  </si>
  <si>
    <t>【内蒙古中铁】砼岔枕\P60;1/9;交渡23#;CZ581Z\包神段（三岔站—寇庄站）</t>
  </si>
  <si>
    <t>【内蒙古中铁】砼岔枕\P60;1/9;交渡24#;CZ581Z\包神段（三岔站—寇庄站）</t>
  </si>
  <si>
    <t>【内蒙古中铁】砼岔枕\P60;1/9;交渡25#;CZ581Z\包神段（三岔站—寇庄站）</t>
  </si>
  <si>
    <t>【内蒙古中铁】砼岔枕\P60;1/9;交渡40#;CZ580Z\包神段（三岔站—寇庄站）</t>
  </si>
  <si>
    <t>【内蒙古中铁】砼岔枕\P60;1/9;交渡44#;CZ581Z\包神段（三岔站—寇庄站）</t>
  </si>
  <si>
    <t>【内蒙古中铁】砼岔枕\P60;1/9;交渡49#;CZ581Z\包神段（三岔站—寇庄站）</t>
  </si>
  <si>
    <t>【内蒙古中铁】砼岔枕\P60;1/9;交渡50#;CZ581Z\包神段（三岔站—寇庄站）</t>
  </si>
  <si>
    <t>【内蒙古中铁】砼岔枕\P75;1/12;1#;SC559-500\包神段（三岔站—寇庄站）</t>
  </si>
  <si>
    <t>【内蒙古中铁】砼岔枕\P75;1/12;2#;SC559-500\包神段（三岔站—寇庄站）</t>
  </si>
  <si>
    <t>【内蒙古中铁】砼岔枕\P75;1/12;25#;SC559-500\包神段（三岔站—寇庄站）</t>
  </si>
  <si>
    <t>【内蒙古中铁】砼岔枕\P75;1/12;26#;SC559-500\包神段（三岔站—寇庄站）</t>
  </si>
  <si>
    <t>【内蒙古中铁】砼岔枕\P75;1/12;27#;SC559-500\包神段（三岔站—寇庄站）</t>
  </si>
  <si>
    <t>【内蒙古中铁】砼岔枕\P75;1/12;28#;SC559-500\包神段（三岔站—寇庄站）</t>
  </si>
  <si>
    <t>【内蒙古中铁】砼岔枕\P75;1/12;29#;SC559-500\包神段（三岔站—寇庄站）</t>
  </si>
  <si>
    <t>【内蒙古中铁】砼岔枕\P75;1/12;3#;SC559-500\包神段（三岔站—寇庄站）</t>
  </si>
  <si>
    <t>【内蒙古中铁】砼岔枕\P75;1/12;30#;SC559-500\包神段（三岔站—寇庄站）</t>
  </si>
  <si>
    <t>【内蒙古中铁】砼岔枕\P75;1/12;31#;SC559-500\包神段（三岔站—寇庄站）</t>
  </si>
  <si>
    <t>【内蒙古中铁】砼岔枕\P75;1/12;39#;SC559-500\包神段（三岔站—寇庄站）</t>
  </si>
  <si>
    <t>【内蒙古中铁】砼岔枕\P75;1/12;40#;SC559-500\包神段（三岔站—寇庄站）</t>
  </si>
  <si>
    <t>【内蒙古中铁】砼岔枕\P75;1/12;5.3m交渡;CZ716\包神段（三岔站—寇庄站）</t>
  </si>
  <si>
    <t>【内蒙古中铁】砼岔枕\P75;1/12;50#;SC559-500\包神段（三岔站—寇庄站）</t>
  </si>
  <si>
    <t>【内蒙古中铁】砼岔枕\P75;1/12;51#;SC559-500\包神段（三岔站—寇庄站）</t>
  </si>
  <si>
    <t>【内蒙古中铁】砼岔枕\P75;1/12;52#;SC559-500\包神段（三岔站—寇庄站）</t>
  </si>
  <si>
    <t>【内蒙古中铁】砼岔枕\P75;1/12;53#;SC559-500\包神段（三岔站—寇庄站）</t>
  </si>
  <si>
    <t>【内蒙古中铁】砼岔枕\P75;1/12;54#;SC559-500\包神段（三岔站—寇庄站）</t>
  </si>
  <si>
    <t>【内蒙古中铁】砼岔枕\P75;1/12;55#;SC559-500\包神段（三岔站—寇庄站）</t>
  </si>
  <si>
    <t>【内蒙古中铁】砼岔枕\P75;1/12;56#;SC559-500\包神段（三岔站—寇庄站）</t>
  </si>
  <si>
    <t>【内蒙古中铁】砼岔枕\P75;1/12;60#;SC559-500\包神段（三岔站—寇庄站）</t>
  </si>
  <si>
    <t>【内蒙古中铁】砼岔枕\P75;1/12;61#;SC559-500\包神段（三岔站—寇庄站）</t>
  </si>
  <si>
    <t>【内蒙古中铁】砼岔枕\P75;1/12;62#;SC559-500\包神段（三岔站—寇庄站）</t>
  </si>
  <si>
    <t>【内蒙古中铁】砼岔枕\P75;1/12;63#;SC559-500\包神段（三岔站—寇庄站）</t>
  </si>
  <si>
    <t>【内蒙古中铁】砼岔枕\P75;1/12;64#;SC559-500\包神段（三岔站—寇庄站）</t>
  </si>
  <si>
    <t>【内蒙古中铁】砼岔枕\P75;1/12;65#;SC559-500\包神段（三岔站—寇庄站）</t>
  </si>
  <si>
    <t>【内蒙古中铁】砼岔枕\P75;1/12;66#;SC559-500\包神段（三岔站—寇庄站）</t>
  </si>
  <si>
    <t>【内蒙古中铁】砼岔枕\P75;1/12;67#;SC559-500\包神段（三岔站—寇庄站）</t>
  </si>
  <si>
    <t>【内蒙古中铁】砼岔枕\P75;1/12;68#;SC559-500\包神段（三岔站—寇庄站）</t>
  </si>
  <si>
    <t>【内蒙古中铁】砼岔枕\P75;1/12;80#;SC559-500\包神段（三岔站—寇庄站）</t>
  </si>
  <si>
    <t>【内蒙古中铁】砼岔枕\P75;1/12;81#;SC559-500\包神段（三岔站—寇庄站）</t>
  </si>
  <si>
    <t>【内蒙古中铁】砼岔枕\P75;1/12;单开;专线4228\包神段（三岔站—寇庄站）</t>
  </si>
  <si>
    <t>【内蒙古中铁】砼桥枕\ⅡZQ-C型0#\包神段（三岔站—寇庄站）</t>
  </si>
  <si>
    <t>【内蒙古中铁】砼桥枕\Ⅲ型\包神段（三岔站—寇庄站）</t>
  </si>
  <si>
    <t>【内蒙古中铁】砼桥枕\梭头;新Ⅲ型;1#\包神段（三岔站—寇庄站）</t>
  </si>
  <si>
    <t>【内蒙古中铁】砼桥枕\梭头;新Ⅲ型;2#\包神段（三岔站—寇庄站）</t>
  </si>
  <si>
    <t>【内蒙古中铁】砼桥枕\梭头;新Ⅲ型;3#\包神段（三岔站—寇庄站）</t>
  </si>
  <si>
    <t>【内蒙古中铁】砼桥枕\梭头;新Ⅲ型;4#\包神段（三岔站—寇庄站）</t>
  </si>
  <si>
    <t>【内蒙古中铁】砼桥枕\新Ⅲ型\包神段（三岔站—寇庄站）</t>
  </si>
  <si>
    <t>【内蒙古中铁】砼桥枕\专线3448;弹性;新Ⅲ型\包神段（三岔站—寇庄站）</t>
  </si>
  <si>
    <t>【内蒙古中铁】砼桥枕\专线3448;弹性;新Ⅲ型;1#\包神段（三岔站—寇庄站）</t>
  </si>
  <si>
    <t>【内蒙古中铁】砼桥枕\专线3448;弹性;新Ⅲ型;2#\包神段（三岔站—寇庄站）</t>
  </si>
  <si>
    <t>【内蒙古中铁】砼桥枕\专线3448;弹性;新Ⅲ型;3#\包神段（三岔站—寇庄站）</t>
  </si>
  <si>
    <t>【内蒙古中铁】砼桥枕\专线3448;弹性;新Ⅲ型;4#\包神段（三岔站—寇庄站）</t>
  </si>
  <si>
    <t>【内蒙古中铁】砼枕\X-Ⅱ型\包神段（三岔站—寇庄站）</t>
  </si>
  <si>
    <t>【内蒙古中铁】砼枕\YⅡ-F\包神段（三岔站—寇庄站）</t>
  </si>
  <si>
    <t>【内蒙古中铁】砼枕\弹性;ⅢA型\包神段（三岔站—寇庄站）</t>
  </si>
  <si>
    <t>【内蒙古中铁】砼枕\专线3393;ⅢA型\包神段（三岔站—寇庄站）</t>
  </si>
  <si>
    <t>【内蒙古中铁】成组砼岔枕\P50;1/12;5.0m交渡;专线(03)3424\新朔段（海勒斯壕南站）</t>
  </si>
  <si>
    <t>GNWZBP(TH)ZECG2020-187</t>
  </si>
  <si>
    <t>国家能源e购商城内蒙古中铁轨枕配件铺货采购合同-新朔段（海勒斯壕南站）</t>
  </si>
  <si>
    <t>【内蒙古中铁】成组砼岔枕\P50;1/12;单开;专线(01)3423\新朔段（海勒斯壕南站）</t>
  </si>
  <si>
    <t>【内蒙古中铁】成组砼岔枕\P50;1/12;复交;CZ2220Z\新朔段（海勒斯壕南站）</t>
  </si>
  <si>
    <t>【内蒙古中铁】成组砼岔枕\P50;1/12;专线3355\新朔段（海勒斯壕南站）</t>
  </si>
  <si>
    <t>【内蒙古中铁】成组砼岔枕\P50;1/12;专线4257\新朔段（海勒斯壕南站）</t>
  </si>
  <si>
    <t>【内蒙古中铁】成组砼岔枕\P50;1/6;5.0m交渡;SC432-500\新朔段（海勒斯壕南站）</t>
  </si>
  <si>
    <t>【内蒙古中铁】成组砼岔枕\P50;1/6;对称;SC384\新朔段（海勒斯壕南站）</t>
  </si>
  <si>
    <t>【内蒙古中铁】成组砼岔枕\P50;1/6;对称;右开;SC384-500\新朔段（海勒斯壕南站）</t>
  </si>
  <si>
    <t>【内蒙古中铁】成组砼岔枕\P50;1/6;对称;左开;SC384-500\新朔段（海勒斯壕南站）</t>
  </si>
  <si>
    <t>【内蒙古中铁】成组砼岔枕\P50;1/9;5.0m交渡;CZ2210\新朔段（海勒斯壕南站）</t>
  </si>
  <si>
    <t>【内蒙古中铁】成组砼岔枕\P50;1/9;5.0m交渡;SC580\新朔段（海勒斯壕南站）</t>
  </si>
  <si>
    <t>【内蒙古中铁】成组砼岔枕\P50;1/9;5.0m交渡;专线(02)3428\新朔段（海勒斯壕南站）</t>
  </si>
  <si>
    <t>【内蒙古中铁】成组砼岔枕\P50;1/9;5.0m交渡;专线(02)7663\新朔段（海勒斯壕南站）</t>
  </si>
  <si>
    <t>【内蒙古中铁】成组砼岔枕\P50;1/9;CZ2209A\新朔段（海勒斯壕南站）</t>
  </si>
  <si>
    <t>【内蒙古中铁】成组砼岔枕\P50;1/9;单开;CZ2209Z\新朔段（海勒斯壕南站）</t>
  </si>
  <si>
    <t>【内蒙古中铁】成组砼岔枕\P50;1/9;单开;专线(03)3281\新朔段（海勒斯壕南站）</t>
  </si>
  <si>
    <t>【内蒙古中铁】成组砼岔枕\P50;1/9;复交;CZ2214Z\新朔段（海勒斯壕南站）</t>
  </si>
  <si>
    <t>【内蒙古中铁】成组砼岔枕\P50;1/9;复交;专线(04)3443\新朔段（海勒斯壕南站）</t>
  </si>
  <si>
    <t>【内蒙古中铁】成组砼岔枕\P50;1/9;交渡;CZ2213Z\新朔段（海勒斯壕南站）</t>
  </si>
  <si>
    <t>【内蒙古中铁】成组砼岔枕\P50;1/9;交渡;SC571-1101\新朔段（海勒斯壕南站）</t>
  </si>
  <si>
    <t>【内蒙古中铁】成组砼岔枕\P50;1/9;交渡;专线(03)3431\新朔段（海勒斯壕南站）</t>
  </si>
  <si>
    <t>【内蒙古中铁】成组砼岔枕\P60;1/12;5.5m交渡;SC342-500\新朔段（海勒斯壕南站）</t>
  </si>
  <si>
    <t>【内蒙古中铁】成组砼岔枕\P60;1/12;6.5m交渡;专线3413\新朔段（海勒斯壕南站）</t>
  </si>
  <si>
    <t>【内蒙古中铁】成组砼岔枕\P60;1/12;单开;SC330-500\新朔段（海勒斯壕南站）</t>
  </si>
  <si>
    <t>【内蒙古中铁】成组砼岔枕\P60;1/12;渡线;专线3402;Ⅲ型\新朔段（海勒斯壕南站）</t>
  </si>
  <si>
    <t>【内蒙古中铁】成组砼岔枕\P60;1/12;复交;SC350\新朔段（海勒斯壕南站）</t>
  </si>
  <si>
    <t>【内蒙古中铁】成组砼岔枕\P60;1/12;交渡;SC340-500\新朔段（海勒斯壕南站）</t>
  </si>
  <si>
    <t>【内蒙古中铁】成组砼岔枕\P60;1/12;交渡;SC342-500\新朔段（海勒斯壕南站）</t>
  </si>
  <si>
    <t>【内蒙古中铁】成组砼岔枕\P60;1/12;砼;单开;专线4249\新朔段（海勒斯壕南站）</t>
  </si>
  <si>
    <t>【内蒙古中铁】成组砼岔枕\P60;1/12;专线3399;Ⅲ型\新朔段（海勒斯壕南站）</t>
  </si>
  <si>
    <t>【内蒙古中铁】成组砼岔枕\P60;1/18;单开;GLC(07)02-300\新朔段（海勒斯壕南站）</t>
  </si>
  <si>
    <t>【内蒙古中铁】成组砼岔枕\P60;1/18;单开;GLC(09)05-300\新朔段（海勒斯壕南站）</t>
  </si>
  <si>
    <t>【内蒙古中铁】成组砼岔枕\P60;1/9;5.0m组合;SC(07)460-1108\新朔段（海勒斯壕南站）</t>
  </si>
  <si>
    <t>【内蒙古中铁】成组砼岔枕\P60;1/9;5.0m组合;SC(07)460-1204\新朔段（海勒斯壕南站）</t>
  </si>
  <si>
    <t>【内蒙古中铁】成组砼岔枕\P60;1/9;5.0m组合;SC(07)460-1208\新朔段（海勒斯壕南站）</t>
  </si>
  <si>
    <t>【内蒙古中铁】成组砼岔枕\P60;1/9;5.0m组合;SC(07)460-1211\新朔段（海勒斯壕南站）</t>
  </si>
  <si>
    <t>【内蒙古中铁】成组砼岔枕\P60;1/9;5.3m交渡;CZ581Z\新朔段（海勒斯壕南站）</t>
  </si>
  <si>
    <t>【内蒙古中铁】成组砼岔枕\P60;1/9;单开;CZ577Z\新朔段（海勒斯壕南站）</t>
  </si>
  <si>
    <t>【内蒙古中铁】成组砼岔枕\P60;1/9;单开;专线(03)3366\新朔段（海勒斯壕南站）</t>
  </si>
  <si>
    <t>【内蒙古中铁】成组砼岔枕\P60;1/9;复交;SC450-500\新朔段（海勒斯壕南站）</t>
  </si>
  <si>
    <t>【内蒙古中铁】成组砼岔枕\P60;1/9;复式交分;CZ2504Z\新朔段（海勒斯壕南站）</t>
  </si>
  <si>
    <t>【内蒙古中铁】成组砼岔枕\P60;1/9;交渡;CZ580Z\新朔段（海勒斯壕南站）</t>
  </si>
  <si>
    <t>【内蒙古中铁】成组砼岔枕\P60;1/9;交渡;CZ582Z\新朔段（海勒斯壕南站）</t>
  </si>
  <si>
    <t>【内蒙古中铁】成组砼岔枕\P60;1/9;交渡;CZ583Z\新朔段（海勒斯壕南站）</t>
  </si>
  <si>
    <t>【内蒙古中铁】成组砼岔枕\P60;1/9;专线3366;右开\新朔段（海勒斯壕南站）</t>
  </si>
  <si>
    <t>【内蒙古中铁】成组砼岔枕\P60;1/9;专线3366;左开\新朔段（海勒斯壕南站）</t>
  </si>
  <si>
    <t>【内蒙古中铁】成组砼岔枕\P75;1/12;SC381-500\新朔段（海勒斯壕南站）</t>
  </si>
  <si>
    <t>【内蒙古中铁】成组砼岔枕\P75;1/12;SC443-500;交渡\新朔段（海勒斯壕南站）</t>
  </si>
  <si>
    <t>【内蒙古中铁】成组砼岔枕\P75;1/12;单开;SC559-500\新朔段（海勒斯壕南站）</t>
  </si>
  <si>
    <t>【内蒙古中铁】成组砼岔枕\P75;1/12;单开;研线1116-400\新朔段（海勒斯壕南站）</t>
  </si>
  <si>
    <t>【内蒙古中铁】成组砼岔枕\P75;1/12;交渡;SC444\新朔段（海勒斯壕南站）</t>
  </si>
  <si>
    <t>【内蒙古中铁】成组砼岔枕\P75;1/18;单开;SC488-500\新朔段（海勒斯壕南站）</t>
  </si>
  <si>
    <t>【内蒙古中铁】成组砼岔枕\P75;1/9;5.0m交渡;SC551\新朔段（海勒斯壕南站）</t>
  </si>
  <si>
    <t>【内蒙古中铁】电气绝缘枕\ⅢaZ型\新朔段（海勒斯壕南站）</t>
  </si>
  <si>
    <t>【内蒙古中铁】电容枕\ⅢA型/ⅢAD\新朔段（海勒斯壕南站）</t>
  </si>
  <si>
    <t>【内蒙古中铁】电容枕\新Ⅱ型/XⅡD\新朔段（海勒斯壕南站）</t>
  </si>
  <si>
    <t>【内蒙古中铁】电容枕\新Ⅱ型;2500mm;研线0308-1\新朔段（海勒斯壕南站）</t>
  </si>
  <si>
    <t>【内蒙古中铁】电容枕\新Ⅲ型桥枕;2600mm;研线0308-1\新朔段（海勒斯壕南站）</t>
  </si>
  <si>
    <t>【内蒙古中铁】砼岔枕\P50;1/12;13#;专线(01)3423\新朔段（海勒斯壕南站）</t>
  </si>
  <si>
    <t>【内蒙古中铁】砼岔枕\P50;1/12;21#;专线(01)3423\新朔段（海勒斯壕南站）</t>
  </si>
  <si>
    <t>【内蒙古中铁】砼岔枕\P50;1/12;5#;专线3355\新朔段（海勒斯壕南站）</t>
  </si>
  <si>
    <t>【内蒙古中铁】砼岔枕\P50;1/12;58#;专线3355\新朔段（海勒斯壕南站）</t>
  </si>
  <si>
    <t>【内蒙古中铁】砼岔枕\P50;1/9;20#;专线(03)3281\新朔段（海勒斯壕南站）</t>
  </si>
  <si>
    <t>【内蒙古中铁】砼岔枕\P50;1/9;3#;CZ2209\新朔段（海勒斯壕南站）</t>
  </si>
  <si>
    <t>【内蒙古中铁】砼岔枕\P50;1/9;39#;专线(03)3281\新朔段（海勒斯壕南站）</t>
  </si>
  <si>
    <t>【内蒙古中铁】砼岔枕\P50;1/9;48#;专线(03)3281\新朔段（海勒斯壕南站）</t>
  </si>
  <si>
    <t>【内蒙古中铁】砼岔枕\P50;1/9;49#;专线(03)3281\新朔段（海勒斯壕南站）</t>
  </si>
  <si>
    <t>【内蒙古中铁】砼岔枕\P50;1/9;52#;专线(03)3281\新朔段（海勒斯壕南站）</t>
  </si>
  <si>
    <t>【内蒙古中铁】砼岔枕\P50;1/9;单开31#;专线(03)3281\新朔段（海勒斯壕南站）</t>
  </si>
  <si>
    <t>【内蒙古中铁】砼岔枕\P50;1/9;单开32#;专线(03)3281\新朔段（海勒斯壕南站）</t>
  </si>
  <si>
    <t>【内蒙古中铁】砼岔枕\P50;1/9;单开33#;专线(03)3281\新朔段（海勒斯壕南站）</t>
  </si>
  <si>
    <t>【内蒙古中铁】砼岔枕\P50;1/9;单开34#;专线(03)3281\新朔段（海勒斯壕南站）</t>
  </si>
  <si>
    <t>【内蒙古中铁】砼岔枕\P50;1/9;单开35#;专线(03)3281\新朔段（海勒斯壕南站）</t>
  </si>
  <si>
    <t>【内蒙古中铁】砼岔枕\P50;1/9;单开36#;专线(03)3281\新朔段（海勒斯壕南站）</t>
  </si>
  <si>
    <t>【内蒙古中铁】砼岔枕\P50;1/9;单开37#;专线(03)3281\新朔段（海勒斯壕南站）</t>
  </si>
  <si>
    <t>【内蒙古中铁】砼岔枕\P60;1/12;1#;SC330-500\新朔段（海勒斯壕南站）</t>
  </si>
  <si>
    <t>【内蒙古中铁】砼岔枕\P60;1/12;1#;专线3399\新朔段（海勒斯壕南站）</t>
  </si>
  <si>
    <t>【内蒙古中铁】砼岔枕\P60;1/12;10#;专线3399\新朔段（海勒斯壕南站）</t>
  </si>
  <si>
    <t>【内蒙古中铁】砼岔枕\P60;1/12;11#;专线3399\新朔段（海勒斯壕南站）</t>
  </si>
  <si>
    <t>【内蒙古中铁】砼岔枕\P60;1/12;12#;专线3399\新朔段（海勒斯壕南站）</t>
  </si>
  <si>
    <t>【内蒙古中铁】砼岔枕\P60;1/12;13#;专线3399\新朔段（海勒斯壕南站）</t>
  </si>
  <si>
    <t>【内蒙古中铁】砼岔枕\P60;1/12;14#;专线3399\新朔段（海勒斯壕南站）</t>
  </si>
  <si>
    <t>【内蒙古中铁】砼岔枕\P60;1/12;15#;专线3399\新朔段（海勒斯壕南站）</t>
  </si>
  <si>
    <t>【内蒙古中铁】砼岔枕\P60;1/12;16#;专线3399\新朔段（海勒斯壕南站）</t>
  </si>
  <si>
    <t>【内蒙古中铁】砼岔枕\P60;1/12;17#;专线3399\新朔段（海勒斯壕南站）</t>
  </si>
  <si>
    <t>【内蒙古中铁】砼岔枕\P60;1/12;18#;专线3399\新朔段（海勒斯壕南站）</t>
  </si>
  <si>
    <t>【内蒙古中铁】砼岔枕\P60;1/12;19#;专线3399\新朔段（海勒斯壕南站）</t>
  </si>
  <si>
    <t>【内蒙古中铁】砼岔枕\P60;1/12;2#;专线3399\新朔段（海勒斯壕南站）</t>
  </si>
  <si>
    <t>【内蒙古中铁】砼岔枕\P60;1/12;23#;专线3399\新朔段（海勒斯壕南站）</t>
  </si>
  <si>
    <t>【内蒙古中铁】砼岔枕\P60;1/12;24#;专线3399\新朔段（海勒斯壕南站）</t>
  </si>
  <si>
    <t>【内蒙古中铁】砼岔枕\P60;1/12;25#;SC330-500\新朔段（海勒斯壕南站）</t>
  </si>
  <si>
    <t>【内蒙古中铁】砼岔枕\P60;1/12;25#;SC350\新朔段（海勒斯壕南站）</t>
  </si>
  <si>
    <t>【内蒙古中铁】砼岔枕\P60;1/12;25#;专线3399\新朔段（海勒斯壕南站）</t>
  </si>
  <si>
    <t>【内蒙古中铁】砼岔枕\P60;1/12;26#;SC330-500\新朔段（海勒斯壕南站）</t>
  </si>
  <si>
    <t>【内蒙古中铁】砼岔枕\P60;1/12;26#;SC350\新朔段（海勒斯壕南站）</t>
  </si>
  <si>
    <t>【内蒙古中铁】砼岔枕\P60;1/12;26#;专线3399\新朔段（海勒斯壕南站）</t>
  </si>
  <si>
    <t>【内蒙古中铁】砼岔枕\P60;1/12;27#;SC330-500\新朔段（海勒斯壕南站）</t>
  </si>
  <si>
    <t>【内蒙古中铁】砼岔枕\P60;1/12;27#;专线3399\新朔段（海勒斯壕南站）</t>
  </si>
  <si>
    <t>【内蒙古中铁】砼岔枕\P60;1/12;28#;SC330-500\新朔段（海勒斯壕南站）</t>
  </si>
  <si>
    <t>【内蒙古中铁】砼岔枕\P60;1/12;28#;专线3399\新朔段（海勒斯壕南站）</t>
  </si>
  <si>
    <t>【内蒙古中铁】砼岔枕\P60;1/12;28#;专线4228\新朔段（海勒斯壕南站）</t>
  </si>
  <si>
    <t>【内蒙古中铁】砼岔枕\P60;1/12;29#;SC330-500\新朔段（海勒斯壕南站）</t>
  </si>
  <si>
    <t>【内蒙古中铁】砼岔枕\P60;1/12;29#;专线3399\新朔段（海勒斯壕南站）</t>
  </si>
  <si>
    <t>【内蒙古中铁】砼岔枕\P60;1/12;30#;专线3399\新朔段（海勒斯壕南站）</t>
  </si>
  <si>
    <t>【内蒙古中铁】砼岔枕\P60;1/12;30#;专线4228\新朔段（海勒斯壕南站）</t>
  </si>
  <si>
    <t>【内蒙古中铁】砼岔枕\P60;1/12;32#;专线3399\新朔段（海勒斯壕南站）</t>
  </si>
  <si>
    <t>【内蒙古中铁】砼岔枕\P60;1/12;34#;专线3399\新朔段（海勒斯壕南站）</t>
  </si>
  <si>
    <t>【内蒙古中铁】砼岔枕\P60;1/12;36#;SC350\新朔段（海勒斯壕南站）</t>
  </si>
  <si>
    <t>【内蒙古中铁】砼岔枕\P60;1/12;37#;专线3399\新朔段（海勒斯壕南站）</t>
  </si>
  <si>
    <t>【内蒙古中铁】砼岔枕\P60;1/12;40#;专线3399\新朔段（海勒斯壕南站）</t>
  </si>
  <si>
    <t>【内蒙古中铁】砼岔枕\P60;1/12;41#;专线3399\新朔段（海勒斯壕南站）</t>
  </si>
  <si>
    <t>【内蒙古中铁】砼岔枕\P60;1/12;42#;专线3399\新朔段（海勒斯壕南站）</t>
  </si>
  <si>
    <t>【内蒙古中铁】砼岔枕\P60;1/12;43#;专线3399\新朔段（海勒斯壕南站）</t>
  </si>
  <si>
    <t>【内蒙古中铁】砼岔枕\P60;1/12;49#;SC330-500\新朔段（海勒斯壕南站）</t>
  </si>
  <si>
    <t>【内蒙古中铁】砼岔枕\P60;1/12;51#;专线3399\新朔段（海勒斯壕南站）</t>
  </si>
  <si>
    <t>【内蒙古中铁】砼岔枕\P60;1/12;52#;专线3399\新朔段（海勒斯壕南站）</t>
  </si>
  <si>
    <t>【内蒙古中铁】砼岔枕\P60;1/12;53#;SC330-500\新朔段（海勒斯壕南站）</t>
  </si>
  <si>
    <t>【内蒙古中铁】砼岔枕\P60;1/12;53#;专线3399\新朔段（海勒斯壕南站）</t>
  </si>
  <si>
    <t>【内蒙古中铁】砼岔枕\P60;1/12;53#;专线4228\新朔段（海勒斯壕南站）</t>
  </si>
  <si>
    <t>【内蒙古中铁】砼岔枕\P60;1/12;54#;SC330\新朔段（海勒斯壕南站）</t>
  </si>
  <si>
    <t>【内蒙古中铁】砼岔枕\P60;1/12;54#;专线3399\新朔段（海勒斯壕南站）</t>
  </si>
  <si>
    <t>【内蒙古中铁】砼岔枕\P60;1/12;55#;专线3399\新朔段（海勒斯壕南站）</t>
  </si>
  <si>
    <t>【内蒙古中铁】砼岔枕\P60;1/12;56#;专线3399\新朔段（海勒斯壕南站）</t>
  </si>
  <si>
    <t>【内蒙古中铁】砼岔枕\P60;1/12;57#;专线3399\新朔段（海勒斯壕南站）</t>
  </si>
  <si>
    <t>【内蒙古中铁】砼岔枕\P60;1/12;57#;专线4228\新朔段（海勒斯壕南站）</t>
  </si>
  <si>
    <t>【内蒙古中铁】砼岔枕\P60;1/12;58#;专线3399\新朔段（海勒斯壕南站）</t>
  </si>
  <si>
    <t>【内蒙古中铁】砼岔枕\P60;1/12;59#;专线3399\新朔段（海勒斯壕南站）</t>
  </si>
  <si>
    <t>【内蒙古中铁】砼岔枕\P60;1/12;60#;专线3399\新朔段（海勒斯壕南站）</t>
  </si>
  <si>
    <t>【内蒙古中铁】砼岔枕\P60;1/12;61#;专线3399\新朔段（海勒斯壕南站）</t>
  </si>
  <si>
    <t>【内蒙古中铁】砼岔枕\P60;1/12;62#;专线3399\新朔段（海勒斯壕南站）</t>
  </si>
  <si>
    <t>【内蒙古中铁】砼岔枕\P60;1/12;63#;SC330-500\新朔段（海勒斯壕南站）</t>
  </si>
  <si>
    <t>【内蒙古中铁】砼岔枕\P60;1/12;63#;SC340\新朔段（海勒斯壕南站）</t>
  </si>
  <si>
    <t>【内蒙古中铁】砼岔枕\P60;1/12;63#;专线3399\新朔段（海勒斯壕南站）</t>
  </si>
  <si>
    <t>【内蒙古中铁】砼岔枕\P60;1/12;63#;专线3402\新朔段（海勒斯壕南站）</t>
  </si>
  <si>
    <t>【内蒙古中铁】砼岔枕\P60;1/12;63#;专线4228\新朔段（海勒斯壕南站）</t>
  </si>
  <si>
    <t>【内蒙古中铁】砼岔枕\P60;1/12;63Z#;SC341-500\新朔段（海勒斯壕南站）</t>
  </si>
  <si>
    <t>【内蒙古中铁】砼岔枕\P60;1/12;64#;SC330\新朔段（海勒斯壕南站）</t>
  </si>
  <si>
    <t>【内蒙古中铁】砼岔枕\P60;1/12;64#;SC340\新朔段（海勒斯壕南站）</t>
  </si>
  <si>
    <t>【内蒙古中铁】砼岔枕\P60;1/12;64#;专线3399\新朔段（海勒斯壕南站）</t>
  </si>
  <si>
    <t>【内蒙古中铁】砼岔枕\P60;1/12;64#;专线3402\新朔段（海勒斯壕南站）</t>
  </si>
  <si>
    <t>【内蒙古中铁】砼岔枕\P60;1/12;64Z#;SC341-500\新朔段（海勒斯壕南站）</t>
  </si>
  <si>
    <t>【内蒙古中铁】砼岔枕\P60;1/12;65#;交渡;SC340C\新朔段（海勒斯壕南站）</t>
  </si>
  <si>
    <t>【内蒙古中铁】砼岔枕\P60;1/12;65#;专线3399\新朔段（海勒斯壕南站）</t>
  </si>
  <si>
    <t>【内蒙古中铁】砼岔枕\P60;1/12;66#;专线3399\新朔段（海勒斯壕南站）</t>
  </si>
  <si>
    <t>【内蒙古中铁】砼岔枕\P60;1/12;67#;专线3399\新朔段（海勒斯壕南站）</t>
  </si>
  <si>
    <t>【内蒙古中铁】砼岔枕\P60;1/12;68#;专线3399\新朔段（海勒斯壕南站）</t>
  </si>
  <si>
    <t>【内蒙古中铁】砼岔枕\P60;1/12;69#;专线3399\新朔段（海勒斯壕南站）</t>
  </si>
  <si>
    <t>【内蒙古中铁】砼岔枕\P60;1/12;73#;专线3402\新朔段（海勒斯壕南站）</t>
  </si>
  <si>
    <t>【内蒙古中铁】砼岔枕\P60;1/12;74#;专线3402\新朔段（海勒斯壕南站）</t>
  </si>
  <si>
    <t>【内蒙古中铁】砼岔枕\P60;1/18;21#;专线3386\新朔段（海勒斯壕南站）</t>
  </si>
  <si>
    <t>【内蒙古中铁】砼岔枕\P60;1/18;32#;专线3386\新朔段（海勒斯壕南站）</t>
  </si>
  <si>
    <t>【内蒙古中铁】砼岔枕\P60;1/18;33#;专线3386\新朔段（海勒斯壕南站）</t>
  </si>
  <si>
    <t>【内蒙古中铁】砼岔枕\P60;1/18;34#;专线3386\新朔段（海勒斯壕南站）</t>
  </si>
  <si>
    <t>【内蒙古中铁】砼岔枕\P60;1/18;71#;专线3386\新朔段（海勒斯壕南站）</t>
  </si>
  <si>
    <t>【内蒙古中铁】砼岔枕\P60;1/18;72#;专线3386\新朔段（海勒斯壕南站）</t>
  </si>
  <si>
    <t>【内蒙古中铁】砼岔枕\P60;1/9;34#;交渡;SC392C\新朔段（海勒斯壕南站）</t>
  </si>
  <si>
    <t>【内蒙古中铁】砼岔枕\P60;1/9;42#;专线(03)3366\新朔段（海勒斯壕南站）</t>
  </si>
  <si>
    <t>【内蒙古中铁】砼岔枕\P60;1/9;43#;专线(03)3366\新朔段（海勒斯壕南站）</t>
  </si>
  <si>
    <t>【内蒙古中铁】砼岔枕\P60;1/9;49#;SC390\新朔段（海勒斯壕南站）</t>
  </si>
  <si>
    <t>【内蒙古中铁】砼岔枕\P60;1/9;49#;专线(03)3366\新朔段（海勒斯壕南站）</t>
  </si>
  <si>
    <t>【内蒙古中铁】砼岔枕\P60;1/9;5#;SC390\新朔段（海勒斯壕南站）</t>
  </si>
  <si>
    <t>【内蒙古中铁】砼岔枕\P60;1/9;50#;SC390\新朔段（海勒斯壕南站）</t>
  </si>
  <si>
    <t>【内蒙古中铁】砼岔枕\P60;1/9;54#;专线(03)3366\新朔段（海勒斯壕南站）</t>
  </si>
  <si>
    <t>【内蒙古中铁】砼岔枕\P60;1/9;6#;SC390\新朔段（海勒斯壕南站）</t>
  </si>
  <si>
    <t>【内蒙古中铁】砼岔枕\P60;1/9;7#;SC390\新朔段（海勒斯壕南站）</t>
  </si>
  <si>
    <t>【内蒙古中铁】砼岔枕\P60;1/9;8#;SC390\新朔段（海勒斯壕南站）</t>
  </si>
  <si>
    <t>【内蒙古中铁】砼岔枕\P60;1/9;9#;SC390\新朔段（海勒斯壕南站）</t>
  </si>
  <si>
    <t>【内蒙古中铁】砼岔枕\P60;1/9;交渡12#;CZ581Z\新朔段（海勒斯壕南站）</t>
  </si>
  <si>
    <t>【内蒙古中铁】砼岔枕\P60;1/9;交渡16#;CZ581Z\新朔段（海勒斯壕南站）</t>
  </si>
  <si>
    <t>【内蒙古中铁】砼岔枕\P60;1/9;交渡22#;CZ580Z\新朔段（海勒斯壕南站）</t>
  </si>
  <si>
    <t>【内蒙古中铁】砼岔枕\P60;1/9;交渡23#;CZ581Z\新朔段（海勒斯壕南站）</t>
  </si>
  <si>
    <t>【内蒙古中铁】砼岔枕\P60;1/9;交渡24#;CZ581Z\新朔段（海勒斯壕南站）</t>
  </si>
  <si>
    <t>【内蒙古中铁】砼岔枕\P60;1/9;交渡25#;CZ581Z\新朔段（海勒斯壕南站）</t>
  </si>
  <si>
    <t>【内蒙古中铁】砼岔枕\P60;1/9;交渡40#;CZ580Z\新朔段（海勒斯壕南站）</t>
  </si>
  <si>
    <t>【内蒙古中铁】砼岔枕\P60;1/9;交渡44#;CZ581Z\新朔段（海勒斯壕南站）</t>
  </si>
  <si>
    <t>【内蒙古中铁】砼岔枕\P60;1/9;交渡49#;CZ581Z\新朔段（海勒斯壕南站）</t>
  </si>
  <si>
    <t>【内蒙古中铁】砼岔枕\P60;1/9;交渡50#;CZ581Z\新朔段（海勒斯壕南站）</t>
  </si>
  <si>
    <t>【内蒙古中铁】砼岔枕\P75;1/12;1#;SC559-500\新朔段（海勒斯壕南站）</t>
  </si>
  <si>
    <t>【内蒙古中铁】砼岔枕\P75;1/12;2#;SC559-500\新朔段（海勒斯壕南站）</t>
  </si>
  <si>
    <t>【内蒙古中铁】砼岔枕\P75;1/12;25#;SC559-500\新朔段（海勒斯壕南站）</t>
  </si>
  <si>
    <t>【内蒙古中铁】砼岔枕\P75;1/12;26#;SC559-500\新朔段（海勒斯壕南站）</t>
  </si>
  <si>
    <t>【内蒙古中铁】砼岔枕\P75;1/12;27#;SC559-500\新朔段（海勒斯壕南站）</t>
  </si>
  <si>
    <t>【内蒙古中铁】砼岔枕\P75;1/12;28#;SC559-500\新朔段（海勒斯壕南站）</t>
  </si>
  <si>
    <t>【内蒙古中铁】砼岔枕\P75;1/12;29#;SC559-500\新朔段（海勒斯壕南站）</t>
  </si>
  <si>
    <t>【内蒙古中铁】砼岔枕\P75;1/12;3#;SC559-500\新朔段（海勒斯壕南站）</t>
  </si>
  <si>
    <t>【内蒙古中铁】砼岔枕\P75;1/12;30#;SC559-500\新朔段（海勒斯壕南站）</t>
  </si>
  <si>
    <t>【内蒙古中铁】砼岔枕\P75;1/12;31#;SC559-500\新朔段（海勒斯壕南站）</t>
  </si>
  <si>
    <t>【内蒙古中铁】砼岔枕\P75;1/12;39#;SC559-500\新朔段（海勒斯壕南站）</t>
  </si>
  <si>
    <t>【内蒙古中铁】砼岔枕\P75;1/12;40#;SC559-500\新朔段（海勒斯壕南站）</t>
  </si>
  <si>
    <t>【内蒙古中铁】砼岔枕\P75;1/12;5.3m交渡;CZ716\新朔段（海勒斯壕南站）</t>
  </si>
  <si>
    <t>【内蒙古中铁】砼岔枕\P75;1/12;50#;SC559-500\新朔段（海勒斯壕南站）</t>
  </si>
  <si>
    <t>【内蒙古中铁】砼岔枕\P75;1/12;51#;SC559-500\新朔段（海勒斯壕南站）</t>
  </si>
  <si>
    <t>【内蒙古中铁】砼岔枕\P75;1/12;52#;SC559-500\新朔段（海勒斯壕南站）</t>
  </si>
  <si>
    <t>【内蒙古中铁】砼岔枕\P75;1/12;53#;SC559-500\新朔段（海勒斯壕南站）</t>
  </si>
  <si>
    <t>【内蒙古中铁】砼岔枕\P75;1/12;54#;SC559-500\新朔段（海勒斯壕南站）</t>
  </si>
  <si>
    <t>【内蒙古中铁】砼岔枕\P75;1/12;55#;SC559-500\新朔段（海勒斯壕南站）</t>
  </si>
  <si>
    <t>【内蒙古中铁】砼岔枕\P75;1/12;56#;SC559-500\新朔段（海勒斯壕南站）</t>
  </si>
  <si>
    <t>【内蒙古中铁】砼岔枕\P75;1/12;60#;SC559-500\新朔段（海勒斯壕南站）</t>
  </si>
  <si>
    <t>【内蒙古中铁】砼岔枕\P75;1/12;61#;SC559-500\新朔段（海勒斯壕南站）</t>
  </si>
  <si>
    <t>【内蒙古中铁】砼岔枕\P75;1/12;62#;SC559-500\新朔段（海勒斯壕南站）</t>
  </si>
  <si>
    <t>【内蒙古中铁】砼岔枕\P75;1/12;63#;SC559-500\新朔段（海勒斯壕南站）</t>
  </si>
  <si>
    <t>【内蒙古中铁】砼岔枕\P75;1/12;64#;SC559-500\新朔段（海勒斯壕南站）</t>
  </si>
  <si>
    <t>【内蒙古中铁】砼岔枕\P75;1/12;65#;SC559-500\新朔段（海勒斯壕南站）</t>
  </si>
  <si>
    <t>【内蒙古中铁】砼岔枕\P75;1/12;66#;SC559-500\新朔段（海勒斯壕南站）</t>
  </si>
  <si>
    <t>【内蒙古中铁】砼岔枕\P75;1/12;67#;SC559-500\新朔段（海勒斯壕南站）</t>
  </si>
  <si>
    <t>【内蒙古中铁】砼岔枕\P75;1/12;68#;SC559-500\新朔段（海勒斯壕南站）</t>
  </si>
  <si>
    <t>【内蒙古中铁】砼岔枕\P75;1/12;80#;SC559-500\新朔段（海勒斯壕南站）</t>
  </si>
  <si>
    <t>【内蒙古中铁】砼岔枕\P75;1/12;81#;SC559-500\新朔段（海勒斯壕南站）</t>
  </si>
  <si>
    <t>【内蒙古中铁】砼岔枕\P75;1/12;单开;专线4228\新朔段（海勒斯壕南站）</t>
  </si>
  <si>
    <t>【内蒙古中铁】砼桥枕\ⅡZQ-C型0#\新朔段（海勒斯壕南站）</t>
  </si>
  <si>
    <t>【内蒙古中铁】砼桥枕\Ⅲ型\新朔段（海勒斯壕南站）</t>
  </si>
  <si>
    <t>【内蒙古中铁】砼桥枕\梭头;新Ⅲ型;1#\新朔段（海勒斯壕南站）</t>
  </si>
  <si>
    <t>【内蒙古中铁】砼桥枕\梭头;新Ⅲ型;2#\新朔段（海勒斯壕南站）</t>
  </si>
  <si>
    <t>【内蒙古中铁】砼桥枕\梭头;新Ⅲ型;3#\新朔段（海勒斯壕南站）</t>
  </si>
  <si>
    <t>【内蒙古中铁】砼桥枕\梭头;新Ⅲ型;4#\新朔段（海勒斯壕南站）</t>
  </si>
  <si>
    <t>【内蒙古中铁】砼桥枕\新Ⅲ型\新朔段（海勒斯壕南站）</t>
  </si>
  <si>
    <t>【内蒙古中铁】砼桥枕\专线3448;弹性;新Ⅲ型\新朔段（海勒斯壕南站）</t>
  </si>
  <si>
    <t>【内蒙古中铁】砼桥枕\专线3448;弹性;新Ⅲ型;1#\新朔段（海勒斯壕南站）</t>
  </si>
  <si>
    <t>【内蒙古中铁】砼桥枕\专线3448;弹性;新Ⅲ型;2#\新朔段（海勒斯壕南站）</t>
  </si>
  <si>
    <t>【内蒙古中铁】砼桥枕\专线3448;弹性;新Ⅲ型;3#\新朔段（海勒斯壕南站）</t>
  </si>
  <si>
    <t>【内蒙古中铁】砼桥枕\专线3448;弹性;新Ⅲ型;4#\新朔段（海勒斯壕南站）</t>
  </si>
  <si>
    <t>【内蒙古中铁】砼枕\X-Ⅱ型\新朔段（海勒斯壕南站）</t>
  </si>
  <si>
    <t>【内蒙古中铁】砼枕\YⅡ-F\新朔段（海勒斯壕南站）</t>
  </si>
  <si>
    <t>【内蒙古中铁】砼枕\弹性;ⅢA型\新朔段（海勒斯壕南站）</t>
  </si>
  <si>
    <t>【内蒙古中铁】砼枕\专线3393;ⅢA型\新朔段（海勒斯壕南站）</t>
  </si>
  <si>
    <t>【内蒙古中铁】成组砼岔枕\P50;1/12;5.0m交渡;专线(03)3424\新朔段（外西沟站—薛家湾西货场）-外西沟</t>
  </si>
  <si>
    <t>GNWZBP(TH)ZECG2020-188</t>
  </si>
  <si>
    <t>国家能源e购商城内蒙古中铁轨枕配件铺货采购合同-新朔段（外西沟站—薛家湾西货场）-外西沟</t>
  </si>
  <si>
    <t>【内蒙古中铁】成组砼岔枕\P50;1/12;单开;专线(01)3423\新朔段（外西沟站—薛家湾西货场）-外西沟</t>
  </si>
  <si>
    <t>【内蒙古中铁】成组砼岔枕\P50;1/12;复交;CZ2220Z\新朔段（外西沟站—薛家湾西货场）-外西沟</t>
  </si>
  <si>
    <t>【内蒙古中铁】成组砼岔枕\P50;1/12;专线3355\新朔段（外西沟站—薛家湾西货场）-外西沟</t>
  </si>
  <si>
    <t>【内蒙古中铁】成组砼岔枕\P50;1/12;专线4257\新朔段（外西沟站—薛家湾西货场）-外西沟</t>
  </si>
  <si>
    <t>【内蒙古中铁】成组砼岔枕\P50;1/6;5.0m交渡;SC432-500\新朔段（外西沟站—薛家湾西货场）-外西沟</t>
  </si>
  <si>
    <t>【内蒙古中铁】成组砼岔枕\P50;1/6;对称;SC384\新朔段（外西沟站—薛家湾西货场）-外西沟</t>
  </si>
  <si>
    <t>【内蒙古中铁】成组砼岔枕\P50;1/6;对称;右开;SC384-500\新朔段（外西沟站—薛家湾西货场）-外西沟</t>
  </si>
  <si>
    <t>【内蒙古中铁】成组砼岔枕\P50;1/6;对称;左开;SC384-500\新朔段（外西沟站—薛家湾西货场）-外西沟</t>
  </si>
  <si>
    <t>【内蒙古中铁】成组砼岔枕\P50;1/9;5.0m交渡;CZ2210\新朔段（外西沟站—薛家湾西货场）-外西沟</t>
  </si>
  <si>
    <t>【内蒙古中铁】成组砼岔枕\P50;1/9;5.0m交渡;SC580\新朔段（外西沟站—薛家湾西货场）-外西沟</t>
  </si>
  <si>
    <t>【内蒙古中铁】成组砼岔枕\P50;1/9;5.0m交渡;专线(02)3428\新朔段（外西沟站—薛家湾西货场）-外西沟</t>
  </si>
  <si>
    <t>【内蒙古中铁】成组砼岔枕\P50;1/9;5.0m交渡;专线(02)7663\新朔段（外西沟站—薛家湾西货场）-外西沟</t>
  </si>
  <si>
    <t>【内蒙古中铁】成组砼岔枕\P50;1/9;CZ2209A\新朔段（外西沟站—薛家湾西货场）-外西沟</t>
  </si>
  <si>
    <t>【内蒙古中铁】成组砼岔枕\P50;1/9;单开;CZ2209Z\新朔段（外西沟站—薛家湾西货场）-外西沟</t>
  </si>
  <si>
    <t>【内蒙古中铁】成组砼岔枕\P50;1/9;单开;专线(03)3281\新朔段（外西沟站—薛家湾西货场）-外西沟</t>
  </si>
  <si>
    <t>【内蒙古中铁】成组砼岔枕\P50;1/9;复交;CZ2214Z\新朔段（外西沟站—薛家湾西货场）-外西沟</t>
  </si>
  <si>
    <t>【内蒙古中铁】成组砼岔枕\P50;1/9;复交;专线(04)3443\新朔段（外西沟站—薛家湾西货场）-外西沟</t>
  </si>
  <si>
    <t>【内蒙古中铁】成组砼岔枕\P50;1/9;交渡;CZ2213Z\新朔段（外西沟站—薛家湾西货场）-外西沟</t>
  </si>
  <si>
    <t>【内蒙古中铁】成组砼岔枕\P50;1/9;交渡;SC571-1101\新朔段（外西沟站—薛家湾西货场）-外西沟</t>
  </si>
  <si>
    <t>【内蒙古中铁】成组砼岔枕\P50;1/9;交渡;专线(03)3431\新朔段（外西沟站—薛家湾西货场）-外西沟</t>
  </si>
  <si>
    <t>【内蒙古中铁】成组砼岔枕\P60;1/12;5.5m交渡;SC342-500\新朔段（外西沟站—薛家湾西货场）-外西沟</t>
  </si>
  <si>
    <t>【内蒙古中铁】成组砼岔枕\P60;1/12;6.5m交渡;专线3413\新朔段（外西沟站—薛家湾西货场）-外西沟</t>
  </si>
  <si>
    <t>【内蒙古中铁】成组砼岔枕\P60;1/12;单开;SC330-500\新朔段（外西沟站—薛家湾西货场）-外西沟</t>
  </si>
  <si>
    <t>【内蒙古中铁】成组砼岔枕\P60;1/12;渡线;专线3402;Ⅲ型\新朔段（外西沟站—薛家湾西货场）-外西沟</t>
  </si>
  <si>
    <t>【内蒙古中铁】成组砼岔枕\P60;1/12;复交;SC350\新朔段（外西沟站—薛家湾西货场）-外西沟</t>
  </si>
  <si>
    <t>【内蒙古中铁】成组砼岔枕\P60;1/12;交渡;SC340-500\新朔段（外西沟站—薛家湾西货场）-外西沟</t>
  </si>
  <si>
    <t>【内蒙古中铁】成组砼岔枕\P60;1/12;交渡;SC342-500\新朔段（外西沟站—薛家湾西货场）-外西沟</t>
  </si>
  <si>
    <t>【内蒙古中铁】成组砼岔枕\P60;1/12;砼;单开;专线4249\新朔段（外西沟站—薛家湾西货场）-外西沟</t>
  </si>
  <si>
    <t>【内蒙古中铁】成组砼岔枕\P60;1/12;专线3399;Ⅲ型\新朔段（外西沟站—薛家湾西货场）-外西沟</t>
  </si>
  <si>
    <t>【内蒙古中铁】成组砼岔枕\P60;1/18;单开;GLC(07)02-300\新朔段（外西沟站—薛家湾西货场）-外西沟</t>
  </si>
  <si>
    <t>【内蒙古中铁】成组砼岔枕\P60;1/18;单开;GLC(09)05-300\新朔段（外西沟站—薛家湾西货场）-外西沟</t>
  </si>
  <si>
    <t>【内蒙古中铁】成组砼岔枕\P60;1/9;5.0m组合;SC(07)460-1108\新朔段（外西沟站—薛家湾西货场）-外西沟</t>
  </si>
  <si>
    <t>【内蒙古中铁】成组砼岔枕\P60;1/9;5.0m组合;SC(07)460-1204\新朔段（外西沟站—薛家湾西货场）-外西沟</t>
  </si>
  <si>
    <t>【内蒙古中铁】成组砼岔枕\P60;1/9;5.0m组合;SC(07)460-1208\新朔段（外西沟站—薛家湾西货场）-外西沟</t>
  </si>
  <si>
    <t>【内蒙古中铁】成组砼岔枕\P60;1/9;5.0m组合;SC(07)460-1211\新朔段（外西沟站—薛家湾西货场）-外西沟</t>
  </si>
  <si>
    <t>【内蒙古中铁】成组砼岔枕\P60;1/9;5.3m交渡;CZ581Z\新朔段（外西沟站—薛家湾西货场）-外西沟</t>
  </si>
  <si>
    <t>【内蒙古中铁】成组砼岔枕\P60;1/9;单开;CZ577Z\新朔段（外西沟站—薛家湾西货场）-外西沟</t>
  </si>
  <si>
    <t>【内蒙古中铁】成组砼岔枕\P60;1/9;单开;专线(03)3366\新朔段（外西沟站—薛家湾西货场）-外西沟</t>
  </si>
  <si>
    <t>【内蒙古中铁】成组砼岔枕\P60;1/9;复交;SC450-500\新朔段（外西沟站—薛家湾西货场）-外西沟</t>
  </si>
  <si>
    <t>【内蒙古中铁】成组砼岔枕\P60;1/9;复式交分;CZ2504Z\新朔段（外西沟站—薛家湾西货场）-外西沟</t>
  </si>
  <si>
    <t>【内蒙古中铁】成组砼岔枕\P60;1/9;交渡;CZ580Z\新朔段（外西沟站—薛家湾西货场）-外西沟</t>
  </si>
  <si>
    <t>【内蒙古中铁】成组砼岔枕\P60;1/9;交渡;CZ582Z\新朔段（外西沟站—薛家湾西货场）-外西沟</t>
  </si>
  <si>
    <t>【内蒙古中铁】成组砼岔枕\P60;1/9;交渡;CZ583Z\新朔段（外西沟站—薛家湾西货场）-外西沟</t>
  </si>
  <si>
    <t>【内蒙古中铁】成组砼岔枕\P60;1/9;专线3366;右开\新朔段（外西沟站—薛家湾西货场）-外西沟</t>
  </si>
  <si>
    <t>【内蒙古中铁】成组砼岔枕\P60;1/9;专线3366;左开\新朔段（外西沟站—薛家湾西货场）-外西沟</t>
  </si>
  <si>
    <t>【内蒙古中铁】成组砼岔枕\P75;1/12;SC381-500\新朔段（外西沟站—薛家湾西货场）-外西沟</t>
  </si>
  <si>
    <t>【内蒙古中铁】成组砼岔枕\P75;1/12;SC443-500;交渡\新朔段（外西沟站—薛家湾西货场）-外西沟</t>
  </si>
  <si>
    <t>【内蒙古中铁】成组砼岔枕\P75;1/12;单开;SC559-500\新朔段（外西沟站—薛家湾西货场）-外西沟</t>
  </si>
  <si>
    <t>【内蒙古中铁】成组砼岔枕\P75;1/12;单开;研线1116-400\新朔段（外西沟站—薛家湾西货场）-外西沟</t>
  </si>
  <si>
    <t>【内蒙古中铁】成组砼岔枕\P75;1/12;交渡;SC444\新朔段（外西沟站—薛家湾西货场）-外西沟</t>
  </si>
  <si>
    <t>【内蒙古中铁】成组砼岔枕\P75;1/18;单开;SC488-500\新朔段（外西沟站—薛家湾西货场）-外西沟</t>
  </si>
  <si>
    <t>【内蒙古中铁】成组砼岔枕\P75;1/9;5.0m交渡;SC551\新朔段（外西沟站—薛家湾西货场）-外西沟</t>
  </si>
  <si>
    <t>【内蒙古中铁】电气绝缘枕\ⅢaZ型\新朔段（外西沟站—薛家湾西货场）-外西沟</t>
  </si>
  <si>
    <t>【内蒙古中铁】电容枕\ⅢA型/ⅢAD\新朔段（外西沟站—薛家湾西货场）-外西沟</t>
  </si>
  <si>
    <t>【内蒙古中铁】电容枕\新Ⅱ型/XⅡD\新朔段（外西沟站—薛家湾西货场）-外西沟</t>
  </si>
  <si>
    <t>【内蒙古中铁】电容枕\新Ⅱ型;2500mm;研线0308-1\新朔段（外西沟站—薛家湾西货场）-外西沟</t>
  </si>
  <si>
    <t>【内蒙古中铁】电容枕\新Ⅲ型桥枕;2600mm;研线0308-1\新朔段（外西沟站—薛家湾西货场）-外西沟</t>
  </si>
  <si>
    <t>【内蒙古中铁】砼岔枕\P50;1/12;13#;专线(01)3423\新朔段（外西沟站—薛家湾西货场）-外西沟</t>
  </si>
  <si>
    <t>【内蒙古中铁】砼岔枕\P50;1/12;21#;专线(01)3423\新朔段（外西沟站—薛家湾西货场）-外西沟</t>
  </si>
  <si>
    <t>【内蒙古中铁】砼岔枕\P50;1/12;5#;专线3355\新朔段（外西沟站—薛家湾西货场）-外西沟</t>
  </si>
  <si>
    <t>【内蒙古中铁】砼岔枕\P50;1/12;58#;专线3355\新朔段（外西沟站—薛家湾西货场）-外西沟</t>
  </si>
  <si>
    <t>【内蒙古中铁】砼岔枕\P50;1/9;20#;专线(03)3281\新朔段（外西沟站—薛家湾西货场）-外西沟</t>
  </si>
  <si>
    <t>【内蒙古中铁】砼岔枕\P50;1/9;3#;CZ2209\新朔段（外西沟站—薛家湾西货场）-外西沟</t>
  </si>
  <si>
    <t>【内蒙古中铁】砼岔枕\P50;1/9;39#;专线(03)3281\新朔段（外西沟站—薛家湾西货场）-外西沟</t>
  </si>
  <si>
    <t>【内蒙古中铁】砼岔枕\P50;1/9;48#;专线(03)3281\新朔段（外西沟站—薛家湾西货场）-外西沟</t>
  </si>
  <si>
    <t>【内蒙古中铁】砼岔枕\P50;1/9;49#;专线(03)3281\新朔段（外西沟站—薛家湾西货场）-外西沟</t>
  </si>
  <si>
    <t>【内蒙古中铁】砼岔枕\P50;1/9;52#;专线(03)3281\新朔段（外西沟站—薛家湾西货场）-外西沟</t>
  </si>
  <si>
    <t>【内蒙古中铁】砼岔枕\P50;1/9;单开31#;专线(03)3281\新朔段（外西沟站—薛家湾西货场）-外西沟</t>
  </si>
  <si>
    <t>【内蒙古中铁】砼岔枕\P50;1/9;单开32#;专线(03)3281\新朔段（外西沟站—薛家湾西货场）-外西沟</t>
  </si>
  <si>
    <t>【内蒙古中铁】砼岔枕\P50;1/9;单开33#;专线(03)3281\新朔段（外西沟站—薛家湾西货场）-外西沟</t>
  </si>
  <si>
    <t>【内蒙古中铁】砼岔枕\P50;1/9;单开34#;专线(03)3281\新朔段（外西沟站—薛家湾西货场）-外西沟</t>
  </si>
  <si>
    <t>【内蒙古中铁】砼岔枕\P50;1/9;单开35#;专线(03)3281\新朔段（外西沟站—薛家湾西货场）-外西沟</t>
  </si>
  <si>
    <t>【内蒙古中铁】砼岔枕\P50;1/9;单开36#;专线(03)3281\新朔段（外西沟站—薛家湾西货场）-外西沟</t>
  </si>
  <si>
    <t>【内蒙古中铁】砼岔枕\P50;1/9;单开37#;专线(03)3281\新朔段（外西沟站—薛家湾西货场）-外西沟</t>
  </si>
  <si>
    <t>【内蒙古中铁】砼岔枕\P60;1/12;1#;SC330-500\新朔段（外西沟站—薛家湾西货场）-外西沟</t>
  </si>
  <si>
    <t>【内蒙古中铁】砼岔枕\P60;1/12;1#;专线3399\新朔段（外西沟站—薛家湾西货场）-外西沟</t>
  </si>
  <si>
    <t>【内蒙古中铁】砼岔枕\P60;1/12;10#;专线3399\新朔段（外西沟站—薛家湾西货场）-外西沟</t>
  </si>
  <si>
    <t>【内蒙古中铁】砼岔枕\P60;1/12;11#;专线3399\新朔段（外西沟站—薛家湾西货场）-外西沟</t>
  </si>
  <si>
    <t>【内蒙古中铁】砼岔枕\P60;1/12;12#;专线3399\新朔段（外西沟站—薛家湾西货场）-外西沟</t>
  </si>
  <si>
    <t>【内蒙古中铁】砼岔枕\P60;1/12;13#;专线3399\新朔段（外西沟站—薛家湾西货场）-外西沟</t>
  </si>
  <si>
    <t>【内蒙古中铁】砼岔枕\P60;1/12;14#;专线3399\新朔段（外西沟站—薛家湾西货场）-外西沟</t>
  </si>
  <si>
    <t>【内蒙古中铁】砼岔枕\P60;1/12;15#;专线3399\新朔段（外西沟站—薛家湾西货场）-外西沟</t>
  </si>
  <si>
    <t>【内蒙古中铁】砼岔枕\P60;1/12;16#;专线3399\新朔段（外西沟站—薛家湾西货场）-外西沟</t>
  </si>
  <si>
    <t>【内蒙古中铁】砼岔枕\P60;1/12;17#;专线3399\新朔段（外西沟站—薛家湾西货场）-外西沟</t>
  </si>
  <si>
    <t>【内蒙古中铁】砼岔枕\P60;1/12;18#;专线3399\新朔段（外西沟站—薛家湾西货场）-外西沟</t>
  </si>
  <si>
    <t>【内蒙古中铁】砼岔枕\P60;1/12;19#;专线3399\新朔段（外西沟站—薛家湾西货场）-外西沟</t>
  </si>
  <si>
    <t>【内蒙古中铁】砼岔枕\P60;1/12;2#;专线3399\新朔段（外西沟站—薛家湾西货场）-外西沟</t>
  </si>
  <si>
    <t>【内蒙古中铁】砼岔枕\P60;1/12;23#;专线3399\新朔段（外西沟站—薛家湾西货场）-外西沟</t>
  </si>
  <si>
    <t>【内蒙古中铁】砼岔枕\P60;1/12;24#;专线3399\新朔段（外西沟站—薛家湾西货场）-外西沟</t>
  </si>
  <si>
    <t>【内蒙古中铁】砼岔枕\P60;1/12;25#;SC330-500\新朔段（外西沟站—薛家湾西货场）-外西沟</t>
  </si>
  <si>
    <t>【内蒙古中铁】砼岔枕\P60;1/12;25#;SC350\新朔段（外西沟站—薛家湾西货场）-外西沟</t>
  </si>
  <si>
    <t>【内蒙古中铁】砼岔枕\P60;1/12;25#;专线3399\新朔段（外西沟站—薛家湾西货场）-外西沟</t>
  </si>
  <si>
    <t>【内蒙古中铁】砼岔枕\P60;1/12;26#;SC330-500\新朔段（外西沟站—薛家湾西货场）-外西沟</t>
  </si>
  <si>
    <t>【内蒙古中铁】砼岔枕\P60;1/12;26#;SC350\新朔段（外西沟站—薛家湾西货场）-外西沟</t>
  </si>
  <si>
    <t>【内蒙古中铁】砼岔枕\P60;1/12;26#;专线3399\新朔段（外西沟站—薛家湾西货场）-外西沟</t>
  </si>
  <si>
    <t>【内蒙古中铁】砼岔枕\P60;1/12;27#;SC330-500\新朔段（外西沟站—薛家湾西货场）-外西沟</t>
  </si>
  <si>
    <t>【内蒙古中铁】砼岔枕\P60;1/12;27#;专线3399\新朔段（外西沟站—薛家湾西货场）-外西沟</t>
  </si>
  <si>
    <t>【内蒙古中铁】砼岔枕\P60;1/12;28#;SC330-500\新朔段（外西沟站—薛家湾西货场）-外西沟</t>
  </si>
  <si>
    <t>【内蒙古中铁】砼岔枕\P60;1/12;28#;专线3399\新朔段（外西沟站—薛家湾西货场）-外西沟</t>
  </si>
  <si>
    <t>【内蒙古中铁】砼岔枕\P60;1/12;28#;专线4228\新朔段（外西沟站—薛家湾西货场）-外西沟</t>
  </si>
  <si>
    <t>【内蒙古中铁】砼岔枕\P60;1/12;29#;SC330-500\新朔段（外西沟站—薛家湾西货场）-外西沟</t>
  </si>
  <si>
    <t>【内蒙古中铁】砼岔枕\P60;1/12;29#;专线3399\新朔段（外西沟站—薛家湾西货场）-外西沟</t>
  </si>
  <si>
    <t>【内蒙古中铁】砼岔枕\P60;1/12;30#;专线3399\新朔段（外西沟站—薛家湾西货场）-外西沟</t>
  </si>
  <si>
    <t>【内蒙古中铁】砼岔枕\P60;1/12;30#;专线4228\新朔段（外西沟站—薛家湾西货场）-外西沟</t>
  </si>
  <si>
    <t>【内蒙古中铁】砼岔枕\P60;1/12;32#;专线3399\新朔段（外西沟站—薛家湾西货场）-外西沟</t>
  </si>
  <si>
    <t>【内蒙古中铁】砼岔枕\P60;1/12;34#;专线3399\新朔段（外西沟站—薛家湾西货场）-外西沟</t>
  </si>
  <si>
    <t>【内蒙古中铁】砼岔枕\P60;1/12;36#;SC350\新朔段（外西沟站—薛家湾西货场）-外西沟</t>
  </si>
  <si>
    <t>【内蒙古中铁】砼岔枕\P60;1/12;37#;专线3399\新朔段（外西沟站—薛家湾西货场）-外西沟</t>
  </si>
  <si>
    <t>【内蒙古中铁】砼岔枕\P60;1/12;40#;专线3399\新朔段（外西沟站—薛家湾西货场）-外西沟</t>
  </si>
  <si>
    <t>【内蒙古中铁】砼岔枕\P60;1/12;41#;专线3399\新朔段（外西沟站—薛家湾西货场）-外西沟</t>
  </si>
  <si>
    <t>【内蒙古中铁】砼岔枕\P60;1/12;42#;专线3399\新朔段（外西沟站—薛家湾西货场）-外西沟</t>
  </si>
  <si>
    <t>【内蒙古中铁】砼岔枕\P60;1/12;43#;专线3399\新朔段（外西沟站—薛家湾西货场）-外西沟</t>
  </si>
  <si>
    <t>【内蒙古中铁】砼岔枕\P60;1/12;49#;SC330-500\新朔段（外西沟站—薛家湾西货场）-外西沟</t>
  </si>
  <si>
    <t>【内蒙古中铁】砼岔枕\P60;1/12;51#;专线3399\新朔段（外西沟站—薛家湾西货场）-外西沟</t>
  </si>
  <si>
    <t>【内蒙古中铁】砼岔枕\P60;1/12;52#;专线3399\新朔段（外西沟站—薛家湾西货场）-外西沟</t>
  </si>
  <si>
    <t>【内蒙古中铁】砼岔枕\P60;1/12;53#;SC330-500\新朔段（外西沟站—薛家湾西货场）-外西沟</t>
  </si>
  <si>
    <t>【内蒙古中铁】砼岔枕\P60;1/12;53#;专线3399\新朔段（外西沟站—薛家湾西货场）-外西沟</t>
  </si>
  <si>
    <t>【内蒙古中铁】砼岔枕\P60;1/12;53#;专线4228\新朔段（外西沟站—薛家湾西货场）-外西沟</t>
  </si>
  <si>
    <t>【内蒙古中铁】砼岔枕\P60;1/12;54#;SC330\新朔段（外西沟站—薛家湾西货场）-外西沟</t>
  </si>
  <si>
    <t>【内蒙古中铁】砼岔枕\P60;1/12;54#;专线3399\新朔段（外西沟站—薛家湾西货场）-外西沟</t>
  </si>
  <si>
    <t>【内蒙古中铁】砼岔枕\P60;1/12;55#;专线3399\新朔段（外西沟站—薛家湾西货场）-外西沟</t>
  </si>
  <si>
    <t>【内蒙古中铁】砼岔枕\P60;1/12;56#;专线3399\新朔段（外西沟站—薛家湾西货场）-外西沟</t>
  </si>
  <si>
    <t>【内蒙古中铁】砼岔枕\P60;1/12;57#;专线3399\新朔段（外西沟站—薛家湾西货场）-外西沟</t>
  </si>
  <si>
    <t>【内蒙古中铁】砼岔枕\P60;1/12;57#;专线4228\新朔段（外西沟站—薛家湾西货场）-外西沟</t>
  </si>
  <si>
    <t>【内蒙古中铁】砼岔枕\P60;1/12;58#;专线3399\新朔段（外西沟站—薛家湾西货场）-外西沟</t>
  </si>
  <si>
    <t>【内蒙古中铁】砼岔枕\P60;1/12;59#;专线3399\新朔段（外西沟站—薛家湾西货场）-外西沟</t>
  </si>
  <si>
    <t>【内蒙古中铁】砼岔枕\P60;1/12;60#;专线3399\新朔段（外西沟站—薛家湾西货场）-外西沟</t>
  </si>
  <si>
    <t>【内蒙古中铁】砼岔枕\P60;1/12;61#;专线3399\新朔段（外西沟站—薛家湾西货场）-外西沟</t>
  </si>
  <si>
    <t>【内蒙古中铁】砼岔枕\P60;1/12;62#;专线3399\新朔段（外西沟站—薛家湾西货场）-外西沟</t>
  </si>
  <si>
    <t>【内蒙古中铁】砼岔枕\P60;1/12;63#;SC330-500\新朔段（外西沟站—薛家湾西货场）-外西沟</t>
  </si>
  <si>
    <t>【内蒙古中铁】砼岔枕\P60;1/12;63#;SC340\新朔段（外西沟站—薛家湾西货场）-外西沟</t>
  </si>
  <si>
    <t>【内蒙古中铁】砼岔枕\P60;1/12;63#;专线3399\新朔段（外西沟站—薛家湾西货场）-外西沟</t>
  </si>
  <si>
    <t>【内蒙古中铁】砼岔枕\P60;1/12;63#;专线3402\新朔段（外西沟站—薛家湾西货场）-外西沟</t>
  </si>
  <si>
    <t>【内蒙古中铁】砼岔枕\P60;1/12;63#;专线4228\新朔段（外西沟站—薛家湾西货场）-外西沟</t>
  </si>
  <si>
    <t>【内蒙古中铁】砼岔枕\P60;1/12;63Z#;SC341-500\新朔段（外西沟站—薛家湾西货场）-外西沟</t>
  </si>
  <si>
    <t>【内蒙古中铁】砼岔枕\P60;1/12;64#;SC330\新朔段（外西沟站—薛家湾西货场）-外西沟</t>
  </si>
  <si>
    <t>【内蒙古中铁】砼岔枕\P60;1/12;64#;SC340\新朔段（外西沟站—薛家湾西货场）-外西沟</t>
  </si>
  <si>
    <t>【内蒙古中铁】砼岔枕\P60;1/12;64#;专线3399\新朔段（外西沟站—薛家湾西货场）-外西沟</t>
  </si>
  <si>
    <t>【内蒙古中铁】砼岔枕\P60;1/12;64#;专线3402\新朔段（外西沟站—薛家湾西货场）-外西沟</t>
  </si>
  <si>
    <t>【内蒙古中铁】砼岔枕\P60;1/12;64Z#;SC341-500\新朔段（外西沟站—薛家湾西货场）-外西沟</t>
  </si>
  <si>
    <t>【内蒙古中铁】砼岔枕\P60;1/12;65#;交渡;SC340C\新朔段（外西沟站—薛家湾西货场）-外西沟</t>
  </si>
  <si>
    <t>【内蒙古中铁】砼岔枕\P60;1/12;65#;专线3399\新朔段（外西沟站—薛家湾西货场）-外西沟</t>
  </si>
  <si>
    <t>【内蒙古中铁】砼岔枕\P60;1/12;66#;专线3399\新朔段（外西沟站—薛家湾西货场）-外西沟</t>
  </si>
  <si>
    <t>【内蒙古中铁】砼岔枕\P60;1/12;67#;专线3399\新朔段（外西沟站—薛家湾西货场）-外西沟</t>
  </si>
  <si>
    <t>【内蒙古中铁】砼岔枕\P60;1/12;68#;专线3399\新朔段（外西沟站—薛家湾西货场）-外西沟</t>
  </si>
  <si>
    <t>【内蒙古中铁】砼岔枕\P60;1/12;69#;专线3399\新朔段（外西沟站—薛家湾西货场）-外西沟</t>
  </si>
  <si>
    <t>【内蒙古中铁】砼岔枕\P60;1/12;73#;专线3402\新朔段（外西沟站—薛家湾西货场）-外西沟</t>
  </si>
  <si>
    <t>【内蒙古中铁】砼岔枕\P60;1/12;74#;专线3402\新朔段（外西沟站—薛家湾西货场）-外西沟</t>
  </si>
  <si>
    <t>【内蒙古中铁】砼岔枕\P60;1/18;21#;专线3386\新朔段（外西沟站—薛家湾西货场）-外西沟</t>
  </si>
  <si>
    <t>【内蒙古中铁】砼岔枕\P60;1/18;32#;专线3386\新朔段（外西沟站—薛家湾西货场）-外西沟</t>
  </si>
  <si>
    <t>【内蒙古中铁】砼岔枕\P60;1/18;33#;专线3386\新朔段（外西沟站—薛家湾西货场）-外西沟</t>
  </si>
  <si>
    <t>【内蒙古中铁】砼岔枕\P60;1/18;34#;专线3386\新朔段（外西沟站—薛家湾西货场）-外西沟</t>
  </si>
  <si>
    <t>【内蒙古中铁】砼岔枕\P60;1/18;71#;专线3386\新朔段（外西沟站—薛家湾西货场）-外西沟</t>
  </si>
  <si>
    <t>【内蒙古中铁】砼岔枕\P60;1/18;72#;专线3386\新朔段（外西沟站—薛家湾西货场）-外西沟</t>
  </si>
  <si>
    <t>【内蒙古中铁】砼岔枕\P60;1/9;34#;交渡;SC392C\新朔段（外西沟站—薛家湾西货场）-外西沟</t>
  </si>
  <si>
    <t>【内蒙古中铁】砼岔枕\P60;1/9;42#;专线(03)3366\新朔段（外西沟站—薛家湾西货场）-外西沟</t>
  </si>
  <si>
    <t>【内蒙古中铁】砼岔枕\P60;1/9;43#;专线(03)3366\新朔段（外西沟站—薛家湾西货场）-外西沟</t>
  </si>
  <si>
    <t>【内蒙古中铁】砼岔枕\P60;1/9;49#;SC390\新朔段（外西沟站—薛家湾西货场）-外西沟</t>
  </si>
  <si>
    <t>【内蒙古中铁】砼岔枕\P60;1/9;49#;专线(03)3366\新朔段（外西沟站—薛家湾西货场）-外西沟</t>
  </si>
  <si>
    <t>【内蒙古中铁】砼岔枕\P60;1/9;5#;SC390\新朔段（外西沟站—薛家湾西货场）-外西沟</t>
  </si>
  <si>
    <t>【内蒙古中铁】砼岔枕\P60;1/9;50#;SC390\新朔段（外西沟站—薛家湾西货场）-外西沟</t>
  </si>
  <si>
    <t>【内蒙古中铁】砼岔枕\P60;1/9;54#;专线(03)3366\新朔段（外西沟站—薛家湾西货场）-外西沟</t>
  </si>
  <si>
    <t>【内蒙古中铁】砼岔枕\P60;1/9;6#;SC390\新朔段（外西沟站—薛家湾西货场）-外西沟</t>
  </si>
  <si>
    <t>【内蒙古中铁】砼岔枕\P60;1/9;7#;SC390\新朔段（外西沟站—薛家湾西货场）-外西沟</t>
  </si>
  <si>
    <t>【内蒙古中铁】砼岔枕\P60;1/9;8#;SC390\新朔段（外西沟站—薛家湾西货场）-外西沟</t>
  </si>
  <si>
    <t>【内蒙古中铁】砼岔枕\P60;1/9;9#;SC390\新朔段（外西沟站—薛家湾西货场）-外西沟</t>
  </si>
  <si>
    <t>【内蒙古中铁】砼岔枕\P60;1/9;交渡12#;CZ581Z\新朔段（外西沟站—薛家湾西货场）-外西沟</t>
  </si>
  <si>
    <t>【内蒙古中铁】砼岔枕\P60;1/9;交渡16#;CZ581Z\新朔段（外西沟站—薛家湾西货场）-外西沟</t>
  </si>
  <si>
    <t>【内蒙古中铁】砼岔枕\P60;1/9;交渡22#;CZ580Z\新朔段（外西沟站—薛家湾西货场）-外西沟</t>
  </si>
  <si>
    <t>【内蒙古中铁】砼岔枕\P60;1/9;交渡23#;CZ581Z\新朔段（外西沟站—薛家湾西货场）-外西沟</t>
  </si>
  <si>
    <t>【内蒙古中铁】砼岔枕\P60;1/9;交渡24#;CZ581Z\新朔段（外西沟站—薛家湾西货场）-外西沟</t>
  </si>
  <si>
    <t>【内蒙古中铁】砼岔枕\P60;1/9;交渡25#;CZ581Z\新朔段（外西沟站—薛家湾西货场）-外西沟</t>
  </si>
  <si>
    <t>【内蒙古中铁】砼岔枕\P60;1/9;交渡40#;CZ580Z\新朔段（外西沟站—薛家湾西货场）-外西沟</t>
  </si>
  <si>
    <t>【内蒙古中铁】砼岔枕\P60;1/9;交渡44#;CZ581Z\新朔段（外西沟站—薛家湾西货场）-外西沟</t>
  </si>
  <si>
    <t>【内蒙古中铁】砼岔枕\P60;1/9;交渡49#;CZ581Z\新朔段（外西沟站—薛家湾西货场）-外西沟</t>
  </si>
  <si>
    <t>【内蒙古中铁】砼岔枕\P60;1/9;交渡50#;CZ581Z\新朔段（外西沟站—薛家湾西货场）-外西沟</t>
  </si>
  <si>
    <t>【内蒙古中铁】砼岔枕\P75;1/12;1#;SC559-500\新朔段（外西沟站—薛家湾西货场）-外西沟</t>
  </si>
  <si>
    <t>【内蒙古中铁】砼岔枕\P75;1/12;2#;SC559-500\新朔段（外西沟站—薛家湾西货场）-外西沟</t>
  </si>
  <si>
    <t>【内蒙古中铁】砼岔枕\P75;1/12;25#;SC559-500\新朔段（外西沟站—薛家湾西货场）-外西沟</t>
  </si>
  <si>
    <t>【内蒙古中铁】砼岔枕\P75;1/12;26#;SC559-500\新朔段（外西沟站—薛家湾西货场）-外西沟</t>
  </si>
  <si>
    <t>【内蒙古中铁】砼岔枕\P75;1/12;27#;SC559-500\新朔段（外西沟站—薛家湾西货场）-外西沟</t>
  </si>
  <si>
    <t>【内蒙古中铁】砼岔枕\P75;1/12;28#;SC559-500\新朔段（外西沟站—薛家湾西货场）-外西沟</t>
  </si>
  <si>
    <t>【内蒙古中铁】砼岔枕\P75;1/12;29#;SC559-500\新朔段（外西沟站—薛家湾西货场）-外西沟</t>
  </si>
  <si>
    <t>【内蒙古中铁】砼岔枕\P75;1/12;3#;SC559-500\新朔段（外西沟站—薛家湾西货场）-外西沟</t>
  </si>
  <si>
    <t>【内蒙古中铁】砼岔枕\P75;1/12;30#;SC559-500\新朔段（外西沟站—薛家湾西货场）-外西沟</t>
  </si>
  <si>
    <t>【内蒙古中铁】砼岔枕\P75;1/12;31#;SC559-500\新朔段（外西沟站—薛家湾西货场）-外西沟</t>
  </si>
  <si>
    <t>【内蒙古中铁】砼岔枕\P75;1/12;39#;SC559-500\新朔段（外西沟站—薛家湾西货场）-外西沟</t>
  </si>
  <si>
    <t>【内蒙古中铁】砼岔枕\P75;1/12;40#;SC559-500\新朔段（外西沟站—薛家湾西货场）-外西沟</t>
  </si>
  <si>
    <t>【内蒙古中铁】砼岔枕\P75;1/12;5.3m交渡;CZ716\新朔段（外西沟站—薛家湾西货场）-外西沟</t>
  </si>
  <si>
    <t>【内蒙古中铁】砼岔枕\P75;1/12;50#;SC559-500\新朔段（外西沟站—薛家湾西货场）-外西沟</t>
  </si>
  <si>
    <t>【内蒙古中铁】砼岔枕\P75;1/12;51#;SC559-500\新朔段（外西沟站—薛家湾西货场）-外西沟</t>
  </si>
  <si>
    <t>【内蒙古中铁】砼岔枕\P75;1/12;52#;SC559-500\新朔段（外西沟站—薛家湾西货场）-外西沟</t>
  </si>
  <si>
    <t>【内蒙古中铁】砼岔枕\P75;1/12;53#;SC559-500\新朔段（外西沟站—薛家湾西货场）-外西沟</t>
  </si>
  <si>
    <t>【内蒙古中铁】砼岔枕\P75;1/12;54#;SC559-500\新朔段（外西沟站—薛家湾西货场）-外西沟</t>
  </si>
  <si>
    <t>【内蒙古中铁】砼岔枕\P75;1/12;55#;SC559-500\新朔段（外西沟站—薛家湾西货场）-外西沟</t>
  </si>
  <si>
    <t>【内蒙古中铁】砼岔枕\P75;1/12;56#;SC559-500\新朔段（外西沟站—薛家湾西货场）-外西沟</t>
  </si>
  <si>
    <t>【内蒙古中铁】砼岔枕\P75;1/12;60#;SC559-500\新朔段（外西沟站—薛家湾西货场）-外西沟</t>
  </si>
  <si>
    <t>【内蒙古中铁】砼岔枕\P75;1/12;61#;SC559-500\新朔段（外西沟站—薛家湾西货场）-外西沟</t>
  </si>
  <si>
    <t>【内蒙古中铁】砼岔枕\P75;1/12;62#;SC559-500\新朔段（外西沟站—薛家湾西货场）-外西沟</t>
  </si>
  <si>
    <t>【内蒙古中铁】砼岔枕\P75;1/12;63#;SC559-500\新朔段（外西沟站—薛家湾西货场）-外西沟</t>
  </si>
  <si>
    <t>【内蒙古中铁】砼岔枕\P75;1/12;64#;SC559-500\新朔段（外西沟站—薛家湾西货场）-外西沟</t>
  </si>
  <si>
    <t>【内蒙古中铁】砼岔枕\P75;1/12;65#;SC559-500\新朔段（外西沟站—薛家湾西货场）-外西沟</t>
  </si>
  <si>
    <t>【内蒙古中铁】砼岔枕\P75;1/12;66#;SC559-500\新朔段（外西沟站—薛家湾西货场）-外西沟</t>
  </si>
  <si>
    <t>【内蒙古中铁】砼岔枕\P75;1/12;67#;SC559-500\新朔段（外西沟站—薛家湾西货场）-外西沟</t>
  </si>
  <si>
    <t>【内蒙古中铁】砼岔枕\P75;1/12;68#;SC559-500\新朔段（外西沟站—薛家湾西货场）-外西沟</t>
  </si>
  <si>
    <t>【内蒙古中铁】砼岔枕\P75;1/12;80#;SC559-500\新朔段（外西沟站—薛家湾西货场）-外西沟</t>
  </si>
  <si>
    <t>【内蒙古中铁】砼岔枕\P75;1/12;81#;SC559-500\新朔段（外西沟站—薛家湾西货场）-外西沟</t>
  </si>
  <si>
    <t>【内蒙古中铁】砼岔枕\P75;1/12;单开;专线4228\新朔段（外西沟站—薛家湾西货场）-外西沟</t>
  </si>
  <si>
    <t>【内蒙古中铁】砼桥枕\ⅡZQ-C型0#\新朔段（外西沟站—薛家湾西货场）-外西沟</t>
  </si>
  <si>
    <t>【内蒙古中铁】砼桥枕\Ⅲ型\新朔段（外西沟站—薛家湾西货场）-外西沟</t>
  </si>
  <si>
    <t>【内蒙古中铁】砼桥枕\梭头;新Ⅲ型;1#\新朔段（外西沟站—薛家湾西货场）-外西沟</t>
  </si>
  <si>
    <t>【内蒙古中铁】砼桥枕\梭头;新Ⅲ型;2#\新朔段（外西沟站—薛家湾西货场）-外西沟</t>
  </si>
  <si>
    <t>【内蒙古中铁】砼桥枕\梭头;新Ⅲ型;3#\新朔段（外西沟站—薛家湾西货场）-外西沟</t>
  </si>
  <si>
    <t>【内蒙古中铁】砼桥枕\梭头;新Ⅲ型;4#\新朔段（外西沟站—薛家湾西货场）-外西沟</t>
  </si>
  <si>
    <t>【内蒙古中铁】砼桥枕\新Ⅲ型\新朔段（外西沟站—薛家湾西货场）-外西沟</t>
  </si>
  <si>
    <t>【内蒙古中铁】砼桥枕\专线3448;弹性;新Ⅲ型\新朔段（外西沟站—薛家湾西货场）-外西沟</t>
  </si>
  <si>
    <t>【内蒙古中铁】砼桥枕\专线3448;弹性;新Ⅲ型;1#\新朔段（外西沟站—薛家湾西货场）-外西沟</t>
  </si>
  <si>
    <t>【内蒙古中铁】砼桥枕\专线3448;弹性;新Ⅲ型;2#\新朔段（外西沟站—薛家湾西货场）-外西沟</t>
  </si>
  <si>
    <t>【内蒙古中铁】砼桥枕\专线3448;弹性;新Ⅲ型;3#\新朔段（外西沟站—薛家湾西货场）-外西沟</t>
  </si>
  <si>
    <t>【内蒙古中铁】砼桥枕\专线3448;弹性;新Ⅲ型;4#\新朔段（外西沟站—薛家湾西货场）-外西沟</t>
  </si>
  <si>
    <t>【内蒙古中铁】砼枕\X-Ⅱ型\新朔段（外西沟站—薛家湾西货场）-外西沟</t>
  </si>
  <si>
    <t>【内蒙古中铁】砼枕\YⅡ-F\新朔段（外西沟站—薛家湾西货场）-外西沟</t>
  </si>
  <si>
    <t>【内蒙古中铁】砼枕\弹性;ⅢA型\新朔段（外西沟站—薛家湾西货场）-外西沟</t>
  </si>
  <si>
    <t>【内蒙古中铁】砼枕\专线3393;ⅢA型\新朔段（外西沟站—薛家湾西货场）-外西沟</t>
  </si>
  <si>
    <t>【内蒙古中铁】成组砼岔枕\P50;1/12;5.0m交渡;专线(03)3424\新朔段（外西沟站—薛家湾西货场）-清水河</t>
  </si>
  <si>
    <t>GNWZBP(TH)ZECG2020-189</t>
  </si>
  <si>
    <t>国家能源e购商城内蒙古中铁轨枕配件铺货采购合同-新朔段（外西沟站—薛家湾西货场）-清水河</t>
  </si>
  <si>
    <t>【内蒙古中铁】成组砼岔枕\P50;1/12;单开;专线(01)3423\新朔段（外西沟站—薛家湾西货场）-清水河</t>
  </si>
  <si>
    <t>【内蒙古中铁】成组砼岔枕\P50;1/12;复交;CZ2220Z\新朔段（外西沟站—薛家湾西货场）-清水河</t>
  </si>
  <si>
    <t>【内蒙古中铁】成组砼岔枕\P50;1/12;专线3355\新朔段（外西沟站—薛家湾西货场）-清水河</t>
  </si>
  <si>
    <t>【内蒙古中铁】成组砼岔枕\P50;1/12;专线4257\新朔段（外西沟站—薛家湾西货场）-清水河</t>
  </si>
  <si>
    <t>【内蒙古中铁】成组砼岔枕\P50;1/6;5.0m交渡;SC432-500\新朔段（外西沟站—薛家湾西货场）-清水河</t>
  </si>
  <si>
    <t>【内蒙古中铁】成组砼岔枕\P50;1/6;对称;SC384\新朔段（外西沟站—薛家湾西货场）-清水河</t>
  </si>
  <si>
    <t>【内蒙古中铁】成组砼岔枕\P50;1/6;对称;右开;SC384-500\新朔段（外西沟站—薛家湾西货场）-清水河</t>
  </si>
  <si>
    <t>【内蒙古中铁】成组砼岔枕\P50;1/6;对称;左开;SC384-500\新朔段（外西沟站—薛家湾西货场）-清水河</t>
  </si>
  <si>
    <t>【内蒙古中铁】成组砼岔枕\P50;1/9;5.0m交渡;CZ2210\新朔段（外西沟站—薛家湾西货场）-清水河</t>
  </si>
  <si>
    <t>【内蒙古中铁】成组砼岔枕\P50;1/9;5.0m交渡;SC580\新朔段（外西沟站—薛家湾西货场）-清水河</t>
  </si>
  <si>
    <t>【内蒙古中铁】成组砼岔枕\P50;1/9;5.0m交渡;专线(02)3428\新朔段（外西沟站—薛家湾西货场）-清水河</t>
  </si>
  <si>
    <t>【内蒙古中铁】成组砼岔枕\P50;1/9;5.0m交渡;专线(02)7663\新朔段（外西沟站—薛家湾西货场）-清水河</t>
  </si>
  <si>
    <t>【内蒙古中铁】成组砼岔枕\P50;1/9;CZ2209A\新朔段（外西沟站—薛家湾西货场）-清水河</t>
  </si>
  <si>
    <t>【内蒙古中铁】成组砼岔枕\P50;1/9;单开;CZ2209Z\新朔段（外西沟站—薛家湾西货场）-清水河</t>
  </si>
  <si>
    <t>【内蒙古中铁】成组砼岔枕\P50;1/9;单开;专线(03)3281\新朔段（外西沟站—薛家湾西货场）-清水河</t>
  </si>
  <si>
    <t>【内蒙古中铁】成组砼岔枕\P50;1/9;复交;CZ2214Z\新朔段（外西沟站—薛家湾西货场）-清水河</t>
  </si>
  <si>
    <t>【内蒙古中铁】成组砼岔枕\P50;1/9;复交;专线(04)3443\新朔段（外西沟站—薛家湾西货场）-清水河</t>
  </si>
  <si>
    <t>【内蒙古中铁】成组砼岔枕\P50;1/9;交渡;CZ2213Z\新朔段（外西沟站—薛家湾西货场）-清水河</t>
  </si>
  <si>
    <t>【内蒙古中铁】成组砼岔枕\P50;1/9;交渡;SC571-1101\新朔段（外西沟站—薛家湾西货场）-清水河</t>
  </si>
  <si>
    <t>【内蒙古中铁】成组砼岔枕\P50;1/9;交渡;专线(03)3431\新朔段（外西沟站—薛家湾西货场）-清水河</t>
  </si>
  <si>
    <t>【内蒙古中铁】成组砼岔枕\P60;1/12;5.5m交渡;SC342-500\新朔段（外西沟站—薛家湾西货场）-清水河</t>
  </si>
  <si>
    <t>【内蒙古中铁】成组砼岔枕\P60;1/12;6.5m交渡;专线3413\新朔段（外西沟站—薛家湾西货场）-清水河</t>
  </si>
  <si>
    <t>【内蒙古中铁】成组砼岔枕\P60;1/12;单开;SC330-500\新朔段（外西沟站—薛家湾西货场）-清水河</t>
  </si>
  <si>
    <t>【内蒙古中铁】成组砼岔枕\P60;1/12;渡线;专线3402;Ⅲ型\新朔段（外西沟站—薛家湾西货场）-清水河</t>
  </si>
  <si>
    <t>【内蒙古中铁】成组砼岔枕\P60;1/12;复交;SC350\新朔段（外西沟站—薛家湾西货场）-清水河</t>
  </si>
  <si>
    <t>【内蒙古中铁】成组砼岔枕\P60;1/12;交渡;SC340-500\新朔段（外西沟站—薛家湾西货场）-清水河</t>
  </si>
  <si>
    <t>【内蒙古中铁】成组砼岔枕\P60;1/12;交渡;SC342-500\新朔段（外西沟站—薛家湾西货场）-清水河</t>
  </si>
  <si>
    <t>【内蒙古中铁】成组砼岔枕\P60;1/12;砼;单开;专线4249\新朔段（外西沟站—薛家湾西货场）-清水河</t>
  </si>
  <si>
    <t>【内蒙古中铁】成组砼岔枕\P60;1/12;专线3399;Ⅲ型\新朔段（外西沟站—薛家湾西货场）-清水河</t>
  </si>
  <si>
    <t>【内蒙古中铁】成组砼岔枕\P60;1/18;单开;GLC(07)02-300\新朔段（外西沟站—薛家湾西货场）-清水河</t>
  </si>
  <si>
    <t>【内蒙古中铁】成组砼岔枕\P60;1/18;单开;GLC(09)05-300\新朔段（外西沟站—薛家湾西货场）-清水河</t>
  </si>
  <si>
    <t>【内蒙古中铁】成组砼岔枕\P60;1/9;5.0m组合;SC(07)460-1108\新朔段（外西沟站—薛家湾西货场）-清水河</t>
  </si>
  <si>
    <t>【内蒙古中铁】成组砼岔枕\P60;1/9;5.0m组合;SC(07)460-1204\新朔段（外西沟站—薛家湾西货场）-清水河</t>
  </si>
  <si>
    <t>【内蒙古中铁】成组砼岔枕\P60;1/9;5.0m组合;SC(07)460-1208\新朔段（外西沟站—薛家湾西货场）-清水河</t>
  </si>
  <si>
    <t>【内蒙古中铁】成组砼岔枕\P60;1/9;5.0m组合;SC(07)460-1211\新朔段（外西沟站—薛家湾西货场）-清水河</t>
  </si>
  <si>
    <t>【内蒙古中铁】成组砼岔枕\P60;1/9;5.3m交渡;CZ581Z\新朔段（外西沟站—薛家湾西货场）-清水河</t>
  </si>
  <si>
    <t>【内蒙古中铁】成组砼岔枕\P60;1/9;单开;CZ577Z\新朔段（外西沟站—薛家湾西货场）-清水河</t>
  </si>
  <si>
    <t>【内蒙古中铁】成组砼岔枕\P60;1/9;单开;专线(03)3366\新朔段（外西沟站—薛家湾西货场）-清水河</t>
  </si>
  <si>
    <t>【内蒙古中铁】成组砼岔枕\P60;1/9;复交;SC450-500\新朔段（外西沟站—薛家湾西货场）-清水河</t>
  </si>
  <si>
    <t>【内蒙古中铁】成组砼岔枕\P60;1/9;复式交分;CZ2504Z\新朔段（外西沟站—薛家湾西货场）-清水河</t>
  </si>
  <si>
    <t>【内蒙古中铁】成组砼岔枕\P60;1/9;交渡;CZ580Z\新朔段（外西沟站—薛家湾西货场）-清水河</t>
  </si>
  <si>
    <t>【内蒙古中铁】成组砼岔枕\P60;1/9;交渡;CZ582Z\新朔段（外西沟站—薛家湾西货场）-清水河</t>
  </si>
  <si>
    <t>【内蒙古中铁】成组砼岔枕\P60;1/9;交渡;CZ583Z\新朔段（外西沟站—薛家湾西货场）-清水河</t>
  </si>
  <si>
    <t>【内蒙古中铁】成组砼岔枕\P60;1/9;专线3366;右开\新朔段（外西沟站—薛家湾西货场）-清水河</t>
  </si>
  <si>
    <t>【内蒙古中铁】成组砼岔枕\P60;1/9;专线3366;左开\新朔段（外西沟站—薛家湾西货场）-清水河</t>
  </si>
  <si>
    <t>【内蒙古中铁】成组砼岔枕\P75;1/12;SC381-500\新朔段（外西沟站—薛家湾西货场）-清水河</t>
  </si>
  <si>
    <t>【内蒙古中铁】成组砼岔枕\P75;1/12;SC443-500;交渡\新朔段（外西沟站—薛家湾西货场）-清水河</t>
  </si>
  <si>
    <t>【内蒙古中铁】成组砼岔枕\P75;1/12;单开;SC559-500\新朔段（外西沟站—薛家湾西货场）-清水河</t>
  </si>
  <si>
    <t>【内蒙古中铁】成组砼岔枕\P75;1/12;单开;研线1116-400\新朔段（外西沟站—薛家湾西货场）-清水河</t>
  </si>
  <si>
    <t>【内蒙古中铁】成组砼岔枕\P75;1/12;交渡;SC444\新朔段（外西沟站—薛家湾西货场）-清水河</t>
  </si>
  <si>
    <t>【内蒙古中铁】成组砼岔枕\P75;1/18;单开;SC488-500\新朔段（外西沟站—薛家湾西货场）-清水河</t>
  </si>
  <si>
    <t>【内蒙古中铁】成组砼岔枕\P75;1/9;5.0m交渡;SC551\新朔段（外西沟站—薛家湾西货场）-清水河</t>
  </si>
  <si>
    <t>【内蒙古中铁】电气绝缘枕\ⅢaZ型\新朔段（外西沟站—薛家湾西货场）-清水河</t>
  </si>
  <si>
    <t>【内蒙古中铁】电容枕\ⅢA型/ⅢAD\新朔段（外西沟站—薛家湾西货场）-清水河</t>
  </si>
  <si>
    <t>【内蒙古中铁】电容枕\新Ⅱ型/XⅡD\新朔段（外西沟站—薛家湾西货场）-清水河</t>
  </si>
  <si>
    <t>【内蒙古中铁】电容枕\新Ⅱ型;2500mm;研线0308-1\新朔段（外西沟站—薛家湾西货场）-清水河</t>
  </si>
  <si>
    <t>【内蒙古中铁】电容枕\新Ⅲ型桥枕;2600mm;研线0308-1\新朔段（外西沟站—薛家湾西货场）-清水河</t>
  </si>
  <si>
    <t>【内蒙古中铁】砼岔枕\P50;1/12;13#;专线(01)3423\新朔段（外西沟站—薛家湾西货场）-清水河</t>
  </si>
  <si>
    <t>【内蒙古中铁】砼岔枕\P50;1/12;21#;专线(01)3423\新朔段（外西沟站—薛家湾西货场）-清水河</t>
  </si>
  <si>
    <t>【内蒙古中铁】砼岔枕\P50;1/12;5#;专线3355\新朔段（外西沟站—薛家湾西货场）-清水河</t>
  </si>
  <si>
    <t>【内蒙古中铁】砼岔枕\P50;1/12;58#;专线3355\新朔段（外西沟站—薛家湾西货场）-清水河</t>
  </si>
  <si>
    <t>【内蒙古中铁】砼岔枕\P50;1/9;20#;专线(03)3281\新朔段（外西沟站—薛家湾西货场）-清水河</t>
  </si>
  <si>
    <t>【内蒙古中铁】砼岔枕\P50;1/9;3#;CZ2209\新朔段（外西沟站—薛家湾西货场）-清水河</t>
  </si>
  <si>
    <t>【内蒙古中铁】砼岔枕\P50;1/9;39#;专线(03)3281\新朔段（外西沟站—薛家湾西货场）-清水河</t>
  </si>
  <si>
    <t>【内蒙古中铁】砼岔枕\P50;1/9;48#;专线(03)3281\新朔段（外西沟站—薛家湾西货场）-清水河</t>
  </si>
  <si>
    <t>【内蒙古中铁】砼岔枕\P50;1/9;49#;专线(03)3281\新朔段（外西沟站—薛家湾西货场）-清水河</t>
  </si>
  <si>
    <t>【内蒙古中铁】砼岔枕\P50;1/9;52#;专线(03)3281\新朔段（外西沟站—薛家湾西货场）-清水河</t>
  </si>
  <si>
    <t>【内蒙古中铁】砼岔枕\P50;1/9;单开31#;专线(03)3281\新朔段（外西沟站—薛家湾西货场）-清水河</t>
  </si>
  <si>
    <t>【内蒙古中铁】砼岔枕\P50;1/9;单开32#;专线(03)3281\新朔段（外西沟站—薛家湾西货场）-清水河</t>
  </si>
  <si>
    <t>【内蒙古中铁】砼岔枕\P50;1/9;单开33#;专线(03)3281\新朔段（外西沟站—薛家湾西货场）-清水河</t>
  </si>
  <si>
    <t>【内蒙古中铁】砼岔枕\P50;1/9;单开34#;专线(03)3281\新朔段（外西沟站—薛家湾西货场）-清水河</t>
  </si>
  <si>
    <t>【内蒙古中铁】砼岔枕\P50;1/9;单开35#;专线(03)3281\新朔段（外西沟站—薛家湾西货场）-清水河</t>
  </si>
  <si>
    <t>【内蒙古中铁】砼岔枕\P50;1/9;单开36#;专线(03)3281\新朔段（外西沟站—薛家湾西货场）-清水河</t>
  </si>
  <si>
    <t>【内蒙古中铁】砼岔枕\P50;1/9;单开37#;专线(03)3281\新朔段（外西沟站—薛家湾西货场）-清水河</t>
  </si>
  <si>
    <t>【内蒙古中铁】砼岔枕\P60;1/12;1#;SC330-500\新朔段（外西沟站—薛家湾西货场）-清水河</t>
  </si>
  <si>
    <t>【内蒙古中铁】砼岔枕\P60;1/12;1#;专线3399\新朔段（外西沟站—薛家湾西货场）-清水河</t>
  </si>
  <si>
    <t>【内蒙古中铁】砼岔枕\P60;1/12;10#;专线3399\新朔段（外西沟站—薛家湾西货场）-清水河</t>
  </si>
  <si>
    <t>【内蒙古中铁】砼岔枕\P60;1/12;11#;专线3399\新朔段（外西沟站—薛家湾西货场）-清水河</t>
  </si>
  <si>
    <t>【内蒙古中铁】砼岔枕\P60;1/12;12#;专线3399\新朔段（外西沟站—薛家湾西货场）-清水河</t>
  </si>
  <si>
    <t>【内蒙古中铁】砼岔枕\P60;1/12;13#;专线3399\新朔段（外西沟站—薛家湾西货场）-清水河</t>
  </si>
  <si>
    <t>【内蒙古中铁】砼岔枕\P60;1/12;14#;专线3399\新朔段（外西沟站—薛家湾西货场）-清水河</t>
  </si>
  <si>
    <t>【内蒙古中铁】砼岔枕\P60;1/12;15#;专线3399\新朔段（外西沟站—薛家湾西货场）-清水河</t>
  </si>
  <si>
    <t>【内蒙古中铁】砼岔枕\P60;1/12;16#;专线3399\新朔段（外西沟站—薛家湾西货场）-清水河</t>
  </si>
  <si>
    <t>【内蒙古中铁】砼岔枕\P60;1/12;17#;专线3399\新朔段（外西沟站—薛家湾西货场）-清水河</t>
  </si>
  <si>
    <t>【内蒙古中铁】砼岔枕\P60;1/12;18#;专线3399\新朔段（外西沟站—薛家湾西货场）-清水河</t>
  </si>
  <si>
    <t>【内蒙古中铁】砼岔枕\P60;1/12;19#;专线3399\新朔段（外西沟站—薛家湾西货场）-清水河</t>
  </si>
  <si>
    <t>【内蒙古中铁】砼岔枕\P60;1/12;2#;专线3399\新朔段（外西沟站—薛家湾西货场）-清水河</t>
  </si>
  <si>
    <t>【内蒙古中铁】砼岔枕\P60;1/12;23#;专线3399\新朔段（外西沟站—薛家湾西货场）-清水河</t>
  </si>
  <si>
    <t>【内蒙古中铁】砼岔枕\P60;1/12;24#;专线3399\新朔段（外西沟站—薛家湾西货场）-清水河</t>
  </si>
  <si>
    <t>【内蒙古中铁】砼岔枕\P60;1/12;25#;SC330-500\新朔段（外西沟站—薛家湾西货场）-清水河</t>
  </si>
  <si>
    <t>【内蒙古中铁】砼岔枕\P60;1/12;25#;SC350\新朔段（外西沟站—薛家湾西货场）-清水河</t>
  </si>
  <si>
    <t>【内蒙古中铁】砼岔枕\P60;1/12;25#;专线3399\新朔段（外西沟站—薛家湾西货场）-清水河</t>
  </si>
  <si>
    <t>【内蒙古中铁】砼岔枕\P60;1/12;26#;SC330-500\新朔段（外西沟站—薛家湾西货场）-清水河</t>
  </si>
  <si>
    <t>【内蒙古中铁】砼岔枕\P60;1/12;26#;SC350\新朔段（外西沟站—薛家湾西货场）-清水河</t>
  </si>
  <si>
    <t>【内蒙古中铁】砼岔枕\P60;1/12;26#;专线3399\新朔段（外西沟站—薛家湾西货场）-清水河</t>
  </si>
  <si>
    <t>【内蒙古中铁】砼岔枕\P60;1/12;27#;SC330-500\新朔段（外西沟站—薛家湾西货场）-清水河</t>
  </si>
  <si>
    <t>【内蒙古中铁】砼岔枕\P60;1/12;27#;专线3399\新朔段（外西沟站—薛家湾西货场）-清水河</t>
  </si>
  <si>
    <t>【内蒙古中铁】砼岔枕\P60;1/12;28#;SC330-500\新朔段（外西沟站—薛家湾西货场）-清水河</t>
  </si>
  <si>
    <t>【内蒙古中铁】砼岔枕\P60;1/12;28#;专线3399\新朔段（外西沟站—薛家湾西货场）-清水河</t>
  </si>
  <si>
    <t>【内蒙古中铁】砼岔枕\P60;1/12;28#;专线4228\新朔段（外西沟站—薛家湾西货场）-清水河</t>
  </si>
  <si>
    <t>【内蒙古中铁】砼岔枕\P60;1/12;29#;SC330-500\新朔段（外西沟站—薛家湾西货场）-清水河</t>
  </si>
  <si>
    <t>【内蒙古中铁】砼岔枕\P60;1/12;29#;专线3399\新朔段（外西沟站—薛家湾西货场）-清水河</t>
  </si>
  <si>
    <t>【内蒙古中铁】砼岔枕\P60;1/12;30#;专线3399\新朔段（外西沟站—薛家湾西货场）-清水河</t>
  </si>
  <si>
    <t>【内蒙古中铁】砼岔枕\P60;1/12;30#;专线4228\新朔段（外西沟站—薛家湾西货场）-清水河</t>
  </si>
  <si>
    <t>【内蒙古中铁】砼岔枕\P60;1/12;32#;专线3399\新朔段（外西沟站—薛家湾西货场）-清水河</t>
  </si>
  <si>
    <t>【内蒙古中铁】砼岔枕\P60;1/12;34#;专线3399\新朔段（外西沟站—薛家湾西货场）-清水河</t>
  </si>
  <si>
    <t>【内蒙古中铁】砼岔枕\P60;1/12;36#;SC350\新朔段（外西沟站—薛家湾西货场）-清水河</t>
  </si>
  <si>
    <t>【内蒙古中铁】砼岔枕\P60;1/12;37#;专线3399\新朔段（外西沟站—薛家湾西货场）-清水河</t>
  </si>
  <si>
    <t>【内蒙古中铁】砼岔枕\P60;1/12;40#;专线3399\新朔段（外西沟站—薛家湾西货场）-清水河</t>
  </si>
  <si>
    <t>【内蒙古中铁】砼岔枕\P60;1/12;41#;专线3399\新朔段（外西沟站—薛家湾西货场）-清水河</t>
  </si>
  <si>
    <t>【内蒙古中铁】砼岔枕\P60;1/12;42#;专线3399\新朔段（外西沟站—薛家湾西货场）-清水河</t>
  </si>
  <si>
    <t>【内蒙古中铁】砼岔枕\P60;1/12;43#;专线3399\新朔段（外西沟站—薛家湾西货场）-清水河</t>
  </si>
  <si>
    <t>【内蒙古中铁】砼岔枕\P60;1/12;49#;SC330-500\新朔段（外西沟站—薛家湾西货场）-清水河</t>
  </si>
  <si>
    <t>【内蒙古中铁】砼岔枕\P60;1/12;51#;专线3399\新朔段（外西沟站—薛家湾西货场）-清水河</t>
  </si>
  <si>
    <t>【内蒙古中铁】砼岔枕\P60;1/12;52#;专线3399\新朔段（外西沟站—薛家湾西货场）-清水河</t>
  </si>
  <si>
    <t>【内蒙古中铁】砼岔枕\P60;1/12;53#;SC330-500\新朔段（外西沟站—薛家湾西货场）-清水河</t>
  </si>
  <si>
    <t>【内蒙古中铁】砼岔枕\P60;1/12;53#;专线3399\新朔段（外西沟站—薛家湾西货场）-清水河</t>
  </si>
  <si>
    <t>【内蒙古中铁】砼岔枕\P60;1/12;53#;专线4228\新朔段（外西沟站—薛家湾西货场）-清水河</t>
  </si>
  <si>
    <t>【内蒙古中铁】砼岔枕\P60;1/12;54#;SC330\新朔段（外西沟站—薛家湾西货场）-清水河</t>
  </si>
  <si>
    <t>【内蒙古中铁】砼岔枕\P60;1/12;54#;专线3399\新朔段（外西沟站—薛家湾西货场）-清水河</t>
  </si>
  <si>
    <t>【内蒙古中铁】砼岔枕\P60;1/12;55#;专线3399\新朔段（外西沟站—薛家湾西货场）-清水河</t>
  </si>
  <si>
    <t>【内蒙古中铁】砼岔枕\P60;1/12;56#;专线3399\新朔段（外西沟站—薛家湾西货场）-清水河</t>
  </si>
  <si>
    <t>【内蒙古中铁】砼岔枕\P60;1/12;57#;专线3399\新朔段（外西沟站—薛家湾西货场）-清水河</t>
  </si>
  <si>
    <t>【内蒙古中铁】砼岔枕\P60;1/12;57#;专线4228\新朔段（外西沟站—薛家湾西货场）-清水河</t>
  </si>
  <si>
    <t>【内蒙古中铁】砼岔枕\P60;1/12;58#;专线3399\新朔段（外西沟站—薛家湾西货场）-清水河</t>
  </si>
  <si>
    <t>【内蒙古中铁】砼岔枕\P60;1/12;59#;专线3399\新朔段（外西沟站—薛家湾西货场）-清水河</t>
  </si>
  <si>
    <t>【内蒙古中铁】砼岔枕\P60;1/12;60#;专线3399\新朔段（外西沟站—薛家湾西货场）-清水河</t>
  </si>
  <si>
    <t>【内蒙古中铁】砼岔枕\P60;1/12;61#;专线3399\新朔段（外西沟站—薛家湾西货场）-清水河</t>
  </si>
  <si>
    <t>【内蒙古中铁】砼岔枕\P60;1/12;62#;专线3399\新朔段（外西沟站—薛家湾西货场）-清水河</t>
  </si>
  <si>
    <t>【内蒙古中铁】砼岔枕\P60;1/12;63#;SC330-500\新朔段（外西沟站—薛家湾西货场）-清水河</t>
  </si>
  <si>
    <t>【内蒙古中铁】砼岔枕\P60;1/12;63#;SC340\新朔段（外西沟站—薛家湾西货场）-清水河</t>
  </si>
  <si>
    <t>【内蒙古中铁】砼岔枕\P60;1/12;63#;专线3399\新朔段（外西沟站—薛家湾西货场）-清水河</t>
  </si>
  <si>
    <t>【内蒙古中铁】砼岔枕\P60;1/12;63#;专线3402\新朔段（外西沟站—薛家湾西货场）-清水河</t>
  </si>
  <si>
    <t>【内蒙古中铁】砼岔枕\P60;1/12;63#;专线4228\新朔段（外西沟站—薛家湾西货场）-清水河</t>
  </si>
  <si>
    <t>【内蒙古中铁】砼岔枕\P60;1/12;63Z#;SC341-500\新朔段（外西沟站—薛家湾西货场）-清水河</t>
  </si>
  <si>
    <t>【内蒙古中铁】砼岔枕\P60;1/12;64#;SC330\新朔段（外西沟站—薛家湾西货场）-清水河</t>
  </si>
  <si>
    <t>【内蒙古中铁】砼岔枕\P60;1/12;64#;SC340\新朔段（外西沟站—薛家湾西货场）-清水河</t>
  </si>
  <si>
    <t>【内蒙古中铁】砼岔枕\P60;1/12;64#;专线3399\新朔段（外西沟站—薛家湾西货场）-清水河</t>
  </si>
  <si>
    <t>【内蒙古中铁】砼岔枕\P60;1/12;64#;专线3402\新朔段（外西沟站—薛家湾西货场）-清水河</t>
  </si>
  <si>
    <t>【内蒙古中铁】砼岔枕\P60;1/12;64Z#;SC341-500\新朔段（外西沟站—薛家湾西货场）-清水河</t>
  </si>
  <si>
    <t>【内蒙古中铁】砼岔枕\P60;1/12;65#;交渡;SC340C\新朔段（外西沟站—薛家湾西货场）-清水河</t>
  </si>
  <si>
    <t>【内蒙古中铁】砼岔枕\P60;1/12;65#;专线3399\新朔段（外西沟站—薛家湾西货场）-清水河</t>
  </si>
  <si>
    <t>【内蒙古中铁】砼岔枕\P60;1/12;66#;专线3399\新朔段（外西沟站—薛家湾西货场）-清水河</t>
  </si>
  <si>
    <t>【内蒙古中铁】砼岔枕\P60;1/12;67#;专线3399\新朔段（外西沟站—薛家湾西货场）-清水河</t>
  </si>
  <si>
    <t>【内蒙古中铁】砼岔枕\P60;1/12;68#;专线3399\新朔段（外西沟站—薛家湾西货场）-清水河</t>
  </si>
  <si>
    <t>【内蒙古中铁】砼岔枕\P60;1/12;69#;专线3399\新朔段（外西沟站—薛家湾西货场）-清水河</t>
  </si>
  <si>
    <t>【内蒙古中铁】砼岔枕\P60;1/12;73#;专线3402\新朔段（外西沟站—薛家湾西货场）-清水河</t>
  </si>
  <si>
    <t>【内蒙古中铁】砼岔枕\P60;1/12;74#;专线3402\新朔段（外西沟站—薛家湾西货场）-清水河</t>
  </si>
  <si>
    <t>【内蒙古中铁】砼岔枕\P60;1/18;21#;专线3386\新朔段（外西沟站—薛家湾西货场）-清水河</t>
  </si>
  <si>
    <t>【内蒙古中铁】砼岔枕\P60;1/18;32#;专线3386\新朔段（外西沟站—薛家湾西货场）-清水河</t>
  </si>
  <si>
    <t>【内蒙古中铁】砼岔枕\P60;1/18;33#;专线3386\新朔段（外西沟站—薛家湾西货场）-清水河</t>
  </si>
  <si>
    <t>【内蒙古中铁】砼岔枕\P60;1/18;34#;专线3386\新朔段（外西沟站—薛家湾西货场）-清水河</t>
  </si>
  <si>
    <t>【内蒙古中铁】砼岔枕\P60;1/18;71#;专线3386\新朔段（外西沟站—薛家湾西货场）-清水河</t>
  </si>
  <si>
    <t>【内蒙古中铁】砼岔枕\P60;1/18;72#;专线3386\新朔段（外西沟站—薛家湾西货场）-清水河</t>
  </si>
  <si>
    <t>【内蒙古中铁】砼岔枕\P60;1/9;34#;交渡;SC392C\新朔段（外西沟站—薛家湾西货场）-清水河</t>
  </si>
  <si>
    <t>【内蒙古中铁】砼岔枕\P60;1/9;42#;专线(03)3366\新朔段（外西沟站—薛家湾西货场）-清水河</t>
  </si>
  <si>
    <t>【内蒙古中铁】砼岔枕\P60;1/9;43#;专线(03)3366\新朔段（外西沟站—薛家湾西货场）-清水河</t>
  </si>
  <si>
    <t>【内蒙古中铁】砼岔枕\P60;1/9;49#;SC390\新朔段（外西沟站—薛家湾西货场）-清水河</t>
  </si>
  <si>
    <t>【内蒙古中铁】砼岔枕\P60;1/9;49#;专线(03)3366\新朔段（外西沟站—薛家湾西货场）-清水河</t>
  </si>
  <si>
    <t>【内蒙古中铁】砼岔枕\P60;1/9;5#;SC390\新朔段（外西沟站—薛家湾西货场）-清水河</t>
  </si>
  <si>
    <t>【内蒙古中铁】砼岔枕\P60;1/9;50#;SC390\新朔段（外西沟站—薛家湾西货场）-清水河</t>
  </si>
  <si>
    <t>【内蒙古中铁】砼岔枕\P60;1/9;54#;专线(03)3366\新朔段（外西沟站—薛家湾西货场）-清水河</t>
  </si>
  <si>
    <t>【内蒙古中铁】砼岔枕\P60;1/9;6#;SC390\新朔段（外西沟站—薛家湾西货场）-清水河</t>
  </si>
  <si>
    <t>【内蒙古中铁】砼岔枕\P60;1/9;7#;SC390\新朔段（外西沟站—薛家湾西货场）-清水河</t>
  </si>
  <si>
    <t>【内蒙古中铁】砼岔枕\P60;1/9;8#;SC390\新朔段（外西沟站—薛家湾西货场）-清水河</t>
  </si>
  <si>
    <t>【内蒙古中铁】砼岔枕\P60;1/9;9#;SC390\新朔段（外西沟站—薛家湾西货场）-清水河</t>
  </si>
  <si>
    <t>【内蒙古中铁】砼岔枕\P60;1/9;交渡12#;CZ581Z\新朔段（外西沟站—薛家湾西货场）-清水河</t>
  </si>
  <si>
    <t>【内蒙古中铁】砼岔枕\P60;1/9;交渡16#;CZ581Z\新朔段（外西沟站—薛家湾西货场）-清水河</t>
  </si>
  <si>
    <t>【内蒙古中铁】砼岔枕\P60;1/9;交渡22#;CZ580Z\新朔段（外西沟站—薛家湾西货场）-清水河</t>
  </si>
  <si>
    <t>【内蒙古中铁】砼岔枕\P60;1/9;交渡23#;CZ581Z\新朔段（外西沟站—薛家湾西货场）-清水河</t>
  </si>
  <si>
    <t>【内蒙古中铁】砼岔枕\P60;1/9;交渡24#;CZ581Z\新朔段（外西沟站—薛家湾西货场）-清水河</t>
  </si>
  <si>
    <t>【内蒙古中铁】砼岔枕\P60;1/9;交渡25#;CZ581Z\新朔段（外西沟站—薛家湾西货场）-清水河</t>
  </si>
  <si>
    <t>【内蒙古中铁】砼岔枕\P60;1/9;交渡40#;CZ580Z\新朔段（外西沟站—薛家湾西货场）-清水河</t>
  </si>
  <si>
    <t>【内蒙古中铁】砼岔枕\P60;1/9;交渡44#;CZ581Z\新朔段（外西沟站—薛家湾西货场）-清水河</t>
  </si>
  <si>
    <t>【内蒙古中铁】砼岔枕\P60;1/9;交渡49#;CZ581Z\新朔段（外西沟站—薛家湾西货场）-清水河</t>
  </si>
  <si>
    <t>【内蒙古中铁】砼岔枕\P60;1/9;交渡50#;CZ581Z\新朔段（外西沟站—薛家湾西货场）-清水河</t>
  </si>
  <si>
    <t>【内蒙古中铁】砼岔枕\P75;1/12;1#;SC559-500\新朔段（外西沟站—薛家湾西货场）-清水河</t>
  </si>
  <si>
    <t>【内蒙古中铁】砼岔枕\P75;1/12;2#;SC559-500\新朔段（外西沟站—薛家湾西货场）-清水河</t>
  </si>
  <si>
    <t>【内蒙古中铁】砼岔枕\P75;1/12;25#;SC559-500\新朔段（外西沟站—薛家湾西货场）-清水河</t>
  </si>
  <si>
    <t>【内蒙古中铁】砼岔枕\P75;1/12;26#;SC559-500\新朔段（外西沟站—薛家湾西货场）-清水河</t>
  </si>
  <si>
    <t>【内蒙古中铁】砼岔枕\P75;1/12;27#;SC559-500\新朔段（外西沟站—薛家湾西货场）-清水河</t>
  </si>
  <si>
    <t>【内蒙古中铁】砼岔枕\P75;1/12;28#;SC559-500\新朔段（外西沟站—薛家湾西货场）-清水河</t>
  </si>
  <si>
    <t>【内蒙古中铁】砼岔枕\P75;1/12;29#;SC559-500\新朔段（外西沟站—薛家湾西货场）-清水河</t>
  </si>
  <si>
    <t>【内蒙古中铁】砼岔枕\P75;1/12;3#;SC559-500\新朔段（外西沟站—薛家湾西货场）-清水河</t>
  </si>
  <si>
    <t>【内蒙古中铁】砼岔枕\P75;1/12;30#;SC559-500\新朔段（外西沟站—薛家湾西货场）-清水河</t>
  </si>
  <si>
    <t>【内蒙古中铁】砼岔枕\P75;1/12;31#;SC559-500\新朔段（外西沟站—薛家湾西货场）-清水河</t>
  </si>
  <si>
    <t>【内蒙古中铁】砼岔枕\P75;1/12;39#;SC559-500\新朔段（外西沟站—薛家湾西货场）-清水河</t>
  </si>
  <si>
    <t>【内蒙古中铁】砼岔枕\P75;1/12;40#;SC559-500\新朔段（外西沟站—薛家湾西货场）-清水河</t>
  </si>
  <si>
    <t>【内蒙古中铁】砼岔枕\P75;1/12;5.3m交渡;CZ716\新朔段（外西沟站—薛家湾西货场）-清水河</t>
  </si>
  <si>
    <t>【内蒙古中铁】砼岔枕\P75;1/12;50#;SC559-500\新朔段（外西沟站—薛家湾西货场）-清水河</t>
  </si>
  <si>
    <t>【内蒙古中铁】砼岔枕\P75;1/12;51#;SC559-500\新朔段（外西沟站—薛家湾西货场）-清水河</t>
  </si>
  <si>
    <t>【内蒙古中铁】砼岔枕\P75;1/12;52#;SC559-500\新朔段（外西沟站—薛家湾西货场）-清水河</t>
  </si>
  <si>
    <t>【内蒙古中铁】砼岔枕\P75;1/12;53#;SC559-500\新朔段（外西沟站—薛家湾西货场）-清水河</t>
  </si>
  <si>
    <t>【内蒙古中铁】砼岔枕\P75;1/12;54#;SC559-500\新朔段（外西沟站—薛家湾西货场）-清水河</t>
  </si>
  <si>
    <t>【内蒙古中铁】砼岔枕\P75;1/12;55#;SC559-500\新朔段（外西沟站—薛家湾西货场）-清水河</t>
  </si>
  <si>
    <t>【内蒙古中铁】砼岔枕\P75;1/12;56#;SC559-500\新朔段（外西沟站—薛家湾西货场）-清水河</t>
  </si>
  <si>
    <t>【内蒙古中铁】砼岔枕\P75;1/12;60#;SC559-500\新朔段（外西沟站—薛家湾西货场）-清水河</t>
  </si>
  <si>
    <t>【内蒙古中铁】砼岔枕\P75;1/12;61#;SC559-500\新朔段（外西沟站—薛家湾西货场）-清水河</t>
  </si>
  <si>
    <t>【内蒙古中铁】砼岔枕\P75;1/12;62#;SC559-500\新朔段（外西沟站—薛家湾西货场）-清水河</t>
  </si>
  <si>
    <t>【内蒙古中铁】砼岔枕\P75;1/12;63#;SC559-500\新朔段（外西沟站—薛家湾西货场）-清水河</t>
  </si>
  <si>
    <t>【内蒙古中铁】砼岔枕\P75;1/12;64#;SC559-500\新朔段（外西沟站—薛家湾西货场）-清水河</t>
  </si>
  <si>
    <t>【内蒙古中铁】砼岔枕\P75;1/12;65#;SC559-500\新朔段（外西沟站—薛家湾西货场）-清水河</t>
  </si>
  <si>
    <t>【内蒙古中铁】砼岔枕\P75;1/12;66#;SC559-500\新朔段（外西沟站—薛家湾西货场）-清水河</t>
  </si>
  <si>
    <t>【内蒙古中铁】砼岔枕\P75;1/12;67#;SC559-500\新朔段（外西沟站—薛家湾西货场）-清水河</t>
  </si>
  <si>
    <t>【内蒙古中铁】砼岔枕\P75;1/12;68#;SC559-500\新朔段（外西沟站—薛家湾西货场）-清水河</t>
  </si>
  <si>
    <t>【内蒙古中铁】砼岔枕\P75;1/12;80#;SC559-500\新朔段（外西沟站—薛家湾西货场）-清水河</t>
  </si>
  <si>
    <t>【内蒙古中铁】砼岔枕\P75;1/12;81#;SC559-500\新朔段（外西沟站—薛家湾西货场）-清水河</t>
  </si>
  <si>
    <t>【内蒙古中铁】砼岔枕\P75;1/12;单开;专线4228\新朔段（外西沟站—薛家湾西货场）-清水河</t>
  </si>
  <si>
    <t>【内蒙古中铁】砼桥枕\ⅡZQ-C型0#\新朔段（外西沟站—薛家湾西货场）-清水河</t>
  </si>
  <si>
    <t>【内蒙古中铁】砼桥枕\Ⅲ型\新朔段（外西沟站—薛家湾西货场）-清水河</t>
  </si>
  <si>
    <t>【内蒙古中铁】砼桥枕\梭头;新Ⅲ型;1#\新朔段（外西沟站—薛家湾西货场）-清水河</t>
  </si>
  <si>
    <t>【内蒙古中铁】砼桥枕\梭头;新Ⅲ型;2#\新朔段（外西沟站—薛家湾西货场）-清水河</t>
  </si>
  <si>
    <t>【内蒙古中铁】砼桥枕\梭头;新Ⅲ型;3#\新朔段（外西沟站—薛家湾西货场）-清水河</t>
  </si>
  <si>
    <t>【内蒙古中铁】砼桥枕\梭头;新Ⅲ型;4#\新朔段（外西沟站—薛家湾西货场）-清水河</t>
  </si>
  <si>
    <t>【内蒙古中铁】砼桥枕\新Ⅲ型\新朔段（外西沟站—薛家湾西货场）-清水河</t>
  </si>
  <si>
    <t>【内蒙古中铁】砼桥枕\专线3448;弹性;新Ⅲ型\新朔段（外西沟站—薛家湾西货场）-清水河</t>
  </si>
  <si>
    <t>【内蒙古中铁】砼桥枕\专线3448;弹性;新Ⅲ型;1#\新朔段（外西沟站—薛家湾西货场）-清水河</t>
  </si>
  <si>
    <t>【内蒙古中铁】砼桥枕\专线3448;弹性;新Ⅲ型;2#\新朔段（外西沟站—薛家湾西货场）-清水河</t>
  </si>
  <si>
    <t>【内蒙古中铁】砼桥枕\专线3448;弹性;新Ⅲ型;3#\新朔段（外西沟站—薛家湾西货场）-清水河</t>
  </si>
  <si>
    <t>【内蒙古中铁】砼桥枕\专线3448;弹性;新Ⅲ型;4#\新朔段（外西沟站—薛家湾西货场）-清水河</t>
  </si>
  <si>
    <t>【内蒙古中铁】砼枕\X-Ⅱ型\新朔段（外西沟站—薛家湾西货场）-清水河</t>
  </si>
  <si>
    <t>【内蒙古中铁】砼枕\YⅡ-F\新朔段（外西沟站—薛家湾西货场）-清水河</t>
  </si>
  <si>
    <t>【内蒙古中铁】砼枕\弹性;ⅢA型\新朔段（外西沟站—薛家湾西货场）-清水河</t>
  </si>
  <si>
    <t>【内蒙古中铁】砼枕\专线3393;ⅢA型\新朔段（外西沟站—薛家湾西货场）-清水河</t>
  </si>
  <si>
    <t>【内蒙古中铁】成组砼岔枕\P50;1/12;5.0m交渡;专线(03)3424\新朔段（外西沟站—薛家湾西货场）-薛家湾</t>
  </si>
  <si>
    <t>GNWZBP(TH)ZECG2020-190</t>
  </si>
  <si>
    <t>国家能源e购商城内蒙古中铁轨枕配件铺货采购合同-新朔段（外西沟站—薛家湾西货场）-薛家湾</t>
  </si>
  <si>
    <t>【内蒙古中铁】成组砼岔枕\P50;1/12;单开;专线(01)3423\新朔段（外西沟站—薛家湾西货场）-薛家湾</t>
  </si>
  <si>
    <t>【内蒙古中铁】成组砼岔枕\P50;1/12;复交;CZ2220Z\新朔段（外西沟站—薛家湾西货场）-薛家湾</t>
  </si>
  <si>
    <t>【内蒙古中铁】成组砼岔枕\P50;1/12;专线3355\新朔段（外西沟站—薛家湾西货场）-薛家湾</t>
  </si>
  <si>
    <t>【内蒙古中铁】成组砼岔枕\P50;1/12;专线4257\新朔段（外西沟站—薛家湾西货场）-薛家湾</t>
  </si>
  <si>
    <t>【内蒙古中铁】成组砼岔枕\P50;1/6;5.0m交渡;SC432-500\新朔段（外西沟站—薛家湾西货场）-薛家湾</t>
  </si>
  <si>
    <t>【内蒙古中铁】成组砼岔枕\P50;1/6;对称;SC384\新朔段（外西沟站—薛家湾西货场）-薛家湾</t>
  </si>
  <si>
    <t>【内蒙古中铁】成组砼岔枕\P50;1/6;对称;右开;SC384-500\新朔段（外西沟站—薛家湾西货场）-薛家湾</t>
  </si>
  <si>
    <t>【内蒙古中铁】成组砼岔枕\P50;1/6;对称;左开;SC384-500\新朔段（外西沟站—薛家湾西货场）-薛家湾</t>
  </si>
  <si>
    <t>【内蒙古中铁】成组砼岔枕\P50;1/9;5.0m交渡;CZ2210\新朔段（外西沟站—薛家湾西货场）-薛家湾</t>
  </si>
  <si>
    <t>【内蒙古中铁】成组砼岔枕\P50;1/9;5.0m交渡;SC580\新朔段（外西沟站—薛家湾西货场）-薛家湾</t>
  </si>
  <si>
    <t>【内蒙古中铁】成组砼岔枕\P50;1/9;5.0m交渡;专线(02)3428\新朔段（外西沟站—薛家湾西货场）-薛家湾</t>
  </si>
  <si>
    <t>【内蒙古中铁】成组砼岔枕\P50;1/9;5.0m交渡;专线(02)7663\新朔段（外西沟站—薛家湾西货场）-薛家湾</t>
  </si>
  <si>
    <t>【内蒙古中铁】成组砼岔枕\P50;1/9;CZ2209A\新朔段（外西沟站—薛家湾西货场）-薛家湾</t>
  </si>
  <si>
    <t>【内蒙古中铁】成组砼岔枕\P50;1/9;单开;CZ2209Z\新朔段（外西沟站—薛家湾西货场）-薛家湾</t>
  </si>
  <si>
    <t>【内蒙古中铁】成组砼岔枕\P50;1/9;单开;专线(03)3281\新朔段（外西沟站—薛家湾西货场）-薛家湾</t>
  </si>
  <si>
    <t>【内蒙古中铁】成组砼岔枕\P50;1/9;复交;CZ2214Z\新朔段（外西沟站—薛家湾西货场）-薛家湾</t>
  </si>
  <si>
    <t>【内蒙古中铁】成组砼岔枕\P50;1/9;复交;专线(04)3443\新朔段（外西沟站—薛家湾西货场）-薛家湾</t>
  </si>
  <si>
    <t>【内蒙古中铁】成组砼岔枕\P50;1/9;交渡;CZ2213Z\新朔段（外西沟站—薛家湾西货场）-薛家湾</t>
  </si>
  <si>
    <t>【内蒙古中铁】成组砼岔枕\P50;1/9;交渡;SC571-1101\新朔段（外西沟站—薛家湾西货场）-薛家湾</t>
  </si>
  <si>
    <t>【内蒙古中铁】成组砼岔枕\P50;1/9;交渡;专线(03)3431\新朔段（外西沟站—薛家湾西货场）-薛家湾</t>
  </si>
  <si>
    <t>【内蒙古中铁】成组砼岔枕\P60;1/12;5.5m交渡;SC342-500\新朔段（外西沟站—薛家湾西货场）-薛家湾</t>
  </si>
  <si>
    <t>【内蒙古中铁】成组砼岔枕\P60;1/12;6.5m交渡;专线3413\新朔段（外西沟站—薛家湾西货场）-薛家湾</t>
  </si>
  <si>
    <t>【内蒙古中铁】成组砼岔枕\P60;1/12;单开;SC330-500\新朔段（外西沟站—薛家湾西货场）-薛家湾</t>
  </si>
  <si>
    <t>【内蒙古中铁】成组砼岔枕\P60;1/12;渡线;专线3402;Ⅲ型\新朔段（外西沟站—薛家湾西货场）-薛家湾</t>
  </si>
  <si>
    <t>【内蒙古中铁】成组砼岔枕\P60;1/12;复交;SC350\新朔段（外西沟站—薛家湾西货场）-薛家湾</t>
  </si>
  <si>
    <t>【内蒙古中铁】成组砼岔枕\P60;1/12;交渡;SC340-500\新朔段（外西沟站—薛家湾西货场）-薛家湾</t>
  </si>
  <si>
    <t>【内蒙古中铁】成组砼岔枕\P60;1/12;交渡;SC342-500\新朔段（外西沟站—薛家湾西货场）-薛家湾</t>
  </si>
  <si>
    <t>【内蒙古中铁】成组砼岔枕\P60;1/12;砼;单开;专线4249\新朔段（外西沟站—薛家湾西货场）-薛家湾</t>
  </si>
  <si>
    <t>【内蒙古中铁】成组砼岔枕\P60;1/12;专线3399;Ⅲ型\新朔段（外西沟站—薛家湾西货场）-薛家湾</t>
  </si>
  <si>
    <t>【内蒙古中铁】成组砼岔枕\P60;1/18;单开;GLC(07)02-300\新朔段（外西沟站—薛家湾西货场）-薛家湾</t>
  </si>
  <si>
    <t>【内蒙古中铁】成组砼岔枕\P60;1/18;单开;GLC(09)05-300\新朔段（外西沟站—薛家湾西货场）-薛家湾</t>
  </si>
  <si>
    <t>【内蒙古中铁】成组砼岔枕\P60;1/9;5.0m组合;SC(07)460-1108\新朔段（外西沟站—薛家湾西货场）-薛家湾</t>
  </si>
  <si>
    <t>【内蒙古中铁】成组砼岔枕\P60;1/9;5.0m组合;SC(07)460-1204\新朔段（外西沟站—薛家湾西货场）-薛家湾</t>
  </si>
  <si>
    <t>【内蒙古中铁】成组砼岔枕\P60;1/9;5.0m组合;SC(07)460-1208\新朔段（外西沟站—薛家湾西货场）-薛家湾</t>
  </si>
  <si>
    <t>【内蒙古中铁】成组砼岔枕\P60;1/9;5.0m组合;SC(07)460-1211\新朔段（外西沟站—薛家湾西货场）-薛家湾</t>
  </si>
  <si>
    <t>【内蒙古中铁】成组砼岔枕\P60;1/9;5.3m交渡;CZ581Z\新朔段（外西沟站—薛家湾西货场）-薛家湾</t>
  </si>
  <si>
    <t>【内蒙古中铁】成组砼岔枕\P60;1/9;单开;CZ577Z\新朔段（外西沟站—薛家湾西货场）-薛家湾</t>
  </si>
  <si>
    <t>【内蒙古中铁】成组砼岔枕\P60;1/9;单开;专线(03)3366\新朔段（外西沟站—薛家湾西货场）-薛家湾</t>
  </si>
  <si>
    <t>【内蒙古中铁】成组砼岔枕\P60;1/9;复交;SC450-500\新朔段（外西沟站—薛家湾西货场）-薛家湾</t>
  </si>
  <si>
    <t>【内蒙古中铁】成组砼岔枕\P60;1/9;复式交分;CZ2504Z\新朔段（外西沟站—薛家湾西货场）-薛家湾</t>
  </si>
  <si>
    <t>【内蒙古中铁】成组砼岔枕\P60;1/9;交渡;CZ580Z\新朔段（外西沟站—薛家湾西货场）-薛家湾</t>
  </si>
  <si>
    <t>【内蒙古中铁】成组砼岔枕\P60;1/9;交渡;CZ582Z\新朔段（外西沟站—薛家湾西货场）-薛家湾</t>
  </si>
  <si>
    <t>【内蒙古中铁】成组砼岔枕\P60;1/9;交渡;CZ583Z\新朔段（外西沟站—薛家湾西货场）-薛家湾</t>
  </si>
  <si>
    <t>【内蒙古中铁】成组砼岔枕\P60;1/9;专线3366;右开\新朔段（外西沟站—薛家湾西货场）-薛家湾</t>
  </si>
  <si>
    <t>【内蒙古中铁】成组砼岔枕\P60;1/9;专线3366;左开\新朔段（外西沟站—薛家湾西货场）-薛家湾</t>
  </si>
  <si>
    <t>【内蒙古中铁】成组砼岔枕\P75;1/12;SC381-500\新朔段（外西沟站—薛家湾西货场）-薛家湾</t>
  </si>
  <si>
    <t>【内蒙古中铁】成组砼岔枕\P75;1/12;SC443-500;交渡\新朔段（外西沟站—薛家湾西货场）-薛家湾</t>
  </si>
  <si>
    <t>【内蒙古中铁】成组砼岔枕\P75;1/12;单开;SC559-500\新朔段（外西沟站—薛家湾西货场）-薛家湾</t>
  </si>
  <si>
    <t>【内蒙古中铁】成组砼岔枕\P75;1/12;单开;研线1116-400\新朔段（外西沟站—薛家湾西货场）-薛家湾</t>
  </si>
  <si>
    <t>【内蒙古中铁】成组砼岔枕\P75;1/12;交渡;SC444\新朔段（外西沟站—薛家湾西货场）-薛家湾</t>
  </si>
  <si>
    <t>【内蒙古中铁】成组砼岔枕\P75;1/18;单开;SC488-500\新朔段（外西沟站—薛家湾西货场）-薛家湾</t>
  </si>
  <si>
    <t>【内蒙古中铁】成组砼岔枕\P75;1/9;5.0m交渡;SC551\新朔段（外西沟站—薛家湾西货场）-薛家湾</t>
  </si>
  <si>
    <t>【内蒙古中铁】电气绝缘枕\ⅢaZ型\新朔段（外西沟站—薛家湾西货场）-薛家湾</t>
  </si>
  <si>
    <t>【内蒙古中铁】电容枕\ⅢA型/ⅢAD\新朔段（外西沟站—薛家湾西货场）-薛家湾</t>
  </si>
  <si>
    <t>【内蒙古中铁】电容枕\新Ⅱ型/XⅡD\新朔段（外西沟站—薛家湾西货场）-薛家湾</t>
  </si>
  <si>
    <t>【内蒙古中铁】电容枕\新Ⅱ型;2500mm;研线0308-1\新朔段（外西沟站—薛家湾西货场）-薛家湾</t>
  </si>
  <si>
    <t>【内蒙古中铁】电容枕\新Ⅲ型桥枕;2600mm;研线0308-1\新朔段（外西沟站—薛家湾西货场）-薛家湾</t>
  </si>
  <si>
    <t>【内蒙古中铁】砼岔枕\P50;1/12;13#;专线(01)3423\新朔段（外西沟站—薛家湾西货场）-薛家湾</t>
  </si>
  <si>
    <t>【内蒙古中铁】砼岔枕\P50;1/12;21#;专线(01)3423\新朔段（外西沟站—薛家湾西货场）-薛家湾</t>
  </si>
  <si>
    <t>【内蒙古中铁】砼岔枕\P50;1/12;5#;专线3355\新朔段（外西沟站—薛家湾西货场）-薛家湾</t>
  </si>
  <si>
    <t>【内蒙古中铁】砼岔枕\P50;1/12;58#;专线3355\新朔段（外西沟站—薛家湾西货场）-薛家湾</t>
  </si>
  <si>
    <t>【内蒙古中铁】砼岔枕\P50;1/9;20#;专线(03)3281\新朔段（外西沟站—薛家湾西货场）-薛家湾</t>
  </si>
  <si>
    <t>【内蒙古中铁】砼岔枕\P50;1/9;3#;CZ2209\新朔段（外西沟站—薛家湾西货场）-薛家湾</t>
  </si>
  <si>
    <t>【内蒙古中铁】砼岔枕\P50;1/9;39#;专线(03)3281\新朔段（外西沟站—薛家湾西货场）-薛家湾</t>
  </si>
  <si>
    <t>【内蒙古中铁】砼岔枕\P50;1/9;48#;专线(03)3281\新朔段（外西沟站—薛家湾西货场）-薛家湾</t>
  </si>
  <si>
    <t>【内蒙古中铁】砼岔枕\P50;1/9;49#;专线(03)3281\新朔段（外西沟站—薛家湾西货场）-薛家湾</t>
  </si>
  <si>
    <t>【内蒙古中铁】砼岔枕\P50;1/9;52#;专线(03)3281\新朔段（外西沟站—薛家湾西货场）-薛家湾</t>
  </si>
  <si>
    <t>【内蒙古中铁】砼岔枕\P50;1/9;单开31#;专线(03)3281\新朔段（外西沟站—薛家湾西货场）-薛家湾</t>
  </si>
  <si>
    <t>【内蒙古中铁】砼岔枕\P50;1/9;单开32#;专线(03)3281\新朔段（外西沟站—薛家湾西货场）-薛家湾</t>
  </si>
  <si>
    <t>【内蒙古中铁】砼岔枕\P50;1/9;单开33#;专线(03)3281\新朔段（外西沟站—薛家湾西货场）-薛家湾</t>
  </si>
  <si>
    <t>【内蒙古中铁】砼岔枕\P50;1/9;单开34#;专线(03)3281\新朔段（外西沟站—薛家湾西货场）-薛家湾</t>
  </si>
  <si>
    <t>【内蒙古中铁】砼岔枕\P50;1/9;单开35#;专线(03)3281\新朔段（外西沟站—薛家湾西货场）-薛家湾</t>
  </si>
  <si>
    <t>【内蒙古中铁】砼岔枕\P50;1/9;单开36#;专线(03)3281\新朔段（外西沟站—薛家湾西货场）-薛家湾</t>
  </si>
  <si>
    <t>【内蒙古中铁】砼岔枕\P50;1/9;单开37#;专线(03)3281\新朔段（外西沟站—薛家湾西货场）-薛家湾</t>
  </si>
  <si>
    <t>【内蒙古中铁】砼岔枕\P60;1/12;1#;SC330-500\新朔段（外西沟站—薛家湾西货场）-薛家湾</t>
  </si>
  <si>
    <t>【内蒙古中铁】砼岔枕\P60;1/12;1#;专线3399\新朔段（外西沟站—薛家湾西货场）-薛家湾</t>
  </si>
  <si>
    <t>【内蒙古中铁】砼岔枕\P60;1/12;10#;专线3399\新朔段（外西沟站—薛家湾西货场）-薛家湾</t>
  </si>
  <si>
    <t>【内蒙古中铁】砼岔枕\P60;1/12;11#;专线3399\新朔段（外西沟站—薛家湾西货场）-薛家湾</t>
  </si>
  <si>
    <t>【内蒙古中铁】砼岔枕\P60;1/12;12#;专线3399\新朔段（外西沟站—薛家湾西货场）-薛家湾</t>
  </si>
  <si>
    <t>【内蒙古中铁】砼岔枕\P60;1/12;13#;专线3399\新朔段（外西沟站—薛家湾西货场）-薛家湾</t>
  </si>
  <si>
    <t>【内蒙古中铁】砼岔枕\P60;1/12;14#;专线3399\新朔段（外西沟站—薛家湾西货场）-薛家湾</t>
  </si>
  <si>
    <t>【内蒙古中铁】砼岔枕\P60;1/12;15#;专线3399\新朔段（外西沟站—薛家湾西货场）-薛家湾</t>
  </si>
  <si>
    <t>【内蒙古中铁】砼岔枕\P60;1/12;16#;专线3399\新朔段（外西沟站—薛家湾西货场）-薛家湾</t>
  </si>
  <si>
    <t>【内蒙古中铁】砼岔枕\P60;1/12;17#;专线3399\新朔段（外西沟站—薛家湾西货场）-薛家湾</t>
  </si>
  <si>
    <t>【内蒙古中铁】砼岔枕\P60;1/12;18#;专线3399\新朔段（外西沟站—薛家湾西货场）-薛家湾</t>
  </si>
  <si>
    <t>【内蒙古中铁】砼岔枕\P60;1/12;19#;专线3399\新朔段（外西沟站—薛家湾西货场）-薛家湾</t>
  </si>
  <si>
    <t>【内蒙古中铁】砼岔枕\P60;1/12;2#;专线3399\新朔段（外西沟站—薛家湾西货场）-薛家湾</t>
  </si>
  <si>
    <t>【内蒙古中铁】砼岔枕\P60;1/12;23#;专线3399\新朔段（外西沟站—薛家湾西货场）-薛家湾</t>
  </si>
  <si>
    <t>【内蒙古中铁】砼岔枕\P60;1/12;24#;专线3399\新朔段（外西沟站—薛家湾西货场）-薛家湾</t>
  </si>
  <si>
    <t>【内蒙古中铁】砼岔枕\P60;1/12;25#;SC330-500\新朔段（外西沟站—薛家湾西货场）-薛家湾</t>
  </si>
  <si>
    <t>【内蒙古中铁】砼岔枕\P60;1/12;25#;SC350\新朔段（外西沟站—薛家湾西货场）-薛家湾</t>
  </si>
  <si>
    <t>【内蒙古中铁】砼岔枕\P60;1/12;25#;专线3399\新朔段（外西沟站—薛家湾西货场）-薛家湾</t>
  </si>
  <si>
    <t>【内蒙古中铁】砼岔枕\P60;1/12;26#;SC330-500\新朔段（外西沟站—薛家湾西货场）-薛家湾</t>
  </si>
  <si>
    <t>【内蒙古中铁】砼岔枕\P60;1/12;26#;SC350\新朔段（外西沟站—薛家湾西货场）-薛家湾</t>
  </si>
  <si>
    <t>【内蒙古中铁】砼岔枕\P60;1/12;26#;专线3399\新朔段（外西沟站—薛家湾西货场）-薛家湾</t>
  </si>
  <si>
    <t>【内蒙古中铁】砼岔枕\P60;1/12;27#;SC330-500\新朔段（外西沟站—薛家湾西货场）-薛家湾</t>
  </si>
  <si>
    <t>【内蒙古中铁】砼岔枕\P60;1/12;27#;专线3399\新朔段（外西沟站—薛家湾西货场）-薛家湾</t>
  </si>
  <si>
    <t>【内蒙古中铁】砼岔枕\P60;1/12;28#;SC330-500\新朔段（外西沟站—薛家湾西货场）-薛家湾</t>
  </si>
  <si>
    <t>【内蒙古中铁】砼岔枕\P60;1/12;28#;专线3399\新朔段（外西沟站—薛家湾西货场）-薛家湾</t>
  </si>
  <si>
    <t>【内蒙古中铁】砼岔枕\P60;1/12;28#;专线4228\新朔段（外西沟站—薛家湾西货场）-薛家湾</t>
  </si>
  <si>
    <t>【内蒙古中铁】砼岔枕\P60;1/12;29#;SC330-500\新朔段（外西沟站—薛家湾西货场）-薛家湾</t>
  </si>
  <si>
    <t>【内蒙古中铁】砼岔枕\P60;1/12;29#;专线3399\新朔段（外西沟站—薛家湾西货场）-薛家湾</t>
  </si>
  <si>
    <t>【内蒙古中铁】砼岔枕\P60;1/12;30#;专线3399\新朔段（外西沟站—薛家湾西货场）-薛家湾</t>
  </si>
  <si>
    <t>【内蒙古中铁】砼岔枕\P60;1/12;30#;专线4228\新朔段（外西沟站—薛家湾西货场）-薛家湾</t>
  </si>
  <si>
    <t>【内蒙古中铁】砼岔枕\P60;1/12;32#;专线3399\新朔段（外西沟站—薛家湾西货场）-薛家湾</t>
  </si>
  <si>
    <t>【内蒙古中铁】砼岔枕\P60;1/12;34#;专线3399\新朔段（外西沟站—薛家湾西货场）-薛家湾</t>
  </si>
  <si>
    <t>【内蒙古中铁】砼岔枕\P60;1/12;36#;SC350\新朔段（外西沟站—薛家湾西货场）-薛家湾</t>
  </si>
  <si>
    <t>【内蒙古中铁】砼岔枕\P60;1/12;37#;专线3399\新朔段（外西沟站—薛家湾西货场）-薛家湾</t>
  </si>
  <si>
    <t>【内蒙古中铁】砼岔枕\P60;1/12;40#;专线3399\新朔段（外西沟站—薛家湾西货场）-薛家湾</t>
  </si>
  <si>
    <t>【内蒙古中铁】砼岔枕\P60;1/12;41#;专线3399\新朔段（外西沟站—薛家湾西货场）-薛家湾</t>
  </si>
  <si>
    <t>【内蒙古中铁】砼岔枕\P60;1/12;42#;专线3399\新朔段（外西沟站—薛家湾西货场）-薛家湾</t>
  </si>
  <si>
    <t>【内蒙古中铁】砼岔枕\P60;1/12;43#;专线3399\新朔段（外西沟站—薛家湾西货场）-薛家湾</t>
  </si>
  <si>
    <t>【内蒙古中铁】砼岔枕\P60;1/12;49#;SC330-500\新朔段（外西沟站—薛家湾西货场）-薛家湾</t>
  </si>
  <si>
    <t>【内蒙古中铁】砼岔枕\P60;1/12;51#;专线3399\新朔段（外西沟站—薛家湾西货场）-薛家湾</t>
  </si>
  <si>
    <t>【内蒙古中铁】砼岔枕\P60;1/12;52#;专线3399\新朔段（外西沟站—薛家湾西货场）-薛家湾</t>
  </si>
  <si>
    <t>【内蒙古中铁】砼岔枕\P60;1/12;53#;SC330-500\新朔段（外西沟站—薛家湾西货场）-薛家湾</t>
  </si>
  <si>
    <t>【内蒙古中铁】砼岔枕\P60;1/12;53#;专线3399\新朔段（外西沟站—薛家湾西货场）-薛家湾</t>
  </si>
  <si>
    <t>【内蒙古中铁】砼岔枕\P60;1/12;53#;专线4228\新朔段（外西沟站—薛家湾西货场）-薛家湾</t>
  </si>
  <si>
    <t>【内蒙古中铁】砼岔枕\P60;1/12;54#;SC330\新朔段（外西沟站—薛家湾西货场）-薛家湾</t>
  </si>
  <si>
    <t>【内蒙古中铁】砼岔枕\P60;1/12;54#;专线3399\新朔段（外西沟站—薛家湾西货场）-薛家湾</t>
  </si>
  <si>
    <t>【内蒙古中铁】砼岔枕\P60;1/12;55#;专线3399\新朔段（外西沟站—薛家湾西货场）-薛家湾</t>
  </si>
  <si>
    <t>【内蒙古中铁】砼岔枕\P60;1/12;56#;专线3399\新朔段（外西沟站—薛家湾西货场）-薛家湾</t>
  </si>
  <si>
    <t>【内蒙古中铁】砼岔枕\P60;1/12;57#;专线3399\新朔段（外西沟站—薛家湾西货场）-薛家湾</t>
  </si>
  <si>
    <t>【内蒙古中铁】砼岔枕\P60;1/12;57#;专线4228\新朔段（外西沟站—薛家湾西货场）-薛家湾</t>
  </si>
  <si>
    <t>【内蒙古中铁】砼岔枕\P60;1/12;58#;专线3399\新朔段（外西沟站—薛家湾西货场）-薛家湾</t>
  </si>
  <si>
    <t>【内蒙古中铁】砼岔枕\P60;1/12;59#;专线3399\新朔段（外西沟站—薛家湾西货场）-薛家湾</t>
  </si>
  <si>
    <t>【内蒙古中铁】砼岔枕\P60;1/12;60#;专线3399\新朔段（外西沟站—薛家湾西货场）-薛家湾</t>
  </si>
  <si>
    <t>【内蒙古中铁】砼岔枕\P60;1/12;61#;专线3399\新朔段（外西沟站—薛家湾西货场）-薛家湾</t>
  </si>
  <si>
    <t>【内蒙古中铁】砼岔枕\P60;1/12;62#;专线3399\新朔段（外西沟站—薛家湾西货场）-薛家湾</t>
  </si>
  <si>
    <t>【内蒙古中铁】砼岔枕\P60;1/12;63#;SC330-500\新朔段（外西沟站—薛家湾西货场）-薛家湾</t>
  </si>
  <si>
    <t>【内蒙古中铁】砼岔枕\P60;1/12;63#;SC340\新朔段（外西沟站—薛家湾西货场）-薛家湾</t>
  </si>
  <si>
    <t>【内蒙古中铁】砼岔枕\P60;1/12;63#;专线3399\新朔段（外西沟站—薛家湾西货场）-薛家湾</t>
  </si>
  <si>
    <t>【内蒙古中铁】砼岔枕\P60;1/12;63#;专线3402\新朔段（外西沟站—薛家湾西货场）-薛家湾</t>
  </si>
  <si>
    <t>【内蒙古中铁】砼岔枕\P60;1/12;63#;专线4228\新朔段（外西沟站—薛家湾西货场）-薛家湾</t>
  </si>
  <si>
    <t>【内蒙古中铁】砼岔枕\P60;1/12;63Z#;SC341-500\新朔段（外西沟站—薛家湾西货场）-薛家湾</t>
  </si>
  <si>
    <t>【内蒙古中铁】砼岔枕\P60;1/12;64#;SC330\新朔段（外西沟站—薛家湾西货场）-薛家湾</t>
  </si>
  <si>
    <t>【内蒙古中铁】砼岔枕\P60;1/12;64#;SC340\新朔段（外西沟站—薛家湾西货场）-薛家湾</t>
  </si>
  <si>
    <t>【内蒙古中铁】砼岔枕\P60;1/12;64#;专线3399\新朔段（外西沟站—薛家湾西货场）-薛家湾</t>
  </si>
  <si>
    <t>【内蒙古中铁】砼岔枕\P60;1/12;64#;专线3402\新朔段（外西沟站—薛家湾西货场）-薛家湾</t>
  </si>
  <si>
    <t>【内蒙古中铁】砼岔枕\P60;1/12;64Z#;SC341-500\新朔段（外西沟站—薛家湾西货场）-薛家湾</t>
  </si>
  <si>
    <t>【内蒙古中铁】砼岔枕\P60;1/12;65#;交渡;SC340C\新朔段（外西沟站—薛家湾西货场）-薛家湾</t>
  </si>
  <si>
    <t>【内蒙古中铁】砼岔枕\P60;1/12;65#;专线3399\新朔段（外西沟站—薛家湾西货场）-薛家湾</t>
  </si>
  <si>
    <t>【内蒙古中铁】砼岔枕\P60;1/12;66#;专线3399\新朔段（外西沟站—薛家湾西货场）-薛家湾</t>
  </si>
  <si>
    <t>【内蒙古中铁】砼岔枕\P60;1/12;67#;专线3399\新朔段（外西沟站—薛家湾西货场）-薛家湾</t>
  </si>
  <si>
    <t>【内蒙古中铁】砼岔枕\P60;1/12;68#;专线3399\新朔段（外西沟站—薛家湾西货场）-薛家湾</t>
  </si>
  <si>
    <t>【内蒙古中铁】砼岔枕\P60;1/12;69#;专线3399\新朔段（外西沟站—薛家湾西货场）-薛家湾</t>
  </si>
  <si>
    <t>【内蒙古中铁】砼岔枕\P60;1/12;73#;专线3402\新朔段（外西沟站—薛家湾西货场）-薛家湾</t>
  </si>
  <si>
    <t>【内蒙古中铁】砼岔枕\P60;1/12;74#;专线3402\新朔段（外西沟站—薛家湾西货场）-薛家湾</t>
  </si>
  <si>
    <t>【内蒙古中铁】砼岔枕\P60;1/18;21#;专线3386\新朔段（外西沟站—薛家湾西货场）-薛家湾</t>
  </si>
  <si>
    <t>【内蒙古中铁】砼岔枕\P60;1/18;32#;专线3386\新朔段（外西沟站—薛家湾西货场）-薛家湾</t>
  </si>
  <si>
    <t>【内蒙古中铁】砼岔枕\P60;1/18;33#;专线3386\新朔段（外西沟站—薛家湾西货场）-薛家湾</t>
  </si>
  <si>
    <t>【内蒙古中铁】砼岔枕\P60;1/18;34#;专线3386\新朔段（外西沟站—薛家湾西货场）-薛家湾</t>
  </si>
  <si>
    <t>【内蒙古中铁】砼岔枕\P60;1/18;71#;专线3386\新朔段（外西沟站—薛家湾西货场）-薛家湾</t>
  </si>
  <si>
    <t>【内蒙古中铁】砼岔枕\P60;1/18;72#;专线3386\新朔段（外西沟站—薛家湾西货场）-薛家湾</t>
  </si>
  <si>
    <t>【内蒙古中铁】砼岔枕\P60;1/9;34#;交渡;SC392C\新朔段（外西沟站—薛家湾西货场）-薛家湾</t>
  </si>
  <si>
    <t>【内蒙古中铁】砼岔枕\P60;1/9;42#;专线(03)3366\新朔段（外西沟站—薛家湾西货场）-薛家湾</t>
  </si>
  <si>
    <t>【内蒙古中铁】砼岔枕\P60;1/9;43#;专线(03)3366\新朔段（外西沟站—薛家湾西货场）-薛家湾</t>
  </si>
  <si>
    <t>【内蒙古中铁】砼岔枕\P60;1/9;49#;SC390\新朔段（外西沟站—薛家湾西货场）-薛家湾</t>
  </si>
  <si>
    <t>【内蒙古中铁】砼岔枕\P60;1/9;49#;专线(03)3366\新朔段（外西沟站—薛家湾西货场）-薛家湾</t>
  </si>
  <si>
    <t>【内蒙古中铁】砼岔枕\P60;1/9;5#;SC390\新朔段（外西沟站—薛家湾西货场）-薛家湾</t>
  </si>
  <si>
    <t>【内蒙古中铁】砼岔枕\P60;1/9;50#;SC390\新朔段（外西沟站—薛家湾西货场）-薛家湾</t>
  </si>
  <si>
    <t>【内蒙古中铁】砼岔枕\P60;1/9;54#;专线(03)3366\新朔段（外西沟站—薛家湾西货场）-薛家湾</t>
  </si>
  <si>
    <t>【内蒙古中铁】砼岔枕\P60;1/9;6#;SC390\新朔段（外西沟站—薛家湾西货场）-薛家湾</t>
  </si>
  <si>
    <t>【内蒙古中铁】砼岔枕\P60;1/9;7#;SC390\新朔段（外西沟站—薛家湾西货场）-薛家湾</t>
  </si>
  <si>
    <t>【内蒙古中铁】砼岔枕\P60;1/9;8#;SC390\新朔段（外西沟站—薛家湾西货场）-薛家湾</t>
  </si>
  <si>
    <t>【内蒙古中铁】砼岔枕\P60;1/9;9#;SC390\新朔段（外西沟站—薛家湾西货场）-薛家湾</t>
  </si>
  <si>
    <t>【内蒙古中铁】砼岔枕\P60;1/9;交渡12#;CZ581Z\新朔段（外西沟站—薛家湾西货场）-薛家湾</t>
  </si>
  <si>
    <t>【内蒙古中铁】砼岔枕\P60;1/9;交渡16#;CZ581Z\新朔段（外西沟站—薛家湾西货场）-薛家湾</t>
  </si>
  <si>
    <t>【内蒙古中铁】砼岔枕\P60;1/9;交渡22#;CZ580Z\新朔段（外西沟站—薛家湾西货场）-薛家湾</t>
  </si>
  <si>
    <t>【内蒙古中铁】砼岔枕\P60;1/9;交渡23#;CZ581Z\新朔段（外西沟站—薛家湾西货场）-薛家湾</t>
  </si>
  <si>
    <t>【内蒙古中铁】砼岔枕\P60;1/9;交渡24#;CZ581Z\新朔段（外西沟站—薛家湾西货场）-薛家湾</t>
  </si>
  <si>
    <t>【内蒙古中铁】砼岔枕\P60;1/9;交渡25#;CZ581Z\新朔段（外西沟站—薛家湾西货场）-薛家湾</t>
  </si>
  <si>
    <t>【内蒙古中铁】砼岔枕\P60;1/9;交渡40#;CZ580Z\新朔段（外西沟站—薛家湾西货场）-薛家湾</t>
  </si>
  <si>
    <t>【内蒙古中铁】砼岔枕\P60;1/9;交渡44#;CZ581Z\新朔段（外西沟站—薛家湾西货场）-薛家湾</t>
  </si>
  <si>
    <t>【内蒙古中铁】砼岔枕\P60;1/9;交渡49#;CZ581Z\新朔段（外西沟站—薛家湾西货场）-薛家湾</t>
  </si>
  <si>
    <t>【内蒙古中铁】砼岔枕\P60;1/9;交渡50#;CZ581Z\新朔段（外西沟站—薛家湾西货场）-薛家湾</t>
  </si>
  <si>
    <t>【内蒙古中铁】砼岔枕\P75;1/12;1#;SC559-500\新朔段（外西沟站—薛家湾西货场）-薛家湾</t>
  </si>
  <si>
    <t>【内蒙古中铁】砼岔枕\P75;1/12;2#;SC559-500\新朔段（外西沟站—薛家湾西货场）-薛家湾</t>
  </si>
  <si>
    <t>【内蒙古中铁】砼岔枕\P75;1/12;25#;SC559-500\新朔段（外西沟站—薛家湾西货场）-薛家湾</t>
  </si>
  <si>
    <t>【内蒙古中铁】砼岔枕\P75;1/12;26#;SC559-500\新朔段（外西沟站—薛家湾西货场）-薛家湾</t>
  </si>
  <si>
    <t>【内蒙古中铁】砼岔枕\P75;1/12;27#;SC559-500\新朔段（外西沟站—薛家湾西货场）-薛家湾</t>
  </si>
  <si>
    <t>【内蒙古中铁】砼岔枕\P75;1/12;28#;SC559-500\新朔段（外西沟站—薛家湾西货场）-薛家湾</t>
  </si>
  <si>
    <t>【内蒙古中铁】砼岔枕\P75;1/12;29#;SC559-500\新朔段（外西沟站—薛家湾西货场）-薛家湾</t>
  </si>
  <si>
    <t>【内蒙古中铁】砼岔枕\P75;1/12;3#;SC559-500\新朔段（外西沟站—薛家湾西货场）-薛家湾</t>
  </si>
  <si>
    <t>【内蒙古中铁】砼岔枕\P75;1/12;30#;SC559-500\新朔段（外西沟站—薛家湾西货场）-薛家湾</t>
  </si>
  <si>
    <t>【内蒙古中铁】砼岔枕\P75;1/12;31#;SC559-500\新朔段（外西沟站—薛家湾西货场）-薛家湾</t>
  </si>
  <si>
    <t>【内蒙古中铁】砼岔枕\P75;1/12;39#;SC559-500\新朔段（外西沟站—薛家湾西货场）-薛家湾</t>
  </si>
  <si>
    <t>【内蒙古中铁】砼岔枕\P75;1/12;40#;SC559-500\新朔段（外西沟站—薛家湾西货场）-薛家湾</t>
  </si>
  <si>
    <t>【内蒙古中铁】砼岔枕\P75;1/12;5.3m交渡;CZ716\新朔段（外西沟站—薛家湾西货场）-薛家湾</t>
  </si>
  <si>
    <t>【内蒙古中铁】砼岔枕\P75;1/12;50#;SC559-500\新朔段（外西沟站—薛家湾西货场）-薛家湾</t>
  </si>
  <si>
    <t>【内蒙古中铁】砼岔枕\P75;1/12;51#;SC559-500\新朔段（外西沟站—薛家湾西货场）-薛家湾</t>
  </si>
  <si>
    <t>【内蒙古中铁】砼岔枕\P75;1/12;52#;SC559-500\新朔段（外西沟站—薛家湾西货场）-薛家湾</t>
  </si>
  <si>
    <t>【内蒙古中铁】砼岔枕\P75;1/12;53#;SC559-500\新朔段（外西沟站—薛家湾西货场）-薛家湾</t>
  </si>
  <si>
    <t>【内蒙古中铁】砼岔枕\P75;1/12;54#;SC559-500\新朔段（外西沟站—薛家湾西货场）-薛家湾</t>
  </si>
  <si>
    <t>【内蒙古中铁】砼岔枕\P75;1/12;55#;SC559-500\新朔段（外西沟站—薛家湾西货场）-薛家湾</t>
  </si>
  <si>
    <t>【内蒙古中铁】砼岔枕\P75;1/12;56#;SC559-500\新朔段（外西沟站—薛家湾西货场）-薛家湾</t>
  </si>
  <si>
    <t>【内蒙古中铁】砼岔枕\P75;1/12;60#;SC559-500\新朔段（外西沟站—薛家湾西货场）-薛家湾</t>
  </si>
  <si>
    <t>【内蒙古中铁】砼岔枕\P75;1/12;61#;SC559-500\新朔段（外西沟站—薛家湾西货场）-薛家湾</t>
  </si>
  <si>
    <t>【内蒙古中铁】砼岔枕\P75;1/12;62#;SC559-500\新朔段（外西沟站—薛家湾西货场）-薛家湾</t>
  </si>
  <si>
    <t>【内蒙古中铁】砼岔枕\P75;1/12;63#;SC559-500\新朔段（外西沟站—薛家湾西货场）-薛家湾</t>
  </si>
  <si>
    <t>【内蒙古中铁】砼岔枕\P75;1/12;64#;SC559-500\新朔段（外西沟站—薛家湾西货场）-薛家湾</t>
  </si>
  <si>
    <t>【内蒙古中铁】砼岔枕\P75;1/12;65#;SC559-500\新朔段（外西沟站—薛家湾西货场）-薛家湾</t>
  </si>
  <si>
    <t>【内蒙古中铁】砼岔枕\P75;1/12;66#;SC559-500\新朔段（外西沟站—薛家湾西货场）-薛家湾</t>
  </si>
  <si>
    <t>【内蒙古中铁】砼岔枕\P75;1/12;67#;SC559-500\新朔段（外西沟站—薛家湾西货场）-薛家湾</t>
  </si>
  <si>
    <t>【内蒙古中铁】砼岔枕\P75;1/12;68#;SC559-500\新朔段（外西沟站—薛家湾西货场）-薛家湾</t>
  </si>
  <si>
    <t>【内蒙古中铁】砼岔枕\P75;1/12;80#;SC559-500\新朔段（外西沟站—薛家湾西货场）-薛家湾</t>
  </si>
  <si>
    <t>【内蒙古中铁】砼岔枕\P75;1/12;81#;SC559-500\新朔段（外西沟站—薛家湾西货场）-薛家湾</t>
  </si>
  <si>
    <t>【内蒙古中铁】砼岔枕\P75;1/12;单开;专线4228\新朔段（外西沟站—薛家湾西货场）-薛家湾</t>
  </si>
  <si>
    <t>【内蒙古中铁】砼桥枕\ⅡZQ-C型0#\新朔段（外西沟站—薛家湾西货场）-薛家湾</t>
  </si>
  <si>
    <t>【内蒙古中铁】砼桥枕\Ⅲ型\新朔段（外西沟站—薛家湾西货场）-薛家湾</t>
  </si>
  <si>
    <t>【内蒙古中铁】砼桥枕\梭头;新Ⅲ型;1#\新朔段（外西沟站—薛家湾西货场）-薛家湾</t>
  </si>
  <si>
    <t>【内蒙古中铁】砼桥枕\梭头;新Ⅲ型;2#\新朔段（外西沟站—薛家湾西货场）-薛家湾</t>
  </si>
  <si>
    <t>【内蒙古中铁】砼桥枕\梭头;新Ⅲ型;3#\新朔段（外西沟站—薛家湾西货场）-薛家湾</t>
  </si>
  <si>
    <t>【内蒙古中铁】砼桥枕\梭头;新Ⅲ型;4#\新朔段（外西沟站—薛家湾西货场）-薛家湾</t>
  </si>
  <si>
    <t>【内蒙古中铁】砼桥枕\新Ⅲ型\新朔段（外西沟站—薛家湾西货场）-薛家湾</t>
  </si>
  <si>
    <t>【内蒙古中铁】砼桥枕\专线3448;弹性;新Ⅲ型\新朔段（外西沟站—薛家湾西货场）-薛家湾</t>
  </si>
  <si>
    <t>【内蒙古中铁】砼桥枕\专线3448;弹性;新Ⅲ型;1#\新朔段（外西沟站—薛家湾西货场）-薛家湾</t>
  </si>
  <si>
    <t>【内蒙古中铁】砼桥枕\专线3448;弹性;新Ⅲ型;2#\新朔段（外西沟站—薛家湾西货场）-薛家湾</t>
  </si>
  <si>
    <t>【内蒙古中铁】砼桥枕\专线3448;弹性;新Ⅲ型;3#\新朔段（外西沟站—薛家湾西货场）-薛家湾</t>
  </si>
  <si>
    <t>【内蒙古中铁】砼桥枕\专线3448;弹性;新Ⅲ型;4#\新朔段（外西沟站—薛家湾西货场）-薛家湾</t>
  </si>
  <si>
    <t>【内蒙古中铁】砼枕\X-Ⅱ型\新朔段（外西沟站—薛家湾西货场）-薛家湾</t>
  </si>
  <si>
    <t>【内蒙古中铁】砼枕\YⅡ-F\新朔段（外西沟站—薛家湾西货场）-薛家湾</t>
  </si>
  <si>
    <t>【内蒙古中铁】砼枕\弹性;ⅢA型\新朔段（外西沟站—薛家湾西货场）-薛家湾</t>
  </si>
  <si>
    <t>【内蒙古中铁】砼枕\专线3393;ⅢA型\新朔段（外西沟站—薛家湾西货场）-薛家湾</t>
  </si>
  <si>
    <t>【内蒙古中铁】成组砼岔枕\P50;1/12;5.0m交渡;专线(03)3424\新朔段（丹洲营站—卧厂站）-丹洲营</t>
  </si>
  <si>
    <t>GNWZBP(TH)ZECG2020-191</t>
  </si>
  <si>
    <t>国家能源e购商城内蒙古中铁轨枕配件铺货采购合同-新朔段（丹洲营站—卧厂站）-丹洲营</t>
  </si>
  <si>
    <t>【内蒙古中铁】成组砼岔枕\P50;1/12;单开;专线(01)3423\新朔段（丹洲营站—卧厂站）-丹洲营</t>
  </si>
  <si>
    <t>【内蒙古中铁】成组砼岔枕\P50;1/12;复交;CZ2220Z\新朔段（丹洲营站—卧厂站）-丹洲营</t>
  </si>
  <si>
    <t>【内蒙古中铁】成组砼岔枕\P50;1/12;专线3355\新朔段（丹洲营站—卧厂站）-丹洲营</t>
  </si>
  <si>
    <t>【内蒙古中铁】成组砼岔枕\P50;1/12;专线4257\新朔段（丹洲营站—卧厂站）-丹洲营</t>
  </si>
  <si>
    <t>【内蒙古中铁】成组砼岔枕\P50;1/6;5.0m交渡;SC432-500\新朔段（丹洲营站—卧厂站）-丹洲营</t>
  </si>
  <si>
    <t>【内蒙古中铁】成组砼岔枕\P50;1/6;对称;SC384\新朔段（丹洲营站—卧厂站）-丹洲营</t>
  </si>
  <si>
    <t>【内蒙古中铁】成组砼岔枕\P50;1/6;对称;右开;SC384-500\新朔段（丹洲营站—卧厂站）-丹洲营</t>
  </si>
  <si>
    <t>【内蒙古中铁】成组砼岔枕\P50;1/6;对称;左开;SC384-500\新朔段（丹洲营站—卧厂站）-丹洲营</t>
  </si>
  <si>
    <t>【内蒙古中铁】成组砼岔枕\P50;1/9;5.0m交渡;CZ2210\新朔段（丹洲营站—卧厂站）-丹洲营</t>
  </si>
  <si>
    <t>【内蒙古中铁】成组砼岔枕\P50;1/9;5.0m交渡;SC580\新朔段（丹洲营站—卧厂站）-丹洲营</t>
  </si>
  <si>
    <t>【内蒙古中铁】成组砼岔枕\P50;1/9;5.0m交渡;专线(02)3428\新朔段（丹洲营站—卧厂站）-丹洲营</t>
  </si>
  <si>
    <t>【内蒙古中铁】成组砼岔枕\P50;1/9;5.0m交渡;专线(02)7663\新朔段（丹洲营站—卧厂站）-丹洲营</t>
  </si>
  <si>
    <t>【内蒙古中铁】成组砼岔枕\P50;1/9;CZ2209A\新朔段（丹洲营站—卧厂站）-丹洲营</t>
  </si>
  <si>
    <t>【内蒙古中铁】成组砼岔枕\P50;1/9;单开;CZ2209Z\新朔段（丹洲营站—卧厂站）-丹洲营</t>
  </si>
  <si>
    <t>【内蒙古中铁】成组砼岔枕\P50;1/9;单开;专线(03)3281\新朔段（丹洲营站—卧厂站）-丹洲营</t>
  </si>
  <si>
    <t>【内蒙古中铁】成组砼岔枕\P50;1/9;复交;CZ2214Z\新朔段（丹洲营站—卧厂站）-丹洲营</t>
  </si>
  <si>
    <t>【内蒙古中铁】成组砼岔枕\P50;1/9;复交;专线(04)3443\新朔段（丹洲营站—卧厂站）-丹洲营</t>
  </si>
  <si>
    <t>【内蒙古中铁】成组砼岔枕\P50;1/9;交渡;CZ2213Z\新朔段（丹洲营站—卧厂站）-丹洲营</t>
  </si>
  <si>
    <t>【内蒙古中铁】成组砼岔枕\P50;1/9;交渡;SC571-1101\新朔段（丹洲营站—卧厂站）-丹洲营</t>
  </si>
  <si>
    <t>【内蒙古中铁】成组砼岔枕\P50;1/9;交渡;专线(03)3431\新朔段（丹洲营站—卧厂站）-丹洲营</t>
  </si>
  <si>
    <t>【内蒙古中铁】成组砼岔枕\P60;1/12;5.5m交渡;SC342-500\新朔段（丹洲营站—卧厂站）-丹洲营</t>
  </si>
  <si>
    <t>【内蒙古中铁】成组砼岔枕\P60;1/12;6.5m交渡;专线3413\新朔段（丹洲营站—卧厂站）-丹洲营</t>
  </si>
  <si>
    <t>【内蒙古中铁】成组砼岔枕\P60;1/12;单开;SC330-500\新朔段（丹洲营站—卧厂站）-丹洲营</t>
  </si>
  <si>
    <t>【内蒙古中铁】成组砼岔枕\P60;1/12;渡线;专线3402;Ⅲ型\新朔段（丹洲营站—卧厂站）-丹洲营</t>
  </si>
  <si>
    <t>【内蒙古中铁】成组砼岔枕\P60;1/12;复交;SC350\新朔段（丹洲营站—卧厂站）-丹洲营</t>
  </si>
  <si>
    <t>【内蒙古中铁】成组砼岔枕\P60;1/12;交渡;SC340-500\新朔段（丹洲营站—卧厂站）-丹洲营</t>
  </si>
  <si>
    <t>【内蒙古中铁】成组砼岔枕\P60;1/12;交渡;SC342-500\新朔段（丹洲营站—卧厂站）-丹洲营</t>
  </si>
  <si>
    <t>【内蒙古中铁】成组砼岔枕\P60;1/12;砼;单开;专线4249\新朔段（丹洲营站—卧厂站）-丹洲营</t>
  </si>
  <si>
    <t>【内蒙古中铁】成组砼岔枕\P60;1/12;专线3399;Ⅲ型\新朔段（丹洲营站—卧厂站）-丹洲营</t>
  </si>
  <si>
    <t>【内蒙古中铁】成组砼岔枕\P60;1/18;单开;GLC(07)02-300\新朔段（丹洲营站—卧厂站）-丹洲营</t>
  </si>
  <si>
    <t>【内蒙古中铁】成组砼岔枕\P60;1/18;单开;GLC(09)05-300\新朔段（丹洲营站—卧厂站）-丹洲营</t>
  </si>
  <si>
    <t>【内蒙古中铁】成组砼岔枕\P60;1/9;5.0m组合;SC(07)460-1108\新朔段（丹洲营站—卧厂站）-丹洲营</t>
  </si>
  <si>
    <t>【内蒙古中铁】成组砼岔枕\P60;1/9;5.0m组合;SC(07)460-1204\新朔段（丹洲营站—卧厂站）-丹洲营</t>
  </si>
  <si>
    <t>【内蒙古中铁】成组砼岔枕\P60;1/9;5.0m组合;SC(07)460-1208\新朔段（丹洲营站—卧厂站）-丹洲营</t>
  </si>
  <si>
    <t>【内蒙古中铁】成组砼岔枕\P60;1/9;5.0m组合;SC(07)460-1211\新朔段（丹洲营站—卧厂站）-丹洲营</t>
  </si>
  <si>
    <t>【内蒙古中铁】成组砼岔枕\P60;1/9;5.3m交渡;CZ581Z\新朔段（丹洲营站—卧厂站）-丹洲营</t>
  </si>
  <si>
    <t>【内蒙古中铁】成组砼岔枕\P60;1/9;单开;CZ577Z\新朔段（丹洲营站—卧厂站）-丹洲营</t>
  </si>
  <si>
    <t>【内蒙古中铁】成组砼岔枕\P60;1/9;单开;专线(03)3366\新朔段（丹洲营站—卧厂站）-丹洲营</t>
  </si>
  <si>
    <t>【内蒙古中铁】成组砼岔枕\P60;1/9;复交;SC450-500\新朔段（丹洲营站—卧厂站）-丹洲营</t>
  </si>
  <si>
    <t>【内蒙古中铁】成组砼岔枕\P60;1/9;复式交分;CZ2504Z\新朔段（丹洲营站—卧厂站）-丹洲营</t>
  </si>
  <si>
    <t>【内蒙古中铁】成组砼岔枕\P60;1/9;交渡;CZ580Z\新朔段（丹洲营站—卧厂站）-丹洲营</t>
  </si>
  <si>
    <t>【内蒙古中铁】成组砼岔枕\P60;1/9;交渡;CZ582Z\新朔段（丹洲营站—卧厂站）-丹洲营</t>
  </si>
  <si>
    <t>【内蒙古中铁】成组砼岔枕\P60;1/9;交渡;CZ583Z\新朔段（丹洲营站—卧厂站）-丹洲营</t>
  </si>
  <si>
    <t>【内蒙古中铁】成组砼岔枕\P60;1/9;专线3366;右开\新朔段（丹洲营站—卧厂站）-丹洲营</t>
  </si>
  <si>
    <t>【内蒙古中铁】成组砼岔枕\P60;1/9;专线3366;左开\新朔段（丹洲营站—卧厂站）-丹洲营</t>
  </si>
  <si>
    <t>【内蒙古中铁】成组砼岔枕\P75;1/12;SC381-500\新朔段（丹洲营站—卧厂站）-丹洲营</t>
  </si>
  <si>
    <t>【内蒙古中铁】成组砼岔枕\P75;1/12;SC443-500;交渡\新朔段（丹洲营站—卧厂站）-丹洲营</t>
  </si>
  <si>
    <t>【内蒙古中铁】成组砼岔枕\P75;1/12;单开;SC559-500\新朔段（丹洲营站—卧厂站）-丹洲营</t>
  </si>
  <si>
    <t>【内蒙古中铁】成组砼岔枕\P75;1/12;单开;研线1116-400\新朔段（丹洲营站—卧厂站）-丹洲营</t>
  </si>
  <si>
    <t>【内蒙古中铁】成组砼岔枕\P75;1/12;交渡;SC444\新朔段（丹洲营站—卧厂站）-丹洲营</t>
  </si>
  <si>
    <t>【内蒙古中铁】成组砼岔枕\P75;1/18;单开;SC488-500\新朔段（丹洲营站—卧厂站）-丹洲营</t>
  </si>
  <si>
    <t>【内蒙古中铁】成组砼岔枕\P75;1/9;5.0m交渡;SC551\新朔段（丹洲营站—卧厂站）-丹洲营</t>
  </si>
  <si>
    <t>【内蒙古中铁】电气绝缘枕\ⅢaZ型\新朔段（丹洲营站—卧厂站）-丹洲营</t>
  </si>
  <si>
    <t>【内蒙古中铁】电容枕\ⅢA型/ⅢAD\新朔段（丹洲营站—卧厂站）-丹洲营</t>
  </si>
  <si>
    <t>【内蒙古中铁】电容枕\新Ⅱ型/XⅡD\新朔段（丹洲营站—卧厂站）-丹洲营</t>
  </si>
  <si>
    <t>【内蒙古中铁】电容枕\新Ⅱ型;2500mm;研线0308-1\新朔段（丹洲营站—卧厂站）-丹洲营</t>
  </si>
  <si>
    <t>【内蒙古中铁】电容枕\新Ⅲ型桥枕;2600mm;研线0308-1\新朔段（丹洲营站—卧厂站）-丹洲营</t>
  </si>
  <si>
    <t>【内蒙古中铁】砼岔枕\P50;1/12;13#;专线(01)3423\新朔段（丹洲营站—卧厂站）-丹洲营</t>
  </si>
  <si>
    <t>【内蒙古中铁】砼岔枕\P50;1/12;21#;专线(01)3423\新朔段（丹洲营站—卧厂站）-丹洲营</t>
  </si>
  <si>
    <t>【内蒙古中铁】砼岔枕\P50;1/12;5#;专线3355\新朔段（丹洲营站—卧厂站）-丹洲营</t>
  </si>
  <si>
    <t>【内蒙古中铁】砼岔枕\P50;1/12;58#;专线3355\新朔段（丹洲营站—卧厂站）-丹洲营</t>
  </si>
  <si>
    <t>【内蒙古中铁】砼岔枕\P50;1/9;20#;专线(03)3281\新朔段（丹洲营站—卧厂站）-丹洲营</t>
  </si>
  <si>
    <t>【内蒙古中铁】砼岔枕\P50;1/9;3#;CZ2209\新朔段（丹洲营站—卧厂站）-丹洲营</t>
  </si>
  <si>
    <t>【内蒙古中铁】砼岔枕\P50;1/9;39#;专线(03)3281\新朔段（丹洲营站—卧厂站）-丹洲营</t>
  </si>
  <si>
    <t>【内蒙古中铁】砼岔枕\P50;1/9;48#;专线(03)3281\新朔段（丹洲营站—卧厂站）-丹洲营</t>
  </si>
  <si>
    <t>【内蒙古中铁】砼岔枕\P50;1/9;49#;专线(03)3281\新朔段（丹洲营站—卧厂站）-丹洲营</t>
  </si>
  <si>
    <t>【内蒙古中铁】砼岔枕\P50;1/9;52#;专线(03)3281\新朔段（丹洲营站—卧厂站）-丹洲营</t>
  </si>
  <si>
    <t>【内蒙古中铁】砼岔枕\P50;1/9;单开31#;专线(03)3281\新朔段（丹洲营站—卧厂站）-丹洲营</t>
  </si>
  <si>
    <t>【内蒙古中铁】砼岔枕\P50;1/9;单开32#;专线(03)3281\新朔段（丹洲营站—卧厂站）-丹洲营</t>
  </si>
  <si>
    <t>【内蒙古中铁】砼岔枕\P50;1/9;单开33#;专线(03)3281\新朔段（丹洲营站—卧厂站）-丹洲营</t>
  </si>
  <si>
    <t>【内蒙古中铁】砼岔枕\P50;1/9;单开34#;专线(03)3281\新朔段（丹洲营站—卧厂站）-丹洲营</t>
  </si>
  <si>
    <t>【内蒙古中铁】砼岔枕\P50;1/9;单开35#;专线(03)3281\新朔段（丹洲营站—卧厂站）-丹洲营</t>
  </si>
  <si>
    <t>【内蒙古中铁】砼岔枕\P50;1/9;单开36#;专线(03)3281\新朔段（丹洲营站—卧厂站）-丹洲营</t>
  </si>
  <si>
    <t>【内蒙古中铁】砼岔枕\P50;1/9;单开37#;专线(03)3281\新朔段（丹洲营站—卧厂站）-丹洲营</t>
  </si>
  <si>
    <t>【内蒙古中铁】砼岔枕\P60;1/12;1#;SC330-500\新朔段（丹洲营站—卧厂站）-丹洲营</t>
  </si>
  <si>
    <t>【内蒙古中铁】砼岔枕\P60;1/12;1#;专线3399\新朔段（丹洲营站—卧厂站）-丹洲营</t>
  </si>
  <si>
    <t>【内蒙古中铁】砼岔枕\P60;1/12;10#;专线3399\新朔段（丹洲营站—卧厂站）-丹洲营</t>
  </si>
  <si>
    <t>【内蒙古中铁】砼岔枕\P60;1/12;11#;专线3399\新朔段（丹洲营站—卧厂站）-丹洲营</t>
  </si>
  <si>
    <t>【内蒙古中铁】砼岔枕\P60;1/12;12#;专线3399\新朔段（丹洲营站—卧厂站）-丹洲营</t>
  </si>
  <si>
    <t>【内蒙古中铁】砼岔枕\P60;1/12;13#;专线3399\新朔段（丹洲营站—卧厂站）-丹洲营</t>
  </si>
  <si>
    <t>【内蒙古中铁】砼岔枕\P60;1/12;14#;专线3399\新朔段（丹洲营站—卧厂站）-丹洲营</t>
  </si>
  <si>
    <t>【内蒙古中铁】砼岔枕\P60;1/12;15#;专线3399\新朔段（丹洲营站—卧厂站）-丹洲营</t>
  </si>
  <si>
    <t>【内蒙古中铁】砼岔枕\P60;1/12;16#;专线3399\新朔段（丹洲营站—卧厂站）-丹洲营</t>
  </si>
  <si>
    <t>【内蒙古中铁】砼岔枕\P60;1/12;17#;专线3399\新朔段（丹洲营站—卧厂站）-丹洲营</t>
  </si>
  <si>
    <t>【内蒙古中铁】砼岔枕\P60;1/12;18#;专线3399\新朔段（丹洲营站—卧厂站）-丹洲营</t>
  </si>
  <si>
    <t>【内蒙古中铁】砼岔枕\P60;1/12;19#;专线3399\新朔段（丹洲营站—卧厂站）-丹洲营</t>
  </si>
  <si>
    <t>【内蒙古中铁】砼岔枕\P60;1/12;2#;专线3399\新朔段（丹洲营站—卧厂站）-丹洲营</t>
  </si>
  <si>
    <t>【内蒙古中铁】砼岔枕\P60;1/12;23#;专线3399\新朔段（丹洲营站—卧厂站）-丹洲营</t>
  </si>
  <si>
    <t>【内蒙古中铁】砼岔枕\P60;1/12;24#;专线3399\新朔段（丹洲营站—卧厂站）-丹洲营</t>
  </si>
  <si>
    <t>【内蒙古中铁】砼岔枕\P60;1/12;25#;SC330-500\新朔段（丹洲营站—卧厂站）-丹洲营</t>
  </si>
  <si>
    <t>【内蒙古中铁】砼岔枕\P60;1/12;25#;SC350\新朔段（丹洲营站—卧厂站）-丹洲营</t>
  </si>
  <si>
    <t>【内蒙古中铁】砼岔枕\P60;1/12;25#;专线3399\新朔段（丹洲营站—卧厂站）-丹洲营</t>
  </si>
  <si>
    <t>【内蒙古中铁】砼岔枕\P60;1/12;26#;SC330-500\新朔段（丹洲营站—卧厂站）-丹洲营</t>
  </si>
  <si>
    <t>【内蒙古中铁】砼岔枕\P60;1/12;26#;SC350\新朔段（丹洲营站—卧厂站）-丹洲营</t>
  </si>
  <si>
    <t>【内蒙古中铁】砼岔枕\P60;1/12;26#;专线3399\新朔段（丹洲营站—卧厂站）-丹洲营</t>
  </si>
  <si>
    <t>【内蒙古中铁】砼岔枕\P60;1/12;27#;SC330-500\新朔段（丹洲营站—卧厂站）-丹洲营</t>
  </si>
  <si>
    <t>【内蒙古中铁】砼岔枕\P60;1/12;27#;专线3399\新朔段（丹洲营站—卧厂站）-丹洲营</t>
  </si>
  <si>
    <t>【内蒙古中铁】砼岔枕\P60;1/12;28#;SC330-500\新朔段（丹洲营站—卧厂站）-丹洲营</t>
  </si>
  <si>
    <t>【内蒙古中铁】砼岔枕\P60;1/12;28#;专线3399\新朔段（丹洲营站—卧厂站）-丹洲营</t>
  </si>
  <si>
    <t>【内蒙古中铁】砼岔枕\P60;1/12;28#;专线4228\新朔段（丹洲营站—卧厂站）-丹洲营</t>
  </si>
  <si>
    <t>【内蒙古中铁】砼岔枕\P60;1/12;29#;SC330-500\新朔段（丹洲营站—卧厂站）-丹洲营</t>
  </si>
  <si>
    <t>【内蒙古中铁】砼岔枕\P60;1/12;29#;专线3399\新朔段（丹洲营站—卧厂站）-丹洲营</t>
  </si>
  <si>
    <t>【内蒙古中铁】砼岔枕\P60;1/12;30#;专线3399\新朔段（丹洲营站—卧厂站）-丹洲营</t>
  </si>
  <si>
    <t>【内蒙古中铁】砼岔枕\P60;1/12;30#;专线4228\新朔段（丹洲营站—卧厂站）-丹洲营</t>
  </si>
  <si>
    <t>【内蒙古中铁】砼岔枕\P60;1/12;32#;专线3399\新朔段（丹洲营站—卧厂站）-丹洲营</t>
  </si>
  <si>
    <t>【内蒙古中铁】砼岔枕\P60;1/12;34#;专线3399\新朔段（丹洲营站—卧厂站）-丹洲营</t>
  </si>
  <si>
    <t>【内蒙古中铁】砼岔枕\P60;1/12;36#;SC350\新朔段（丹洲营站—卧厂站）-丹洲营</t>
  </si>
  <si>
    <t>【内蒙古中铁】砼岔枕\P60;1/12;37#;专线3399\新朔段（丹洲营站—卧厂站）-丹洲营</t>
  </si>
  <si>
    <t>【内蒙古中铁】砼岔枕\P60;1/12;40#;专线3399\新朔段（丹洲营站—卧厂站）-丹洲营</t>
  </si>
  <si>
    <t>【内蒙古中铁】砼岔枕\P60;1/12;41#;专线3399\新朔段（丹洲营站—卧厂站）-丹洲营</t>
  </si>
  <si>
    <t>【内蒙古中铁】砼岔枕\P60;1/12;42#;专线3399\新朔段（丹洲营站—卧厂站）-丹洲营</t>
  </si>
  <si>
    <t>【内蒙古中铁】砼岔枕\P60;1/12;43#;专线3399\新朔段（丹洲营站—卧厂站）-丹洲营</t>
  </si>
  <si>
    <t>【内蒙古中铁】砼岔枕\P60;1/12;49#;SC330-500\新朔段（丹洲营站—卧厂站）-丹洲营</t>
  </si>
  <si>
    <t>【内蒙古中铁】砼岔枕\P60;1/12;51#;专线3399\新朔段（丹洲营站—卧厂站）-丹洲营</t>
  </si>
  <si>
    <t>【内蒙古中铁】砼岔枕\P60;1/12;52#;专线3399\新朔段（丹洲营站—卧厂站）-丹洲营</t>
  </si>
  <si>
    <t>【内蒙古中铁】砼岔枕\P60;1/12;53#;SC330-500\新朔段（丹洲营站—卧厂站）-丹洲营</t>
  </si>
  <si>
    <t>【内蒙古中铁】砼岔枕\P60;1/12;53#;专线3399\新朔段（丹洲营站—卧厂站）-丹洲营</t>
  </si>
  <si>
    <t>【内蒙古中铁】砼岔枕\P60;1/12;53#;专线4228\新朔段（丹洲营站—卧厂站）-丹洲营</t>
  </si>
  <si>
    <t>【内蒙古中铁】砼岔枕\P60;1/12;54#;SC330\新朔段（丹洲营站—卧厂站）-丹洲营</t>
  </si>
  <si>
    <t>【内蒙古中铁】砼岔枕\P60;1/12;54#;专线3399\新朔段（丹洲营站—卧厂站）-丹洲营</t>
  </si>
  <si>
    <t>【内蒙古中铁】砼岔枕\P60;1/12;55#;专线3399\新朔段（丹洲营站—卧厂站）-丹洲营</t>
  </si>
  <si>
    <t>【内蒙古中铁】砼岔枕\P60;1/12;56#;专线3399\新朔段（丹洲营站—卧厂站）-丹洲营</t>
  </si>
  <si>
    <t>【内蒙古中铁】砼岔枕\P60;1/12;57#;专线3399\新朔段（丹洲营站—卧厂站）-丹洲营</t>
  </si>
  <si>
    <t>【内蒙古中铁】砼岔枕\P60;1/12;57#;专线4228\新朔段（丹洲营站—卧厂站）-丹洲营</t>
  </si>
  <si>
    <t>【内蒙古中铁】砼岔枕\P60;1/12;58#;专线3399\新朔段（丹洲营站—卧厂站）-丹洲营</t>
  </si>
  <si>
    <t>【内蒙古中铁】砼岔枕\P60;1/12;59#;专线3399\新朔段（丹洲营站—卧厂站）-丹洲营</t>
  </si>
  <si>
    <t>【内蒙古中铁】砼岔枕\P60;1/12;60#;专线3399\新朔段（丹洲营站—卧厂站）-丹洲营</t>
  </si>
  <si>
    <t>【内蒙古中铁】砼岔枕\P60;1/12;61#;专线3399\新朔段（丹洲营站—卧厂站）-丹洲营</t>
  </si>
  <si>
    <t>【内蒙古中铁】砼岔枕\P60;1/12;62#;专线3399\新朔段（丹洲营站—卧厂站）-丹洲营</t>
  </si>
  <si>
    <t>【内蒙古中铁】砼岔枕\P60;1/12;63#;SC330-500\新朔段（丹洲营站—卧厂站）-丹洲营</t>
  </si>
  <si>
    <t>【内蒙古中铁】砼岔枕\P60;1/12;63#;SC340\新朔段（丹洲营站—卧厂站）-丹洲营</t>
  </si>
  <si>
    <t>【内蒙古中铁】砼岔枕\P60;1/12;63#;专线3399\新朔段（丹洲营站—卧厂站）-丹洲营</t>
  </si>
  <si>
    <t>【内蒙古中铁】砼岔枕\P60;1/12;63#;专线3402\新朔段（丹洲营站—卧厂站）-丹洲营</t>
  </si>
  <si>
    <t>【内蒙古中铁】砼岔枕\P60;1/12;63#;专线4228\新朔段（丹洲营站—卧厂站）-丹洲营</t>
  </si>
  <si>
    <t>【内蒙古中铁】砼岔枕\P60;1/12;63Z#;SC341-500\新朔段（丹洲营站—卧厂站）-丹洲营</t>
  </si>
  <si>
    <t>【内蒙古中铁】砼岔枕\P60;1/12;64#;SC330\新朔段（丹洲营站—卧厂站）-丹洲营</t>
  </si>
  <si>
    <t>【内蒙古中铁】砼岔枕\P60;1/12;64#;SC340\新朔段（丹洲营站—卧厂站）-丹洲营</t>
  </si>
  <si>
    <t>【内蒙古中铁】砼岔枕\P60;1/12;64#;专线3399\新朔段（丹洲营站—卧厂站）-丹洲营</t>
  </si>
  <si>
    <t>【内蒙古中铁】砼岔枕\P60;1/12;64#;专线3402\新朔段（丹洲营站—卧厂站）-丹洲营</t>
  </si>
  <si>
    <t>【内蒙古中铁】砼岔枕\P60;1/12;64Z#;SC341-500\新朔段（丹洲营站—卧厂站）-丹洲营</t>
  </si>
  <si>
    <t>【内蒙古中铁】砼岔枕\P60;1/12;65#;交渡;SC340C\新朔段（丹洲营站—卧厂站）-丹洲营</t>
  </si>
  <si>
    <t>【内蒙古中铁】砼岔枕\P60;1/12;65#;专线3399\新朔段（丹洲营站—卧厂站）-丹洲营</t>
  </si>
  <si>
    <t>【内蒙古中铁】砼岔枕\P60;1/12;66#;专线3399\新朔段（丹洲营站—卧厂站）-丹洲营</t>
  </si>
  <si>
    <t>【内蒙古中铁】砼岔枕\P60;1/12;67#;专线3399\新朔段（丹洲营站—卧厂站）-丹洲营</t>
  </si>
  <si>
    <t>【内蒙古中铁】砼岔枕\P60;1/12;68#;专线3399\新朔段（丹洲营站—卧厂站）-丹洲营</t>
  </si>
  <si>
    <t>【内蒙古中铁】砼岔枕\P60;1/12;69#;专线3399\新朔段（丹洲营站—卧厂站）-丹洲营</t>
  </si>
  <si>
    <t>【内蒙古中铁】砼岔枕\P60;1/12;73#;专线3402\新朔段（丹洲营站—卧厂站）-丹洲营</t>
  </si>
  <si>
    <t>【内蒙古中铁】砼岔枕\P60;1/12;74#;专线3402\新朔段（丹洲营站—卧厂站）-丹洲营</t>
  </si>
  <si>
    <t>【内蒙古中铁】砼岔枕\P60;1/18;21#;专线3386\新朔段（丹洲营站—卧厂站）-丹洲营</t>
  </si>
  <si>
    <t>【内蒙古中铁】砼岔枕\P60;1/18;32#;专线3386\新朔段（丹洲营站—卧厂站）-丹洲营</t>
  </si>
  <si>
    <t>【内蒙古中铁】砼岔枕\P60;1/18;33#;专线3386\新朔段（丹洲营站—卧厂站）-丹洲营</t>
  </si>
  <si>
    <t>【内蒙古中铁】砼岔枕\P60;1/18;34#;专线3386\新朔段（丹洲营站—卧厂站）-丹洲营</t>
  </si>
  <si>
    <t>【内蒙古中铁】砼岔枕\P60;1/18;71#;专线3386\新朔段（丹洲营站—卧厂站）-丹洲营</t>
  </si>
  <si>
    <t>【内蒙古中铁】砼岔枕\P60;1/18;72#;专线3386\新朔段（丹洲营站—卧厂站）-丹洲营</t>
  </si>
  <si>
    <t>【内蒙古中铁】砼岔枕\P60;1/9;34#;交渡;SC392C\新朔段（丹洲营站—卧厂站）-丹洲营</t>
  </si>
  <si>
    <t>【内蒙古中铁】砼岔枕\P60;1/9;42#;专线(03)3366\新朔段（丹洲营站—卧厂站）-丹洲营</t>
  </si>
  <si>
    <t>【内蒙古中铁】砼岔枕\P60;1/9;43#;专线(03)3366\新朔段（丹洲营站—卧厂站）-丹洲营</t>
  </si>
  <si>
    <t>【内蒙古中铁】砼岔枕\P60;1/9;49#;SC390\新朔段（丹洲营站—卧厂站）-丹洲营</t>
  </si>
  <si>
    <t>【内蒙古中铁】砼岔枕\P60;1/9;49#;专线(03)3366\新朔段（丹洲营站—卧厂站）-丹洲营</t>
  </si>
  <si>
    <t>【内蒙古中铁】砼岔枕\P60;1/9;5#;SC390\新朔段（丹洲营站—卧厂站）-丹洲营</t>
  </si>
  <si>
    <t>【内蒙古中铁】砼岔枕\P60;1/9;50#;SC390\新朔段（丹洲营站—卧厂站）-丹洲营</t>
  </si>
  <si>
    <t>【内蒙古中铁】砼岔枕\P60;1/9;54#;专线(03)3366\新朔段（丹洲营站—卧厂站）-丹洲营</t>
  </si>
  <si>
    <t>【内蒙古中铁】砼岔枕\P60;1/9;6#;SC390\新朔段（丹洲营站—卧厂站）-丹洲营</t>
  </si>
  <si>
    <t>【内蒙古中铁】砼岔枕\P60;1/9;7#;SC390\新朔段（丹洲营站—卧厂站）-丹洲营</t>
  </si>
  <si>
    <t>【内蒙古中铁】砼岔枕\P60;1/9;8#;SC390\新朔段（丹洲营站—卧厂站）-丹洲营</t>
  </si>
  <si>
    <t>【内蒙古中铁】砼岔枕\P60;1/9;9#;SC390\新朔段（丹洲营站—卧厂站）-丹洲营</t>
  </si>
  <si>
    <t>【内蒙古中铁】砼岔枕\P60;1/9;交渡12#;CZ581Z\新朔段（丹洲营站—卧厂站）-丹洲营</t>
  </si>
  <si>
    <t>【内蒙古中铁】砼岔枕\P60;1/9;交渡16#;CZ581Z\新朔段（丹洲营站—卧厂站）-丹洲营</t>
  </si>
  <si>
    <t>【内蒙古中铁】砼岔枕\P60;1/9;交渡22#;CZ580Z\新朔段（丹洲营站—卧厂站）-丹洲营</t>
  </si>
  <si>
    <t>【内蒙古中铁】砼岔枕\P60;1/9;交渡23#;CZ581Z\新朔段（丹洲营站—卧厂站）-丹洲营</t>
  </si>
  <si>
    <t>【内蒙古中铁】砼岔枕\P60;1/9;交渡24#;CZ581Z\新朔段（丹洲营站—卧厂站）-丹洲营</t>
  </si>
  <si>
    <t>【内蒙古中铁】砼岔枕\P60;1/9;交渡25#;CZ581Z\新朔段（丹洲营站—卧厂站）-丹洲营</t>
  </si>
  <si>
    <t>【内蒙古中铁】砼岔枕\P60;1/9;交渡40#;CZ580Z\新朔段（丹洲营站—卧厂站）-丹洲营</t>
  </si>
  <si>
    <t>【内蒙古中铁】砼岔枕\P60;1/9;交渡44#;CZ581Z\新朔段（丹洲营站—卧厂站）-丹洲营</t>
  </si>
  <si>
    <t>【内蒙古中铁】砼岔枕\P60;1/9;交渡49#;CZ581Z\新朔段（丹洲营站—卧厂站）-丹洲营</t>
  </si>
  <si>
    <t>【内蒙古中铁】砼岔枕\P60;1/9;交渡50#;CZ581Z\新朔段（丹洲营站—卧厂站）-丹洲营</t>
  </si>
  <si>
    <t>【内蒙古中铁】砼岔枕\P75;1/12;1#;SC559-500\新朔段（丹洲营站—卧厂站）-丹洲营</t>
  </si>
  <si>
    <t>【内蒙古中铁】砼岔枕\P75;1/12;2#;SC559-500\新朔段（丹洲营站—卧厂站）-丹洲营</t>
  </si>
  <si>
    <t>【内蒙古中铁】砼岔枕\P75;1/12;25#;SC559-500\新朔段（丹洲营站—卧厂站）-丹洲营</t>
  </si>
  <si>
    <t>【内蒙古中铁】砼岔枕\P75;1/12;26#;SC559-500\新朔段（丹洲营站—卧厂站）-丹洲营</t>
  </si>
  <si>
    <t>【内蒙古中铁】砼岔枕\P75;1/12;27#;SC559-500\新朔段（丹洲营站—卧厂站）-丹洲营</t>
  </si>
  <si>
    <t>【内蒙古中铁】砼岔枕\P75;1/12;28#;SC559-500\新朔段（丹洲营站—卧厂站）-丹洲营</t>
  </si>
  <si>
    <t>【内蒙古中铁】砼岔枕\P75;1/12;29#;SC559-500\新朔段（丹洲营站—卧厂站）-丹洲营</t>
  </si>
  <si>
    <t>【内蒙古中铁】砼岔枕\P75;1/12;3#;SC559-500\新朔段（丹洲营站—卧厂站）-丹洲营</t>
  </si>
  <si>
    <t>【内蒙古中铁】砼岔枕\P75;1/12;30#;SC559-500\新朔段（丹洲营站—卧厂站）-丹洲营</t>
  </si>
  <si>
    <t>【内蒙古中铁】砼岔枕\P75;1/12;31#;SC559-500\新朔段（丹洲营站—卧厂站）-丹洲营</t>
  </si>
  <si>
    <t>【内蒙古中铁】砼岔枕\P75;1/12;39#;SC559-500\新朔段（丹洲营站—卧厂站）-丹洲营</t>
  </si>
  <si>
    <t>【内蒙古中铁】砼岔枕\P75;1/12;40#;SC559-500\新朔段（丹洲营站—卧厂站）-丹洲营</t>
  </si>
  <si>
    <t>【内蒙古中铁】砼岔枕\P75;1/12;5.3m交渡;CZ716\新朔段（丹洲营站—卧厂站）-丹洲营</t>
  </si>
  <si>
    <t>【内蒙古中铁】砼岔枕\P75;1/12;50#;SC559-500\新朔段（丹洲营站—卧厂站）-丹洲营</t>
  </si>
  <si>
    <t>【内蒙古中铁】砼岔枕\P75;1/12;51#;SC559-500\新朔段（丹洲营站—卧厂站）-丹洲营</t>
  </si>
  <si>
    <t>【内蒙古中铁】砼岔枕\P75;1/12;52#;SC559-500\新朔段（丹洲营站—卧厂站）-丹洲营</t>
  </si>
  <si>
    <t>【内蒙古中铁】砼岔枕\P75;1/12;53#;SC559-500\新朔段（丹洲营站—卧厂站）-丹洲营</t>
  </si>
  <si>
    <t>【内蒙古中铁】砼岔枕\P75;1/12;54#;SC559-500\新朔段（丹洲营站—卧厂站）-丹洲营</t>
  </si>
  <si>
    <t>【内蒙古中铁】砼岔枕\P75;1/12;55#;SC559-500\新朔段（丹洲营站—卧厂站）-丹洲营</t>
  </si>
  <si>
    <t>【内蒙古中铁】砼岔枕\P75;1/12;56#;SC559-500\新朔段（丹洲营站—卧厂站）-丹洲营</t>
  </si>
  <si>
    <t>【内蒙古中铁】砼岔枕\P75;1/12;60#;SC559-500\新朔段（丹洲营站—卧厂站）-丹洲营</t>
  </si>
  <si>
    <t>【内蒙古中铁】砼岔枕\P75;1/12;61#;SC559-500\新朔段（丹洲营站—卧厂站）-丹洲营</t>
  </si>
  <si>
    <t>【内蒙古中铁】砼岔枕\P75;1/12;62#;SC559-500\新朔段（丹洲营站—卧厂站）-丹洲营</t>
  </si>
  <si>
    <t>【内蒙古中铁】砼岔枕\P75;1/12;63#;SC559-500\新朔段（丹洲营站—卧厂站）-丹洲营</t>
  </si>
  <si>
    <t>【内蒙古中铁】砼岔枕\P75;1/12;64#;SC559-500\新朔段（丹洲营站—卧厂站）-丹洲营</t>
  </si>
  <si>
    <t>【内蒙古中铁】砼岔枕\P75;1/12;65#;SC559-500\新朔段（丹洲营站—卧厂站）-丹洲营</t>
  </si>
  <si>
    <t>【内蒙古中铁】砼岔枕\P75;1/12;66#;SC559-500\新朔段（丹洲营站—卧厂站）-丹洲营</t>
  </si>
  <si>
    <t>【内蒙古中铁】砼岔枕\P75;1/12;67#;SC559-500\新朔段（丹洲营站—卧厂站）-丹洲营</t>
  </si>
  <si>
    <t>【内蒙古中铁】砼岔枕\P75;1/12;68#;SC559-500\新朔段（丹洲营站—卧厂站）-丹洲营</t>
  </si>
  <si>
    <t>【内蒙古中铁】砼岔枕\P75;1/12;80#;SC559-500\新朔段（丹洲营站—卧厂站）-丹洲营</t>
  </si>
  <si>
    <t>【内蒙古中铁】砼岔枕\P75;1/12;81#;SC559-500\新朔段（丹洲营站—卧厂站）-丹洲营</t>
  </si>
  <si>
    <t>【内蒙古中铁】砼岔枕\P75;1/12;单开;专线4228\新朔段（丹洲营站—卧厂站）-丹洲营</t>
  </si>
  <si>
    <t>【内蒙古中铁】砼桥枕\ⅡZQ-C型0#\新朔段（丹洲营站—卧厂站）-丹洲营</t>
  </si>
  <si>
    <t>【内蒙古中铁】砼桥枕\Ⅲ型\新朔段（丹洲营站—卧厂站）-丹洲营</t>
  </si>
  <si>
    <t>【内蒙古中铁】砼桥枕\梭头;新Ⅲ型;1#\新朔段（丹洲营站—卧厂站）-丹洲营</t>
  </si>
  <si>
    <t>【内蒙古中铁】砼桥枕\梭头;新Ⅲ型;2#\新朔段（丹洲营站—卧厂站）-丹洲营</t>
  </si>
  <si>
    <t>【内蒙古中铁】砼桥枕\梭头;新Ⅲ型;3#\新朔段（丹洲营站—卧厂站）-丹洲营</t>
  </si>
  <si>
    <t>【内蒙古中铁】砼桥枕\梭头;新Ⅲ型;4#\新朔段（丹洲营站—卧厂站）-丹洲营</t>
  </si>
  <si>
    <t>【内蒙古中铁】砼桥枕\新Ⅲ型\新朔段（丹洲营站—卧厂站）-丹洲营</t>
  </si>
  <si>
    <t>【内蒙古中铁】砼桥枕\专线3448;弹性;新Ⅲ型\新朔段（丹洲营站—卧厂站）-丹洲营</t>
  </si>
  <si>
    <t>【内蒙古中铁】砼桥枕\专线3448;弹性;新Ⅲ型;1#\新朔段（丹洲营站—卧厂站）-丹洲营</t>
  </si>
  <si>
    <t>【内蒙古中铁】砼桥枕\专线3448;弹性;新Ⅲ型;2#\新朔段（丹洲营站—卧厂站）-丹洲营</t>
  </si>
  <si>
    <t>【内蒙古中铁】砼桥枕\专线3448;弹性;新Ⅲ型;3#\新朔段（丹洲营站—卧厂站）-丹洲营</t>
  </si>
  <si>
    <t>【内蒙古中铁】砼桥枕\专线3448;弹性;新Ⅲ型;4#\新朔段（丹洲营站—卧厂站）-丹洲营</t>
  </si>
  <si>
    <t>【内蒙古中铁】砼枕\X-Ⅱ型\新朔段（丹洲营站—卧厂站）-丹洲营</t>
  </si>
  <si>
    <t>【内蒙古中铁】砼枕\YⅡ-F\新朔段（丹洲营站—卧厂站）-丹洲营</t>
  </si>
  <si>
    <t>【内蒙古中铁】砼枕\弹性;ⅢA型\新朔段（丹洲营站—卧厂站）-丹洲营</t>
  </si>
  <si>
    <t>【内蒙古中铁】砼枕\专线3393;ⅢA型\新朔段（丹洲营站—卧厂站）-丹洲营</t>
  </si>
  <si>
    <t>【内蒙古中铁】成组砼岔枕\P50;1/12;5.0m交渡;专线(03)3424\新朔段（丹洲营站—卧厂站）-八里铺</t>
  </si>
  <si>
    <t>GNWZBP(TH)ZECG2020-192</t>
  </si>
  <si>
    <t>国家能源e购商城内蒙古中铁轨枕配件铺货采购合同-新朔段（丹洲营站—卧厂站）-八里铺</t>
  </si>
  <si>
    <t>【内蒙古中铁】成组砼岔枕\P50;1/12;单开;专线(01)3423\新朔段（丹洲营站—卧厂站）-八里铺</t>
  </si>
  <si>
    <t>【内蒙古中铁】成组砼岔枕\P50;1/12;复交;CZ2220Z\新朔段（丹洲营站—卧厂站）-八里铺</t>
  </si>
  <si>
    <t>【内蒙古中铁】成组砼岔枕\P50;1/12;专线3355\新朔段（丹洲营站—卧厂站）-八里铺</t>
  </si>
  <si>
    <t>【内蒙古中铁】成组砼岔枕\P50;1/12;专线4257\新朔段（丹洲营站—卧厂站）-八里铺</t>
  </si>
  <si>
    <t>【内蒙古中铁】成组砼岔枕\P50;1/6;5.0m交渡;SC432-500\新朔段（丹洲营站—卧厂站）-八里铺</t>
  </si>
  <si>
    <t>【内蒙古中铁】成组砼岔枕\P50;1/6;对称;SC384\新朔段（丹洲营站—卧厂站）-八里铺</t>
  </si>
  <si>
    <t>【内蒙古中铁】成组砼岔枕\P50;1/6;对称;右开;SC384-500\新朔段（丹洲营站—卧厂站）-八里铺</t>
  </si>
  <si>
    <t>【内蒙古中铁】成组砼岔枕\P50;1/6;对称;左开;SC384-500\新朔段（丹洲营站—卧厂站）-八里铺</t>
  </si>
  <si>
    <t>【内蒙古中铁】成组砼岔枕\P50;1/9;5.0m交渡;CZ2210\新朔段（丹洲营站—卧厂站）-八里铺</t>
  </si>
  <si>
    <t>【内蒙古中铁】成组砼岔枕\P50;1/9;5.0m交渡;SC580\新朔段（丹洲营站—卧厂站）-八里铺</t>
  </si>
  <si>
    <t>【内蒙古中铁】成组砼岔枕\P50;1/9;5.0m交渡;专线(02)3428\新朔段（丹洲营站—卧厂站）-八里铺</t>
  </si>
  <si>
    <t>【内蒙古中铁】成组砼岔枕\P50;1/9;5.0m交渡;专线(02)7663\新朔段（丹洲营站—卧厂站）-八里铺</t>
  </si>
  <si>
    <t>【内蒙古中铁】成组砼岔枕\P50;1/9;CZ2209A\新朔段（丹洲营站—卧厂站）-八里铺</t>
  </si>
  <si>
    <t>【内蒙古中铁】成组砼岔枕\P50;1/9;单开;CZ2209Z\新朔段（丹洲营站—卧厂站）-八里铺</t>
  </si>
  <si>
    <t>【内蒙古中铁】成组砼岔枕\P50;1/9;单开;专线(03)3281\新朔段（丹洲营站—卧厂站）-八里铺</t>
  </si>
  <si>
    <t>【内蒙古中铁】成组砼岔枕\P50;1/9;复交;CZ2214Z\新朔段（丹洲营站—卧厂站）-八里铺</t>
  </si>
  <si>
    <t>【内蒙古中铁】成组砼岔枕\P50;1/9;复交;专线(04)3443\新朔段（丹洲营站—卧厂站）-八里铺</t>
  </si>
  <si>
    <t>【内蒙古中铁】成组砼岔枕\P50;1/9;交渡;CZ2213Z\新朔段（丹洲营站—卧厂站）-八里铺</t>
  </si>
  <si>
    <t>【内蒙古中铁】成组砼岔枕\P50;1/9;交渡;SC571-1101\新朔段（丹洲营站—卧厂站）-八里铺</t>
  </si>
  <si>
    <t>【内蒙古中铁】成组砼岔枕\P50;1/9;交渡;专线(03)3431\新朔段（丹洲营站—卧厂站）-八里铺</t>
  </si>
  <si>
    <t>【内蒙古中铁】成组砼岔枕\P60;1/12;5.5m交渡;SC342-500\新朔段（丹洲营站—卧厂站）-八里铺</t>
  </si>
  <si>
    <t>【内蒙古中铁】成组砼岔枕\P60;1/12;6.5m交渡;专线3413\新朔段（丹洲营站—卧厂站）-八里铺</t>
  </si>
  <si>
    <t>【内蒙古中铁】成组砼岔枕\P60;1/12;单开;SC330-500\新朔段（丹洲营站—卧厂站）-八里铺</t>
  </si>
  <si>
    <t>【内蒙古中铁】成组砼岔枕\P60;1/12;渡线;专线3402;Ⅲ型\新朔段（丹洲营站—卧厂站）-八里铺</t>
  </si>
  <si>
    <t>【内蒙古中铁】成组砼岔枕\P60;1/12;复交;SC350\新朔段（丹洲营站—卧厂站）-八里铺</t>
  </si>
  <si>
    <t>【内蒙古中铁】成组砼岔枕\P60;1/12;交渡;SC340-500\新朔段（丹洲营站—卧厂站）-八里铺</t>
  </si>
  <si>
    <t>【内蒙古中铁】成组砼岔枕\P60;1/12;交渡;SC342-500\新朔段（丹洲营站—卧厂站）-八里铺</t>
  </si>
  <si>
    <t>【内蒙古中铁】成组砼岔枕\P60;1/12;砼;单开;专线4249\新朔段（丹洲营站—卧厂站）-八里铺</t>
  </si>
  <si>
    <t>【内蒙古中铁】成组砼岔枕\P60;1/12;专线3399;Ⅲ型\新朔段（丹洲营站—卧厂站）-八里铺</t>
  </si>
  <si>
    <t>【内蒙古中铁】成组砼岔枕\P60;1/18;单开;GLC(07)02-300\新朔段（丹洲营站—卧厂站）-八里铺</t>
  </si>
  <si>
    <t>【内蒙古中铁】成组砼岔枕\P60;1/18;单开;GLC(09)05-300\新朔段（丹洲营站—卧厂站）-八里铺</t>
  </si>
  <si>
    <t>【内蒙古中铁】成组砼岔枕\P60;1/9;5.0m组合;SC(07)460-1108\新朔段（丹洲营站—卧厂站）-八里铺</t>
  </si>
  <si>
    <t>【内蒙古中铁】成组砼岔枕\P60;1/9;5.0m组合;SC(07)460-1204\新朔段（丹洲营站—卧厂站）-八里铺</t>
  </si>
  <si>
    <t>【内蒙古中铁】成组砼岔枕\P60;1/9;5.0m组合;SC(07)460-1208\新朔段（丹洲营站—卧厂站）-八里铺</t>
  </si>
  <si>
    <t>【内蒙古中铁】成组砼岔枕\P60;1/9;5.0m组合;SC(07)460-1211\新朔段（丹洲营站—卧厂站）-八里铺</t>
  </si>
  <si>
    <t>【内蒙古中铁】成组砼岔枕\P60;1/9;5.3m交渡;CZ581Z\新朔段（丹洲营站—卧厂站）-八里铺</t>
  </si>
  <si>
    <t>【内蒙古中铁】成组砼岔枕\P60;1/9;单开;CZ577Z\新朔段（丹洲营站—卧厂站）-八里铺</t>
  </si>
  <si>
    <t>【内蒙古中铁】成组砼岔枕\P60;1/9;单开;专线(03)3366\新朔段（丹洲营站—卧厂站）-八里铺</t>
  </si>
  <si>
    <t>【内蒙古中铁】成组砼岔枕\P60;1/9;复交;SC450-500\新朔段（丹洲营站—卧厂站）-八里铺</t>
  </si>
  <si>
    <t>【内蒙古中铁】成组砼岔枕\P60;1/9;复式交分;CZ2504Z\新朔段（丹洲营站—卧厂站）-八里铺</t>
  </si>
  <si>
    <t>【内蒙古中铁】成组砼岔枕\P60;1/9;交渡;CZ580Z\新朔段（丹洲营站—卧厂站）-八里铺</t>
  </si>
  <si>
    <t>【内蒙古中铁】成组砼岔枕\P60;1/9;交渡;CZ582Z\新朔段（丹洲营站—卧厂站）-八里铺</t>
  </si>
  <si>
    <t>【内蒙古中铁】成组砼岔枕\P60;1/9;交渡;CZ583Z\新朔段（丹洲营站—卧厂站）-八里铺</t>
  </si>
  <si>
    <t>【内蒙古中铁】成组砼岔枕\P60;1/9;专线3366;右开\新朔段（丹洲营站—卧厂站）-八里铺</t>
  </si>
  <si>
    <t>【内蒙古中铁】成组砼岔枕\P60;1/9;专线3366;左开\新朔段（丹洲营站—卧厂站）-八里铺</t>
  </si>
  <si>
    <t>【内蒙古中铁】成组砼岔枕\P75;1/12;SC381-500\新朔段（丹洲营站—卧厂站）-八里铺</t>
  </si>
  <si>
    <t>【内蒙古中铁】成组砼岔枕\P75;1/12;SC443-500;交渡\新朔段（丹洲营站—卧厂站）-八里铺</t>
  </si>
  <si>
    <t>【内蒙古中铁】成组砼岔枕\P75;1/12;单开;SC559-500\新朔段（丹洲营站—卧厂站）-八里铺</t>
  </si>
  <si>
    <t>【内蒙古中铁】成组砼岔枕\P75;1/12;单开;研线1116-400\新朔段（丹洲营站—卧厂站）-八里铺</t>
  </si>
  <si>
    <t>【内蒙古中铁】成组砼岔枕\P75;1/12;交渡;SC444\新朔段（丹洲营站—卧厂站）-八里铺</t>
  </si>
  <si>
    <t>【内蒙古中铁】成组砼岔枕\P75;1/18;单开;SC488-500\新朔段（丹洲营站—卧厂站）-八里铺</t>
  </si>
  <si>
    <t>【内蒙古中铁】成组砼岔枕\P75;1/9;5.0m交渡;SC551\新朔段（丹洲营站—卧厂站）-八里铺</t>
  </si>
  <si>
    <t>【内蒙古中铁】电气绝缘枕\ⅢaZ型\新朔段（丹洲营站—卧厂站）-八里铺</t>
  </si>
  <si>
    <t>【内蒙古中铁】电容枕\ⅢA型/ⅢAD\新朔段（丹洲营站—卧厂站）-八里铺</t>
  </si>
  <si>
    <t>【内蒙古中铁】电容枕\新Ⅱ型/XⅡD\新朔段（丹洲营站—卧厂站）-八里铺</t>
  </si>
  <si>
    <t>【内蒙古中铁】电容枕\新Ⅱ型;2500mm;研线0308-1\新朔段（丹洲营站—卧厂站）-八里铺</t>
  </si>
  <si>
    <t>【内蒙古中铁】电容枕\新Ⅲ型桥枕;2600mm;研线0308-1\新朔段（丹洲营站—卧厂站）-八里铺</t>
  </si>
  <si>
    <t>【内蒙古中铁】砼岔枕\P50;1/12;13#;专线(01)3423\新朔段（丹洲营站—卧厂站）-八里铺</t>
  </si>
  <si>
    <t>【内蒙古中铁】砼岔枕\P50;1/12;21#;专线(01)3423\新朔段（丹洲营站—卧厂站）-八里铺</t>
  </si>
  <si>
    <t>【内蒙古中铁】砼岔枕\P50;1/12;5#;专线3355\新朔段（丹洲营站—卧厂站）-八里铺</t>
  </si>
  <si>
    <t>【内蒙古中铁】砼岔枕\P50;1/12;58#;专线3355\新朔段（丹洲营站—卧厂站）-八里铺</t>
  </si>
  <si>
    <t>【内蒙古中铁】砼岔枕\P50;1/9;20#;专线(03)3281\新朔段（丹洲营站—卧厂站）-八里铺</t>
  </si>
  <si>
    <t>【内蒙古中铁】砼岔枕\P50;1/9;3#;CZ2209\新朔段（丹洲营站—卧厂站）-八里铺</t>
  </si>
  <si>
    <t>【内蒙古中铁】砼岔枕\P50;1/9;39#;专线(03)3281\新朔段（丹洲营站—卧厂站）-八里铺</t>
  </si>
  <si>
    <t>【内蒙古中铁】砼岔枕\P50;1/9;48#;专线(03)3281\新朔段（丹洲营站—卧厂站）-八里铺</t>
  </si>
  <si>
    <t>【内蒙古中铁】砼岔枕\P50;1/9;49#;专线(03)3281\新朔段（丹洲营站—卧厂站）-八里铺</t>
  </si>
  <si>
    <t>【内蒙古中铁】砼岔枕\P50;1/9;52#;专线(03)3281\新朔段（丹洲营站—卧厂站）-八里铺</t>
  </si>
  <si>
    <t>【内蒙古中铁】砼岔枕\P50;1/9;单开31#;专线(03)3281\新朔段（丹洲营站—卧厂站）-八里铺</t>
  </si>
  <si>
    <t>【内蒙古中铁】砼岔枕\P50;1/9;单开32#;专线(03)3281\新朔段（丹洲营站—卧厂站）-八里铺</t>
  </si>
  <si>
    <t>【内蒙古中铁】砼岔枕\P50;1/9;单开33#;专线(03)3281\新朔段（丹洲营站—卧厂站）-八里铺</t>
  </si>
  <si>
    <t>【内蒙古中铁】砼岔枕\P50;1/9;单开34#;专线(03)3281\新朔段（丹洲营站—卧厂站）-八里铺</t>
  </si>
  <si>
    <t>【内蒙古中铁】砼岔枕\P50;1/9;单开35#;专线(03)3281\新朔段（丹洲营站—卧厂站）-八里铺</t>
  </si>
  <si>
    <t>【内蒙古中铁】砼岔枕\P50;1/9;单开36#;专线(03)3281\新朔段（丹洲营站—卧厂站）-八里铺</t>
  </si>
  <si>
    <t>【内蒙古中铁】砼岔枕\P50;1/9;单开37#;专线(03)3281\新朔段（丹洲营站—卧厂站）-八里铺</t>
  </si>
  <si>
    <t>【内蒙古中铁】砼岔枕\P60;1/12;1#;SC330-500\新朔段（丹洲营站—卧厂站）-八里铺</t>
  </si>
  <si>
    <t>【内蒙古中铁】砼岔枕\P60;1/12;1#;专线3399\新朔段（丹洲营站—卧厂站）-八里铺</t>
  </si>
  <si>
    <t>【内蒙古中铁】砼岔枕\P60;1/12;10#;专线3399\新朔段（丹洲营站—卧厂站）-八里铺</t>
  </si>
  <si>
    <t>【内蒙古中铁】砼岔枕\P60;1/12;11#;专线3399\新朔段（丹洲营站—卧厂站）-八里铺</t>
  </si>
  <si>
    <t>【内蒙古中铁】砼岔枕\P60;1/12;12#;专线3399\新朔段（丹洲营站—卧厂站）-八里铺</t>
  </si>
  <si>
    <t>【内蒙古中铁】砼岔枕\P60;1/12;13#;专线3399\新朔段（丹洲营站—卧厂站）-八里铺</t>
  </si>
  <si>
    <t>【内蒙古中铁】砼岔枕\P60;1/12;14#;专线3399\新朔段（丹洲营站—卧厂站）-八里铺</t>
  </si>
  <si>
    <t>【内蒙古中铁】砼岔枕\P60;1/12;15#;专线3399\新朔段（丹洲营站—卧厂站）-八里铺</t>
  </si>
  <si>
    <t>【内蒙古中铁】砼岔枕\P60;1/12;16#;专线3399\新朔段（丹洲营站—卧厂站）-八里铺</t>
  </si>
  <si>
    <t>【内蒙古中铁】砼岔枕\P60;1/12;17#;专线3399\新朔段（丹洲营站—卧厂站）-八里铺</t>
  </si>
  <si>
    <t>【内蒙古中铁】砼岔枕\P60;1/12;18#;专线3399\新朔段（丹洲营站—卧厂站）-八里铺</t>
  </si>
  <si>
    <t>【内蒙古中铁】砼岔枕\P60;1/12;19#;专线3399\新朔段（丹洲营站—卧厂站）-八里铺</t>
  </si>
  <si>
    <t>【内蒙古中铁】砼岔枕\P60;1/12;2#;专线3399\新朔段（丹洲营站—卧厂站）-八里铺</t>
  </si>
  <si>
    <t>【内蒙古中铁】砼岔枕\P60;1/12;23#;专线3399\新朔段（丹洲营站—卧厂站）-八里铺</t>
  </si>
  <si>
    <t>【内蒙古中铁】砼岔枕\P60;1/12;24#;专线3399\新朔段（丹洲营站—卧厂站）-八里铺</t>
  </si>
  <si>
    <t>【内蒙古中铁】砼岔枕\P60;1/12;25#;SC330-500\新朔段（丹洲营站—卧厂站）-八里铺</t>
  </si>
  <si>
    <t>【内蒙古中铁】砼岔枕\P60;1/12;25#;SC350\新朔段（丹洲营站—卧厂站）-八里铺</t>
  </si>
  <si>
    <t>【内蒙古中铁】砼岔枕\P60;1/12;25#;专线3399\新朔段（丹洲营站—卧厂站）-八里铺</t>
  </si>
  <si>
    <t>【内蒙古中铁】砼岔枕\P60;1/12;26#;SC330-500\新朔段（丹洲营站—卧厂站）-八里铺</t>
  </si>
  <si>
    <t>【内蒙古中铁】砼岔枕\P60;1/12;26#;SC350\新朔段（丹洲营站—卧厂站）-八里铺</t>
  </si>
  <si>
    <t>【内蒙古中铁】砼岔枕\P60;1/12;26#;专线3399\新朔段（丹洲营站—卧厂站）-八里铺</t>
  </si>
  <si>
    <t>【内蒙古中铁】砼岔枕\P60;1/12;27#;SC330-500\新朔段（丹洲营站—卧厂站）-八里铺</t>
  </si>
  <si>
    <t>【内蒙古中铁】砼岔枕\P60;1/12;27#;专线3399\新朔段（丹洲营站—卧厂站）-八里铺</t>
  </si>
  <si>
    <t>【内蒙古中铁】砼岔枕\P60;1/12;28#;SC330-500\新朔段（丹洲营站—卧厂站）-八里铺</t>
  </si>
  <si>
    <t>【内蒙古中铁】砼岔枕\P60;1/12;28#;专线3399\新朔段（丹洲营站—卧厂站）-八里铺</t>
  </si>
  <si>
    <t>【内蒙古中铁】砼岔枕\P60;1/12;28#;专线4228\新朔段（丹洲营站—卧厂站）-八里铺</t>
  </si>
  <si>
    <t>【内蒙古中铁】砼岔枕\P60;1/12;29#;SC330-500\新朔段（丹洲营站—卧厂站）-八里铺</t>
  </si>
  <si>
    <t>【内蒙古中铁】砼岔枕\P60;1/12;29#;专线3399\新朔段（丹洲营站—卧厂站）-八里铺</t>
  </si>
  <si>
    <t>【内蒙古中铁】砼岔枕\P60;1/12;30#;专线3399\新朔段（丹洲营站—卧厂站）-八里铺</t>
  </si>
  <si>
    <t>【内蒙古中铁】砼岔枕\P60;1/12;30#;专线4228\新朔段（丹洲营站—卧厂站）-八里铺</t>
  </si>
  <si>
    <t>【内蒙古中铁】砼岔枕\P60;1/12;32#;专线3399\新朔段（丹洲营站—卧厂站）-八里铺</t>
  </si>
  <si>
    <t>【内蒙古中铁】砼岔枕\P60;1/12;34#;专线3399\新朔段（丹洲营站—卧厂站）-八里铺</t>
  </si>
  <si>
    <t>【内蒙古中铁】砼岔枕\P60;1/12;36#;SC350\新朔段（丹洲营站—卧厂站）-八里铺</t>
  </si>
  <si>
    <t>【内蒙古中铁】砼岔枕\P60;1/12;37#;专线3399\新朔段（丹洲营站—卧厂站）-八里铺</t>
  </si>
  <si>
    <t>【内蒙古中铁】砼岔枕\P60;1/12;40#;专线3399\新朔段（丹洲营站—卧厂站）-八里铺</t>
  </si>
  <si>
    <t>【内蒙古中铁】砼岔枕\P60;1/12;41#;专线3399\新朔段（丹洲营站—卧厂站）-八里铺</t>
  </si>
  <si>
    <t>【内蒙古中铁】砼岔枕\P60;1/12;42#;专线3399\新朔段（丹洲营站—卧厂站）-八里铺</t>
  </si>
  <si>
    <t>【内蒙古中铁】砼岔枕\P60;1/12;43#;专线3399\新朔段（丹洲营站—卧厂站）-八里铺</t>
  </si>
  <si>
    <t>【内蒙古中铁】砼岔枕\P60;1/12;49#;SC330-500\新朔段（丹洲营站—卧厂站）-八里铺</t>
  </si>
  <si>
    <t>【内蒙古中铁】砼岔枕\P60;1/12;51#;专线3399\新朔段（丹洲营站—卧厂站）-八里铺</t>
  </si>
  <si>
    <t>【内蒙古中铁】砼岔枕\P60;1/12;52#;专线3399\新朔段（丹洲营站—卧厂站）-八里铺</t>
  </si>
  <si>
    <t>【内蒙古中铁】砼岔枕\P60;1/12;53#;SC330-500\新朔段（丹洲营站—卧厂站）-八里铺</t>
  </si>
  <si>
    <t>【内蒙古中铁】砼岔枕\P60;1/12;53#;专线3399\新朔段（丹洲营站—卧厂站）-八里铺</t>
  </si>
  <si>
    <t>【内蒙古中铁】砼岔枕\P60;1/12;53#;专线4228\新朔段（丹洲营站—卧厂站）-八里铺</t>
  </si>
  <si>
    <t>【内蒙古中铁】砼岔枕\P60;1/12;54#;SC330\新朔段（丹洲营站—卧厂站）-八里铺</t>
  </si>
  <si>
    <t>【内蒙古中铁】砼岔枕\P60;1/12;54#;专线3399\新朔段（丹洲营站—卧厂站）-八里铺</t>
  </si>
  <si>
    <t>【内蒙古中铁】砼岔枕\P60;1/12;55#;专线3399\新朔段（丹洲营站—卧厂站）-八里铺</t>
  </si>
  <si>
    <t>【内蒙古中铁】砼岔枕\P60;1/12;56#;专线3399\新朔段（丹洲营站—卧厂站）-八里铺</t>
  </si>
  <si>
    <t>【内蒙古中铁】砼岔枕\P60;1/12;57#;专线3399\新朔段（丹洲营站—卧厂站）-八里铺</t>
  </si>
  <si>
    <t>【内蒙古中铁】砼岔枕\P60;1/12;57#;专线4228\新朔段（丹洲营站—卧厂站）-八里铺</t>
  </si>
  <si>
    <t>【内蒙古中铁】砼岔枕\P60;1/12;58#;专线3399\新朔段（丹洲营站—卧厂站）-八里铺</t>
  </si>
  <si>
    <t>【内蒙古中铁】砼岔枕\P60;1/12;59#;专线3399\新朔段（丹洲营站—卧厂站）-八里铺</t>
  </si>
  <si>
    <t>【内蒙古中铁】砼岔枕\P60;1/12;60#;专线3399\新朔段（丹洲营站—卧厂站）-八里铺</t>
  </si>
  <si>
    <t>【内蒙古中铁】砼岔枕\P60;1/12;61#;专线3399\新朔段（丹洲营站—卧厂站）-八里铺</t>
  </si>
  <si>
    <t>【内蒙古中铁】砼岔枕\P60;1/12;62#;专线3399\新朔段（丹洲营站—卧厂站）-八里铺</t>
  </si>
  <si>
    <t>【内蒙古中铁】砼岔枕\P60;1/12;63#;SC330-500\新朔段（丹洲营站—卧厂站）-八里铺</t>
  </si>
  <si>
    <t>【内蒙古中铁】砼岔枕\P60;1/12;63#;SC340\新朔段（丹洲营站—卧厂站）-八里铺</t>
  </si>
  <si>
    <t>【内蒙古中铁】砼岔枕\P60;1/12;63#;专线3399\新朔段（丹洲营站—卧厂站）-八里铺</t>
  </si>
  <si>
    <t>【内蒙古中铁】砼岔枕\P60;1/12;63#;专线3402\新朔段（丹洲营站—卧厂站）-八里铺</t>
  </si>
  <si>
    <t>【内蒙古中铁】砼岔枕\P60;1/12;63#;专线4228\新朔段（丹洲营站—卧厂站）-八里铺</t>
  </si>
  <si>
    <t>【内蒙古中铁】砼岔枕\P60;1/12;63Z#;SC341-500\新朔段（丹洲营站—卧厂站）-八里铺</t>
  </si>
  <si>
    <t>【内蒙古中铁】砼岔枕\P60;1/12;64#;SC330\新朔段（丹洲营站—卧厂站）-八里铺</t>
  </si>
  <si>
    <t>【内蒙古中铁】砼岔枕\P60;1/12;64#;SC340\新朔段（丹洲营站—卧厂站）-八里铺</t>
  </si>
  <si>
    <t>【内蒙古中铁】砼岔枕\P60;1/12;64#;专线3399\新朔段（丹洲营站—卧厂站）-八里铺</t>
  </si>
  <si>
    <t>【内蒙古中铁】砼岔枕\P60;1/12;64#;专线3402\新朔段（丹洲营站—卧厂站）-八里铺</t>
  </si>
  <si>
    <t>【内蒙古中铁】砼岔枕\P60;1/12;64Z#;SC341-500\新朔段（丹洲营站—卧厂站）-八里铺</t>
  </si>
  <si>
    <t>【内蒙古中铁】砼岔枕\P60;1/12;65#;交渡;SC340C\新朔段（丹洲营站—卧厂站）-八里铺</t>
  </si>
  <si>
    <t>【内蒙古中铁】砼岔枕\P60;1/12;65#;专线3399\新朔段（丹洲营站—卧厂站）-八里铺</t>
  </si>
  <si>
    <t>【内蒙古中铁】砼岔枕\P60;1/12;66#;专线3399\新朔段（丹洲营站—卧厂站）-八里铺</t>
  </si>
  <si>
    <t>【内蒙古中铁】砼岔枕\P60;1/12;67#;专线3399\新朔段（丹洲营站—卧厂站）-八里铺</t>
  </si>
  <si>
    <t>【内蒙古中铁】砼岔枕\P60;1/12;68#;专线3399\新朔段（丹洲营站—卧厂站）-八里铺</t>
  </si>
  <si>
    <t>【内蒙古中铁】砼岔枕\P60;1/12;69#;专线3399\新朔段（丹洲营站—卧厂站）-八里铺</t>
  </si>
  <si>
    <t>【内蒙古中铁】砼岔枕\P60;1/12;73#;专线3402\新朔段（丹洲营站—卧厂站）-八里铺</t>
  </si>
  <si>
    <t>【内蒙古中铁】砼岔枕\P60;1/12;74#;专线3402\新朔段（丹洲营站—卧厂站）-八里铺</t>
  </si>
  <si>
    <t>【内蒙古中铁】砼岔枕\P60;1/18;21#;专线3386\新朔段（丹洲营站—卧厂站）-八里铺</t>
  </si>
  <si>
    <t>【内蒙古中铁】砼岔枕\P60;1/18;32#;专线3386\新朔段（丹洲营站—卧厂站）-八里铺</t>
  </si>
  <si>
    <t>【内蒙古中铁】砼岔枕\P60;1/18;33#;专线3386\新朔段（丹洲营站—卧厂站）-八里铺</t>
  </si>
  <si>
    <t>【内蒙古中铁】砼岔枕\P60;1/18;34#;专线3386\新朔段（丹洲营站—卧厂站）-八里铺</t>
  </si>
  <si>
    <t>【内蒙古中铁】砼岔枕\P60;1/18;71#;专线3386\新朔段（丹洲营站—卧厂站）-八里铺</t>
  </si>
  <si>
    <t>【内蒙古中铁】砼岔枕\P60;1/18;72#;专线3386\新朔段（丹洲营站—卧厂站）-八里铺</t>
  </si>
  <si>
    <t>【内蒙古中铁】砼岔枕\P60;1/9;34#;交渡;SC392C\新朔段（丹洲营站—卧厂站）-八里铺</t>
  </si>
  <si>
    <t>【内蒙古中铁】砼岔枕\P60;1/9;42#;专线(03)3366\新朔段（丹洲营站—卧厂站）-八里铺</t>
  </si>
  <si>
    <t>【内蒙古中铁】砼岔枕\P60;1/9;43#;专线(03)3366\新朔段（丹洲营站—卧厂站）-八里铺</t>
  </si>
  <si>
    <t>【内蒙古中铁】砼岔枕\P60;1/9;49#;SC390\新朔段（丹洲营站—卧厂站）-八里铺</t>
  </si>
  <si>
    <t>【内蒙古中铁】砼岔枕\P60;1/9;49#;专线(03)3366\新朔段（丹洲营站—卧厂站）-八里铺</t>
  </si>
  <si>
    <t>【内蒙古中铁】砼岔枕\P60;1/9;5#;SC390\新朔段（丹洲营站—卧厂站）-八里铺</t>
  </si>
  <si>
    <t>【内蒙古中铁】砼岔枕\P60;1/9;50#;SC390\新朔段（丹洲营站—卧厂站）-八里铺</t>
  </si>
  <si>
    <t>【内蒙古中铁】砼岔枕\P60;1/9;54#;专线(03)3366\新朔段（丹洲营站—卧厂站）-八里铺</t>
  </si>
  <si>
    <t>【内蒙古中铁】砼岔枕\P60;1/9;6#;SC390\新朔段（丹洲营站—卧厂站）-八里铺</t>
  </si>
  <si>
    <t>【内蒙古中铁】砼岔枕\P60;1/9;7#;SC390\新朔段（丹洲营站—卧厂站）-八里铺</t>
  </si>
  <si>
    <t>【内蒙古中铁】砼岔枕\P60;1/9;8#;SC390\新朔段（丹洲营站—卧厂站）-八里铺</t>
  </si>
  <si>
    <t>【内蒙古中铁】砼岔枕\P60;1/9;9#;SC390\新朔段（丹洲营站—卧厂站）-八里铺</t>
  </si>
  <si>
    <t>【内蒙古中铁】砼岔枕\P60;1/9;交渡12#;CZ581Z\新朔段（丹洲营站—卧厂站）-八里铺</t>
  </si>
  <si>
    <t>【内蒙古中铁】砼岔枕\P60;1/9;交渡16#;CZ581Z\新朔段（丹洲营站—卧厂站）-八里铺</t>
  </si>
  <si>
    <t>【内蒙古中铁】砼岔枕\P60;1/9;交渡22#;CZ580Z\新朔段（丹洲营站—卧厂站）-八里铺</t>
  </si>
  <si>
    <t>【内蒙古中铁】砼岔枕\P60;1/9;交渡23#;CZ581Z\新朔段（丹洲营站—卧厂站）-八里铺</t>
  </si>
  <si>
    <t>【内蒙古中铁】砼岔枕\P60;1/9;交渡24#;CZ581Z\新朔段（丹洲营站—卧厂站）-八里铺</t>
  </si>
  <si>
    <t>【内蒙古中铁】砼岔枕\P60;1/9;交渡25#;CZ581Z\新朔段（丹洲营站—卧厂站）-八里铺</t>
  </si>
  <si>
    <t>【内蒙古中铁】砼岔枕\P60;1/9;交渡40#;CZ580Z\新朔段（丹洲营站—卧厂站）-八里铺</t>
  </si>
  <si>
    <t>【内蒙古中铁】砼岔枕\P60;1/9;交渡44#;CZ581Z\新朔段（丹洲营站—卧厂站）-八里铺</t>
  </si>
  <si>
    <t>【内蒙古中铁】砼岔枕\P60;1/9;交渡49#;CZ581Z\新朔段（丹洲营站—卧厂站）-八里铺</t>
  </si>
  <si>
    <t>【内蒙古中铁】砼岔枕\P60;1/9;交渡50#;CZ581Z\新朔段（丹洲营站—卧厂站）-八里铺</t>
  </si>
  <si>
    <t>【内蒙古中铁】砼岔枕\P75;1/12;1#;SC559-500\新朔段（丹洲营站—卧厂站）-八里铺</t>
  </si>
  <si>
    <t>【内蒙古中铁】砼岔枕\P75;1/12;2#;SC559-500\新朔段（丹洲营站—卧厂站）-八里铺</t>
  </si>
  <si>
    <t>【内蒙古中铁】砼岔枕\P75;1/12;25#;SC559-500\新朔段（丹洲营站—卧厂站）-八里铺</t>
  </si>
  <si>
    <t>【内蒙古中铁】砼岔枕\P75;1/12;26#;SC559-500\新朔段（丹洲营站—卧厂站）-八里铺</t>
  </si>
  <si>
    <t>【内蒙古中铁】砼岔枕\P75;1/12;27#;SC559-500\新朔段（丹洲营站—卧厂站）-八里铺</t>
  </si>
  <si>
    <t>【内蒙古中铁】砼岔枕\P75;1/12;28#;SC559-500\新朔段（丹洲营站—卧厂站）-八里铺</t>
  </si>
  <si>
    <t>【内蒙古中铁】砼岔枕\P75;1/12;29#;SC559-500\新朔段（丹洲营站—卧厂站）-八里铺</t>
  </si>
  <si>
    <t>【内蒙古中铁】砼岔枕\P75;1/12;3#;SC559-500\新朔段（丹洲营站—卧厂站）-八里铺</t>
  </si>
  <si>
    <t>【内蒙古中铁】砼岔枕\P75;1/12;30#;SC559-500\新朔段（丹洲营站—卧厂站）-八里铺</t>
  </si>
  <si>
    <t>【内蒙古中铁】砼岔枕\P75;1/12;31#;SC559-500\新朔段（丹洲营站—卧厂站）-八里铺</t>
  </si>
  <si>
    <t>【内蒙古中铁】砼岔枕\P75;1/12;39#;SC559-500\新朔段（丹洲营站—卧厂站）-八里铺</t>
  </si>
  <si>
    <t>【内蒙古中铁】砼岔枕\P75;1/12;40#;SC559-500\新朔段（丹洲营站—卧厂站）-八里铺</t>
  </si>
  <si>
    <t>【内蒙古中铁】砼岔枕\P75;1/12;5.3m交渡;CZ716\新朔段（丹洲营站—卧厂站）-八里铺</t>
  </si>
  <si>
    <t>【内蒙古中铁】砼岔枕\P75;1/12;50#;SC559-500\新朔段（丹洲营站—卧厂站）-八里铺</t>
  </si>
  <si>
    <t>【内蒙古中铁】砼岔枕\P75;1/12;51#;SC559-500\新朔段（丹洲营站—卧厂站）-八里铺</t>
  </si>
  <si>
    <t>【内蒙古中铁】砼岔枕\P75;1/12;52#;SC559-500\新朔段（丹洲营站—卧厂站）-八里铺</t>
  </si>
  <si>
    <t>【内蒙古中铁】砼岔枕\P75;1/12;53#;SC559-500\新朔段（丹洲营站—卧厂站）-八里铺</t>
  </si>
  <si>
    <t>【内蒙古中铁】砼岔枕\P75;1/12;54#;SC559-500\新朔段（丹洲营站—卧厂站）-八里铺</t>
  </si>
  <si>
    <t>【内蒙古中铁】砼岔枕\P75;1/12;55#;SC559-500\新朔段（丹洲营站—卧厂站）-八里铺</t>
  </si>
  <si>
    <t>【内蒙古中铁】砼岔枕\P75;1/12;56#;SC559-500\新朔段（丹洲营站—卧厂站）-八里铺</t>
  </si>
  <si>
    <t>【内蒙古中铁】砼岔枕\P75;1/12;60#;SC559-500\新朔段（丹洲营站—卧厂站）-八里铺</t>
  </si>
  <si>
    <t>【内蒙古中铁】砼岔枕\P75;1/12;61#;SC559-500\新朔段（丹洲营站—卧厂站）-八里铺</t>
  </si>
  <si>
    <t>【内蒙古中铁】砼岔枕\P75;1/12;62#;SC559-500\新朔段（丹洲营站—卧厂站）-八里铺</t>
  </si>
  <si>
    <t>【内蒙古中铁】砼岔枕\P75;1/12;63#;SC559-500\新朔段（丹洲营站—卧厂站）-八里铺</t>
  </si>
  <si>
    <t>【内蒙古中铁】砼岔枕\P75;1/12;64#;SC559-500\新朔段（丹洲营站—卧厂站）-八里铺</t>
  </si>
  <si>
    <t>【内蒙古中铁】砼岔枕\P75;1/12;65#;SC559-500\新朔段（丹洲营站—卧厂站）-八里铺</t>
  </si>
  <si>
    <t>【内蒙古中铁】砼岔枕\P75;1/12;66#;SC559-500\新朔段（丹洲营站—卧厂站）-八里铺</t>
  </si>
  <si>
    <t>【内蒙古中铁】砼岔枕\P75;1/12;67#;SC559-500\新朔段（丹洲营站—卧厂站）-八里铺</t>
  </si>
  <si>
    <t>【内蒙古中铁】砼岔枕\P75;1/12;68#;SC559-500\新朔段（丹洲营站—卧厂站）-八里铺</t>
  </si>
  <si>
    <t>【内蒙古中铁】砼岔枕\P75;1/12;80#;SC559-500\新朔段（丹洲营站—卧厂站）-八里铺</t>
  </si>
  <si>
    <t>【内蒙古中铁】砼岔枕\P75;1/12;81#;SC559-500\新朔段（丹洲营站—卧厂站）-八里铺</t>
  </si>
  <si>
    <t>【内蒙古中铁】砼岔枕\P75;1/12;单开;专线4228\新朔段（丹洲营站—卧厂站）-八里铺</t>
  </si>
  <si>
    <t>【内蒙古中铁】砼桥枕\ⅡZQ-C型0#\新朔段（丹洲营站—卧厂站）-八里铺</t>
  </si>
  <si>
    <t>【内蒙古中铁】砼桥枕\Ⅲ型\新朔段（丹洲营站—卧厂站）-八里铺</t>
  </si>
  <si>
    <t>【内蒙古中铁】砼桥枕\梭头;新Ⅲ型;1#\新朔段（丹洲营站—卧厂站）-八里铺</t>
  </si>
  <si>
    <t>【内蒙古中铁】砼桥枕\梭头;新Ⅲ型;2#\新朔段（丹洲营站—卧厂站）-八里铺</t>
  </si>
  <si>
    <t>【内蒙古中铁】砼桥枕\梭头;新Ⅲ型;3#\新朔段（丹洲营站—卧厂站）-八里铺</t>
  </si>
  <si>
    <t>【内蒙古中铁】砼桥枕\梭头;新Ⅲ型;4#\新朔段（丹洲营站—卧厂站）-八里铺</t>
  </si>
  <si>
    <t>【内蒙古中铁】砼桥枕\新Ⅲ型\新朔段（丹洲营站—卧厂站）-八里铺</t>
  </si>
  <si>
    <t>【内蒙古中铁】砼桥枕\专线3448;弹性;新Ⅲ型\新朔段（丹洲营站—卧厂站）-八里铺</t>
  </si>
  <si>
    <t>【内蒙古中铁】砼桥枕\专线3448;弹性;新Ⅲ型;1#\新朔段（丹洲营站—卧厂站）-八里铺</t>
  </si>
  <si>
    <t>【内蒙古中铁】砼桥枕\专线3448;弹性;新Ⅲ型;2#\新朔段（丹洲营站—卧厂站）-八里铺</t>
  </si>
  <si>
    <t>【内蒙古中铁】砼桥枕\专线3448;弹性;新Ⅲ型;3#\新朔段（丹洲营站—卧厂站）-八里铺</t>
  </si>
  <si>
    <t>【内蒙古中铁】砼桥枕\专线3448;弹性;新Ⅲ型;4#\新朔段（丹洲营站—卧厂站）-八里铺</t>
  </si>
  <si>
    <t>【内蒙古中铁】砼枕\X-Ⅱ型\新朔段（丹洲营站—卧厂站）-八里铺</t>
  </si>
  <si>
    <t>【内蒙古中铁】砼枕\YⅡ-F\新朔段（丹洲营站—卧厂站）-八里铺</t>
  </si>
  <si>
    <t>【内蒙古中铁】砼枕\弹性;ⅢA型\新朔段（丹洲营站—卧厂站）-八里铺</t>
  </si>
  <si>
    <t>【内蒙古中铁】砼枕\专线3393;ⅢA型\新朔段（丹洲营站—卧厂站）-八里铺</t>
  </si>
  <si>
    <t>【内蒙古中铁】成组砼岔枕\P50;1/12;5.0m交渡;专线(03)3424\新朔段（丹洲营站—卧厂站）-高家堡</t>
  </si>
  <si>
    <t>GNWZBP(TH)ZECG2020-193</t>
  </si>
  <si>
    <t>国家能源e购商城内蒙古中铁轨枕配件铺货采购合同-新朔段（丹洲营站—卧厂站）-高家堡</t>
  </si>
  <si>
    <t>【内蒙古中铁】成组砼岔枕\P50;1/12;单开;专线(01)3423\新朔段（丹洲营站—卧厂站）-高家堡</t>
  </si>
  <si>
    <t>【内蒙古中铁】成组砼岔枕\P50;1/12;复交;CZ2220Z\新朔段（丹洲营站—卧厂站）-高家堡</t>
  </si>
  <si>
    <t>【内蒙古中铁】成组砼岔枕\P50;1/12;专线3355\新朔段（丹洲营站—卧厂站）-高家堡</t>
  </si>
  <si>
    <t>【内蒙古中铁】成组砼岔枕\P50;1/12;专线4257\新朔段（丹洲营站—卧厂站）-高家堡</t>
  </si>
  <si>
    <t>【内蒙古中铁】成组砼岔枕\P50;1/6;5.0m交渡;SC432-500\新朔段（丹洲营站—卧厂站）-高家堡</t>
  </si>
  <si>
    <t>【内蒙古中铁】成组砼岔枕\P50;1/6;对称;SC384\新朔段（丹洲营站—卧厂站）-高家堡</t>
  </si>
  <si>
    <t>【内蒙古中铁】成组砼岔枕\P50;1/6;对称;右开;SC384-500\新朔段（丹洲营站—卧厂站）-高家堡</t>
  </si>
  <si>
    <t>【内蒙古中铁】成组砼岔枕\P50;1/6;对称;左开;SC384-500\新朔段（丹洲营站—卧厂站）-高家堡</t>
  </si>
  <si>
    <t>【内蒙古中铁】成组砼岔枕\P50;1/9;5.0m交渡;CZ2210\新朔段（丹洲营站—卧厂站）-高家堡</t>
  </si>
  <si>
    <t>【内蒙古中铁】成组砼岔枕\P50;1/9;5.0m交渡;SC580\新朔段（丹洲营站—卧厂站）-高家堡</t>
  </si>
  <si>
    <t>【内蒙古中铁】成组砼岔枕\P50;1/9;5.0m交渡;专线(02)3428\新朔段（丹洲营站—卧厂站）-高家堡</t>
  </si>
  <si>
    <t>【内蒙古中铁】成组砼岔枕\P50;1/9;5.0m交渡;专线(02)7663\新朔段（丹洲营站—卧厂站）-高家堡</t>
  </si>
  <si>
    <t>【内蒙古中铁】成组砼岔枕\P50;1/9;CZ2209A\新朔段（丹洲营站—卧厂站）-高家堡</t>
  </si>
  <si>
    <t>【内蒙古中铁】成组砼岔枕\P50;1/9;单开;CZ2209Z\新朔段（丹洲营站—卧厂站）-高家堡</t>
  </si>
  <si>
    <t>【内蒙古中铁】成组砼岔枕\P50;1/9;单开;专线(03)3281\新朔段（丹洲营站—卧厂站）-高家堡</t>
  </si>
  <si>
    <t>【内蒙古中铁】成组砼岔枕\P50;1/9;复交;CZ2214Z\新朔段（丹洲营站—卧厂站）-高家堡</t>
  </si>
  <si>
    <t>【内蒙古中铁】成组砼岔枕\P50;1/9;复交;专线(04)3443\新朔段（丹洲营站—卧厂站）-高家堡</t>
  </si>
  <si>
    <t>【内蒙古中铁】成组砼岔枕\P50;1/9;交渡;CZ2213Z\新朔段（丹洲营站—卧厂站）-高家堡</t>
  </si>
  <si>
    <t>【内蒙古中铁】成组砼岔枕\P50;1/9;交渡;SC571-1101\新朔段（丹洲营站—卧厂站）-高家堡</t>
  </si>
  <si>
    <t>【内蒙古中铁】成组砼岔枕\P50;1/9;交渡;专线(03)3431\新朔段（丹洲营站—卧厂站）-高家堡</t>
  </si>
  <si>
    <t>【内蒙古中铁】成组砼岔枕\P60;1/12;5.5m交渡;SC342-500\新朔段（丹洲营站—卧厂站）-高家堡</t>
  </si>
  <si>
    <t>【内蒙古中铁】成组砼岔枕\P60;1/12;6.5m交渡;专线3413\新朔段（丹洲营站—卧厂站）-高家堡</t>
  </si>
  <si>
    <t>【内蒙古中铁】成组砼岔枕\P60;1/12;单开;SC330-500\新朔段（丹洲营站—卧厂站）-高家堡</t>
  </si>
  <si>
    <t>【内蒙古中铁】成组砼岔枕\P60;1/12;渡线;专线3402;Ⅲ型\新朔段（丹洲营站—卧厂站）-高家堡</t>
  </si>
  <si>
    <t>【内蒙古中铁】成组砼岔枕\P60;1/12;复交;SC350\新朔段（丹洲营站—卧厂站）-高家堡</t>
  </si>
  <si>
    <t>【内蒙古中铁】成组砼岔枕\P60;1/12;交渡;SC340-500\新朔段（丹洲营站—卧厂站）-高家堡</t>
  </si>
  <si>
    <t>【内蒙古中铁】成组砼岔枕\P60;1/12;交渡;SC342-500\新朔段（丹洲营站—卧厂站）-高家堡</t>
  </si>
  <si>
    <t>【内蒙古中铁】成组砼岔枕\P60;1/12;砼;单开;专线4249\新朔段（丹洲营站—卧厂站）-高家堡</t>
  </si>
  <si>
    <t>【内蒙古中铁】成组砼岔枕\P60;1/12;专线3399;Ⅲ型\新朔段（丹洲营站—卧厂站）-高家堡</t>
  </si>
  <si>
    <t>【内蒙古中铁】成组砼岔枕\P60;1/18;单开;GLC(07)02-300\新朔段（丹洲营站—卧厂站）-高家堡</t>
  </si>
  <si>
    <t>【内蒙古中铁】成组砼岔枕\P60;1/18;单开;GLC(09)05-300\新朔段（丹洲营站—卧厂站）-高家堡</t>
  </si>
  <si>
    <t>【内蒙古中铁】成组砼岔枕\P60;1/9;5.0m组合;SC(07)460-1108\新朔段（丹洲营站—卧厂站）-高家堡</t>
  </si>
  <si>
    <t>【内蒙古中铁】成组砼岔枕\P60;1/9;5.0m组合;SC(07)460-1204\新朔段（丹洲营站—卧厂站）-高家堡</t>
  </si>
  <si>
    <t>【内蒙古中铁】成组砼岔枕\P60;1/9;5.0m组合;SC(07)460-1208\新朔段（丹洲营站—卧厂站）-高家堡</t>
  </si>
  <si>
    <t>【内蒙古中铁】成组砼岔枕\P60;1/9;5.0m组合;SC(07)460-1211\新朔段（丹洲营站—卧厂站）-高家堡</t>
  </si>
  <si>
    <t>【内蒙古中铁】成组砼岔枕\P60;1/9;5.3m交渡;CZ581Z\新朔段（丹洲营站—卧厂站）-高家堡</t>
  </si>
  <si>
    <t>【内蒙古中铁】成组砼岔枕\P60;1/9;单开;CZ577Z\新朔段（丹洲营站—卧厂站）-高家堡</t>
  </si>
  <si>
    <t>【内蒙古中铁】成组砼岔枕\P60;1/9;单开;专线(03)3366\新朔段（丹洲营站—卧厂站）-高家堡</t>
  </si>
  <si>
    <t>【内蒙古中铁】成组砼岔枕\P60;1/9;复交;SC450-500\新朔段（丹洲营站—卧厂站）-高家堡</t>
  </si>
  <si>
    <t>【内蒙古中铁】成组砼岔枕\P60;1/9;复式交分;CZ2504Z\新朔段（丹洲营站—卧厂站）-高家堡</t>
  </si>
  <si>
    <t>【内蒙古中铁】成组砼岔枕\P60;1/9;交渡;CZ580Z\新朔段（丹洲营站—卧厂站）-高家堡</t>
  </si>
  <si>
    <t>【内蒙古中铁】成组砼岔枕\P60;1/9;交渡;CZ582Z\新朔段（丹洲营站—卧厂站）-高家堡</t>
  </si>
  <si>
    <t>【内蒙古中铁】成组砼岔枕\P60;1/9;交渡;CZ583Z\新朔段（丹洲营站—卧厂站）-高家堡</t>
  </si>
  <si>
    <t>【内蒙古中铁】成组砼岔枕\P60;1/9;专线3366;右开\新朔段（丹洲营站—卧厂站）-高家堡</t>
  </si>
  <si>
    <t>【内蒙古中铁】成组砼岔枕\P60;1/9;专线3366;左开\新朔段（丹洲营站—卧厂站）-高家堡</t>
  </si>
  <si>
    <t>【内蒙古中铁】成组砼岔枕\P75;1/12;SC381-500\新朔段（丹洲营站—卧厂站）-高家堡</t>
  </si>
  <si>
    <t>【内蒙古中铁】成组砼岔枕\P75;1/12;SC443-500;交渡\新朔段（丹洲营站—卧厂站）-高家堡</t>
  </si>
  <si>
    <t>【内蒙古中铁】成组砼岔枕\P75;1/12;单开;SC559-500\新朔段（丹洲营站—卧厂站）-高家堡</t>
  </si>
  <si>
    <t>【内蒙古中铁】成组砼岔枕\P75;1/12;单开;研线1116-400\新朔段（丹洲营站—卧厂站）-高家堡</t>
  </si>
  <si>
    <t>【内蒙古中铁】成组砼岔枕\P75;1/12;交渡;SC444\新朔段（丹洲营站—卧厂站）-高家堡</t>
  </si>
  <si>
    <t>【内蒙古中铁】成组砼岔枕\P75;1/18;单开;SC488-500\新朔段（丹洲营站—卧厂站）-高家堡</t>
  </si>
  <si>
    <t>【内蒙古中铁】成组砼岔枕\P75;1/9;5.0m交渡;SC551\新朔段（丹洲营站—卧厂站）-高家堡</t>
  </si>
  <si>
    <t>【内蒙古中铁】电气绝缘枕\ⅢaZ型\新朔段（丹洲营站—卧厂站）-高家堡</t>
  </si>
  <si>
    <t>【内蒙古中铁】电容枕\ⅢA型/ⅢAD\新朔段（丹洲营站—卧厂站）-高家堡</t>
  </si>
  <si>
    <t>【内蒙古中铁】电容枕\新Ⅱ型/XⅡD\新朔段（丹洲营站—卧厂站）-高家堡</t>
  </si>
  <si>
    <t>【内蒙古中铁】电容枕\新Ⅱ型;2500mm;研线0308-1\新朔段（丹洲营站—卧厂站）-高家堡</t>
  </si>
  <si>
    <t>【内蒙古中铁】电容枕\新Ⅲ型桥枕;2600mm;研线0308-1\新朔段（丹洲营站—卧厂站）-高家堡</t>
  </si>
  <si>
    <t>【内蒙古中铁】砼岔枕\P50;1/12;13#;专线(01)3423\新朔段（丹洲营站—卧厂站）-高家堡</t>
  </si>
  <si>
    <t>【内蒙古中铁】砼岔枕\P50;1/12;21#;专线(01)3423\新朔段（丹洲营站—卧厂站）-高家堡</t>
  </si>
  <si>
    <t>【内蒙古中铁】砼岔枕\P50;1/12;5#;专线3355\新朔段（丹洲营站—卧厂站）-高家堡</t>
  </si>
  <si>
    <t>【内蒙古中铁】砼岔枕\P50;1/12;58#;专线3355\新朔段（丹洲营站—卧厂站）-高家堡</t>
  </si>
  <si>
    <t>【内蒙古中铁】砼岔枕\P50;1/9;20#;专线(03)3281\新朔段（丹洲营站—卧厂站）-高家堡</t>
  </si>
  <si>
    <t>【内蒙古中铁】砼岔枕\P50;1/9;3#;CZ2209\新朔段（丹洲营站—卧厂站）-高家堡</t>
  </si>
  <si>
    <t>【内蒙古中铁】砼岔枕\P50;1/9;39#;专线(03)3281\新朔段（丹洲营站—卧厂站）-高家堡</t>
  </si>
  <si>
    <t>【内蒙古中铁】砼岔枕\P50;1/9;48#;专线(03)3281\新朔段（丹洲营站—卧厂站）-高家堡</t>
  </si>
  <si>
    <t>【内蒙古中铁】砼岔枕\P50;1/9;49#;专线(03)3281\新朔段（丹洲营站—卧厂站）-高家堡</t>
  </si>
  <si>
    <t>【内蒙古中铁】砼岔枕\P50;1/9;52#;专线(03)3281\新朔段（丹洲营站—卧厂站）-高家堡</t>
  </si>
  <si>
    <t>【内蒙古中铁】砼岔枕\P50;1/9;单开31#;专线(03)3281\新朔段（丹洲营站—卧厂站）-高家堡</t>
  </si>
  <si>
    <t>【内蒙古中铁】砼岔枕\P50;1/9;单开32#;专线(03)3281\新朔段（丹洲营站—卧厂站）-高家堡</t>
  </si>
  <si>
    <t>【内蒙古中铁】砼岔枕\P50;1/9;单开33#;专线(03)3281\新朔段（丹洲营站—卧厂站）-高家堡</t>
  </si>
  <si>
    <t>【内蒙古中铁】砼岔枕\P50;1/9;单开34#;专线(03)3281\新朔段（丹洲营站—卧厂站）-高家堡</t>
  </si>
  <si>
    <t>【内蒙古中铁】砼岔枕\P50;1/9;单开35#;专线(03)3281\新朔段（丹洲营站—卧厂站）-高家堡</t>
  </si>
  <si>
    <t>【内蒙古中铁】砼岔枕\P50;1/9;单开36#;专线(03)3281\新朔段（丹洲营站—卧厂站）-高家堡</t>
  </si>
  <si>
    <t>【内蒙古中铁】砼岔枕\P50;1/9;单开37#;专线(03)3281\新朔段（丹洲营站—卧厂站）-高家堡</t>
  </si>
  <si>
    <t>【内蒙古中铁】砼岔枕\P60;1/12;1#;SC330-500\新朔段（丹洲营站—卧厂站）-高家堡</t>
  </si>
  <si>
    <t>【内蒙古中铁】砼岔枕\P60;1/12;1#;专线3399\新朔段（丹洲营站—卧厂站）-高家堡</t>
  </si>
  <si>
    <t>【内蒙古中铁】砼岔枕\P60;1/12;10#;专线3399\新朔段（丹洲营站—卧厂站）-高家堡</t>
  </si>
  <si>
    <t>【内蒙古中铁】砼岔枕\P60;1/12;11#;专线3399\新朔段（丹洲营站—卧厂站）-高家堡</t>
  </si>
  <si>
    <t>【内蒙古中铁】砼岔枕\P60;1/12;12#;专线3399\新朔段（丹洲营站—卧厂站）-高家堡</t>
  </si>
  <si>
    <t>【内蒙古中铁】砼岔枕\P60;1/12;13#;专线3399\新朔段（丹洲营站—卧厂站）-高家堡</t>
  </si>
  <si>
    <t>【内蒙古中铁】砼岔枕\P60;1/12;14#;专线3399\新朔段（丹洲营站—卧厂站）-高家堡</t>
  </si>
  <si>
    <t>【内蒙古中铁】砼岔枕\P60;1/12;15#;专线3399\新朔段（丹洲营站—卧厂站）-高家堡</t>
  </si>
  <si>
    <t>【内蒙古中铁】砼岔枕\P60;1/12;16#;专线3399\新朔段（丹洲营站—卧厂站）-高家堡</t>
  </si>
  <si>
    <t>【内蒙古中铁】砼岔枕\P60;1/12;17#;专线3399\新朔段（丹洲营站—卧厂站）-高家堡</t>
  </si>
  <si>
    <t>【内蒙古中铁】砼岔枕\P60;1/12;18#;专线3399\新朔段（丹洲营站—卧厂站）-高家堡</t>
  </si>
  <si>
    <t>【内蒙古中铁】砼岔枕\P60;1/12;19#;专线3399\新朔段（丹洲营站—卧厂站）-高家堡</t>
  </si>
  <si>
    <t>【内蒙古中铁】砼岔枕\P60;1/12;2#;专线3399\新朔段（丹洲营站—卧厂站）-高家堡</t>
  </si>
  <si>
    <t>【内蒙古中铁】砼岔枕\P60;1/12;23#;专线3399\新朔段（丹洲营站—卧厂站）-高家堡</t>
  </si>
  <si>
    <t>【内蒙古中铁】砼岔枕\P60;1/12;24#;专线3399\新朔段（丹洲营站—卧厂站）-高家堡</t>
  </si>
  <si>
    <t>【内蒙古中铁】砼岔枕\P60;1/12;25#;SC330-500\新朔段（丹洲营站—卧厂站）-高家堡</t>
  </si>
  <si>
    <t>【内蒙古中铁】砼岔枕\P60;1/12;25#;SC350\新朔段（丹洲营站—卧厂站）-高家堡</t>
  </si>
  <si>
    <t>【内蒙古中铁】砼岔枕\P60;1/12;25#;专线3399\新朔段（丹洲营站—卧厂站）-高家堡</t>
  </si>
  <si>
    <t>【内蒙古中铁】砼岔枕\P60;1/12;26#;SC330-500\新朔段（丹洲营站—卧厂站）-高家堡</t>
  </si>
  <si>
    <t>【内蒙古中铁】砼岔枕\P60;1/12;26#;SC350\新朔段（丹洲营站—卧厂站）-高家堡</t>
  </si>
  <si>
    <t>【内蒙古中铁】砼岔枕\P60;1/12;26#;专线3399\新朔段（丹洲营站—卧厂站）-高家堡</t>
  </si>
  <si>
    <t>【内蒙古中铁】砼岔枕\P60;1/12;27#;SC330-500\新朔段（丹洲营站—卧厂站）-高家堡</t>
  </si>
  <si>
    <t>【内蒙古中铁】砼岔枕\P60;1/12;27#;专线3399\新朔段（丹洲营站—卧厂站）-高家堡</t>
  </si>
  <si>
    <t>【内蒙古中铁】砼岔枕\P60;1/12;28#;SC330-500\新朔段（丹洲营站—卧厂站）-高家堡</t>
  </si>
  <si>
    <t>【内蒙古中铁】砼岔枕\P60;1/12;28#;专线3399\新朔段（丹洲营站—卧厂站）-高家堡</t>
  </si>
  <si>
    <t>【内蒙古中铁】砼岔枕\P60;1/12;28#;专线4228\新朔段（丹洲营站—卧厂站）-高家堡</t>
  </si>
  <si>
    <t>【内蒙古中铁】砼岔枕\P60;1/12;29#;SC330-500\新朔段（丹洲营站—卧厂站）-高家堡</t>
  </si>
  <si>
    <t>【内蒙古中铁】砼岔枕\P60;1/12;29#;专线3399\新朔段（丹洲营站—卧厂站）-高家堡</t>
  </si>
  <si>
    <t>【内蒙古中铁】砼岔枕\P60;1/12;30#;专线3399\新朔段（丹洲营站—卧厂站）-高家堡</t>
  </si>
  <si>
    <t>【内蒙古中铁】砼岔枕\P60;1/12;30#;专线4228\新朔段（丹洲营站—卧厂站）-高家堡</t>
  </si>
  <si>
    <t>【内蒙古中铁】砼岔枕\P60;1/12;32#;专线3399\新朔段（丹洲营站—卧厂站）-高家堡</t>
  </si>
  <si>
    <t>【内蒙古中铁】砼岔枕\P60;1/12;34#;专线3399\新朔段（丹洲营站—卧厂站）-高家堡</t>
  </si>
  <si>
    <t>【内蒙古中铁】砼岔枕\P60;1/12;36#;SC350\新朔段（丹洲营站—卧厂站）-高家堡</t>
  </si>
  <si>
    <t>【内蒙古中铁】砼岔枕\P60;1/12;37#;专线3399\新朔段（丹洲营站—卧厂站）-高家堡</t>
  </si>
  <si>
    <t>【内蒙古中铁】砼岔枕\P60;1/12;40#;专线3399\新朔段（丹洲营站—卧厂站）-高家堡</t>
  </si>
  <si>
    <t>【内蒙古中铁】砼岔枕\P60;1/12;41#;专线3399\新朔段（丹洲营站—卧厂站）-高家堡</t>
  </si>
  <si>
    <t>【内蒙古中铁】砼岔枕\P60;1/12;42#;专线3399\新朔段（丹洲营站—卧厂站）-高家堡</t>
  </si>
  <si>
    <t>【内蒙古中铁】砼岔枕\P60;1/12;43#;专线3399\新朔段（丹洲营站—卧厂站）-高家堡</t>
  </si>
  <si>
    <t>【内蒙古中铁】砼岔枕\P60;1/12;49#;SC330-500\新朔段（丹洲营站—卧厂站）-高家堡</t>
  </si>
  <si>
    <t>【内蒙古中铁】砼岔枕\P60;1/12;51#;专线3399\新朔段（丹洲营站—卧厂站）-高家堡</t>
  </si>
  <si>
    <t>【内蒙古中铁】砼岔枕\P60;1/12;52#;专线3399\新朔段（丹洲营站—卧厂站）-高家堡</t>
  </si>
  <si>
    <t>【内蒙古中铁】砼岔枕\P60;1/12;53#;SC330-500\新朔段（丹洲营站—卧厂站）-高家堡</t>
  </si>
  <si>
    <t>【内蒙古中铁】砼岔枕\P60;1/12;53#;专线3399\新朔段（丹洲营站—卧厂站）-高家堡</t>
  </si>
  <si>
    <t>【内蒙古中铁】砼岔枕\P60;1/12;53#;专线4228\新朔段（丹洲营站—卧厂站）-高家堡</t>
  </si>
  <si>
    <t>【内蒙古中铁】砼岔枕\P60;1/12;54#;SC330\新朔段（丹洲营站—卧厂站）-高家堡</t>
  </si>
  <si>
    <t>【内蒙古中铁】砼岔枕\P60;1/12;54#;专线3399\新朔段（丹洲营站—卧厂站）-高家堡</t>
  </si>
  <si>
    <t>【内蒙古中铁】砼岔枕\P60;1/12;55#;专线3399\新朔段（丹洲营站—卧厂站）-高家堡</t>
  </si>
  <si>
    <t>【内蒙古中铁】砼岔枕\P60;1/12;56#;专线3399\新朔段（丹洲营站—卧厂站）-高家堡</t>
  </si>
  <si>
    <t>【内蒙古中铁】砼岔枕\P60;1/12;57#;专线3399\新朔段（丹洲营站—卧厂站）-高家堡</t>
  </si>
  <si>
    <t>【内蒙古中铁】砼岔枕\P60;1/12;57#;专线4228\新朔段（丹洲营站—卧厂站）-高家堡</t>
  </si>
  <si>
    <t>【内蒙古中铁】砼岔枕\P60;1/12;58#;专线3399\新朔段（丹洲营站—卧厂站）-高家堡</t>
  </si>
  <si>
    <t>【内蒙古中铁】砼岔枕\P60;1/12;59#;专线3399\新朔段（丹洲营站—卧厂站）-高家堡</t>
  </si>
  <si>
    <t>【内蒙古中铁】砼岔枕\P60;1/12;60#;专线3399\新朔段（丹洲营站—卧厂站）-高家堡</t>
  </si>
  <si>
    <t>【内蒙古中铁】砼岔枕\P60;1/12;61#;专线3399\新朔段（丹洲营站—卧厂站）-高家堡</t>
  </si>
  <si>
    <t>【内蒙古中铁】砼岔枕\P60;1/12;62#;专线3399\新朔段（丹洲营站—卧厂站）-高家堡</t>
  </si>
  <si>
    <t>【内蒙古中铁】砼岔枕\P60;1/12;63#;SC330-500\新朔段（丹洲营站—卧厂站）-高家堡</t>
  </si>
  <si>
    <t>【内蒙古中铁】砼岔枕\P60;1/12;63#;SC340\新朔段（丹洲营站—卧厂站）-高家堡</t>
  </si>
  <si>
    <t>【内蒙古中铁】砼岔枕\P60;1/12;63#;专线3399\新朔段（丹洲营站—卧厂站）-高家堡</t>
  </si>
  <si>
    <t>【内蒙古中铁】砼岔枕\P60;1/12;63#;专线3402\新朔段（丹洲营站—卧厂站）-高家堡</t>
  </si>
  <si>
    <t>【内蒙古中铁】砼岔枕\P60;1/12;63#;专线4228\新朔段（丹洲营站—卧厂站）-高家堡</t>
  </si>
  <si>
    <t>【内蒙古中铁】砼岔枕\P60;1/12;63Z#;SC341-500\新朔段（丹洲营站—卧厂站）-高家堡</t>
  </si>
  <si>
    <t>【内蒙古中铁】砼岔枕\P60;1/12;64#;SC330\新朔段（丹洲营站—卧厂站）-高家堡</t>
  </si>
  <si>
    <t>【内蒙古中铁】砼岔枕\P60;1/12;64#;SC340\新朔段（丹洲营站—卧厂站）-高家堡</t>
  </si>
  <si>
    <t>【内蒙古中铁】砼岔枕\P60;1/12;64#;专线3399\新朔段（丹洲营站—卧厂站）-高家堡</t>
  </si>
  <si>
    <t>【内蒙古中铁】砼岔枕\P60;1/12;64#;专线3402\新朔段（丹洲营站—卧厂站）-高家堡</t>
  </si>
  <si>
    <t>【内蒙古中铁】砼岔枕\P60;1/12;64Z#;SC341-500\新朔段（丹洲营站—卧厂站）-高家堡</t>
  </si>
  <si>
    <t>【内蒙古中铁】砼岔枕\P60;1/12;65#;交渡;SC340C\新朔段（丹洲营站—卧厂站）-高家堡</t>
  </si>
  <si>
    <t>【内蒙古中铁】砼岔枕\P60;1/12;65#;专线3399\新朔段（丹洲营站—卧厂站）-高家堡</t>
  </si>
  <si>
    <t>【内蒙古中铁】砼岔枕\P60;1/12;66#;专线3399\新朔段（丹洲营站—卧厂站）-高家堡</t>
  </si>
  <si>
    <t>【内蒙古中铁】砼岔枕\P60;1/12;67#;专线3399\新朔段（丹洲营站—卧厂站）-高家堡</t>
  </si>
  <si>
    <t>【内蒙古中铁】砼岔枕\P60;1/12;68#;专线3399\新朔段（丹洲营站—卧厂站）-高家堡</t>
  </si>
  <si>
    <t>【内蒙古中铁】砼岔枕\P60;1/12;69#;专线3399\新朔段（丹洲营站—卧厂站）-高家堡</t>
  </si>
  <si>
    <t>【内蒙古中铁】砼岔枕\P60;1/12;73#;专线3402\新朔段（丹洲营站—卧厂站）-高家堡</t>
  </si>
  <si>
    <t>【内蒙古中铁】砼岔枕\P60;1/12;74#;专线3402\新朔段（丹洲营站—卧厂站）-高家堡</t>
  </si>
  <si>
    <t>【内蒙古中铁】砼岔枕\P60;1/18;21#;专线3386\新朔段（丹洲营站—卧厂站）-高家堡</t>
  </si>
  <si>
    <t>【内蒙古中铁】砼岔枕\P60;1/18;32#;专线3386\新朔段（丹洲营站—卧厂站）-高家堡</t>
  </si>
  <si>
    <t>【内蒙古中铁】砼岔枕\P60;1/18;33#;专线3386\新朔段（丹洲营站—卧厂站）-高家堡</t>
  </si>
  <si>
    <t>【内蒙古中铁】砼岔枕\P60;1/18;34#;专线3386\新朔段（丹洲营站—卧厂站）-高家堡</t>
  </si>
  <si>
    <t>【内蒙古中铁】砼岔枕\P60;1/18;71#;专线3386\新朔段（丹洲营站—卧厂站）-高家堡</t>
  </si>
  <si>
    <t>【内蒙古中铁】砼岔枕\P60;1/18;72#;专线3386\新朔段（丹洲营站—卧厂站）-高家堡</t>
  </si>
  <si>
    <t>【内蒙古中铁】砼岔枕\P60;1/9;34#;交渡;SC392C\新朔段（丹洲营站—卧厂站）-高家堡</t>
  </si>
  <si>
    <t>【内蒙古中铁】砼岔枕\P60;1/9;42#;专线(03)3366\新朔段（丹洲营站—卧厂站）-高家堡</t>
  </si>
  <si>
    <t>【内蒙古中铁】砼岔枕\P60;1/9;43#;专线(03)3366\新朔段（丹洲营站—卧厂站）-高家堡</t>
  </si>
  <si>
    <t>【内蒙古中铁】砼岔枕\P60;1/9;49#;SC390\新朔段（丹洲营站—卧厂站）-高家堡</t>
  </si>
  <si>
    <t>【内蒙古中铁】砼岔枕\P60;1/9;49#;专线(03)3366\新朔段（丹洲营站—卧厂站）-高家堡</t>
  </si>
  <si>
    <t>【内蒙古中铁】砼岔枕\P60;1/9;5#;SC390\新朔段（丹洲营站—卧厂站）-高家堡</t>
  </si>
  <si>
    <t>【内蒙古中铁】砼岔枕\P60;1/9;50#;SC390\新朔段（丹洲营站—卧厂站）-高家堡</t>
  </si>
  <si>
    <t>【内蒙古中铁】砼岔枕\P60;1/9;54#;专线(03)3366\新朔段（丹洲营站—卧厂站）-高家堡</t>
  </si>
  <si>
    <t>【内蒙古中铁】砼岔枕\P60;1/9;6#;SC390\新朔段（丹洲营站—卧厂站）-高家堡</t>
  </si>
  <si>
    <t>【内蒙古中铁】砼岔枕\P60;1/9;7#;SC390\新朔段（丹洲营站—卧厂站）-高家堡</t>
  </si>
  <si>
    <t>【内蒙古中铁】砼岔枕\P60;1/9;8#;SC390\新朔段（丹洲营站—卧厂站）-高家堡</t>
  </si>
  <si>
    <t>【内蒙古中铁】砼岔枕\P60;1/9;9#;SC390\新朔段（丹洲营站—卧厂站）-高家堡</t>
  </si>
  <si>
    <t>【内蒙古中铁】砼岔枕\P60;1/9;交渡12#;CZ581Z\新朔段（丹洲营站—卧厂站）-高家堡</t>
  </si>
  <si>
    <t>【内蒙古中铁】砼岔枕\P60;1/9;交渡16#;CZ581Z\新朔段（丹洲营站—卧厂站）-高家堡</t>
  </si>
  <si>
    <t>【内蒙古中铁】砼岔枕\P60;1/9;交渡22#;CZ580Z\新朔段（丹洲营站—卧厂站）-高家堡</t>
  </si>
  <si>
    <t>【内蒙古中铁】砼岔枕\P60;1/9;交渡23#;CZ581Z\新朔段（丹洲营站—卧厂站）-高家堡</t>
  </si>
  <si>
    <t>【内蒙古中铁】砼岔枕\P60;1/9;交渡24#;CZ581Z\新朔段（丹洲营站—卧厂站）-高家堡</t>
  </si>
  <si>
    <t>【内蒙古中铁】砼岔枕\P60;1/9;交渡25#;CZ581Z\新朔段（丹洲营站—卧厂站）-高家堡</t>
  </si>
  <si>
    <t>【内蒙古中铁】砼岔枕\P60;1/9;交渡40#;CZ580Z\新朔段（丹洲营站—卧厂站）-高家堡</t>
  </si>
  <si>
    <t>【内蒙古中铁】砼岔枕\P60;1/9;交渡44#;CZ581Z\新朔段（丹洲营站—卧厂站）-高家堡</t>
  </si>
  <si>
    <t>【内蒙古中铁】砼岔枕\P60;1/9;交渡49#;CZ581Z\新朔段（丹洲营站—卧厂站）-高家堡</t>
  </si>
  <si>
    <t>【内蒙古中铁】砼岔枕\P60;1/9;交渡50#;CZ581Z\新朔段（丹洲营站—卧厂站）-高家堡</t>
  </si>
  <si>
    <t>【内蒙古中铁】砼岔枕\P75;1/12;1#;SC559-500\新朔段（丹洲营站—卧厂站）-高家堡</t>
  </si>
  <si>
    <t>【内蒙古中铁】砼岔枕\P75;1/12;2#;SC559-500\新朔段（丹洲营站—卧厂站）-高家堡</t>
  </si>
  <si>
    <t>【内蒙古中铁】砼岔枕\P75;1/12;25#;SC559-500\新朔段（丹洲营站—卧厂站）-高家堡</t>
  </si>
  <si>
    <t>【内蒙古中铁】砼岔枕\P75;1/12;26#;SC559-500\新朔段（丹洲营站—卧厂站）-高家堡</t>
  </si>
  <si>
    <t>【内蒙古中铁】砼岔枕\P75;1/12;27#;SC559-500\新朔段（丹洲营站—卧厂站）-高家堡</t>
  </si>
  <si>
    <t>【内蒙古中铁】砼岔枕\P75;1/12;28#;SC559-500\新朔段（丹洲营站—卧厂站）-高家堡</t>
  </si>
  <si>
    <t>【内蒙古中铁】砼岔枕\P75;1/12;29#;SC559-500\新朔段（丹洲营站—卧厂站）-高家堡</t>
  </si>
  <si>
    <t>【内蒙古中铁】砼岔枕\P75;1/12;3#;SC559-500\新朔段（丹洲营站—卧厂站）-高家堡</t>
  </si>
  <si>
    <t>【内蒙古中铁】砼岔枕\P75;1/12;30#;SC559-500\新朔段（丹洲营站—卧厂站）-高家堡</t>
  </si>
  <si>
    <t>【内蒙古中铁】砼岔枕\P75;1/12;31#;SC559-500\新朔段（丹洲营站—卧厂站）-高家堡</t>
  </si>
  <si>
    <t>【内蒙古中铁】砼岔枕\P75;1/12;39#;SC559-500\新朔段（丹洲营站—卧厂站）-高家堡</t>
  </si>
  <si>
    <t>【内蒙古中铁】砼岔枕\P75;1/12;40#;SC559-500\新朔段（丹洲营站—卧厂站）-高家堡</t>
  </si>
  <si>
    <t>【内蒙古中铁】砼岔枕\P75;1/12;5.3m交渡;CZ716\新朔段（丹洲营站—卧厂站）-高家堡</t>
  </si>
  <si>
    <t>【内蒙古中铁】砼岔枕\P75;1/12;50#;SC559-500\新朔段（丹洲营站—卧厂站）-高家堡</t>
  </si>
  <si>
    <t>【内蒙古中铁】砼岔枕\P75;1/12;51#;SC559-500\新朔段（丹洲营站—卧厂站）-高家堡</t>
  </si>
  <si>
    <t>【内蒙古中铁】砼岔枕\P75;1/12;52#;SC559-500\新朔段（丹洲营站—卧厂站）-高家堡</t>
  </si>
  <si>
    <t>【内蒙古中铁】砼岔枕\P75;1/12;53#;SC559-500\新朔段（丹洲营站—卧厂站）-高家堡</t>
  </si>
  <si>
    <t>【内蒙古中铁】砼岔枕\P75;1/12;54#;SC559-500\新朔段（丹洲营站—卧厂站）-高家堡</t>
  </si>
  <si>
    <t>【内蒙古中铁】砼岔枕\P75;1/12;55#;SC559-500\新朔段（丹洲营站—卧厂站）-高家堡</t>
  </si>
  <si>
    <t>【内蒙古中铁】砼岔枕\P75;1/12;56#;SC559-500\新朔段（丹洲营站—卧厂站）-高家堡</t>
  </si>
  <si>
    <t>【内蒙古中铁】砼岔枕\P75;1/12;60#;SC559-500\新朔段（丹洲营站—卧厂站）-高家堡</t>
  </si>
  <si>
    <t>【内蒙古中铁】砼岔枕\P75;1/12;61#;SC559-500\新朔段（丹洲营站—卧厂站）-高家堡</t>
  </si>
  <si>
    <t>【内蒙古中铁】砼岔枕\P75;1/12;62#;SC559-500\新朔段（丹洲营站—卧厂站）-高家堡</t>
  </si>
  <si>
    <t>【内蒙古中铁】砼岔枕\P75;1/12;63#;SC559-500\新朔段（丹洲营站—卧厂站）-高家堡</t>
  </si>
  <si>
    <t>【内蒙古中铁】砼岔枕\P75;1/12;64#;SC559-500\新朔段（丹洲营站—卧厂站）-高家堡</t>
  </si>
  <si>
    <t>【内蒙古中铁】砼岔枕\P75;1/12;65#;SC559-500\新朔段（丹洲营站—卧厂站）-高家堡</t>
  </si>
  <si>
    <t>【内蒙古中铁】砼岔枕\P75;1/12;66#;SC559-500\新朔段（丹洲营站—卧厂站）-高家堡</t>
  </si>
  <si>
    <t>【内蒙古中铁】砼岔枕\P75;1/12;67#;SC559-500\新朔段（丹洲营站—卧厂站）-高家堡</t>
  </si>
  <si>
    <t>【内蒙古中铁】砼岔枕\P75;1/12;68#;SC559-500\新朔段（丹洲营站—卧厂站）-高家堡</t>
  </si>
  <si>
    <t>【内蒙古中铁】砼岔枕\P75;1/12;80#;SC559-500\新朔段（丹洲营站—卧厂站）-高家堡</t>
  </si>
  <si>
    <t>【内蒙古中铁】砼岔枕\P75;1/12;81#;SC559-500\新朔段（丹洲营站—卧厂站）-高家堡</t>
  </si>
  <si>
    <t>【内蒙古中铁】砼岔枕\P75;1/12;单开;专线4228\新朔段（丹洲营站—卧厂站）-高家堡</t>
  </si>
  <si>
    <t>【内蒙古中铁】砼桥枕\ⅡZQ-C型0#\新朔段（丹洲营站—卧厂站）-高家堡</t>
  </si>
  <si>
    <t>【内蒙古中铁】砼桥枕\Ⅲ型\新朔段（丹洲营站—卧厂站）-高家堡</t>
  </si>
  <si>
    <t>【内蒙古中铁】砼桥枕\梭头;新Ⅲ型;1#\新朔段（丹洲营站—卧厂站）-高家堡</t>
  </si>
  <si>
    <t>【内蒙古中铁】砼桥枕\梭头;新Ⅲ型;2#\新朔段（丹洲营站—卧厂站）-高家堡</t>
  </si>
  <si>
    <t>【内蒙古中铁】砼桥枕\梭头;新Ⅲ型;3#\新朔段（丹洲营站—卧厂站）-高家堡</t>
  </si>
  <si>
    <t>【内蒙古中铁】砼桥枕\梭头;新Ⅲ型;4#\新朔段（丹洲营站—卧厂站）-高家堡</t>
  </si>
  <si>
    <t>【内蒙古中铁】砼桥枕\新Ⅲ型\新朔段（丹洲营站—卧厂站）-高家堡</t>
  </si>
  <si>
    <t>【内蒙古中铁】砼桥枕\专线3448;弹性;新Ⅲ型\新朔段（丹洲营站—卧厂站）-高家堡</t>
  </si>
  <si>
    <t>【内蒙古中铁】砼桥枕\专线3448;弹性;新Ⅲ型;1#\新朔段（丹洲营站—卧厂站）-高家堡</t>
  </si>
  <si>
    <t>【内蒙古中铁】砼桥枕\专线3448;弹性;新Ⅲ型;2#\新朔段（丹洲营站—卧厂站）-高家堡</t>
  </si>
  <si>
    <t>【内蒙古中铁】砼桥枕\专线3448;弹性;新Ⅲ型;3#\新朔段（丹洲营站—卧厂站）-高家堡</t>
  </si>
  <si>
    <t>【内蒙古中铁】砼桥枕\专线3448;弹性;新Ⅲ型;4#\新朔段（丹洲营站—卧厂站）-高家堡</t>
  </si>
  <si>
    <t>【内蒙古中铁】砼枕\X-Ⅱ型\新朔段（丹洲营站—卧厂站）-高家堡</t>
  </si>
  <si>
    <t>【内蒙古中铁】砼枕\YⅡ-F\新朔段（丹洲营站—卧厂站）-高家堡</t>
  </si>
  <si>
    <t>【内蒙古中铁】砼枕\弹性;ⅢA型\新朔段（丹洲营站—卧厂站）-高家堡</t>
  </si>
  <si>
    <t>【内蒙古中铁】砼枕\专线3393;ⅢA型\新朔段（丹洲营站—卧厂站）-高家堡</t>
  </si>
  <si>
    <t>【内蒙古中铁】成组砼岔枕\P50;1/12;5.0m交渡;专线(03)3424\新朔段（丹洲营站—卧厂站）-卧厂</t>
  </si>
  <si>
    <t>GNWZBP(TH)ZECG2020-194</t>
  </si>
  <si>
    <t>国家能源e购商城内蒙古中铁轨枕配件铺货采购合同-新朔段（丹洲营站—卧厂站）-卧厂</t>
  </si>
  <si>
    <t>【内蒙古中铁】成组砼岔枕\P50;1/12;单开;专线(01)3423\新朔段（丹洲营站—卧厂站）-卧厂</t>
  </si>
  <si>
    <t>【内蒙古中铁】成组砼岔枕\P50;1/12;复交;CZ2220Z\新朔段（丹洲营站—卧厂站）-卧厂</t>
  </si>
  <si>
    <t>【内蒙古中铁】成组砼岔枕\P50;1/12;专线3355\新朔段（丹洲营站—卧厂站）-卧厂</t>
  </si>
  <si>
    <t>【内蒙古中铁】成组砼岔枕\P50;1/12;专线4257\新朔段（丹洲营站—卧厂站）-卧厂</t>
  </si>
  <si>
    <t>【内蒙古中铁】成组砼岔枕\P50;1/6;5.0m交渡;SC432-500\新朔段（丹洲营站—卧厂站）-卧厂</t>
  </si>
  <si>
    <t>【内蒙古中铁】成组砼岔枕\P50;1/6;对称;SC384\新朔段（丹洲营站—卧厂站）-卧厂</t>
  </si>
  <si>
    <t>【内蒙古中铁】成组砼岔枕\P50;1/6;对称;右开;SC384-500\新朔段（丹洲营站—卧厂站）-卧厂</t>
  </si>
  <si>
    <t>【内蒙古中铁】成组砼岔枕\P50;1/6;对称;左开;SC384-500\新朔段（丹洲营站—卧厂站）-卧厂</t>
  </si>
  <si>
    <t>【内蒙古中铁】成组砼岔枕\P50;1/9;5.0m交渡;CZ2210\新朔段（丹洲营站—卧厂站）-卧厂</t>
  </si>
  <si>
    <t>【内蒙古中铁】成组砼岔枕\P50;1/9;5.0m交渡;SC580\新朔段（丹洲营站—卧厂站）-卧厂</t>
  </si>
  <si>
    <t>【内蒙古中铁】成组砼岔枕\P50;1/9;5.0m交渡;专线(02)3428\新朔段（丹洲营站—卧厂站）-卧厂</t>
  </si>
  <si>
    <t>【内蒙古中铁】成组砼岔枕\P50;1/9;5.0m交渡;专线(02)7663\新朔段（丹洲营站—卧厂站）-卧厂</t>
  </si>
  <si>
    <t>【内蒙古中铁】成组砼岔枕\P50;1/9;CZ2209A\新朔段（丹洲营站—卧厂站）-卧厂</t>
  </si>
  <si>
    <t>【内蒙古中铁】成组砼岔枕\P50;1/9;单开;CZ2209Z\新朔段（丹洲营站—卧厂站）-卧厂</t>
  </si>
  <si>
    <t>【内蒙古中铁】成组砼岔枕\P50;1/9;单开;专线(03)3281\新朔段（丹洲营站—卧厂站）-卧厂</t>
  </si>
  <si>
    <t>【内蒙古中铁】成组砼岔枕\P50;1/9;复交;CZ2214Z\新朔段（丹洲营站—卧厂站）-卧厂</t>
  </si>
  <si>
    <t>【内蒙古中铁】成组砼岔枕\P50;1/9;复交;专线(04)3443\新朔段（丹洲营站—卧厂站）-卧厂</t>
  </si>
  <si>
    <t>【内蒙古中铁】成组砼岔枕\P50;1/9;交渡;CZ2213Z\新朔段（丹洲营站—卧厂站）-卧厂</t>
  </si>
  <si>
    <t>【内蒙古中铁】成组砼岔枕\P50;1/9;交渡;SC571-1101\新朔段（丹洲营站—卧厂站）-卧厂</t>
  </si>
  <si>
    <t>【内蒙古中铁】成组砼岔枕\P50;1/9;交渡;专线(03)3431\新朔段（丹洲营站—卧厂站）-卧厂</t>
  </si>
  <si>
    <t>【内蒙古中铁】成组砼岔枕\P60;1/12;5.5m交渡;SC342-500\新朔段（丹洲营站—卧厂站）-卧厂</t>
  </si>
  <si>
    <t>【内蒙古中铁】成组砼岔枕\P60;1/12;6.5m交渡;专线3413\新朔段（丹洲营站—卧厂站）-卧厂</t>
  </si>
  <si>
    <t>【内蒙古中铁】成组砼岔枕\P60;1/12;单开;SC330-500\新朔段（丹洲营站—卧厂站）-卧厂</t>
  </si>
  <si>
    <t>【内蒙古中铁】成组砼岔枕\P60;1/12;渡线;专线3402;Ⅲ型\新朔段（丹洲营站—卧厂站）-卧厂</t>
  </si>
  <si>
    <t>【内蒙古中铁】成组砼岔枕\P60;1/12;复交;SC350\新朔段（丹洲营站—卧厂站）-卧厂</t>
  </si>
  <si>
    <t>【内蒙古中铁】成组砼岔枕\P60;1/12;交渡;SC340-500\新朔段（丹洲营站—卧厂站）-卧厂</t>
  </si>
  <si>
    <t>【内蒙古中铁】成组砼岔枕\P60;1/12;交渡;SC342-500\新朔段（丹洲营站—卧厂站）-卧厂</t>
  </si>
  <si>
    <t>【内蒙古中铁】成组砼岔枕\P60;1/12;砼;单开;专线4249\新朔段（丹洲营站—卧厂站）-卧厂</t>
  </si>
  <si>
    <t>【内蒙古中铁】成组砼岔枕\P60;1/12;专线3399;Ⅲ型\新朔段（丹洲营站—卧厂站）-卧厂</t>
  </si>
  <si>
    <t>【内蒙古中铁】成组砼岔枕\P60;1/18;单开;GLC(07)02-300\新朔段（丹洲营站—卧厂站）-卧厂</t>
  </si>
  <si>
    <t>【内蒙古中铁】成组砼岔枕\P60;1/18;单开;GLC(09)05-300\新朔段（丹洲营站—卧厂站）-卧厂</t>
  </si>
  <si>
    <t>【内蒙古中铁】成组砼岔枕\P60;1/9;5.0m组合;SC(07)460-1108\新朔段（丹洲营站—卧厂站）-卧厂</t>
  </si>
  <si>
    <t>【内蒙古中铁】成组砼岔枕\P60;1/9;5.0m组合;SC(07)460-1204\新朔段（丹洲营站—卧厂站）-卧厂</t>
  </si>
  <si>
    <t>【内蒙古中铁】成组砼岔枕\P60;1/9;5.0m组合;SC(07)460-1208\新朔段（丹洲营站—卧厂站）-卧厂</t>
  </si>
  <si>
    <t>【内蒙古中铁】成组砼岔枕\P60;1/9;5.0m组合;SC(07)460-1211\新朔段（丹洲营站—卧厂站）-卧厂</t>
  </si>
  <si>
    <t>【内蒙古中铁】成组砼岔枕\P60;1/9;5.3m交渡;CZ581Z\新朔段（丹洲营站—卧厂站）-卧厂</t>
  </si>
  <si>
    <t>【内蒙古中铁】成组砼岔枕\P60;1/9;单开;CZ577Z\新朔段（丹洲营站—卧厂站）-卧厂</t>
  </si>
  <si>
    <t>【内蒙古中铁】成组砼岔枕\P60;1/9;单开;专线(03)3366\新朔段（丹洲营站—卧厂站）-卧厂</t>
  </si>
  <si>
    <t>【内蒙古中铁】成组砼岔枕\P60;1/9;复交;SC450-500\新朔段（丹洲营站—卧厂站）-卧厂</t>
  </si>
  <si>
    <t>【内蒙古中铁】成组砼岔枕\P60;1/9;复式交分;CZ2504Z\新朔段（丹洲营站—卧厂站）-卧厂</t>
  </si>
  <si>
    <t>【内蒙古中铁】成组砼岔枕\P60;1/9;交渡;CZ580Z\新朔段（丹洲营站—卧厂站）-卧厂</t>
  </si>
  <si>
    <t>【内蒙古中铁】成组砼岔枕\P60;1/9;交渡;CZ582Z\新朔段（丹洲营站—卧厂站）-卧厂</t>
  </si>
  <si>
    <t>【内蒙古中铁】成组砼岔枕\P60;1/9;交渡;CZ583Z\新朔段（丹洲营站—卧厂站）-卧厂</t>
  </si>
  <si>
    <t>【内蒙古中铁】成组砼岔枕\P60;1/9;专线3366;右开\新朔段（丹洲营站—卧厂站）-卧厂</t>
  </si>
  <si>
    <t>【内蒙古中铁】成组砼岔枕\P60;1/9;专线3366;左开\新朔段（丹洲营站—卧厂站）-卧厂</t>
  </si>
  <si>
    <t>【内蒙古中铁】成组砼岔枕\P75;1/12;SC381-500\新朔段（丹洲营站—卧厂站）-卧厂</t>
  </si>
  <si>
    <t>【内蒙古中铁】成组砼岔枕\P75;1/12;SC443-500;交渡\新朔段（丹洲营站—卧厂站）-卧厂</t>
  </si>
  <si>
    <t>【内蒙古中铁】成组砼岔枕\P75;1/12;单开;SC559-500\新朔段（丹洲营站—卧厂站）-卧厂</t>
  </si>
  <si>
    <t>【内蒙古中铁】成组砼岔枕\P75;1/12;单开;研线1116-400\新朔段（丹洲营站—卧厂站）-卧厂</t>
  </si>
  <si>
    <t>【内蒙古中铁】成组砼岔枕\P75;1/12;交渡;SC444\新朔段（丹洲营站—卧厂站）-卧厂</t>
  </si>
  <si>
    <t>【内蒙古中铁】成组砼岔枕\P75;1/18;单开;SC488-500\新朔段（丹洲营站—卧厂站）-卧厂</t>
  </si>
  <si>
    <t>【内蒙古中铁】成组砼岔枕\P75;1/9;5.0m交渡;SC551\新朔段（丹洲营站—卧厂站）-卧厂</t>
  </si>
  <si>
    <t>【内蒙古中铁】电气绝缘枕\ⅢaZ型\新朔段（丹洲营站—卧厂站）-卧厂</t>
  </si>
  <si>
    <t>【内蒙古中铁】电容枕\ⅢA型/ⅢAD\新朔段（丹洲营站—卧厂站）-卧厂</t>
  </si>
  <si>
    <t>【内蒙古中铁】电容枕\新Ⅱ型/XⅡD\新朔段（丹洲营站—卧厂站）-卧厂</t>
  </si>
  <si>
    <t>【内蒙古中铁】电容枕\新Ⅱ型;2500mm;研线0308-1\新朔段（丹洲营站—卧厂站）-卧厂</t>
  </si>
  <si>
    <t>【内蒙古中铁】电容枕\新Ⅲ型桥枕;2600mm;研线0308-1\新朔段（丹洲营站—卧厂站）-卧厂</t>
  </si>
  <si>
    <t>【内蒙古中铁】砼岔枕\P50;1/12;13#;专线(01)3423\新朔段（丹洲营站—卧厂站）-卧厂</t>
  </si>
  <si>
    <t>【内蒙古中铁】砼岔枕\P50;1/12;21#;专线(01)3423\新朔段（丹洲营站—卧厂站）-卧厂</t>
  </si>
  <si>
    <t>【内蒙古中铁】砼岔枕\P50;1/12;5#;专线3355\新朔段（丹洲营站—卧厂站）-卧厂</t>
  </si>
  <si>
    <t>【内蒙古中铁】砼岔枕\P50;1/12;58#;专线3355\新朔段（丹洲营站—卧厂站）-卧厂</t>
  </si>
  <si>
    <t>【内蒙古中铁】砼岔枕\P50;1/9;20#;专线(03)3281\新朔段（丹洲营站—卧厂站）-卧厂</t>
  </si>
  <si>
    <t>【内蒙古中铁】砼岔枕\P50;1/9;3#;CZ2209\新朔段（丹洲营站—卧厂站）-卧厂</t>
  </si>
  <si>
    <t>【内蒙古中铁】砼岔枕\P50;1/9;39#;专线(03)3281\新朔段（丹洲营站—卧厂站）-卧厂</t>
  </si>
  <si>
    <t>【内蒙古中铁】砼岔枕\P50;1/9;48#;专线(03)3281\新朔段（丹洲营站—卧厂站）-卧厂</t>
  </si>
  <si>
    <t>【内蒙古中铁】砼岔枕\P50;1/9;49#;专线(03)3281\新朔段（丹洲营站—卧厂站）-卧厂</t>
  </si>
  <si>
    <t>【内蒙古中铁】砼岔枕\P50;1/9;52#;专线(03)3281\新朔段（丹洲营站—卧厂站）-卧厂</t>
  </si>
  <si>
    <t>【内蒙古中铁】砼岔枕\P50;1/9;单开31#;专线(03)3281\新朔段（丹洲营站—卧厂站）-卧厂</t>
  </si>
  <si>
    <t>【内蒙古中铁】砼岔枕\P50;1/9;单开32#;专线(03)3281\新朔段（丹洲营站—卧厂站）-卧厂</t>
  </si>
  <si>
    <t>【内蒙古中铁】砼岔枕\P50;1/9;单开33#;专线(03)3281\新朔段（丹洲营站—卧厂站）-卧厂</t>
  </si>
  <si>
    <t>【内蒙古中铁】砼岔枕\P50;1/9;单开34#;专线(03)3281\新朔段（丹洲营站—卧厂站）-卧厂</t>
  </si>
  <si>
    <t>【内蒙古中铁】砼岔枕\P50;1/9;单开35#;专线(03)3281\新朔段（丹洲营站—卧厂站）-卧厂</t>
  </si>
  <si>
    <t>【内蒙古中铁】砼岔枕\P50;1/9;单开36#;专线(03)3281\新朔段（丹洲营站—卧厂站）-卧厂</t>
  </si>
  <si>
    <t>【内蒙古中铁】砼岔枕\P50;1/9;单开37#;专线(03)3281\新朔段（丹洲营站—卧厂站）-卧厂</t>
  </si>
  <si>
    <t>【内蒙古中铁】砼岔枕\P60;1/12;1#;SC330-500\新朔段（丹洲营站—卧厂站）-卧厂</t>
  </si>
  <si>
    <t>【内蒙古中铁】砼岔枕\P60;1/12;1#;专线3399\新朔段（丹洲营站—卧厂站）-卧厂</t>
  </si>
  <si>
    <t>【内蒙古中铁】砼岔枕\P60;1/12;10#;专线3399\新朔段（丹洲营站—卧厂站）-卧厂</t>
  </si>
  <si>
    <t>【内蒙古中铁】砼岔枕\P60;1/12;11#;专线3399\新朔段（丹洲营站—卧厂站）-卧厂</t>
  </si>
  <si>
    <t>【内蒙古中铁】砼岔枕\P60;1/12;12#;专线3399\新朔段（丹洲营站—卧厂站）-卧厂</t>
  </si>
  <si>
    <t>【内蒙古中铁】砼岔枕\P60;1/12;13#;专线3399\新朔段（丹洲营站—卧厂站）-卧厂</t>
  </si>
  <si>
    <t>【内蒙古中铁】砼岔枕\P60;1/12;14#;专线3399\新朔段（丹洲营站—卧厂站）-卧厂</t>
  </si>
  <si>
    <t>【内蒙古中铁】砼岔枕\P60;1/12;15#;专线3399\新朔段（丹洲营站—卧厂站）-卧厂</t>
  </si>
  <si>
    <t>【内蒙古中铁】砼岔枕\P60;1/12;16#;专线3399\新朔段（丹洲营站—卧厂站）-卧厂</t>
  </si>
  <si>
    <t>【内蒙古中铁】砼岔枕\P60;1/12;17#;专线3399\新朔段（丹洲营站—卧厂站）-卧厂</t>
  </si>
  <si>
    <t>【内蒙古中铁】砼岔枕\P60;1/12;18#;专线3399\新朔段（丹洲营站—卧厂站）-卧厂</t>
  </si>
  <si>
    <t>【内蒙古中铁】砼岔枕\P60;1/12;19#;专线3399\新朔段（丹洲营站—卧厂站）-卧厂</t>
  </si>
  <si>
    <t>【内蒙古中铁】砼岔枕\P60;1/12;2#;专线3399\新朔段（丹洲营站—卧厂站）-卧厂</t>
  </si>
  <si>
    <t>【内蒙古中铁】砼岔枕\P60;1/12;23#;专线3399\新朔段（丹洲营站—卧厂站）-卧厂</t>
  </si>
  <si>
    <t>【内蒙古中铁】砼岔枕\P60;1/12;24#;专线3399\新朔段（丹洲营站—卧厂站）-卧厂</t>
  </si>
  <si>
    <t>【内蒙古中铁】砼岔枕\P60;1/12;25#;SC330-500\新朔段（丹洲营站—卧厂站）-卧厂</t>
  </si>
  <si>
    <t>【内蒙古中铁】砼岔枕\P60;1/12;25#;SC350\新朔段（丹洲营站—卧厂站）-卧厂</t>
  </si>
  <si>
    <t>【内蒙古中铁】砼岔枕\P60;1/12;25#;专线3399\新朔段（丹洲营站—卧厂站）-卧厂</t>
  </si>
  <si>
    <t>【内蒙古中铁】砼岔枕\P60;1/12;26#;SC330-500\新朔段（丹洲营站—卧厂站）-卧厂</t>
  </si>
  <si>
    <t>【内蒙古中铁】砼岔枕\P60;1/12;26#;SC350\新朔段（丹洲营站—卧厂站）-卧厂</t>
  </si>
  <si>
    <t>【内蒙古中铁】砼岔枕\P60;1/12;26#;专线3399\新朔段（丹洲营站—卧厂站）-卧厂</t>
  </si>
  <si>
    <t>【内蒙古中铁】砼岔枕\P60;1/12;27#;SC330-500\新朔段（丹洲营站—卧厂站）-卧厂</t>
  </si>
  <si>
    <t>【内蒙古中铁】砼岔枕\P60;1/12;27#;专线3399\新朔段（丹洲营站—卧厂站）-卧厂</t>
  </si>
  <si>
    <t>【内蒙古中铁】砼岔枕\P60;1/12;28#;SC330-500\新朔段（丹洲营站—卧厂站）-卧厂</t>
  </si>
  <si>
    <t>【内蒙古中铁】砼岔枕\P60;1/12;28#;专线3399\新朔段（丹洲营站—卧厂站）-卧厂</t>
  </si>
  <si>
    <t>【内蒙古中铁】砼岔枕\P60;1/12;28#;专线4228\新朔段（丹洲营站—卧厂站）-卧厂</t>
  </si>
  <si>
    <t>【内蒙古中铁】砼岔枕\P60;1/12;29#;SC330-500\新朔段（丹洲营站—卧厂站）-卧厂</t>
  </si>
  <si>
    <t>【内蒙古中铁】砼岔枕\P60;1/12;29#;专线3399\新朔段（丹洲营站—卧厂站）-卧厂</t>
  </si>
  <si>
    <t>【内蒙古中铁】砼岔枕\P60;1/12;30#;专线3399\新朔段（丹洲营站—卧厂站）-卧厂</t>
  </si>
  <si>
    <t>【内蒙古中铁】砼岔枕\P60;1/12;30#;专线4228\新朔段（丹洲营站—卧厂站）-卧厂</t>
  </si>
  <si>
    <t>【内蒙古中铁】砼岔枕\P60;1/12;32#;专线3399\新朔段（丹洲营站—卧厂站）-卧厂</t>
  </si>
  <si>
    <t>【内蒙古中铁】砼岔枕\P60;1/12;34#;专线3399\新朔段（丹洲营站—卧厂站）-卧厂</t>
  </si>
  <si>
    <t>【内蒙古中铁】砼岔枕\P60;1/12;36#;SC350\新朔段（丹洲营站—卧厂站）-卧厂</t>
  </si>
  <si>
    <t>【内蒙古中铁】砼岔枕\P60;1/12;37#;专线3399\新朔段（丹洲营站—卧厂站）-卧厂</t>
  </si>
  <si>
    <t>【内蒙古中铁】砼岔枕\P60;1/12;40#;专线3399\新朔段（丹洲营站—卧厂站）-卧厂</t>
  </si>
  <si>
    <t>【内蒙古中铁】砼岔枕\P60;1/12;41#;专线3399\新朔段（丹洲营站—卧厂站）-卧厂</t>
  </si>
  <si>
    <t>【内蒙古中铁】砼岔枕\P60;1/12;42#;专线3399\新朔段（丹洲营站—卧厂站）-卧厂</t>
  </si>
  <si>
    <t>【内蒙古中铁】砼岔枕\P60;1/12;43#;专线3399\新朔段（丹洲营站—卧厂站）-卧厂</t>
  </si>
  <si>
    <t>【内蒙古中铁】砼岔枕\P60;1/12;49#;SC330-500\新朔段（丹洲营站—卧厂站）-卧厂</t>
  </si>
  <si>
    <t>【内蒙古中铁】砼岔枕\P60;1/12;51#;专线3399\新朔段（丹洲营站—卧厂站）-卧厂</t>
  </si>
  <si>
    <t>【内蒙古中铁】砼岔枕\P60;1/12;52#;专线3399\新朔段（丹洲营站—卧厂站）-卧厂</t>
  </si>
  <si>
    <t>【内蒙古中铁】砼岔枕\P60;1/12;53#;SC330-500\新朔段（丹洲营站—卧厂站）-卧厂</t>
  </si>
  <si>
    <t>【内蒙古中铁】砼岔枕\P60;1/12;53#;专线3399\新朔段（丹洲营站—卧厂站）-卧厂</t>
  </si>
  <si>
    <t>【内蒙古中铁】砼岔枕\P60;1/12;53#;专线4228\新朔段（丹洲营站—卧厂站）-卧厂</t>
  </si>
  <si>
    <t>【内蒙古中铁】砼岔枕\P60;1/12;54#;SC330\新朔段（丹洲营站—卧厂站）-卧厂</t>
  </si>
  <si>
    <t>【内蒙古中铁】砼岔枕\P60;1/12;54#;专线3399\新朔段（丹洲营站—卧厂站）-卧厂</t>
  </si>
  <si>
    <t>【内蒙古中铁】砼岔枕\P60;1/12;55#;专线3399\新朔段（丹洲营站—卧厂站）-卧厂</t>
  </si>
  <si>
    <t>【内蒙古中铁】砼岔枕\P60;1/12;56#;专线3399\新朔段（丹洲营站—卧厂站）-卧厂</t>
  </si>
  <si>
    <t>【内蒙古中铁】砼岔枕\P60;1/12;57#;专线3399\新朔段（丹洲营站—卧厂站）-卧厂</t>
  </si>
  <si>
    <t>【内蒙古中铁】砼岔枕\P60;1/12;57#;专线4228\新朔段（丹洲营站—卧厂站）-卧厂</t>
  </si>
  <si>
    <t>【内蒙古中铁】砼岔枕\P60;1/12;58#;专线3399\新朔段（丹洲营站—卧厂站）-卧厂</t>
  </si>
  <si>
    <t>【内蒙古中铁】砼岔枕\P60;1/12;59#;专线3399\新朔段（丹洲营站—卧厂站）-卧厂</t>
  </si>
  <si>
    <t>【内蒙古中铁】砼岔枕\P60;1/12;60#;专线3399\新朔段（丹洲营站—卧厂站）-卧厂</t>
  </si>
  <si>
    <t>【内蒙古中铁】砼岔枕\P60;1/12;61#;专线3399\新朔段（丹洲营站—卧厂站）-卧厂</t>
  </si>
  <si>
    <t>【内蒙古中铁】砼岔枕\P60;1/12;62#;专线3399\新朔段（丹洲营站—卧厂站）-卧厂</t>
  </si>
  <si>
    <t>【内蒙古中铁】砼岔枕\P60;1/12;63#;SC330-500\新朔段（丹洲营站—卧厂站）-卧厂</t>
  </si>
  <si>
    <t>【内蒙古中铁】砼岔枕\P60;1/12;63#;SC340\新朔段（丹洲营站—卧厂站）-卧厂</t>
  </si>
  <si>
    <t>【内蒙古中铁】砼岔枕\P60;1/12;63#;专线3399\新朔段（丹洲营站—卧厂站）-卧厂</t>
  </si>
  <si>
    <t>【内蒙古中铁】砼岔枕\P60;1/12;63#;专线3402\新朔段（丹洲营站—卧厂站）-卧厂</t>
  </si>
  <si>
    <t>【内蒙古中铁】砼岔枕\P60;1/12;63#;专线4228\新朔段（丹洲营站—卧厂站）-卧厂</t>
  </si>
  <si>
    <t>【内蒙古中铁】砼岔枕\P60;1/12;63Z#;SC341-500\新朔段（丹洲营站—卧厂站）-卧厂</t>
  </si>
  <si>
    <t>【内蒙古中铁】砼岔枕\P60;1/12;64#;SC330\新朔段（丹洲营站—卧厂站）-卧厂</t>
  </si>
  <si>
    <t>【内蒙古中铁】砼岔枕\P60;1/12;64#;SC340\新朔段（丹洲营站—卧厂站）-卧厂</t>
  </si>
  <si>
    <t>【内蒙古中铁】砼岔枕\P60;1/12;64#;专线3399\新朔段（丹洲营站—卧厂站）-卧厂</t>
  </si>
  <si>
    <t>【内蒙古中铁】砼岔枕\P60;1/12;64#;专线3402\新朔段（丹洲营站—卧厂站）-卧厂</t>
  </si>
  <si>
    <t>【内蒙古中铁】砼岔枕\P60;1/12;64Z#;SC341-500\新朔段（丹洲营站—卧厂站）-卧厂</t>
  </si>
  <si>
    <t>【内蒙古中铁】砼岔枕\P60;1/12;65#;交渡;SC340C\新朔段（丹洲营站—卧厂站）-卧厂</t>
  </si>
  <si>
    <t>【内蒙古中铁】砼岔枕\P60;1/12;65#;专线3399\新朔段（丹洲营站—卧厂站）-卧厂</t>
  </si>
  <si>
    <t>【内蒙古中铁】砼岔枕\P60;1/12;66#;专线3399\新朔段（丹洲营站—卧厂站）-卧厂</t>
  </si>
  <si>
    <t>【内蒙古中铁】砼岔枕\P60;1/12;67#;专线3399\新朔段（丹洲营站—卧厂站）-卧厂</t>
  </si>
  <si>
    <t>【内蒙古中铁】砼岔枕\P60;1/12;68#;专线3399\新朔段（丹洲营站—卧厂站）-卧厂</t>
  </si>
  <si>
    <t>【内蒙古中铁】砼岔枕\P60;1/12;69#;专线3399\新朔段（丹洲营站—卧厂站）-卧厂</t>
  </si>
  <si>
    <t>【内蒙古中铁】砼岔枕\P60;1/12;73#;专线3402\新朔段（丹洲营站—卧厂站）-卧厂</t>
  </si>
  <si>
    <t>【内蒙古中铁】砼岔枕\P60;1/12;74#;专线3402\新朔段（丹洲营站—卧厂站）-卧厂</t>
  </si>
  <si>
    <t>【内蒙古中铁】砼岔枕\P60;1/18;21#;专线3386\新朔段（丹洲营站—卧厂站）-卧厂</t>
  </si>
  <si>
    <t>【内蒙古中铁】砼岔枕\P60;1/18;32#;专线3386\新朔段（丹洲营站—卧厂站）-卧厂</t>
  </si>
  <si>
    <t>【内蒙古中铁】砼岔枕\P60;1/18;33#;专线3386\新朔段（丹洲营站—卧厂站）-卧厂</t>
  </si>
  <si>
    <t>【内蒙古中铁】砼岔枕\P60;1/18;34#;专线3386\新朔段（丹洲营站—卧厂站）-卧厂</t>
  </si>
  <si>
    <t>【内蒙古中铁】砼岔枕\P60;1/18;71#;专线3386\新朔段（丹洲营站—卧厂站）-卧厂</t>
  </si>
  <si>
    <t>【内蒙古中铁】砼岔枕\P60;1/18;72#;专线3386\新朔段（丹洲营站—卧厂站）-卧厂</t>
  </si>
  <si>
    <t>【内蒙古中铁】砼岔枕\P60;1/9;34#;交渡;SC392C\新朔段（丹洲营站—卧厂站）-卧厂</t>
  </si>
  <si>
    <t>【内蒙古中铁】砼岔枕\P60;1/9;42#;专线(03)3366\新朔段（丹洲营站—卧厂站）-卧厂</t>
  </si>
  <si>
    <t>【内蒙古中铁】砼岔枕\P60;1/9;43#;专线(03)3366\新朔段（丹洲营站—卧厂站）-卧厂</t>
  </si>
  <si>
    <t>【内蒙古中铁】砼岔枕\P60;1/9;49#;SC390\新朔段（丹洲营站—卧厂站）-卧厂</t>
  </si>
  <si>
    <t>【内蒙古中铁】砼岔枕\P60;1/9;49#;专线(03)3366\新朔段（丹洲营站—卧厂站）-卧厂</t>
  </si>
  <si>
    <t>【内蒙古中铁】砼岔枕\P60;1/9;5#;SC390\新朔段（丹洲营站—卧厂站）-卧厂</t>
  </si>
  <si>
    <t>【内蒙古中铁】砼岔枕\P60;1/9;50#;SC390\新朔段（丹洲营站—卧厂站）-卧厂</t>
  </si>
  <si>
    <t>【内蒙古中铁】砼岔枕\P60;1/9;54#;专线(03)3366\新朔段（丹洲营站—卧厂站）-卧厂</t>
  </si>
  <si>
    <t>【内蒙古中铁】砼岔枕\P60;1/9;6#;SC390\新朔段（丹洲营站—卧厂站）-卧厂</t>
  </si>
  <si>
    <t>【内蒙古中铁】砼岔枕\P60;1/9;7#;SC390\新朔段（丹洲营站—卧厂站）-卧厂</t>
  </si>
  <si>
    <t>【内蒙古中铁】砼岔枕\P60;1/9;8#;SC390\新朔段（丹洲营站—卧厂站）-卧厂</t>
  </si>
  <si>
    <t>【内蒙古中铁】砼岔枕\P60;1/9;9#;SC390\新朔段（丹洲营站—卧厂站）-卧厂</t>
  </si>
  <si>
    <t>【内蒙古中铁】砼岔枕\P60;1/9;交渡12#;CZ581Z\新朔段（丹洲营站—卧厂站）-卧厂</t>
  </si>
  <si>
    <t>【内蒙古中铁】砼岔枕\P60;1/9;交渡16#;CZ581Z\新朔段（丹洲营站—卧厂站）-卧厂</t>
  </si>
  <si>
    <t>【内蒙古中铁】砼岔枕\P60;1/9;交渡22#;CZ580Z\新朔段（丹洲营站—卧厂站）-卧厂</t>
  </si>
  <si>
    <t>【内蒙古中铁】砼岔枕\P60;1/9;交渡23#;CZ581Z\新朔段（丹洲营站—卧厂站）-卧厂</t>
  </si>
  <si>
    <t>【内蒙古中铁】砼岔枕\P60;1/9;交渡24#;CZ581Z\新朔段（丹洲营站—卧厂站）-卧厂</t>
  </si>
  <si>
    <t>【内蒙古中铁】砼岔枕\P60;1/9;交渡25#;CZ581Z\新朔段（丹洲营站—卧厂站）-卧厂</t>
  </si>
  <si>
    <t>【内蒙古中铁】砼岔枕\P60;1/9;交渡40#;CZ580Z\新朔段（丹洲营站—卧厂站）-卧厂</t>
  </si>
  <si>
    <t>【内蒙古中铁】砼岔枕\P60;1/9;交渡44#;CZ581Z\新朔段（丹洲营站—卧厂站）-卧厂</t>
  </si>
  <si>
    <t>【内蒙古中铁】砼岔枕\P60;1/9;交渡49#;CZ581Z\新朔段（丹洲营站—卧厂站）-卧厂</t>
  </si>
  <si>
    <t>【内蒙古中铁】砼岔枕\P60;1/9;交渡50#;CZ581Z\新朔段（丹洲营站—卧厂站）-卧厂</t>
  </si>
  <si>
    <t>【内蒙古中铁】砼岔枕\P75;1/12;1#;SC559-500\新朔段（丹洲营站—卧厂站）-卧厂</t>
  </si>
  <si>
    <t>【内蒙古中铁】砼岔枕\P75;1/12;2#;SC559-500\新朔段（丹洲营站—卧厂站）-卧厂</t>
  </si>
  <si>
    <t>【内蒙古中铁】砼岔枕\P75;1/12;25#;SC559-500\新朔段（丹洲营站—卧厂站）-卧厂</t>
  </si>
  <si>
    <t>【内蒙古中铁】砼岔枕\P75;1/12;26#;SC559-500\新朔段（丹洲营站—卧厂站）-卧厂</t>
  </si>
  <si>
    <t>【内蒙古中铁】砼岔枕\P75;1/12;27#;SC559-500\新朔段（丹洲营站—卧厂站）-卧厂</t>
  </si>
  <si>
    <t>【内蒙古中铁】砼岔枕\P75;1/12;28#;SC559-500\新朔段（丹洲营站—卧厂站）-卧厂</t>
  </si>
  <si>
    <t>【内蒙古中铁】砼岔枕\P75;1/12;29#;SC559-500\新朔段（丹洲营站—卧厂站）-卧厂</t>
  </si>
  <si>
    <t>【内蒙古中铁】砼岔枕\P75;1/12;3#;SC559-500\新朔段（丹洲营站—卧厂站）-卧厂</t>
  </si>
  <si>
    <t>【内蒙古中铁】砼岔枕\P75;1/12;30#;SC559-500\新朔段（丹洲营站—卧厂站）-卧厂</t>
  </si>
  <si>
    <t>【内蒙古中铁】砼岔枕\P75;1/12;31#;SC559-500\新朔段（丹洲营站—卧厂站）-卧厂</t>
  </si>
  <si>
    <t>【内蒙古中铁】砼岔枕\P75;1/12;39#;SC559-500\新朔段（丹洲营站—卧厂站）-卧厂</t>
  </si>
  <si>
    <t>【内蒙古中铁】砼岔枕\P75;1/12;40#;SC559-500\新朔段（丹洲营站—卧厂站）-卧厂</t>
  </si>
  <si>
    <t>【内蒙古中铁】砼岔枕\P75;1/12;5.3m交渡;CZ716\新朔段（丹洲营站—卧厂站）-卧厂</t>
  </si>
  <si>
    <t>【内蒙古中铁】砼岔枕\P75;1/12;50#;SC559-500\新朔段（丹洲营站—卧厂站）-卧厂</t>
  </si>
  <si>
    <t>【内蒙古中铁】砼岔枕\P75;1/12;51#;SC559-500\新朔段（丹洲营站—卧厂站）-卧厂</t>
  </si>
  <si>
    <t>【内蒙古中铁】砼岔枕\P75;1/12;52#;SC559-500\新朔段（丹洲营站—卧厂站）-卧厂</t>
  </si>
  <si>
    <t>【内蒙古中铁】砼岔枕\P75;1/12;53#;SC559-500\新朔段（丹洲营站—卧厂站）-卧厂</t>
  </si>
  <si>
    <t>【内蒙古中铁】砼岔枕\P75;1/12;54#;SC559-500\新朔段（丹洲营站—卧厂站）-卧厂</t>
  </si>
  <si>
    <t>【内蒙古中铁】砼岔枕\P75;1/12;55#;SC559-500\新朔段（丹洲营站—卧厂站）-卧厂</t>
  </si>
  <si>
    <t>【内蒙古中铁】砼岔枕\P75;1/12;56#;SC559-500\新朔段（丹洲营站—卧厂站）-卧厂</t>
  </si>
  <si>
    <t>【内蒙古中铁】砼岔枕\P75;1/12;60#;SC559-500\新朔段（丹洲营站—卧厂站）-卧厂</t>
  </si>
  <si>
    <t>【内蒙古中铁】砼岔枕\P75;1/12;61#;SC559-500\新朔段（丹洲营站—卧厂站）-卧厂</t>
  </si>
  <si>
    <t>【内蒙古中铁】砼岔枕\P75;1/12;62#;SC559-500\新朔段（丹洲营站—卧厂站）-卧厂</t>
  </si>
  <si>
    <t>【内蒙古中铁】砼岔枕\P75;1/12;63#;SC559-500\新朔段（丹洲营站—卧厂站）-卧厂</t>
  </si>
  <si>
    <t>【内蒙古中铁】砼岔枕\P75;1/12;64#;SC559-500\新朔段（丹洲营站—卧厂站）-卧厂</t>
  </si>
  <si>
    <t>【内蒙古中铁】砼岔枕\P75;1/12;65#;SC559-500\新朔段（丹洲营站—卧厂站）-卧厂</t>
  </si>
  <si>
    <t>【内蒙古中铁】砼岔枕\P75;1/12;66#;SC559-500\新朔段（丹洲营站—卧厂站）-卧厂</t>
  </si>
  <si>
    <t>【内蒙古中铁】砼岔枕\P75;1/12;67#;SC559-500\新朔段（丹洲营站—卧厂站）-卧厂</t>
  </si>
  <si>
    <t>【内蒙古中铁】砼岔枕\P75;1/12;68#;SC559-500\新朔段（丹洲营站—卧厂站）-卧厂</t>
  </si>
  <si>
    <t>【内蒙古中铁】砼岔枕\P75;1/12;80#;SC559-500\新朔段（丹洲营站—卧厂站）-卧厂</t>
  </si>
  <si>
    <t>【内蒙古中铁】砼岔枕\P75;1/12;81#;SC559-500\新朔段（丹洲营站—卧厂站）-卧厂</t>
  </si>
  <si>
    <t>【内蒙古中铁】砼岔枕\P75;1/12;单开;专线4228\新朔段（丹洲营站—卧厂站）-卧厂</t>
  </si>
  <si>
    <t>【内蒙古中铁】砼桥枕\ⅡZQ-C型0#\新朔段（丹洲营站—卧厂站）-卧厂</t>
  </si>
  <si>
    <t>【内蒙古中铁】砼桥枕\Ⅲ型\新朔段（丹洲营站—卧厂站）-卧厂</t>
  </si>
  <si>
    <t>【内蒙古中铁】砼桥枕\梭头;新Ⅲ型;1#\新朔段（丹洲营站—卧厂站）-卧厂</t>
  </si>
  <si>
    <t>【内蒙古中铁】砼桥枕\梭头;新Ⅲ型;2#\新朔段（丹洲营站—卧厂站）-卧厂</t>
  </si>
  <si>
    <t>【内蒙古中铁】砼桥枕\梭头;新Ⅲ型;3#\新朔段（丹洲营站—卧厂站）-卧厂</t>
  </si>
  <si>
    <t>【内蒙古中铁】砼桥枕\梭头;新Ⅲ型;4#\新朔段（丹洲营站—卧厂站）-卧厂</t>
  </si>
  <si>
    <t>【内蒙古中铁】砼桥枕\新Ⅲ型\新朔段（丹洲营站—卧厂站）-卧厂</t>
  </si>
  <si>
    <t>【内蒙古中铁】砼桥枕\专线3448;弹性;新Ⅲ型\新朔段（丹洲营站—卧厂站）-卧厂</t>
  </si>
  <si>
    <t>【内蒙古中铁】砼桥枕\专线3448;弹性;新Ⅲ型;1#\新朔段（丹洲营站—卧厂站）-卧厂</t>
  </si>
  <si>
    <t>【内蒙古中铁】砼桥枕\专线3448;弹性;新Ⅲ型;2#\新朔段（丹洲营站—卧厂站）-卧厂</t>
  </si>
  <si>
    <t>【内蒙古中铁】砼桥枕\专线3448;弹性;新Ⅲ型;3#\新朔段（丹洲营站—卧厂站）-卧厂</t>
  </si>
  <si>
    <t>【内蒙古中铁】砼桥枕\专线3448;弹性;新Ⅲ型;4#\新朔段（丹洲营站—卧厂站）-卧厂</t>
  </si>
  <si>
    <t>【内蒙古中铁】砼枕\X-Ⅱ型\新朔段（丹洲营站—卧厂站）-卧厂</t>
  </si>
  <si>
    <t>【内蒙古中铁】砼枕\YⅡ-F\新朔段（丹洲营站—卧厂站）-卧厂</t>
  </si>
  <si>
    <t>【内蒙古中铁】砼枕\弹性;ⅢA型\新朔段（丹洲营站—卧厂站）-卧厂</t>
  </si>
  <si>
    <t>【内蒙古中铁】砼枕\专线3393;ⅢA型\新朔段（丹洲营站—卧厂站）-卧厂</t>
  </si>
  <si>
    <t>MAXHUB会议平板TB65CF 65英寸电容触控智慧大屏，16：9的屏幕比例，屏幕分辨率3840*2160，（i5配置、内存DDR4 8G /固态硬盘128G ）具有白板书写、无线传屏和视频会议的功能</t>
  </si>
  <si>
    <t>MAXHUB会议平板TB65CF 65英寸电容触控智慧大屏，16：9的屏幕比例，屏幕分辨率3840*2160，（i7配置、内存DDR4 16G /固态硬盘256G ）具有白板书写、无线传屏和视频会议的功能</t>
  </si>
  <si>
    <t>MAXHUB会议平板TB75CF 75英寸电容触控智慧大屏，16：9的屏幕比例，屏幕分辨率3840*2160，（i5配置、内存DDR4 8G /固态硬盘128G ）具有白板书写、无线传屏和视频会议的功能</t>
  </si>
  <si>
    <t>MAXHUB会议平板TB75CF 75英寸电容触控智慧大屏，16：9的屏幕比例，屏幕分辨率3840*2160，（i7配置、内存DDR4 16G /固态硬盘256G ）具有白板书写、无线传屏和视频会议的功能</t>
  </si>
  <si>
    <t>MAXHUB会议平板TB86CF 86英寸电容触控智慧大屏，16：9的屏幕比例，屏幕分辨率3840*2160，（i5配置、内存DDR4 8G /固态硬盘128G ）具有白板书写、无线传屏和视频会议的功能</t>
  </si>
  <si>
    <t>MAXHUB会议平板TB86CF 86英寸电容触控智慧大屏，16：9的屏幕比例，屏幕分辨率3840*2160，（i7配置、内存DDR4 16G /固态硬盘256G  ）具有白板书写、无线传屏和视频会议的功能</t>
  </si>
  <si>
    <t>MAXHUB脚架ST33 支持55-86英寸智慧大屏</t>
  </si>
  <si>
    <t>MAXHUB脚架ST01 支持98英寸智慧大屏</t>
  </si>
  <si>
    <t>MAXHUB无线传屏WT01A 具有USB接口的搭配智慧大屏进行无线传屏的无线传屏器</t>
  </si>
  <si>
    <t>MAXHUB智能笔SP20B 可以在红外触控的智慧大屏上进行书写和PPT翻页功能</t>
  </si>
  <si>
    <t>【中铁房桥】成组砼岔枕\P50;1/12;5.0m交渡;专线(03)3424\朔黄段（肃宁站）</t>
  </si>
  <si>
    <t>中铁十四局集团房桥有限公司</t>
  </si>
  <si>
    <t>中铁房桥</t>
  </si>
  <si>
    <t>GNWZBP(TH)ZECG2020-208</t>
  </si>
  <si>
    <t>国家能源e购商城中铁房桥轨枕配件铺货采购合同-朔黄段（肃宁站）</t>
  </si>
  <si>
    <t>【中铁房桥】成组砼岔枕\P50;1/12;单开;专线(01)3423\朔黄段（肃宁站）</t>
  </si>
  <si>
    <t>【中铁房桥】成组砼岔枕\P50;1/12;复交;CZ2220Z\朔黄段（肃宁站）</t>
  </si>
  <si>
    <t>【中铁房桥】成组砼岔枕\P50;1/12;专线3355\朔黄段（肃宁站）</t>
  </si>
  <si>
    <t>【中铁房桥】成组砼岔枕\P50;1/12;专线4257\朔黄段（肃宁站）</t>
  </si>
  <si>
    <t>【中铁房桥】成组砼岔枕\P50;1/6;5.0m交渡;SC432-500\朔黄段（肃宁站）</t>
  </si>
  <si>
    <t>【中铁房桥】成组砼岔枕\P50;1/6;对称;SC384\朔黄段（肃宁站）</t>
  </si>
  <si>
    <t>【中铁房桥】成组砼岔枕\P50;1/6;对称;右开;SC384-500\朔黄段（肃宁站）</t>
  </si>
  <si>
    <t>【中铁房桥】成组砼岔枕\P50;1/6;对称;左开;SC384-500\朔黄段（肃宁站）</t>
  </si>
  <si>
    <t>【中铁房桥】成组砼岔枕\P50;1/9;5.0m交渡;CZ2210\朔黄段（肃宁站）</t>
  </si>
  <si>
    <t>【中铁房桥】成组砼岔枕\P50;1/9;5.0m交渡;SC580\朔黄段（肃宁站）</t>
  </si>
  <si>
    <t>【中铁房桥】成组砼岔枕\P50;1/9;5.0m交渡;专线(02)3428\朔黄段（肃宁站）</t>
  </si>
  <si>
    <t>【中铁房桥】成组砼岔枕\P50;1/9;5.0m交渡;专线(02)7663\朔黄段（肃宁站）</t>
  </si>
  <si>
    <t>【中铁房桥】成组砼岔枕\P50;1/9;CZ2209A\朔黄段（肃宁站）</t>
  </si>
  <si>
    <t>【中铁房桥】成组砼岔枕\P50;1/9;单开;CZ2209Z\朔黄段（肃宁站）</t>
  </si>
  <si>
    <t>【中铁房桥】成组砼岔枕\P50;1/9;单开;专线(03)3281\朔黄段（肃宁站）</t>
  </si>
  <si>
    <t>【中铁房桥】成组砼岔枕\P50;1/9;复交;CZ2214Z\朔黄段（肃宁站）</t>
  </si>
  <si>
    <t>【中铁房桥】成组砼岔枕\P50;1/9;复交;专线(04)3443\朔黄段（肃宁站）</t>
  </si>
  <si>
    <t>【中铁房桥】成组砼岔枕\P50;1/9;交渡;CZ2213Z\朔黄段（肃宁站）</t>
  </si>
  <si>
    <t>【中铁房桥】成组砼岔枕\P50;1/9;交渡;SC571-1101\朔黄段（肃宁站）</t>
  </si>
  <si>
    <t>【中铁房桥】成组砼岔枕\P50;1/9;交渡;专线(03)3431\朔黄段（肃宁站）</t>
  </si>
  <si>
    <t>【中铁房桥】成组砼岔枕\P60;1/12;5.5m交渡;SC342-500\朔黄段（肃宁站）</t>
  </si>
  <si>
    <t>【中铁房桥】成组砼岔枕\P60;1/12;6.5m交渡;专线3413\朔黄段（肃宁站）</t>
  </si>
  <si>
    <t>【中铁房桥】成组砼岔枕\P60;1/12;单开;SC330-500\朔黄段（肃宁站）</t>
  </si>
  <si>
    <t>【中铁房桥】成组砼岔枕\P60;1/12;渡线;专线3402;Ⅲ型\朔黄段（肃宁站）</t>
  </si>
  <si>
    <t>【中铁房桥】成组砼岔枕\P60;1/12;复交;SC350\朔黄段（肃宁站）</t>
  </si>
  <si>
    <t>【中铁房桥】成组砼岔枕\P60;1/12;交渡;SC340-500\朔黄段（肃宁站）</t>
  </si>
  <si>
    <t>【中铁房桥】成组砼岔枕\P60;1/12;交渡;SC342-500\朔黄段（肃宁站）</t>
  </si>
  <si>
    <t>【中铁房桥】成组砼岔枕\P60;1/12;砼;单开;专线4249\朔黄段（肃宁站）</t>
  </si>
  <si>
    <t>【中铁房桥】成组砼岔枕\P60;1/12;专线3399;Ⅲ型\朔黄段（肃宁站）</t>
  </si>
  <si>
    <t>【中铁房桥】成组砼岔枕\P60;1/18;单开;GLC(07)02-300\朔黄段（肃宁站）</t>
  </si>
  <si>
    <t>【中铁房桥】成组砼岔枕\P60;1/18;单开;GLC(09)05-300\朔黄段（肃宁站）</t>
  </si>
  <si>
    <t>【中铁房桥】成组砼岔枕\P60;1/9;5.0m组合;SC(07)460-1108\朔黄段（肃宁站）</t>
  </si>
  <si>
    <t>【中铁房桥】成组砼岔枕\P60;1/9;5.0m组合;SC(07)460-1204\朔黄段（肃宁站）</t>
  </si>
  <si>
    <t>【中铁房桥】成组砼岔枕\P60;1/9;5.0m组合;SC(07)460-1208\朔黄段（肃宁站）</t>
  </si>
  <si>
    <t>【中铁房桥】成组砼岔枕\P60;1/9;5.0m组合;SC(07)460-1211\朔黄段（肃宁站）</t>
  </si>
  <si>
    <t>【中铁房桥】成组砼岔枕\P60;1/9;5.3m交渡;CZ581Z\朔黄段（肃宁站）</t>
  </si>
  <si>
    <t>【中铁房桥】成组砼岔枕\P60;1/9;单开;CZ577Z\朔黄段（肃宁站）</t>
  </si>
  <si>
    <t>【中铁房桥】成组砼岔枕\P60;1/9;单开;专线(03)3366\朔黄段（肃宁站）</t>
  </si>
  <si>
    <t>【中铁房桥】成组砼岔枕\P60;1/9;复交;SC450-500\朔黄段（肃宁站）</t>
  </si>
  <si>
    <t>【中铁房桥】成组砼岔枕\P60;1/9;复式交分;CZ2504Z\朔黄段（肃宁站）</t>
  </si>
  <si>
    <t>【中铁房桥】成组砼岔枕\P60;1/9;交渡;CZ580Z\朔黄段（肃宁站）</t>
  </si>
  <si>
    <t>【中铁房桥】成组砼岔枕\P60;1/9;交渡;CZ582Z\朔黄段（肃宁站）</t>
  </si>
  <si>
    <t>【中铁房桥】成组砼岔枕\P60;1/9;交渡;CZ583Z\朔黄段（肃宁站）</t>
  </si>
  <si>
    <t>【中铁房桥】成组砼岔枕\P60;1/9;专线3366;右开\朔黄段（肃宁站）</t>
  </si>
  <si>
    <t>【中铁房桥】成组砼岔枕\P60;1/9;专线3366;左开\朔黄段（肃宁站）</t>
  </si>
  <si>
    <t>【中铁房桥】成组砼岔枕\P75;1/12;SC381-500\朔黄段（肃宁站）</t>
  </si>
  <si>
    <t>【中铁房桥】成组砼岔枕\P75;1/12;SC443-500;交渡\朔黄段（肃宁站）</t>
  </si>
  <si>
    <t>【中铁房桥】成组砼岔枕\P75;1/12;单开;SC559-500\朔黄段（肃宁站）</t>
  </si>
  <si>
    <t>【中铁房桥】成组砼岔枕\P75;1/12;单开;研线1116-400\朔黄段（肃宁站）</t>
  </si>
  <si>
    <t>【中铁房桥】成组砼岔枕\P75;1/12;交渡;SC444\朔黄段（肃宁站）</t>
  </si>
  <si>
    <t>【中铁房桥】成组砼岔枕\P75;1/18;单开;SC488-500\朔黄段（肃宁站）</t>
  </si>
  <si>
    <t>【中铁房桥】成组砼岔枕\P75;1/9;5.0m交渡;SC551\朔黄段（肃宁站）</t>
  </si>
  <si>
    <t>【中铁房桥】电气绝缘枕\ⅢaZ型\朔黄段（肃宁站）</t>
  </si>
  <si>
    <t>【中铁房桥】电容枕\ⅢA型/ⅢAD\朔黄段（肃宁站）</t>
  </si>
  <si>
    <t>【中铁房桥】电容枕\新Ⅱ型/XⅡD\朔黄段（肃宁站）</t>
  </si>
  <si>
    <t>【中铁房桥】电容枕\新Ⅱ型;2500mm;研线0308-1\朔黄段（肃宁站）</t>
  </si>
  <si>
    <t>【中铁房桥】电容枕\新Ⅲ型桥枕;2600mm;研线0308-1\朔黄段（肃宁站）</t>
  </si>
  <si>
    <t>【中铁房桥】砼岔枕\P50;1/12;13#;专线(01)3423\朔黄段（肃宁站）</t>
  </si>
  <si>
    <t>【中铁房桥】砼岔枕\P50;1/12;21#;专线(01)3423\朔黄段（肃宁站）</t>
  </si>
  <si>
    <t>【中铁房桥】砼岔枕\P50;1/12;5#;专线3355\朔黄段（肃宁站）</t>
  </si>
  <si>
    <t>【中铁房桥】砼岔枕\P50;1/12;58#;专线3355\朔黄段（肃宁站）</t>
  </si>
  <si>
    <t>【中铁房桥】砼岔枕\P50;1/9;20#;专线(03)3281\朔黄段（肃宁站）</t>
  </si>
  <si>
    <t>【中铁房桥】砼岔枕\P50;1/9;3#;CZ2209\朔黄段（肃宁站）</t>
  </si>
  <si>
    <t>【中铁房桥】砼岔枕\P50;1/9;39#;专线(03)3281\朔黄段（肃宁站）</t>
  </si>
  <si>
    <t>【中铁房桥】砼岔枕\P50;1/9;48#;专线(03)3281\朔黄段（肃宁站）</t>
  </si>
  <si>
    <t>【中铁房桥】砼岔枕\P50;1/9;49#;专线(03)3281\朔黄段（肃宁站）</t>
  </si>
  <si>
    <t>【中铁房桥】砼岔枕\P50;1/9;52#;专线(03)3281\朔黄段（肃宁站）</t>
  </si>
  <si>
    <t>【中铁房桥】砼岔枕\P50;1/9;单开31#;专线(03)3281\朔黄段（肃宁站）</t>
  </si>
  <si>
    <t>【中铁房桥】砼岔枕\P50;1/9;单开32#;专线(03)3281\朔黄段（肃宁站）</t>
  </si>
  <si>
    <t>【中铁房桥】砼岔枕\P50;1/9;单开33#;专线(03)3281\朔黄段（肃宁站）</t>
  </si>
  <si>
    <t>【中铁房桥】砼岔枕\P50;1/9;单开34#;专线(03)3281\朔黄段（肃宁站）</t>
  </si>
  <si>
    <t>【中铁房桥】砼岔枕\P50;1/9;单开35#;专线(03)3281\朔黄段（肃宁站）</t>
  </si>
  <si>
    <t>【中铁房桥】砼岔枕\P50;1/9;单开36#;专线(03)3281\朔黄段（肃宁站）</t>
  </si>
  <si>
    <t>【中铁房桥】砼岔枕\P50;1/9;单开37#;专线(03)3281\朔黄段（肃宁站）</t>
  </si>
  <si>
    <t>【中铁房桥】砼岔枕\P60;1/12;1#;SC330-500\朔黄段（肃宁站）</t>
  </si>
  <si>
    <t>【中铁房桥】砼岔枕\P60;1/12;1#;专线3399\朔黄段（肃宁站）</t>
  </si>
  <si>
    <t>【中铁房桥】砼岔枕\P60;1/12;10#;专线3399\朔黄段（肃宁站）</t>
  </si>
  <si>
    <t>【中铁房桥】砼岔枕\P60;1/12;11#;专线3399\朔黄段（肃宁站）</t>
  </si>
  <si>
    <t>【中铁房桥】砼岔枕\P60;1/12;12#;专线3399\朔黄段（肃宁站）</t>
  </si>
  <si>
    <t>【中铁房桥】砼岔枕\P60;1/12;13#;专线3399\朔黄段（肃宁站）</t>
  </si>
  <si>
    <t>【中铁房桥】砼岔枕\P60;1/12;14#;专线3399\朔黄段（肃宁站）</t>
  </si>
  <si>
    <t>【中铁房桥】砼岔枕\P60;1/12;15#;专线3399\朔黄段（肃宁站）</t>
  </si>
  <si>
    <t>【中铁房桥】砼岔枕\P60;1/12;16#;专线3399\朔黄段（肃宁站）</t>
  </si>
  <si>
    <t>【中铁房桥】砼岔枕\P60;1/12;17#;专线3399\朔黄段（肃宁站）</t>
  </si>
  <si>
    <t>【中铁房桥】砼岔枕\P60;1/12;18#;专线3399\朔黄段（肃宁站）</t>
  </si>
  <si>
    <t>【中铁房桥】砼岔枕\P60;1/12;19#;专线3399\朔黄段（肃宁站）</t>
  </si>
  <si>
    <t>【中铁房桥】砼岔枕\P60;1/12;2#;专线3399\朔黄段（肃宁站）</t>
  </si>
  <si>
    <t>【中铁房桥】砼岔枕\P60;1/12;23#;专线3399\朔黄段（肃宁站）</t>
  </si>
  <si>
    <t>【中铁房桥】砼岔枕\P60;1/12;24#;专线3399\朔黄段（肃宁站）</t>
  </si>
  <si>
    <t>【中铁房桥】砼岔枕\P60;1/12;25#;SC330-500\朔黄段（肃宁站）</t>
  </si>
  <si>
    <t>【中铁房桥】砼岔枕\P60;1/12;25#;SC350\朔黄段（肃宁站）</t>
  </si>
  <si>
    <t>【中铁房桥】砼岔枕\P60;1/12;25#;专线3399\朔黄段（肃宁站）</t>
  </si>
  <si>
    <t>【中铁房桥】砼岔枕\P60;1/12;26#;SC330-500\朔黄段（肃宁站）</t>
  </si>
  <si>
    <t>【中铁房桥】砼岔枕\P60;1/12;26#;SC350\朔黄段（肃宁站）</t>
  </si>
  <si>
    <t>【中铁房桥】砼岔枕\P60;1/12;26#;专线3399\朔黄段（肃宁站）</t>
  </si>
  <si>
    <t>【中铁房桥】砼岔枕\P60;1/12;27#;SC330-500\朔黄段（肃宁站）</t>
  </si>
  <si>
    <t>【中铁房桥】砼岔枕\P60;1/12;27#;专线3399\朔黄段（肃宁站）</t>
  </si>
  <si>
    <t>【中铁房桥】砼岔枕\P60;1/12;28#;SC330-500\朔黄段（肃宁站）</t>
  </si>
  <si>
    <t>【中铁房桥】砼岔枕\P60;1/12;28#;专线3399\朔黄段（肃宁站）</t>
  </si>
  <si>
    <t>【中铁房桥】砼岔枕\P60;1/12;28#;专线4228\朔黄段（肃宁站）</t>
  </si>
  <si>
    <t>【中铁房桥】砼岔枕\P60;1/12;29#;SC330-500\朔黄段（肃宁站）</t>
  </si>
  <si>
    <t>【中铁房桥】砼岔枕\P60;1/12;29#;专线3399\朔黄段（肃宁站）</t>
  </si>
  <si>
    <t>【中铁房桥】砼岔枕\P60;1/12;30#;专线3399\朔黄段（肃宁站）</t>
  </si>
  <si>
    <t>【中铁房桥】砼岔枕\P60;1/12;30#;专线4228\朔黄段（肃宁站）</t>
  </si>
  <si>
    <t>【中铁房桥】砼岔枕\P60;1/12;32#;专线3399\朔黄段（肃宁站）</t>
  </si>
  <si>
    <t>【中铁房桥】砼岔枕\P60;1/12;34#;专线3399\朔黄段（肃宁站）</t>
  </si>
  <si>
    <t>【中铁房桥】砼岔枕\P60;1/12;36#;SC350\朔黄段（肃宁站）</t>
  </si>
  <si>
    <t>【中铁房桥】砼岔枕\P60;1/12;37#;专线3399\朔黄段（肃宁站）</t>
  </si>
  <si>
    <t>【中铁房桥】砼岔枕\P60;1/12;40#;专线3399\朔黄段（肃宁站）</t>
  </si>
  <si>
    <t>【中铁房桥】砼岔枕\P60;1/12;41#;专线3399\朔黄段（肃宁站）</t>
  </si>
  <si>
    <t>【中铁房桥】砼岔枕\P60;1/12;42#;专线3399\朔黄段（肃宁站）</t>
  </si>
  <si>
    <t>【中铁房桥】砼岔枕\P60;1/12;43#;专线3399\朔黄段（肃宁站）</t>
  </si>
  <si>
    <t>【中铁房桥】砼岔枕\P60;1/12;49#;SC330-500\朔黄段（肃宁站）</t>
  </si>
  <si>
    <t>【中铁房桥】砼岔枕\P60;1/12;51#;专线3399\朔黄段（肃宁站）</t>
  </si>
  <si>
    <t>【中铁房桥】砼岔枕\P60;1/12;52#;专线3399\朔黄段（肃宁站）</t>
  </si>
  <si>
    <t>【中铁房桥】砼岔枕\P60;1/12;53#;SC330-500\朔黄段（肃宁站）</t>
  </si>
  <si>
    <t>【中铁房桥】砼岔枕\P60;1/12;53#;专线3399\朔黄段（肃宁站）</t>
  </si>
  <si>
    <t>【中铁房桥】砼岔枕\P60;1/12;53#;专线4228\朔黄段（肃宁站）</t>
  </si>
  <si>
    <t>【中铁房桥】砼岔枕\P60;1/12;54#;SC330\朔黄段（肃宁站）</t>
  </si>
  <si>
    <t>【中铁房桥】砼岔枕\P60;1/12;54#;专线3399\朔黄段（肃宁站）</t>
  </si>
  <si>
    <t>【中铁房桥】砼岔枕\P60;1/12;55#;专线3399\朔黄段（肃宁站）</t>
  </si>
  <si>
    <t>【中铁房桥】砼岔枕\P60;1/12;56#;专线3399\朔黄段（肃宁站）</t>
  </si>
  <si>
    <t>【中铁房桥】砼岔枕\P60;1/12;57#;专线3399\朔黄段（肃宁站）</t>
  </si>
  <si>
    <t>【中铁房桥】砼岔枕\P60;1/12;57#;专线4228\朔黄段（肃宁站）</t>
  </si>
  <si>
    <t>【中铁房桥】砼岔枕\P60;1/12;58#;专线3399\朔黄段（肃宁站）</t>
  </si>
  <si>
    <t>【中铁房桥】砼岔枕\P60;1/12;59#;专线3399\朔黄段（肃宁站）</t>
  </si>
  <si>
    <t>【中铁房桥】砼岔枕\P60;1/12;60#;专线3399\朔黄段（肃宁站）</t>
  </si>
  <si>
    <t>【中铁房桥】砼岔枕\P60;1/12;61#;专线3399\朔黄段（肃宁站）</t>
  </si>
  <si>
    <t>【中铁房桥】砼岔枕\P60;1/12;62#;专线3399\朔黄段（肃宁站）</t>
  </si>
  <si>
    <t>【中铁房桥】砼岔枕\P60;1/12;63#;SC330-500\朔黄段（肃宁站）</t>
  </si>
  <si>
    <t>【中铁房桥】砼岔枕\P60;1/12;63#;SC340\朔黄段（肃宁站）</t>
  </si>
  <si>
    <t>【中铁房桥】砼岔枕\P60;1/12;63#;专线3399\朔黄段（肃宁站）</t>
  </si>
  <si>
    <t>【中铁房桥】砼岔枕\P60;1/12;63#;专线3402\朔黄段（肃宁站）</t>
  </si>
  <si>
    <t>【中铁房桥】砼岔枕\P60;1/12;63#;专线4228\朔黄段（肃宁站）</t>
  </si>
  <si>
    <t>【中铁房桥】砼岔枕\P60;1/12;63Z#;SC341-500\朔黄段（肃宁站）</t>
  </si>
  <si>
    <t>【中铁房桥】砼岔枕\P60;1/12;64#;SC330\朔黄段（肃宁站）</t>
  </si>
  <si>
    <t>【中铁房桥】砼岔枕\P60;1/12;64#;SC340\朔黄段（肃宁站）</t>
  </si>
  <si>
    <t>【中铁房桥】砼岔枕\P60;1/12;64#;专线3399\朔黄段（肃宁站）</t>
  </si>
  <si>
    <t>【中铁房桥】砼岔枕\P60;1/12;64#;专线3402\朔黄段（肃宁站）</t>
  </si>
  <si>
    <t>【中铁房桥】砼岔枕\P60;1/12;64Z#;SC341-500\朔黄段（肃宁站）</t>
  </si>
  <si>
    <t>【中铁房桥】砼岔枕\P60;1/12;65#;交渡;SC340C\朔黄段（肃宁站）</t>
  </si>
  <si>
    <t>【中铁房桥】砼岔枕\P60;1/12;65#;专线3399\朔黄段（肃宁站）</t>
  </si>
  <si>
    <t>【中铁房桥】砼岔枕\P60;1/12;66#;专线3399\朔黄段（肃宁站）</t>
  </si>
  <si>
    <t>【中铁房桥】砼岔枕\P60;1/12;67#;专线3399\朔黄段（肃宁站）</t>
  </si>
  <si>
    <t>【中铁房桥】砼岔枕\P60;1/12;68#;专线3399\朔黄段（肃宁站）</t>
  </si>
  <si>
    <t>【中铁房桥】砼岔枕\P60;1/12;69#;专线3399\朔黄段（肃宁站）</t>
  </si>
  <si>
    <t>【中铁房桥】砼岔枕\P60;1/12;73#;专线3402\朔黄段（肃宁站）</t>
  </si>
  <si>
    <t>【中铁房桥】砼岔枕\P60;1/12;74#;专线3402\朔黄段（肃宁站）</t>
  </si>
  <si>
    <t>【中铁房桥】砼岔枕\P60;1/18;21#;专线3386\朔黄段（肃宁站）</t>
  </si>
  <si>
    <t>【中铁房桥】砼岔枕\P60;1/18;32#;专线3386\朔黄段（肃宁站）</t>
  </si>
  <si>
    <t>【中铁房桥】砼岔枕\P60;1/18;33#;专线3386\朔黄段（肃宁站）</t>
  </si>
  <si>
    <t>【中铁房桥】砼岔枕\P60;1/18;34#;专线3386\朔黄段（肃宁站）</t>
  </si>
  <si>
    <t>【中铁房桥】砼岔枕\P60;1/18;71#;专线3386\朔黄段（肃宁站）</t>
  </si>
  <si>
    <t>【中铁房桥】砼岔枕\P60;1/18;72#;专线3386\朔黄段（肃宁站）</t>
  </si>
  <si>
    <t>【中铁房桥】砼岔枕\P60;1/9;34#;交渡;SC392C\朔黄段（肃宁站）</t>
  </si>
  <si>
    <t>【中铁房桥】砼岔枕\P60;1/9;42#;专线(03)3366\朔黄段（肃宁站）</t>
  </si>
  <si>
    <t>【中铁房桥】砼岔枕\P60;1/9;43#;专线(03)3366\朔黄段（肃宁站）</t>
  </si>
  <si>
    <t>【中铁房桥】砼岔枕\P60;1/9;49#;SC390\朔黄段（肃宁站）</t>
  </si>
  <si>
    <t>【中铁房桥】砼岔枕\P60;1/9;49#;专线(03)3366\朔黄段（肃宁站）</t>
  </si>
  <si>
    <t>【中铁房桥】砼岔枕\P60;1/9;5#;SC390\朔黄段（肃宁站）</t>
  </si>
  <si>
    <t>【中铁房桥】砼岔枕\P60;1/9;50#;SC390\朔黄段（肃宁站）</t>
  </si>
  <si>
    <t>【中铁房桥】砼岔枕\P60;1/9;54#;专线(03)3366\朔黄段（肃宁站）</t>
  </si>
  <si>
    <t>【中铁房桥】砼岔枕\P60;1/9;6#;SC390\朔黄段（肃宁站）</t>
  </si>
  <si>
    <t>【中铁房桥】砼岔枕\P60;1/9;7#;SC390\朔黄段（肃宁站）</t>
  </si>
  <si>
    <t>【中铁房桥】砼岔枕\P60;1/9;8#;SC390\朔黄段（肃宁站）</t>
  </si>
  <si>
    <t>【中铁房桥】砼岔枕\P60;1/9;9#;SC390\朔黄段（肃宁站）</t>
  </si>
  <si>
    <t>【中铁房桥】砼岔枕\P60;1/9;交渡12#;CZ581Z\朔黄段（肃宁站）</t>
  </si>
  <si>
    <t>【中铁房桥】砼岔枕\P60;1/9;交渡16#;CZ581Z\朔黄段（肃宁站）</t>
  </si>
  <si>
    <t>【中铁房桥】砼岔枕\P60;1/9;交渡22#;CZ580Z\朔黄段（肃宁站）</t>
  </si>
  <si>
    <t>【中铁房桥】砼岔枕\P60;1/9;交渡23#;CZ581Z\朔黄段（肃宁站）</t>
  </si>
  <si>
    <t>【中铁房桥】砼岔枕\P60;1/9;交渡24#;CZ581Z\朔黄段（肃宁站）</t>
  </si>
  <si>
    <t>【中铁房桥】砼岔枕\P60;1/9;交渡25#;CZ581Z\朔黄段（肃宁站）</t>
  </si>
  <si>
    <t>【中铁房桥】砼岔枕\P60;1/9;交渡40#;CZ580Z\朔黄段（肃宁站）</t>
  </si>
  <si>
    <t>【中铁房桥】砼岔枕\P60;1/9;交渡44#;CZ581Z\朔黄段（肃宁站）</t>
  </si>
  <si>
    <t>【中铁房桥】砼岔枕\P60;1/9;交渡49#;CZ581Z\朔黄段（肃宁站）</t>
  </si>
  <si>
    <t>【中铁房桥】砼岔枕\P60;1/9;交渡50#;CZ581Z\朔黄段（肃宁站）</t>
  </si>
  <si>
    <t>【中铁房桥】砼岔枕\P75;1/12;1#;SC559-500\朔黄段（肃宁站）</t>
  </si>
  <si>
    <t>【中铁房桥】砼岔枕\P75;1/12;2#;SC559-500\朔黄段（肃宁站）</t>
  </si>
  <si>
    <t>【中铁房桥】砼岔枕\P75;1/12;25#;SC559-500\朔黄段（肃宁站）</t>
  </si>
  <si>
    <t>【中铁房桥】砼岔枕\P75;1/12;26#;SC559-500\朔黄段（肃宁站）</t>
  </si>
  <si>
    <t>【中铁房桥】砼岔枕\P75;1/12;27#;SC559-500\朔黄段（肃宁站）</t>
  </si>
  <si>
    <t>【中铁房桥】砼岔枕\P75;1/12;28#;SC559-500\朔黄段（肃宁站）</t>
  </si>
  <si>
    <t>【中铁房桥】砼岔枕\P75;1/12;29#;SC559-500\朔黄段（肃宁站）</t>
  </si>
  <si>
    <t>【中铁房桥】砼岔枕\P75;1/12;3#;SC559-500\朔黄段（肃宁站）</t>
  </si>
  <si>
    <t>【中铁房桥】砼岔枕\P75;1/12;30#;SC559-500\朔黄段（肃宁站）</t>
  </si>
  <si>
    <t>【中铁房桥】砼岔枕\P75;1/12;31#;SC559-500\朔黄段（肃宁站）</t>
  </si>
  <si>
    <t>【中铁房桥】砼岔枕\P75;1/12;39#;SC559-500\朔黄段（肃宁站）</t>
  </si>
  <si>
    <t>【中铁房桥】砼岔枕\P75;1/12;40#;SC559-500\朔黄段（肃宁站）</t>
  </si>
  <si>
    <t>【中铁房桥】砼岔枕\P75;1/12;5.3m交渡;CZ716\朔黄段（肃宁站）</t>
  </si>
  <si>
    <t>【中铁房桥】砼岔枕\P75;1/12;50#;SC559-500\朔黄段（肃宁站）</t>
  </si>
  <si>
    <t>【中铁房桥】砼岔枕\P75;1/12;51#;SC559-500\朔黄段（肃宁站）</t>
  </si>
  <si>
    <t>【中铁房桥】砼岔枕\P75;1/12;52#;SC559-500\朔黄段（肃宁站）</t>
  </si>
  <si>
    <t>【中铁房桥】砼岔枕\P75;1/12;53#;SC559-500\朔黄段（肃宁站）</t>
  </si>
  <si>
    <t>【中铁房桥】砼岔枕\P75;1/12;54#;SC559-500\朔黄段（肃宁站）</t>
  </si>
  <si>
    <t>【中铁房桥】砼岔枕\P75;1/12;55#;SC559-500\朔黄段（肃宁站）</t>
  </si>
  <si>
    <t>【中铁房桥】砼岔枕\P75;1/12;56#;SC559-500\朔黄段（肃宁站）</t>
  </si>
  <si>
    <t>【中铁房桥】砼岔枕\P75;1/12;60#;SC559-500\朔黄段（肃宁站）</t>
  </si>
  <si>
    <t>【中铁房桥】砼岔枕\P75;1/12;61#;SC559-500\朔黄段（肃宁站）</t>
  </si>
  <si>
    <t>【中铁房桥】砼岔枕\P75;1/12;62#;SC559-500\朔黄段（肃宁站）</t>
  </si>
  <si>
    <t>【中铁房桥】砼岔枕\P75;1/12;63#;SC559-500\朔黄段（肃宁站）</t>
  </si>
  <si>
    <t>【中铁房桥】砼岔枕\P75;1/12;64#;SC559-500\朔黄段（肃宁站）</t>
  </si>
  <si>
    <t>【中铁房桥】砼岔枕\P75;1/12;65#;SC559-500\朔黄段（肃宁站）</t>
  </si>
  <si>
    <t>【中铁房桥】砼岔枕\P75;1/12;66#;SC559-500\朔黄段（肃宁站）</t>
  </si>
  <si>
    <t>【中铁房桥】砼岔枕\P75;1/12;67#;SC559-500\朔黄段（肃宁站）</t>
  </si>
  <si>
    <t>【中铁房桥】砼岔枕\P75;1/12;68#;SC559-500\朔黄段（肃宁站）</t>
  </si>
  <si>
    <t>【中铁房桥】砼岔枕\P75;1/12;80#;SC559-500\朔黄段（肃宁站）</t>
  </si>
  <si>
    <t>【中铁房桥】砼岔枕\P75;1/12;81#;SC559-500\朔黄段（肃宁站）</t>
  </si>
  <si>
    <t>【中铁房桥】砼岔枕\P75;1/12;单开;专线4228\朔黄段（肃宁站）</t>
  </si>
  <si>
    <t>【中铁房桥】砼桥枕\ⅡZQ-C型0#\朔黄段（肃宁站）</t>
  </si>
  <si>
    <t>【中铁房桥】砼桥枕\Ⅲ型\朔黄段（肃宁站）</t>
  </si>
  <si>
    <t>【中铁房桥】砼桥枕\梭头;新Ⅲ型;1#\朔黄段（肃宁站）</t>
  </si>
  <si>
    <t>【中铁房桥】砼桥枕\梭头;新Ⅲ型;2#\朔黄段（肃宁站）</t>
  </si>
  <si>
    <t>【中铁房桥】砼桥枕\梭头;新Ⅲ型;3#\朔黄段（肃宁站）</t>
  </si>
  <si>
    <t>【中铁房桥】砼桥枕\梭头;新Ⅲ型;4#\朔黄段（肃宁站）</t>
  </si>
  <si>
    <t>【中铁房桥】砼桥枕\新Ⅲ型\朔黄段（肃宁站）</t>
  </si>
  <si>
    <t>【中铁房桥】砼桥枕\专线3448;弹性;新Ⅲ型\朔黄段（肃宁站）</t>
  </si>
  <si>
    <t>【中铁房桥】砼桥枕\专线3448;弹性;新Ⅲ型;1#\朔黄段（肃宁站）</t>
  </si>
  <si>
    <t>【中铁房桥】砼桥枕\专线3448;弹性;新Ⅲ型;2#\朔黄段（肃宁站）</t>
  </si>
  <si>
    <t>【中铁房桥】砼桥枕\专线3448;弹性;新Ⅲ型;3#\朔黄段（肃宁站）</t>
  </si>
  <si>
    <t>【中铁房桥】砼桥枕\专线3448;弹性;新Ⅲ型;4#\朔黄段（肃宁站）</t>
  </si>
  <si>
    <t>【中铁房桥】砼枕\X-Ⅱ型\朔黄段（肃宁站）</t>
  </si>
  <si>
    <t>【中铁房桥】砼枕\YⅡ-F\朔黄段（肃宁站）</t>
  </si>
  <si>
    <t>【中铁房桥】砼枕\弹性;ⅢA型\朔黄段（肃宁站）</t>
  </si>
  <si>
    <t>【中铁房桥】砼枕\专线3393;ⅢA型\朔黄段（肃宁站）</t>
  </si>
  <si>
    <t>【中铁房桥】成组砼岔枕\P50;1/12;5.0m交渡;专线(03)3424\包神段（东胜站）</t>
  </si>
  <si>
    <t>GNWZBP(TH)ZECG2020-209</t>
  </si>
  <si>
    <t>国家能源e购商城中铁房桥轨枕配件铺货采购合同-包神段（东胜站）</t>
  </si>
  <si>
    <t>【中铁房桥】成组砼岔枕\P50;1/12;单开;专线(01)3423\包神段（东胜站）</t>
  </si>
  <si>
    <t>【中铁房桥】成组砼岔枕\P50;1/12;复交;CZ2220Z\包神段（东胜站）</t>
  </si>
  <si>
    <t>【中铁房桥】成组砼岔枕\P50;1/12;专线3355\包神段（东胜站）</t>
  </si>
  <si>
    <t>【中铁房桥】成组砼岔枕\P50;1/12;专线4257\包神段（东胜站）</t>
  </si>
  <si>
    <t>【中铁房桥】成组砼岔枕\P50;1/6;5.0m交渡;SC432-500\包神段（东胜站）</t>
  </si>
  <si>
    <t>【中铁房桥】成组砼岔枕\P50;1/6;对称;SC384\包神段（东胜站）</t>
  </si>
  <si>
    <t>【中铁房桥】成组砼岔枕\P50;1/6;对称;右开;SC384-500\包神段（东胜站）</t>
  </si>
  <si>
    <t>【中铁房桥】成组砼岔枕\P50;1/6;对称;左开;SC384-500\包神段（东胜站）</t>
  </si>
  <si>
    <t>【中铁房桥】成组砼岔枕\P50;1/9;5.0m交渡;CZ2210\包神段（东胜站）</t>
  </si>
  <si>
    <t>【中铁房桥】成组砼岔枕\P50;1/9;5.0m交渡;SC580\包神段（东胜站）</t>
  </si>
  <si>
    <t>【中铁房桥】成组砼岔枕\P50;1/9;5.0m交渡;专线(02)3428\包神段（东胜站）</t>
  </si>
  <si>
    <t>【中铁房桥】成组砼岔枕\P50;1/9;5.0m交渡;专线(02)7663\包神段（东胜站）</t>
  </si>
  <si>
    <t>【中铁房桥】成组砼岔枕\P50;1/9;CZ2209A\包神段（东胜站）</t>
  </si>
  <si>
    <t>【中铁房桥】成组砼岔枕\P50;1/9;单开;CZ2209Z\包神段（东胜站）</t>
  </si>
  <si>
    <t>【中铁房桥】成组砼岔枕\P50;1/9;单开;专线(03)3281\包神段（东胜站）</t>
  </si>
  <si>
    <t>【中铁房桥】成组砼岔枕\P50;1/9;复交;CZ2214Z\包神段（东胜站）</t>
  </si>
  <si>
    <t>【中铁房桥】成组砼岔枕\P50;1/9;复交;专线(04)3443\包神段（东胜站）</t>
  </si>
  <si>
    <t>【中铁房桥】成组砼岔枕\P50;1/9;交渡;CZ2213Z\包神段（东胜站）</t>
  </si>
  <si>
    <t>【中铁房桥】成组砼岔枕\P50;1/9;交渡;SC571-1101\包神段（东胜站）</t>
  </si>
  <si>
    <t>【中铁房桥】成组砼岔枕\P50;1/9;交渡;专线(03)3431\包神段（东胜站）</t>
  </si>
  <si>
    <t>【中铁房桥】成组砼岔枕\P60;1/12;5.5m交渡;SC342-500\包神段（东胜站）</t>
  </si>
  <si>
    <t>【中铁房桥】成组砼岔枕\P60;1/12;6.5m交渡;专线3413\包神段（东胜站）</t>
  </si>
  <si>
    <t>【中铁房桥】成组砼岔枕\P60;1/12;单开;SC330-500\包神段（东胜站）</t>
  </si>
  <si>
    <t>【中铁房桥】成组砼岔枕\P60;1/12;渡线;专线3402;Ⅲ型\包神段（东胜站）</t>
  </si>
  <si>
    <t>【中铁房桥】成组砼岔枕\P60;1/12;复交;SC350\包神段（东胜站）</t>
  </si>
  <si>
    <t>【中铁房桥】成组砼岔枕\P60;1/12;交渡;SC340-500\包神段（东胜站）</t>
  </si>
  <si>
    <t>【中铁房桥】成组砼岔枕\P60;1/12;交渡;SC342-500\包神段（东胜站）</t>
  </si>
  <si>
    <t>【中铁房桥】成组砼岔枕\P60;1/12;砼;单开;专线4249\包神段（东胜站）</t>
  </si>
  <si>
    <t>【中铁房桥】成组砼岔枕\P60;1/12;专线3399;Ⅲ型\包神段（东胜站）</t>
  </si>
  <si>
    <t>【中铁房桥】成组砼岔枕\P60;1/18;单开;GLC(07)02-300\包神段（东胜站）</t>
  </si>
  <si>
    <t>【中铁房桥】成组砼岔枕\P60;1/18;单开;GLC(09)05-300\包神段（东胜站）</t>
  </si>
  <si>
    <t>【中铁房桥】成组砼岔枕\P60;1/9;5.0m组合;SC(07)460-1108\包神段（东胜站）</t>
  </si>
  <si>
    <t>【中铁房桥】成组砼岔枕\P60;1/9;5.0m组合;SC(07)460-1204\包神段（东胜站）</t>
  </si>
  <si>
    <t>【中铁房桥】成组砼岔枕\P60;1/9;5.0m组合;SC(07)460-1208\包神段（东胜站）</t>
  </si>
  <si>
    <t>【中铁房桥】成组砼岔枕\P60;1/9;5.0m组合;SC(07)460-1211\包神段（东胜站）</t>
  </si>
  <si>
    <t>【中铁房桥】成组砼岔枕\P60;1/9;5.3m交渡;CZ581Z\包神段（东胜站）</t>
  </si>
  <si>
    <t>【中铁房桥】成组砼岔枕\P60;1/9;单开;CZ577Z\包神段（东胜站）</t>
  </si>
  <si>
    <t>【中铁房桥】成组砼岔枕\P60;1/9;单开;专线(03)3366\包神段（东胜站）</t>
  </si>
  <si>
    <t>【中铁房桥】成组砼岔枕\P60;1/9;复交;SC450-500\包神段（东胜站）</t>
  </si>
  <si>
    <t>【中铁房桥】成组砼岔枕\P60;1/9;复式交分;CZ2504Z\包神段（东胜站）</t>
  </si>
  <si>
    <t>【中铁房桥】成组砼岔枕\P60;1/9;交渡;CZ580Z\包神段（东胜站）</t>
  </si>
  <si>
    <t>【中铁房桥】成组砼岔枕\P60;1/9;交渡;CZ582Z\包神段（东胜站）</t>
  </si>
  <si>
    <t>【中铁房桥】成组砼岔枕\P60;1/9;交渡;CZ583Z\包神段（东胜站）</t>
  </si>
  <si>
    <t>【中铁房桥】成组砼岔枕\P60;1/9;专线3366;右开\包神段（东胜站）</t>
  </si>
  <si>
    <t>【中铁房桥】成组砼岔枕\P60;1/9;专线3366;左开\包神段（东胜站）</t>
  </si>
  <si>
    <t>【中铁房桥】成组砼岔枕\P75;1/12;SC381-500\包神段（东胜站）</t>
  </si>
  <si>
    <t>【中铁房桥】成组砼岔枕\P75;1/12;SC443-500;交渡\包神段（东胜站）</t>
  </si>
  <si>
    <t>【中铁房桥】成组砼岔枕\P75;1/12;单开;SC559-500\包神段（东胜站）</t>
  </si>
  <si>
    <t>【中铁房桥】成组砼岔枕\P75;1/12;单开;研线1116-400\包神段（东胜站）</t>
  </si>
  <si>
    <t>【中铁房桥】成组砼岔枕\P75;1/12;交渡;SC444\包神段（东胜站）</t>
  </si>
  <si>
    <t>【中铁房桥】成组砼岔枕\P75;1/18;单开;SC488-500\包神段（东胜站）</t>
  </si>
  <si>
    <t>【中铁房桥】成组砼岔枕\P75;1/9;5.0m交渡;SC551\包神段（东胜站）</t>
  </si>
  <si>
    <t>【中铁房桥】电气绝缘枕\ⅢaZ型\包神段（东胜站）</t>
  </si>
  <si>
    <t>【中铁房桥】电容枕\ⅢA型/ⅢAD\包神段（东胜站）</t>
  </si>
  <si>
    <t>【中铁房桥】电容枕\新Ⅱ型/XⅡD\包神段（东胜站）</t>
  </si>
  <si>
    <t>【中铁房桥】电容枕\新Ⅱ型;2500mm;研线0308-1\包神段（东胜站）</t>
  </si>
  <si>
    <t>【中铁房桥】电容枕\新Ⅲ型桥枕;2600mm;研线0308-1\包神段（东胜站）</t>
  </si>
  <si>
    <t>【中铁房桥】砼岔枕\P50;1/12;13#;专线(01)3423\包神段（东胜站）</t>
  </si>
  <si>
    <t>【中铁房桥】砼岔枕\P50;1/12;21#;专线(01)3423\包神段（东胜站）</t>
  </si>
  <si>
    <t>【中铁房桥】砼岔枕\P50;1/12;5#;专线3355\包神段（东胜站）</t>
  </si>
  <si>
    <t>【中铁房桥】砼岔枕\P50;1/12;58#;专线3355\包神段（东胜站）</t>
  </si>
  <si>
    <t>【中铁房桥】砼岔枕\P50;1/9;20#;专线(03)3281\包神段（东胜站）</t>
  </si>
  <si>
    <t>【中铁房桥】砼岔枕\P50;1/9;3#;CZ2209\包神段（东胜站）</t>
  </si>
  <si>
    <t>【中铁房桥】砼岔枕\P50;1/9;39#;专线(03)3281\包神段（东胜站）</t>
  </si>
  <si>
    <t>【中铁房桥】砼岔枕\P50;1/9;48#;专线(03)3281\包神段（东胜站）</t>
  </si>
  <si>
    <t>【中铁房桥】砼岔枕\P50;1/9;49#;专线(03)3281\包神段（东胜站）</t>
  </si>
  <si>
    <t>【中铁房桥】砼岔枕\P50;1/9;52#;专线(03)3281\包神段（东胜站）</t>
  </si>
  <si>
    <t>【中铁房桥】砼岔枕\P50;1/9;单开31#;专线(03)3281\包神段（东胜站）</t>
  </si>
  <si>
    <t>【中铁房桥】砼岔枕\P50;1/9;单开32#;专线(03)3281\包神段（东胜站）</t>
  </si>
  <si>
    <t>【中铁房桥】砼岔枕\P50;1/9;单开33#;专线(03)3281\包神段（东胜站）</t>
  </si>
  <si>
    <t>【中铁房桥】砼岔枕\P50;1/9;单开34#;专线(03)3281\包神段（东胜站）</t>
  </si>
  <si>
    <t>【中铁房桥】砼岔枕\P50;1/9;单开35#;专线(03)3281\包神段（东胜站）</t>
  </si>
  <si>
    <t>【中铁房桥】砼岔枕\P50;1/9;单开36#;专线(03)3281\包神段（东胜站）</t>
  </si>
  <si>
    <t>【中铁房桥】砼岔枕\P50;1/9;单开37#;专线(03)3281\包神段（东胜站）</t>
  </si>
  <si>
    <t>【中铁房桥】砼岔枕\P60;1/12;1#;SC330-500\包神段（东胜站）</t>
  </si>
  <si>
    <t>【中铁房桥】砼岔枕\P60;1/12;1#;专线3399\包神段（东胜站）</t>
  </si>
  <si>
    <t>【中铁房桥】砼岔枕\P60;1/12;10#;专线3399\包神段（东胜站）</t>
  </si>
  <si>
    <t>【中铁房桥】砼岔枕\P60;1/12;11#;专线3399\包神段（东胜站）</t>
  </si>
  <si>
    <t>【中铁房桥】砼岔枕\P60;1/12;12#;专线3399\包神段（东胜站）</t>
  </si>
  <si>
    <t>【中铁房桥】砼岔枕\P60;1/12;13#;专线3399\包神段（东胜站）</t>
  </si>
  <si>
    <t>【中铁房桥】砼岔枕\P60;1/12;14#;专线3399\包神段（东胜站）</t>
  </si>
  <si>
    <t>【中铁房桥】砼岔枕\P60;1/12;15#;专线3399\包神段（东胜站）</t>
  </si>
  <si>
    <t>【中铁房桥】砼岔枕\P60;1/12;16#;专线3399\包神段（东胜站）</t>
  </si>
  <si>
    <t>【中铁房桥】砼岔枕\P60;1/12;17#;专线3399\包神段（东胜站）</t>
  </si>
  <si>
    <t>【中铁房桥】砼岔枕\P60;1/12;18#;专线3399\包神段（东胜站）</t>
  </si>
  <si>
    <t>【中铁房桥】砼岔枕\P60;1/12;19#;专线3399\包神段（东胜站）</t>
  </si>
  <si>
    <t>【中铁房桥】砼岔枕\P60;1/12;2#;专线3399\包神段（东胜站）</t>
  </si>
  <si>
    <t>【中铁房桥】砼岔枕\P60;1/12;23#;专线3399\包神段（东胜站）</t>
  </si>
  <si>
    <t>【中铁房桥】砼岔枕\P60;1/12;24#;专线3399\包神段（东胜站）</t>
  </si>
  <si>
    <t>【中铁房桥】砼岔枕\P60;1/12;25#;SC330-500\包神段（东胜站）</t>
  </si>
  <si>
    <t>【中铁房桥】砼岔枕\P60;1/12;25#;SC350\包神段（东胜站）</t>
  </si>
  <si>
    <t>【中铁房桥】砼岔枕\P60;1/12;25#;专线3399\包神段（东胜站）</t>
  </si>
  <si>
    <t>【中铁房桥】砼岔枕\P60;1/12;26#;SC330-500\包神段（东胜站）</t>
  </si>
  <si>
    <t>【中铁房桥】砼岔枕\P60;1/12;26#;SC350\包神段（东胜站）</t>
  </si>
  <si>
    <t>【中铁房桥】砼岔枕\P60;1/12;26#;专线3399\包神段（东胜站）</t>
  </si>
  <si>
    <t>【中铁房桥】砼岔枕\P60;1/12;27#;SC330-500\包神段（东胜站）</t>
  </si>
  <si>
    <t>【中铁房桥】砼岔枕\P60;1/12;27#;专线3399\包神段（东胜站）</t>
  </si>
  <si>
    <t>【中铁房桥】砼岔枕\P60;1/12;28#;SC330-500\包神段（东胜站）</t>
  </si>
  <si>
    <t>【中铁房桥】砼岔枕\P60;1/12;28#;专线3399\包神段（东胜站）</t>
  </si>
  <si>
    <t>【中铁房桥】砼岔枕\P60;1/12;28#;专线4228\包神段（东胜站）</t>
  </si>
  <si>
    <t>【中铁房桥】砼岔枕\P60;1/12;29#;SC330-500\包神段（东胜站）</t>
  </si>
  <si>
    <t>【中铁房桥】砼岔枕\P60;1/12;29#;专线3399\包神段（东胜站）</t>
  </si>
  <si>
    <t>【中铁房桥】砼岔枕\P60;1/12;30#;专线3399\包神段（东胜站）</t>
  </si>
  <si>
    <t>【中铁房桥】砼岔枕\P60;1/12;30#;专线4228\包神段（东胜站）</t>
  </si>
  <si>
    <t>【中铁房桥】砼岔枕\P60;1/12;32#;专线3399\包神段（东胜站）</t>
  </si>
  <si>
    <t>【中铁房桥】砼岔枕\P60;1/12;34#;专线3399\包神段（东胜站）</t>
  </si>
  <si>
    <t>【中铁房桥】砼岔枕\P60;1/12;36#;SC350\包神段（东胜站）</t>
  </si>
  <si>
    <t>【中铁房桥】砼岔枕\P60;1/12;37#;专线3399\包神段（东胜站）</t>
  </si>
  <si>
    <t>【中铁房桥】砼岔枕\P60;1/12;40#;专线3399\包神段（东胜站）</t>
  </si>
  <si>
    <t>【中铁房桥】砼岔枕\P60;1/12;41#;专线3399\包神段（东胜站）</t>
  </si>
  <si>
    <t>【中铁房桥】砼岔枕\P60;1/12;42#;专线3399\包神段（东胜站）</t>
  </si>
  <si>
    <t>【中铁房桥】砼岔枕\P60;1/12;43#;专线3399\包神段（东胜站）</t>
  </si>
  <si>
    <t>【中铁房桥】砼岔枕\P60;1/12;49#;SC330-500\包神段（东胜站）</t>
  </si>
  <si>
    <t>【中铁房桥】砼岔枕\P60;1/12;51#;专线3399\包神段（东胜站）</t>
  </si>
  <si>
    <t>【中铁房桥】砼岔枕\P60;1/12;52#;专线3399\包神段（东胜站）</t>
  </si>
  <si>
    <t>【中铁房桥】砼岔枕\P60;1/12;53#;SC330-500\包神段（东胜站）</t>
  </si>
  <si>
    <t>【中铁房桥】砼岔枕\P60;1/12;53#;专线3399\包神段（东胜站）</t>
  </si>
  <si>
    <t>【中铁房桥】砼岔枕\P60;1/12;53#;专线4228\包神段（东胜站）</t>
  </si>
  <si>
    <t>【中铁房桥】砼岔枕\P60;1/12;54#;SC330\包神段（东胜站）</t>
  </si>
  <si>
    <t>【中铁房桥】砼岔枕\P60;1/12;54#;专线3399\包神段（东胜站）</t>
  </si>
  <si>
    <t>【中铁房桥】砼岔枕\P60;1/12;55#;专线3399\包神段（东胜站）</t>
  </si>
  <si>
    <t>【中铁房桥】砼岔枕\P60;1/12;56#;专线3399\包神段（东胜站）</t>
  </si>
  <si>
    <t>【中铁房桥】砼岔枕\P60;1/12;57#;专线3399\包神段（东胜站）</t>
  </si>
  <si>
    <t>【中铁房桥】砼岔枕\P60;1/12;57#;专线4228\包神段（东胜站）</t>
  </si>
  <si>
    <t>【中铁房桥】砼岔枕\P60;1/12;58#;专线3399\包神段（东胜站）</t>
  </si>
  <si>
    <t>【中铁房桥】砼岔枕\P60;1/12;59#;专线3399\包神段（东胜站）</t>
  </si>
  <si>
    <t>【中铁房桥】砼岔枕\P60;1/12;60#;专线3399\包神段（东胜站）</t>
  </si>
  <si>
    <t>【中铁房桥】砼岔枕\P60;1/12;61#;专线3399\包神段（东胜站）</t>
  </si>
  <si>
    <t>【中铁房桥】砼岔枕\P60;1/12;62#;专线3399\包神段（东胜站）</t>
  </si>
  <si>
    <t>【中铁房桥】砼岔枕\P60;1/12;63#;SC330-500\包神段（东胜站）</t>
  </si>
  <si>
    <t>【中铁房桥】砼岔枕\P60;1/12;63#;SC340\包神段（东胜站）</t>
  </si>
  <si>
    <t>【中铁房桥】砼岔枕\P60;1/12;63#;专线3399\包神段（东胜站）</t>
  </si>
  <si>
    <t>【中铁房桥】砼岔枕\P60;1/12;63#;专线3402\包神段（东胜站）</t>
  </si>
  <si>
    <t>【中铁房桥】砼岔枕\P60;1/12;63#;专线4228\包神段（东胜站）</t>
  </si>
  <si>
    <t>【中铁房桥】砼岔枕\P60;1/12;63Z#;SC341-500\包神段（东胜站）</t>
  </si>
  <si>
    <t>【中铁房桥】砼岔枕\P60;1/12;64#;SC330\包神段（东胜站）</t>
  </si>
  <si>
    <t>【中铁房桥】砼岔枕\P60;1/12;64#;SC340\包神段（东胜站）</t>
  </si>
  <si>
    <t>【中铁房桥】砼岔枕\P60;1/12;64#;专线3399\包神段（东胜站）</t>
  </si>
  <si>
    <t>【中铁房桥】砼岔枕\P60;1/12;64#;专线3402\包神段（东胜站）</t>
  </si>
  <si>
    <t>【中铁房桥】砼岔枕\P60;1/12;64Z#;SC341-500\包神段（东胜站）</t>
  </si>
  <si>
    <t>【中铁房桥】砼岔枕\P60;1/12;65#;交渡;SC340C\包神段（东胜站）</t>
  </si>
  <si>
    <t>【中铁房桥】砼岔枕\P60;1/12;65#;专线3399\包神段（东胜站）</t>
  </si>
  <si>
    <t>【中铁房桥】砼岔枕\P60;1/12;66#;专线3399\包神段（东胜站）</t>
  </si>
  <si>
    <t>【中铁房桥】砼岔枕\P60;1/12;67#;专线3399\包神段（东胜站）</t>
  </si>
  <si>
    <t>【中铁房桥】砼岔枕\P60;1/12;68#;专线3399\包神段（东胜站）</t>
  </si>
  <si>
    <t>【中铁房桥】砼岔枕\P60;1/12;69#;专线3399\包神段（东胜站）</t>
  </si>
  <si>
    <t>【中铁房桥】砼岔枕\P60;1/12;73#;专线3402\包神段（东胜站）</t>
  </si>
  <si>
    <t>【中铁房桥】砼岔枕\P60;1/12;74#;专线3402\包神段（东胜站）</t>
  </si>
  <si>
    <t>【中铁房桥】砼岔枕\P60;1/18;21#;专线3386\包神段（东胜站）</t>
  </si>
  <si>
    <t>【中铁房桥】砼岔枕\P60;1/18;32#;专线3386\包神段（东胜站）</t>
  </si>
  <si>
    <t>【中铁房桥】砼岔枕\P60;1/18;33#;专线3386\包神段（东胜站）</t>
  </si>
  <si>
    <t>【中铁房桥】砼岔枕\P60;1/18;34#;专线3386\包神段（东胜站）</t>
  </si>
  <si>
    <t>【中铁房桥】砼岔枕\P60;1/18;71#;专线3386\包神段（东胜站）</t>
  </si>
  <si>
    <t>【中铁房桥】砼岔枕\P60;1/18;72#;专线3386\包神段（东胜站）</t>
  </si>
  <si>
    <t>【中铁房桥】砼岔枕\P60;1/9;34#;交渡;SC392C\包神段（东胜站）</t>
  </si>
  <si>
    <t>【中铁房桥】砼岔枕\P60;1/9;42#;专线(03)3366\包神段（东胜站）</t>
  </si>
  <si>
    <t>【中铁房桥】砼岔枕\P60;1/9;43#;专线(03)3366\包神段（东胜站）</t>
  </si>
  <si>
    <t>【中铁房桥】砼岔枕\P60;1/9;49#;SC390\包神段（东胜站）</t>
  </si>
  <si>
    <t>【中铁房桥】砼岔枕\P60;1/9;49#;专线(03)3366\包神段（东胜站）</t>
  </si>
  <si>
    <t>【中铁房桥】砼岔枕\P60;1/9;5#;SC390\包神段（东胜站）</t>
  </si>
  <si>
    <t>【中铁房桥】砼岔枕\P60;1/9;50#;SC390\包神段（东胜站）</t>
  </si>
  <si>
    <t>【中铁房桥】砼岔枕\P60;1/9;54#;专线(03)3366\包神段（东胜站）</t>
  </si>
  <si>
    <t>【中铁房桥】砼岔枕\P60;1/9;6#;SC390\包神段（东胜站）</t>
  </si>
  <si>
    <t>【中铁房桥】砼岔枕\P60;1/9;7#;SC390\包神段（东胜站）</t>
  </si>
  <si>
    <t>【中铁房桥】砼岔枕\P60;1/9;8#;SC390\包神段（东胜站）</t>
  </si>
  <si>
    <t>【中铁房桥】砼岔枕\P60;1/9;9#;SC390\包神段（东胜站）</t>
  </si>
  <si>
    <t>【中铁房桥】砼岔枕\P60;1/9;交渡12#;CZ581Z\包神段（东胜站）</t>
  </si>
  <si>
    <t>【中铁房桥】砼岔枕\P60;1/9;交渡16#;CZ581Z\包神段（东胜站）</t>
  </si>
  <si>
    <t>【中铁房桥】砼岔枕\P60;1/9;交渡22#;CZ580Z\包神段（东胜站）</t>
  </si>
  <si>
    <t>【中铁房桥】砼岔枕\P60;1/9;交渡23#;CZ581Z\包神段（东胜站）</t>
  </si>
  <si>
    <t>【中铁房桥】砼岔枕\P60;1/9;交渡24#;CZ581Z\包神段（东胜站）</t>
  </si>
  <si>
    <t>【中铁房桥】砼岔枕\P60;1/9;交渡25#;CZ581Z\包神段（东胜站）</t>
  </si>
  <si>
    <t>【中铁房桥】砼岔枕\P60;1/9;交渡40#;CZ580Z\包神段（东胜站）</t>
  </si>
  <si>
    <t>【中铁房桥】砼岔枕\P60;1/9;交渡44#;CZ581Z\包神段（东胜站）</t>
  </si>
  <si>
    <t>【中铁房桥】砼岔枕\P60;1/9;交渡49#;CZ581Z\包神段（东胜站）</t>
  </si>
  <si>
    <t>【中铁房桥】砼岔枕\P60;1/9;交渡50#;CZ581Z\包神段（东胜站）</t>
  </si>
  <si>
    <t>【中铁房桥】砼岔枕\P75;1/12;1#;SC559-500\包神段（东胜站）</t>
  </si>
  <si>
    <t>【中铁房桥】砼岔枕\P75;1/12;2#;SC559-500\包神段（东胜站）</t>
  </si>
  <si>
    <t>【中铁房桥】砼岔枕\P75;1/12;25#;SC559-500\包神段（东胜站）</t>
  </si>
  <si>
    <t>【中铁房桥】砼岔枕\P75;1/12;26#;SC559-500\包神段（东胜站）</t>
  </si>
  <si>
    <t>【中铁房桥】砼岔枕\P75;1/12;27#;SC559-500\包神段（东胜站）</t>
  </si>
  <si>
    <t>【中铁房桥】砼岔枕\P75;1/12;28#;SC559-500\包神段（东胜站）</t>
  </si>
  <si>
    <t>【中铁房桥】砼岔枕\P75;1/12;29#;SC559-500\包神段（东胜站）</t>
  </si>
  <si>
    <t>【中铁房桥】砼岔枕\P75;1/12;3#;SC559-500\包神段（东胜站）</t>
  </si>
  <si>
    <t>【中铁房桥】砼岔枕\P75;1/12;30#;SC559-500\包神段（东胜站）</t>
  </si>
  <si>
    <t>【中铁房桥】砼岔枕\P75;1/12;31#;SC559-500\包神段（东胜站）</t>
  </si>
  <si>
    <t>【中铁房桥】砼岔枕\P75;1/12;39#;SC559-500\包神段（东胜站）</t>
  </si>
  <si>
    <t>【中铁房桥】砼岔枕\P75;1/12;40#;SC559-500\包神段（东胜站）</t>
  </si>
  <si>
    <t>【中铁房桥】砼岔枕\P75;1/12;5.3m交渡;CZ716\包神段（东胜站）</t>
  </si>
  <si>
    <t>【中铁房桥】砼岔枕\P75;1/12;50#;SC559-500\包神段（东胜站）</t>
  </si>
  <si>
    <t>【中铁房桥】砼岔枕\P75;1/12;51#;SC559-500\包神段（东胜站）</t>
  </si>
  <si>
    <t>【中铁房桥】砼岔枕\P75;1/12;52#;SC559-500\包神段（东胜站）</t>
  </si>
  <si>
    <t>【中铁房桥】砼岔枕\P75;1/12;53#;SC559-500\包神段（东胜站）</t>
  </si>
  <si>
    <t>【中铁房桥】砼岔枕\P75;1/12;54#;SC559-500\包神段（东胜站）</t>
  </si>
  <si>
    <t>【中铁房桥】砼岔枕\P75;1/12;55#;SC559-500\包神段（东胜站）</t>
  </si>
  <si>
    <t>【中铁房桥】砼岔枕\P75;1/12;56#;SC559-500\包神段（东胜站）</t>
  </si>
  <si>
    <t>【中铁房桥】砼岔枕\P75;1/12;60#;SC559-500\包神段（东胜站）</t>
  </si>
  <si>
    <t>【中铁房桥】砼岔枕\P75;1/12;61#;SC559-500\包神段（东胜站）</t>
  </si>
  <si>
    <t>【中铁房桥】砼岔枕\P75;1/12;62#;SC559-500\包神段（东胜站）</t>
  </si>
  <si>
    <t>【中铁房桥】砼岔枕\P75;1/12;63#;SC559-500\包神段（东胜站）</t>
  </si>
  <si>
    <t>【中铁房桥】砼岔枕\P75;1/12;64#;SC559-500\包神段（东胜站）</t>
  </si>
  <si>
    <t>【中铁房桥】砼岔枕\P75;1/12;65#;SC559-500\包神段（东胜站）</t>
  </si>
  <si>
    <t>【中铁房桥】砼岔枕\P75;1/12;66#;SC559-500\包神段（东胜站）</t>
  </si>
  <si>
    <t>【中铁房桥】砼岔枕\P75;1/12;67#;SC559-500\包神段（东胜站）</t>
  </si>
  <si>
    <t>【中铁房桥】砼岔枕\P75;1/12;68#;SC559-500\包神段（东胜站）</t>
  </si>
  <si>
    <t>【中铁房桥】砼岔枕\P75;1/12;80#;SC559-500\包神段（东胜站）</t>
  </si>
  <si>
    <t>【中铁房桥】砼岔枕\P75;1/12;81#;SC559-500\包神段（东胜站）</t>
  </si>
  <si>
    <t>【中铁房桥】砼岔枕\P75;1/12;单开;专线4228\包神段（东胜站）</t>
  </si>
  <si>
    <t>【中铁房桥】砼桥枕\ⅡZQ-C型0#\包神段（东胜站）</t>
  </si>
  <si>
    <t>【中铁房桥】砼桥枕\Ⅲ型\包神段（东胜站）</t>
  </si>
  <si>
    <t>【中铁房桥】砼桥枕\梭头;新Ⅲ型;1#\包神段（东胜站）</t>
  </si>
  <si>
    <t>【中铁房桥】砼桥枕\梭头;新Ⅲ型;2#\包神段（东胜站）</t>
  </si>
  <si>
    <t>【中铁房桥】砼桥枕\梭头;新Ⅲ型;3#\包神段（东胜站）</t>
  </si>
  <si>
    <t>【中铁房桥】砼桥枕\梭头;新Ⅲ型;4#\包神段（东胜站）</t>
  </si>
  <si>
    <t>【中铁房桥】砼桥枕\新Ⅲ型\包神段（东胜站）</t>
  </si>
  <si>
    <t>【中铁房桥】砼桥枕\专线3448;弹性;新Ⅲ型\包神段（东胜站）</t>
  </si>
  <si>
    <t>【中铁房桥】砼桥枕\专线3448;弹性;新Ⅲ型;1#\包神段（东胜站）</t>
  </si>
  <si>
    <t>【中铁房桥】砼桥枕\专线3448;弹性;新Ⅲ型;2#\包神段（东胜站）</t>
  </si>
  <si>
    <t>【中铁房桥】砼桥枕\专线3448;弹性;新Ⅲ型;3#\包神段（东胜站）</t>
  </si>
  <si>
    <t>【中铁房桥】砼桥枕\专线3448;弹性;新Ⅲ型;4#\包神段（东胜站）</t>
  </si>
  <si>
    <t>【中铁房桥】砼枕\X-Ⅱ型\包神段（东胜站）</t>
  </si>
  <si>
    <t>【中铁房桥】砼枕\YⅡ-F\包神段（东胜站）</t>
  </si>
  <si>
    <t>【中铁房桥】砼枕\弹性;ⅢA型\包神段（东胜站）</t>
  </si>
  <si>
    <t>【中铁房桥】砼枕\专线3393;ⅢA型\包神段（东胜站）</t>
  </si>
  <si>
    <t>【中铁房桥】成组砼岔枕\P50;1/12;5.0m交渡;专线(03)3424\新朔段（海勒斯壕南站）</t>
  </si>
  <si>
    <t>GNWZBP(TH)ZECG2020-213</t>
  </si>
  <si>
    <t>国家能源e购商城中铁房桥轨枕配件铺货采购合同-新朔段（海勒斯壕南站）</t>
  </si>
  <si>
    <t>【中铁房桥】成组砼岔枕\P50;1/12;单开;专线(01)3423\新朔段（海勒斯壕南站）</t>
  </si>
  <si>
    <t>【中铁房桥】成组砼岔枕\P50;1/12;复交;CZ2220Z\新朔段（海勒斯壕南站）</t>
  </si>
  <si>
    <t>【中铁房桥】成组砼岔枕\P50;1/12;专线3355\新朔段（海勒斯壕南站）</t>
  </si>
  <si>
    <t>【中铁房桥】成组砼岔枕\P50;1/12;专线4257\新朔段（海勒斯壕南站）</t>
  </si>
  <si>
    <t>【中铁房桥】成组砼岔枕\P50;1/6;5.0m交渡;SC432-500\新朔段（海勒斯壕南站）</t>
  </si>
  <si>
    <t>【中铁房桥】成组砼岔枕\P50;1/6;对称;SC384\新朔段（海勒斯壕南站）</t>
  </si>
  <si>
    <t>【中铁房桥】成组砼岔枕\P50;1/6;对称;右开;SC384-500\新朔段（海勒斯壕南站）</t>
  </si>
  <si>
    <t>【中铁房桥】成组砼岔枕\P50;1/6;对称;左开;SC384-500\新朔段（海勒斯壕南站）</t>
  </si>
  <si>
    <t>【中铁房桥】成组砼岔枕\P50;1/9;5.0m交渡;CZ2210\新朔段（海勒斯壕南站）</t>
  </si>
  <si>
    <t>【中铁房桥】成组砼岔枕\P50;1/9;5.0m交渡;SC580\新朔段（海勒斯壕南站）</t>
  </si>
  <si>
    <t>【中铁房桥】成组砼岔枕\P50;1/9;5.0m交渡;专线(02)3428\新朔段（海勒斯壕南站）</t>
  </si>
  <si>
    <t>【中铁房桥】成组砼岔枕\P50;1/9;5.0m交渡;专线(02)7663\新朔段（海勒斯壕南站）</t>
  </si>
  <si>
    <t>【中铁房桥】成组砼岔枕\P50;1/9;CZ2209A\新朔段（海勒斯壕南站）</t>
  </si>
  <si>
    <t>【中铁房桥】成组砼岔枕\P50;1/9;单开;CZ2209Z\新朔段（海勒斯壕南站）</t>
  </si>
  <si>
    <t>【中铁房桥】成组砼岔枕\P50;1/9;单开;专线(03)3281\新朔段（海勒斯壕南站）</t>
  </si>
  <si>
    <t>【中铁房桥】成组砼岔枕\P50;1/9;复交;CZ2214Z\新朔段（海勒斯壕南站）</t>
  </si>
  <si>
    <t>【中铁房桥】成组砼岔枕\P50;1/9;复交;专线(04)3443\新朔段（海勒斯壕南站）</t>
  </si>
  <si>
    <t>【中铁房桥】成组砼岔枕\P50;1/9;交渡;CZ2213Z\新朔段（海勒斯壕南站）</t>
  </si>
  <si>
    <t>【中铁房桥】成组砼岔枕\P50;1/9;交渡;SC571-1101\新朔段（海勒斯壕南站）</t>
  </si>
  <si>
    <t>【中铁房桥】成组砼岔枕\P50;1/9;交渡;专线(03)3431\新朔段（海勒斯壕南站）</t>
  </si>
  <si>
    <t>【中铁房桥】成组砼岔枕\P60;1/12;5.5m交渡;SC342-500\新朔段（海勒斯壕南站）</t>
  </si>
  <si>
    <t>【中铁房桥】成组砼岔枕\P60;1/12;6.5m交渡;专线3413\新朔段（海勒斯壕南站）</t>
  </si>
  <si>
    <t>【中铁房桥】成组砼岔枕\P60;1/12;单开;SC330-500\新朔段（海勒斯壕南站）</t>
  </si>
  <si>
    <t>【中铁房桥】成组砼岔枕\P60;1/12;渡线;专线3402;Ⅲ型\新朔段（海勒斯壕南站）</t>
  </si>
  <si>
    <t>【中铁房桥】成组砼岔枕\P60;1/12;复交;SC350\新朔段（海勒斯壕南站）</t>
  </si>
  <si>
    <t>【中铁房桥】成组砼岔枕\P60;1/12;交渡;SC340-500\新朔段（海勒斯壕南站）</t>
  </si>
  <si>
    <t>【中铁房桥】成组砼岔枕\P60;1/12;交渡;SC342-500\新朔段（海勒斯壕南站）</t>
  </si>
  <si>
    <t>【中铁房桥】成组砼岔枕\P60;1/12;砼;单开;专线4249\新朔段（海勒斯壕南站）</t>
  </si>
  <si>
    <t>【中铁房桥】成组砼岔枕\P60;1/12;专线3399;Ⅲ型\新朔段（海勒斯壕南站）</t>
  </si>
  <si>
    <t>【中铁房桥】成组砼岔枕\P60;1/18;单开;GLC(07)02-300\新朔段（海勒斯壕南站）</t>
  </si>
  <si>
    <t>【中铁房桥】成组砼岔枕\P60;1/18;单开;GLC(09)05-300\新朔段（海勒斯壕南站）</t>
  </si>
  <si>
    <t>【中铁房桥】成组砼岔枕\P60;1/9;5.0m组合;SC(07)460-1108\新朔段（海勒斯壕南站）</t>
  </si>
  <si>
    <t>【中铁房桥】成组砼岔枕\P60;1/9;5.0m组合;SC(07)460-1204\新朔段（海勒斯壕南站）</t>
  </si>
  <si>
    <t>【中铁房桥】成组砼岔枕\P60;1/9;5.0m组合;SC(07)460-1208\新朔段（海勒斯壕南站）</t>
  </si>
  <si>
    <t>【中铁房桥】成组砼岔枕\P60;1/9;5.0m组合;SC(07)460-1211\新朔段（海勒斯壕南站）</t>
  </si>
  <si>
    <t>【中铁房桥】成组砼岔枕\P60;1/9;5.3m交渡;CZ581Z\新朔段（海勒斯壕南站）</t>
  </si>
  <si>
    <t>【中铁房桥】成组砼岔枕\P60;1/9;单开;CZ577Z\新朔段（海勒斯壕南站）</t>
  </si>
  <si>
    <t>【中铁房桥】成组砼岔枕\P60;1/9;单开;专线(03)3366\新朔段（海勒斯壕南站）</t>
  </si>
  <si>
    <t>【中铁房桥】成组砼岔枕\P60;1/9;复交;SC450-500\新朔段（海勒斯壕南站）</t>
  </si>
  <si>
    <t>【中铁房桥】成组砼岔枕\P60;1/9;复式交分;CZ2504Z\新朔段（海勒斯壕南站）</t>
  </si>
  <si>
    <t>【中铁房桥】成组砼岔枕\P60;1/9;交渡;CZ580Z\新朔段（海勒斯壕南站）</t>
  </si>
  <si>
    <t>【中铁房桥】成组砼岔枕\P60;1/9;交渡;CZ582Z\新朔段（海勒斯壕南站）</t>
  </si>
  <si>
    <t>【中铁房桥】成组砼岔枕\P60;1/9;交渡;CZ583Z\新朔段（海勒斯壕南站）</t>
  </si>
  <si>
    <t>【中铁房桥】成组砼岔枕\P60;1/9;专线3366;右开\新朔段（海勒斯壕南站）</t>
  </si>
  <si>
    <t>【中铁房桥】成组砼岔枕\P60;1/9;专线3366;左开\新朔段（海勒斯壕南站）</t>
  </si>
  <si>
    <t>【中铁房桥】成组砼岔枕\P75;1/12;SC381-500\新朔段（海勒斯壕南站）</t>
  </si>
  <si>
    <t>【中铁房桥】成组砼岔枕\P75;1/12;SC443-500;交渡\新朔段（海勒斯壕南站）</t>
  </si>
  <si>
    <t>【中铁房桥】成组砼岔枕\P75;1/12;单开;SC559-500\新朔段（海勒斯壕南站）</t>
  </si>
  <si>
    <t>【中铁房桥】成组砼岔枕\P75;1/12;单开;研线1116-400\新朔段（海勒斯壕南站）</t>
  </si>
  <si>
    <t>【中铁房桥】成组砼岔枕\P75;1/12;交渡;SC444\新朔段（海勒斯壕南站）</t>
  </si>
  <si>
    <t>【中铁房桥】成组砼岔枕\P75;1/18;单开;SC488-500\新朔段（海勒斯壕南站）</t>
  </si>
  <si>
    <t>【中铁房桥】成组砼岔枕\P75;1/9;5.0m交渡;SC551\新朔段（海勒斯壕南站）</t>
  </si>
  <si>
    <t>【中铁房桥】电气绝缘枕\ⅢaZ型\新朔段（海勒斯壕南站）</t>
  </si>
  <si>
    <t>【中铁房桥】电容枕\ⅢA型/ⅢAD\新朔段（海勒斯壕南站）</t>
  </si>
  <si>
    <t>【中铁房桥】电容枕\新Ⅱ型/XⅡD\新朔段（海勒斯壕南站）</t>
  </si>
  <si>
    <t>【中铁房桥】电容枕\新Ⅱ型;2500mm;研线0308-1\新朔段（海勒斯壕南站）</t>
  </si>
  <si>
    <t>【中铁房桥】电容枕\新Ⅲ型桥枕;2600mm;研线0308-1\新朔段（海勒斯壕南站）</t>
  </si>
  <si>
    <t>【中铁房桥】砼岔枕\P50;1/12;13#;专线(01)3423\新朔段（海勒斯壕南站）</t>
  </si>
  <si>
    <t>【中铁房桥】砼岔枕\P50;1/12;21#;专线(01)3423\新朔段（海勒斯壕南站）</t>
  </si>
  <si>
    <t>【中铁房桥】砼岔枕\P50;1/12;5#;专线3355\新朔段（海勒斯壕南站）</t>
  </si>
  <si>
    <t>【中铁房桥】砼岔枕\P50;1/12;58#;专线3355\新朔段（海勒斯壕南站）</t>
  </si>
  <si>
    <t>【中铁房桥】砼岔枕\P50;1/9;20#;专线(03)3281\新朔段（海勒斯壕南站）</t>
  </si>
  <si>
    <t>【中铁房桥】砼岔枕\P50;1/9;3#;CZ2209\新朔段（海勒斯壕南站）</t>
  </si>
  <si>
    <t>【中铁房桥】砼岔枕\P50;1/9;39#;专线(03)3281\新朔段（海勒斯壕南站）</t>
  </si>
  <si>
    <t>【中铁房桥】砼岔枕\P50;1/9;48#;专线(03)3281\新朔段（海勒斯壕南站）</t>
  </si>
  <si>
    <t>【中铁房桥】砼岔枕\P50;1/9;49#;专线(03)3281\新朔段（海勒斯壕南站）</t>
  </si>
  <si>
    <t>【中铁房桥】砼岔枕\P50;1/9;52#;专线(03)3281\新朔段（海勒斯壕南站）</t>
  </si>
  <si>
    <t>【中铁房桥】砼岔枕\P50;1/9;单开31#;专线(03)3281\新朔段（海勒斯壕南站）</t>
  </si>
  <si>
    <t>【中铁房桥】砼岔枕\P50;1/9;单开32#;专线(03)3281\新朔段（海勒斯壕南站）</t>
  </si>
  <si>
    <t>【中铁房桥】砼岔枕\P50;1/9;单开33#;专线(03)3281\新朔段（海勒斯壕南站）</t>
  </si>
  <si>
    <t>【中铁房桥】砼岔枕\P50;1/9;单开34#;专线(03)3281\新朔段（海勒斯壕南站）</t>
  </si>
  <si>
    <t>【中铁房桥】砼岔枕\P50;1/9;单开35#;专线(03)3281\新朔段（海勒斯壕南站）</t>
  </si>
  <si>
    <t>【中铁房桥】砼岔枕\P50;1/9;单开36#;专线(03)3281\新朔段（海勒斯壕南站）</t>
  </si>
  <si>
    <t>【中铁房桥】砼岔枕\P50;1/9;单开37#;专线(03)3281\新朔段（海勒斯壕南站）</t>
  </si>
  <si>
    <t>【中铁房桥】砼岔枕\P60;1/12;1#;SC330-500\新朔段（海勒斯壕南站）</t>
  </si>
  <si>
    <t>【中铁房桥】砼岔枕\P60;1/12;1#;专线3399\新朔段（海勒斯壕南站）</t>
  </si>
  <si>
    <t>【中铁房桥】砼岔枕\P60;1/12;10#;专线3399\新朔段（海勒斯壕南站）</t>
  </si>
  <si>
    <t>【中铁房桥】砼岔枕\P60;1/12;11#;专线3399\新朔段（海勒斯壕南站）</t>
  </si>
  <si>
    <t>【中铁房桥】砼岔枕\P60;1/12;12#;专线3399\新朔段（海勒斯壕南站）</t>
  </si>
  <si>
    <t>【中铁房桥】砼岔枕\P60;1/12;13#;专线3399\新朔段（海勒斯壕南站）</t>
  </si>
  <si>
    <t>【中铁房桥】砼岔枕\P60;1/12;14#;专线3399\新朔段（海勒斯壕南站）</t>
  </si>
  <si>
    <t>【中铁房桥】砼岔枕\P60;1/12;15#;专线3399\新朔段（海勒斯壕南站）</t>
  </si>
  <si>
    <t>【中铁房桥】砼岔枕\P60;1/12;16#;专线3399\新朔段（海勒斯壕南站）</t>
  </si>
  <si>
    <t>【中铁房桥】砼岔枕\P60;1/12;17#;专线3399\新朔段（海勒斯壕南站）</t>
  </si>
  <si>
    <t>【中铁房桥】砼岔枕\P60;1/12;18#;专线3399\新朔段（海勒斯壕南站）</t>
  </si>
  <si>
    <t>【中铁房桥】砼岔枕\P60;1/12;19#;专线3399\新朔段（海勒斯壕南站）</t>
  </si>
  <si>
    <t>【中铁房桥】砼岔枕\P60;1/12;2#;专线3399\新朔段（海勒斯壕南站）</t>
  </si>
  <si>
    <t>【中铁房桥】砼岔枕\P60;1/12;23#;专线3399\新朔段（海勒斯壕南站）</t>
  </si>
  <si>
    <t>【中铁房桥】砼岔枕\P60;1/12;24#;专线3399\新朔段（海勒斯壕南站）</t>
  </si>
  <si>
    <t>【中铁房桥】砼岔枕\P60;1/12;25#;SC330-500\新朔段（海勒斯壕南站）</t>
  </si>
  <si>
    <t>【中铁房桥】砼岔枕\P60;1/12;25#;SC350\新朔段（海勒斯壕南站）</t>
  </si>
  <si>
    <t>【中铁房桥】砼岔枕\P60;1/12;25#;专线3399\新朔段（海勒斯壕南站）</t>
  </si>
  <si>
    <t>【中铁房桥】砼岔枕\P60;1/12;26#;SC330-500\新朔段（海勒斯壕南站）</t>
  </si>
  <si>
    <t>【中铁房桥】砼岔枕\P60;1/12;26#;SC350\新朔段（海勒斯壕南站）</t>
  </si>
  <si>
    <t>【中铁房桥】砼岔枕\P60;1/12;26#;专线3399\新朔段（海勒斯壕南站）</t>
  </si>
  <si>
    <t>【中铁房桥】砼岔枕\P60;1/12;27#;SC330-500\新朔段（海勒斯壕南站）</t>
  </si>
  <si>
    <t>【中铁房桥】砼岔枕\P60;1/12;27#;专线3399\新朔段（海勒斯壕南站）</t>
  </si>
  <si>
    <t>【中铁房桥】砼岔枕\P60;1/12;28#;SC330-500\新朔段（海勒斯壕南站）</t>
  </si>
  <si>
    <t>【中铁房桥】砼岔枕\P60;1/12;28#;专线3399\新朔段（海勒斯壕南站）</t>
  </si>
  <si>
    <t>【中铁房桥】砼岔枕\P60;1/12;28#;专线4228\新朔段（海勒斯壕南站）</t>
  </si>
  <si>
    <t>【中铁房桥】砼岔枕\P60;1/12;29#;SC330-500\新朔段（海勒斯壕南站）</t>
  </si>
  <si>
    <t>【中铁房桥】砼岔枕\P60;1/12;29#;专线3399\新朔段（海勒斯壕南站）</t>
  </si>
  <si>
    <t>【中铁房桥】砼岔枕\P60;1/12;30#;专线3399\新朔段（海勒斯壕南站）</t>
  </si>
  <si>
    <t>【中铁房桥】砼岔枕\P60;1/12;30#;专线4228\新朔段（海勒斯壕南站）</t>
  </si>
  <si>
    <t>【中铁房桥】砼岔枕\P60;1/12;32#;专线3399\新朔段（海勒斯壕南站）</t>
  </si>
  <si>
    <t>【中铁房桥】砼岔枕\P60;1/12;34#;专线3399\新朔段（海勒斯壕南站）</t>
  </si>
  <si>
    <t>【中铁房桥】砼岔枕\P60;1/12;36#;SC350\新朔段（海勒斯壕南站）</t>
  </si>
  <si>
    <t>【中铁房桥】砼岔枕\P60;1/12;37#;专线3399\新朔段（海勒斯壕南站）</t>
  </si>
  <si>
    <t>【中铁房桥】砼岔枕\P60;1/12;40#;专线3399\新朔段（海勒斯壕南站）</t>
  </si>
  <si>
    <t>【中铁房桥】砼岔枕\P60;1/12;41#;专线3399\新朔段（海勒斯壕南站）</t>
  </si>
  <si>
    <t>【中铁房桥】砼岔枕\P60;1/12;42#;专线3399\新朔段（海勒斯壕南站）</t>
  </si>
  <si>
    <t>【中铁房桥】砼岔枕\P60;1/12;43#;专线3399\新朔段（海勒斯壕南站）</t>
  </si>
  <si>
    <t>【中铁房桥】砼岔枕\P60;1/12;49#;SC330-500\新朔段（海勒斯壕南站）</t>
  </si>
  <si>
    <t>【中铁房桥】砼岔枕\P60;1/12;51#;专线3399\新朔段（海勒斯壕南站）</t>
  </si>
  <si>
    <t>【中铁房桥】砼岔枕\P60;1/12;52#;专线3399\新朔段（海勒斯壕南站）</t>
  </si>
  <si>
    <t>【中铁房桥】砼岔枕\P60;1/12;53#;SC330-500\新朔段（海勒斯壕南站）</t>
  </si>
  <si>
    <t>【中铁房桥】砼岔枕\P60;1/12;53#;专线3399\新朔段（海勒斯壕南站）</t>
  </si>
  <si>
    <t>【中铁房桥】砼岔枕\P60;1/12;53#;专线4228\新朔段（海勒斯壕南站）</t>
  </si>
  <si>
    <t>【中铁房桥】砼岔枕\P60;1/12;54#;SC330\新朔段（海勒斯壕南站）</t>
  </si>
  <si>
    <t>【中铁房桥】砼岔枕\P60;1/12;54#;专线3399\新朔段（海勒斯壕南站）</t>
  </si>
  <si>
    <t>【中铁房桥】砼岔枕\P60;1/12;55#;专线3399\新朔段（海勒斯壕南站）</t>
  </si>
  <si>
    <t>【中铁房桥】砼岔枕\P60;1/12;56#;专线3399\新朔段（海勒斯壕南站）</t>
  </si>
  <si>
    <t>【中铁房桥】砼岔枕\P60;1/12;57#;专线3399\新朔段（海勒斯壕南站）</t>
  </si>
  <si>
    <t>【中铁房桥】砼岔枕\P60;1/12;57#;专线4228\新朔段（海勒斯壕南站）</t>
  </si>
  <si>
    <t>【中铁房桥】砼岔枕\P60;1/12;58#;专线3399\新朔段（海勒斯壕南站）</t>
  </si>
  <si>
    <t>【中铁房桥】砼岔枕\P60;1/12;59#;专线3399\新朔段（海勒斯壕南站）</t>
  </si>
  <si>
    <t>【中铁房桥】砼岔枕\P60;1/12;60#;专线3399\新朔段（海勒斯壕南站）</t>
  </si>
  <si>
    <t>【中铁房桥】砼岔枕\P60;1/12;61#;专线3399\新朔段（海勒斯壕南站）</t>
  </si>
  <si>
    <t>【中铁房桥】砼岔枕\P60;1/12;62#;专线3399\新朔段（海勒斯壕南站）</t>
  </si>
  <si>
    <t>【中铁房桥】砼岔枕\P60;1/12;63#;SC330-500\新朔段（海勒斯壕南站）</t>
  </si>
  <si>
    <t>【中铁房桥】砼岔枕\P60;1/12;63#;SC340\新朔段（海勒斯壕南站）</t>
  </si>
  <si>
    <t>【中铁房桥】砼岔枕\P60;1/12;63#;专线3399\新朔段（海勒斯壕南站）</t>
  </si>
  <si>
    <t>【中铁房桥】砼岔枕\P60;1/12;63#;专线3402\新朔段（海勒斯壕南站）</t>
  </si>
  <si>
    <t>【中铁房桥】砼岔枕\P60;1/12;63#;专线4228\新朔段（海勒斯壕南站）</t>
  </si>
  <si>
    <t>【中铁房桥】砼岔枕\P60;1/12;63Z#;SC341-500\新朔段（海勒斯壕南站）</t>
  </si>
  <si>
    <t>【中铁房桥】砼岔枕\P60;1/12;64#;SC330\新朔段（海勒斯壕南站）</t>
  </si>
  <si>
    <t>【中铁房桥】砼岔枕\P60;1/12;64#;SC340\新朔段（海勒斯壕南站）</t>
  </si>
  <si>
    <t>【中铁房桥】砼岔枕\P60;1/12;64#;专线3399\新朔段（海勒斯壕南站）</t>
  </si>
  <si>
    <t>【中铁房桥】砼岔枕\P60;1/12;64#;专线3402\新朔段（海勒斯壕南站）</t>
  </si>
  <si>
    <t>【中铁房桥】砼岔枕\P60;1/12;64Z#;SC341-500\新朔段（海勒斯壕南站）</t>
  </si>
  <si>
    <t>【中铁房桥】砼岔枕\P60;1/12;65#;交渡;SC340C\新朔段（海勒斯壕南站）</t>
  </si>
  <si>
    <t>【中铁房桥】砼岔枕\P60;1/12;65#;专线3399\新朔段（海勒斯壕南站）</t>
  </si>
  <si>
    <t>【中铁房桥】砼岔枕\P60;1/12;66#;专线3399\新朔段（海勒斯壕南站）</t>
  </si>
  <si>
    <t>【中铁房桥】砼岔枕\P60;1/12;67#;专线3399\新朔段（海勒斯壕南站）</t>
  </si>
  <si>
    <t>【中铁房桥】砼岔枕\P60;1/12;68#;专线3399\新朔段（海勒斯壕南站）</t>
  </si>
  <si>
    <t>【中铁房桥】砼岔枕\P60;1/12;69#;专线3399\新朔段（海勒斯壕南站）</t>
  </si>
  <si>
    <t>【中铁房桥】砼岔枕\P60;1/12;73#;专线3402\新朔段（海勒斯壕南站）</t>
  </si>
  <si>
    <t>【中铁房桥】砼岔枕\P60;1/12;74#;专线3402\新朔段（海勒斯壕南站）</t>
  </si>
  <si>
    <t>【中铁房桥】砼岔枕\P60;1/18;21#;专线3386\新朔段（海勒斯壕南站）</t>
  </si>
  <si>
    <t>【中铁房桥】砼岔枕\P60;1/18;32#;专线3386\新朔段（海勒斯壕南站）</t>
  </si>
  <si>
    <t>【中铁房桥】砼岔枕\P60;1/18;33#;专线3386\新朔段（海勒斯壕南站）</t>
  </si>
  <si>
    <t>【中铁房桥】砼岔枕\P60;1/18;34#;专线3386\新朔段（海勒斯壕南站）</t>
  </si>
  <si>
    <t>【中铁房桥】砼岔枕\P60;1/18;71#;专线3386\新朔段（海勒斯壕南站）</t>
  </si>
  <si>
    <t>【中铁房桥】砼岔枕\P60;1/18;72#;专线3386\新朔段（海勒斯壕南站）</t>
  </si>
  <si>
    <t>【中铁房桥】砼岔枕\P60;1/9;34#;交渡;SC392C\新朔段（海勒斯壕南站）</t>
  </si>
  <si>
    <t>【中铁房桥】砼岔枕\P60;1/9;42#;专线(03)3366\新朔段（海勒斯壕南站）</t>
  </si>
  <si>
    <t>【中铁房桥】砼岔枕\P60;1/9;43#;专线(03)3366\新朔段（海勒斯壕南站）</t>
  </si>
  <si>
    <t>【中铁房桥】砼岔枕\P60;1/9;49#;SC390\新朔段（海勒斯壕南站）</t>
  </si>
  <si>
    <t>【中铁房桥】砼岔枕\P60;1/9;49#;专线(03)3366\新朔段（海勒斯壕南站）</t>
  </si>
  <si>
    <t>【中铁房桥】砼岔枕\P60;1/9;5#;SC390\新朔段（海勒斯壕南站）</t>
  </si>
  <si>
    <t>【中铁房桥】砼岔枕\P60;1/9;50#;SC390\新朔段（海勒斯壕南站）</t>
  </si>
  <si>
    <t>【中铁房桥】砼岔枕\P60;1/9;54#;专线(03)3366\新朔段（海勒斯壕南站）</t>
  </si>
  <si>
    <t>【中铁房桥】砼岔枕\P60;1/9;6#;SC390\新朔段（海勒斯壕南站）</t>
  </si>
  <si>
    <t>【中铁房桥】砼岔枕\P60;1/9;7#;SC390\新朔段（海勒斯壕南站）</t>
  </si>
  <si>
    <t>【中铁房桥】砼岔枕\P60;1/9;8#;SC390\新朔段（海勒斯壕南站）</t>
  </si>
  <si>
    <t>【中铁房桥】砼岔枕\P60;1/9;9#;SC390\新朔段（海勒斯壕南站）</t>
  </si>
  <si>
    <t>【中铁房桥】砼岔枕\P60;1/9;交渡12#;CZ581Z\新朔段（海勒斯壕南站）</t>
  </si>
  <si>
    <t>【中铁房桥】砼岔枕\P60;1/9;交渡16#;CZ581Z\新朔段（海勒斯壕南站）</t>
  </si>
  <si>
    <t>【中铁房桥】砼岔枕\P60;1/9;交渡22#;CZ580Z\新朔段（海勒斯壕南站）</t>
  </si>
  <si>
    <t>【中铁房桥】砼岔枕\P60;1/9;交渡23#;CZ581Z\新朔段（海勒斯壕南站）</t>
  </si>
  <si>
    <t>【中铁房桥】砼岔枕\P60;1/9;交渡24#;CZ581Z\新朔段（海勒斯壕南站）</t>
  </si>
  <si>
    <t>【中铁房桥】砼岔枕\P60;1/9;交渡25#;CZ581Z\新朔段（海勒斯壕南站）</t>
  </si>
  <si>
    <t>【中铁房桥】砼岔枕\P60;1/9;交渡40#;CZ580Z\新朔段（海勒斯壕南站）</t>
  </si>
  <si>
    <t>【中铁房桥】砼岔枕\P60;1/9;交渡44#;CZ581Z\新朔段（海勒斯壕南站）</t>
  </si>
  <si>
    <t>【中铁房桥】砼岔枕\P60;1/9;交渡49#;CZ581Z\新朔段（海勒斯壕南站）</t>
  </si>
  <si>
    <t>【中铁房桥】砼岔枕\P60;1/9;交渡50#;CZ581Z\新朔段（海勒斯壕南站）</t>
  </si>
  <si>
    <t>【中铁房桥】砼岔枕\P75;1/12;1#;SC559-500\新朔段（海勒斯壕南站）</t>
  </si>
  <si>
    <t>【中铁房桥】砼岔枕\P75;1/12;2#;SC559-500\新朔段（海勒斯壕南站）</t>
  </si>
  <si>
    <t>【中铁房桥】砼岔枕\P75;1/12;25#;SC559-500\新朔段（海勒斯壕南站）</t>
  </si>
  <si>
    <t>【中铁房桥】砼岔枕\P75;1/12;26#;SC559-500\新朔段（海勒斯壕南站）</t>
  </si>
  <si>
    <t>【中铁房桥】砼岔枕\P75;1/12;27#;SC559-500\新朔段（海勒斯壕南站）</t>
  </si>
  <si>
    <t>【中铁房桥】砼岔枕\P75;1/12;28#;SC559-500\新朔段（海勒斯壕南站）</t>
  </si>
  <si>
    <t>【中铁房桥】砼岔枕\P75;1/12;29#;SC559-500\新朔段（海勒斯壕南站）</t>
  </si>
  <si>
    <t>【中铁房桥】砼岔枕\P75;1/12;3#;SC559-500\新朔段（海勒斯壕南站）</t>
  </si>
  <si>
    <t>【中铁房桥】砼岔枕\P75;1/12;30#;SC559-500\新朔段（海勒斯壕南站）</t>
  </si>
  <si>
    <t>【中铁房桥】砼岔枕\P75;1/12;31#;SC559-500\新朔段（海勒斯壕南站）</t>
  </si>
  <si>
    <t>【中铁房桥】砼岔枕\P75;1/12;39#;SC559-500\新朔段（海勒斯壕南站）</t>
  </si>
  <si>
    <t>【中铁房桥】砼岔枕\P75;1/12;40#;SC559-500\新朔段（海勒斯壕南站）</t>
  </si>
  <si>
    <t>【中铁房桥】砼岔枕\P75;1/12;5.3m交渡;CZ716\新朔段（海勒斯壕南站）</t>
  </si>
  <si>
    <t>【中铁房桥】砼岔枕\P75;1/12;50#;SC559-500\新朔段（海勒斯壕南站）</t>
  </si>
  <si>
    <t>【中铁房桥】砼岔枕\P75;1/12;51#;SC559-500\新朔段（海勒斯壕南站）</t>
  </si>
  <si>
    <t>【中铁房桥】砼岔枕\P75;1/12;52#;SC559-500\新朔段（海勒斯壕南站）</t>
  </si>
  <si>
    <t>【中铁房桥】砼岔枕\P75;1/12;53#;SC559-500\新朔段（海勒斯壕南站）</t>
  </si>
  <si>
    <t>【中铁房桥】砼岔枕\P75;1/12;54#;SC559-500\新朔段（海勒斯壕南站）</t>
  </si>
  <si>
    <t>【中铁房桥】砼岔枕\P75;1/12;55#;SC559-500\新朔段（海勒斯壕南站）</t>
  </si>
  <si>
    <t>【中铁房桥】砼岔枕\P75;1/12;56#;SC559-500\新朔段（海勒斯壕南站）</t>
  </si>
  <si>
    <t>【中铁房桥】砼岔枕\P75;1/12;60#;SC559-500\新朔段（海勒斯壕南站）</t>
  </si>
  <si>
    <t>【中铁房桥】砼岔枕\P75;1/12;61#;SC559-500\新朔段（海勒斯壕南站）</t>
  </si>
  <si>
    <t>【中铁房桥】砼岔枕\P75;1/12;62#;SC559-500\新朔段（海勒斯壕南站）</t>
  </si>
  <si>
    <t>【中铁房桥】砼岔枕\P75;1/12;63#;SC559-500\新朔段（海勒斯壕南站）</t>
  </si>
  <si>
    <t>【中铁房桥】砼岔枕\P75;1/12;64#;SC559-500\新朔段（海勒斯壕南站）</t>
  </si>
  <si>
    <t>【中铁房桥】砼岔枕\P75;1/12;65#;SC559-500\新朔段（海勒斯壕南站）</t>
  </si>
  <si>
    <t>【中铁房桥】砼岔枕\P75;1/12;66#;SC559-500\新朔段（海勒斯壕南站）</t>
  </si>
  <si>
    <t>【中铁房桥】砼岔枕\P75;1/12;67#;SC559-500\新朔段（海勒斯壕南站）</t>
  </si>
  <si>
    <t>【中铁房桥】砼岔枕\P75;1/12;68#;SC559-500\新朔段（海勒斯壕南站）</t>
  </si>
  <si>
    <t>【中铁房桥】砼岔枕\P75;1/12;80#;SC559-500\新朔段（海勒斯壕南站）</t>
  </si>
  <si>
    <t>【中铁房桥】砼岔枕\P75;1/12;81#;SC559-500\新朔段（海勒斯壕南站）</t>
  </si>
  <si>
    <t>【中铁房桥】砼岔枕\P75;1/12;单开;专线4228\新朔段（海勒斯壕南站）</t>
  </si>
  <si>
    <t>【中铁房桥】砼桥枕\ⅡZQ-C型0#\新朔段（海勒斯壕南站）</t>
  </si>
  <si>
    <t>【中铁房桥】砼桥枕\Ⅲ型\新朔段（海勒斯壕南站）</t>
  </si>
  <si>
    <t>【中铁房桥】砼桥枕\梭头;新Ⅲ型;1#\新朔段（海勒斯壕南站）</t>
  </si>
  <si>
    <t>【中铁房桥】砼桥枕\梭头;新Ⅲ型;2#\新朔段（海勒斯壕南站）</t>
  </si>
  <si>
    <t>【中铁房桥】砼桥枕\梭头;新Ⅲ型;3#\新朔段（海勒斯壕南站）</t>
  </si>
  <si>
    <t>【中铁房桥】砼桥枕\梭头;新Ⅲ型;4#\新朔段（海勒斯壕南站）</t>
  </si>
  <si>
    <t>【中铁房桥】砼桥枕\新Ⅲ型\新朔段（海勒斯壕南站）</t>
  </si>
  <si>
    <t>【中铁房桥】砼桥枕\专线3448;弹性;新Ⅲ型\新朔段（海勒斯壕南站）</t>
  </si>
  <si>
    <t>【中铁房桥】砼桥枕\专线3448;弹性;新Ⅲ型;1#\新朔段（海勒斯壕南站）</t>
  </si>
  <si>
    <t>【中铁房桥】砼桥枕\专线3448;弹性;新Ⅲ型;2#\新朔段（海勒斯壕南站）</t>
  </si>
  <si>
    <t>【中铁房桥】砼桥枕\专线3448;弹性;新Ⅲ型;3#\新朔段（海勒斯壕南站）</t>
  </si>
  <si>
    <t>【中铁房桥】砼桥枕\专线3448;弹性;新Ⅲ型;4#\新朔段（海勒斯壕南站）</t>
  </si>
  <si>
    <t>【中铁房桥】砼枕\X-Ⅱ型\新朔段（海勒斯壕南站）</t>
  </si>
  <si>
    <t>【中铁房桥】砼枕\YⅡ-F\新朔段（海勒斯壕南站）</t>
  </si>
  <si>
    <t>【中铁房桥】砼枕\弹性;ⅢA型\新朔段（海勒斯壕南站）</t>
  </si>
  <si>
    <t>【中铁房桥】砼枕\专线3393;ⅢA型\新朔段（海勒斯壕南站）</t>
  </si>
  <si>
    <t>【中铁房桥】成组砼岔枕\P50;1/12;5.0m交渡;专线(03)3424\新朔段（外西沟站—薛家湾西货场）-外西沟</t>
  </si>
  <si>
    <t>GNWZBP(TH)ZECG2020-214</t>
  </si>
  <si>
    <t>国家能源e购商城中铁房桥轨枕配件铺货采购合同-新朔段（外西沟站—薛家湾西货场）-外西沟</t>
  </si>
  <si>
    <t>【中铁房桥】成组砼岔枕\P50;1/12;单开;专线(01)3423\新朔段（外西沟站—薛家湾西货场）-外西沟</t>
  </si>
  <si>
    <t>【中铁房桥】成组砼岔枕\P50;1/12;复交;CZ2220Z\新朔段（外西沟站—薛家湾西货场）-外西沟</t>
  </si>
  <si>
    <t>【中铁房桥】成组砼岔枕\P50;1/12;专线3355\新朔段（外西沟站—薛家湾西货场）-外西沟</t>
  </si>
  <si>
    <t>【中铁房桥】成组砼岔枕\P50;1/12;专线4257\新朔段（外西沟站—薛家湾西货场）-外西沟</t>
  </si>
  <si>
    <t>【中铁房桥】成组砼岔枕\P50;1/6;5.0m交渡;SC432-500\新朔段（外西沟站—薛家湾西货场）-外西沟</t>
  </si>
  <si>
    <t>【中铁房桥】成组砼岔枕\P50;1/6;对称;SC384\新朔段（外西沟站—薛家湾西货场）-外西沟</t>
  </si>
  <si>
    <t>【中铁房桥】成组砼岔枕\P50;1/6;对称;右开;SC384-500\新朔段（外西沟站—薛家湾西货场）-外西沟</t>
  </si>
  <si>
    <t>【中铁房桥】成组砼岔枕\P50;1/6;对称;左开;SC384-500\新朔段（外西沟站—薛家湾西货场）-外西沟</t>
  </si>
  <si>
    <t>【中铁房桥】成组砼岔枕\P50;1/9;5.0m交渡;CZ2210\新朔段（外西沟站—薛家湾西货场）-外西沟</t>
  </si>
  <si>
    <t>【中铁房桥】成组砼岔枕\P50;1/9;5.0m交渡;SC580\新朔段（外西沟站—薛家湾西货场）-外西沟</t>
  </si>
  <si>
    <t>【中铁房桥】成组砼岔枕\P50;1/9;5.0m交渡;专线(02)3428\新朔段（外西沟站—薛家湾西货场）-外西沟</t>
  </si>
  <si>
    <t>【中铁房桥】成组砼岔枕\P50;1/9;5.0m交渡;专线(02)7663\新朔段（外西沟站—薛家湾西货场）-外西沟</t>
  </si>
  <si>
    <t>【中铁房桥】成组砼岔枕\P50;1/9;CZ2209A\新朔段（外西沟站—薛家湾西货场）-外西沟</t>
  </si>
  <si>
    <t>【中铁房桥】成组砼岔枕\P50;1/9;单开;CZ2209Z\新朔段（外西沟站—薛家湾西货场）-外西沟</t>
  </si>
  <si>
    <t>【中铁房桥】成组砼岔枕\P50;1/9;单开;专线(03)3281\新朔段（外西沟站—薛家湾西货场）-外西沟</t>
  </si>
  <si>
    <t>【中铁房桥】成组砼岔枕\P50;1/9;复交;CZ2214Z\新朔段（外西沟站—薛家湾西货场）-外西沟</t>
  </si>
  <si>
    <t>【中铁房桥】成组砼岔枕\P50;1/9;复交;专线(04)3443\新朔段（外西沟站—薛家湾西货场）-外西沟</t>
  </si>
  <si>
    <t>【中铁房桥】成组砼岔枕\P50;1/9;交渡;CZ2213Z\新朔段（外西沟站—薛家湾西货场）-外西沟</t>
  </si>
  <si>
    <t>【中铁房桥】成组砼岔枕\P50;1/9;交渡;SC571-1101\新朔段（外西沟站—薛家湾西货场）-外西沟</t>
  </si>
  <si>
    <t>【中铁房桥】成组砼岔枕\P50;1/9;交渡;专线(03)3431\新朔段（外西沟站—薛家湾西货场）-外西沟</t>
  </si>
  <si>
    <t>【中铁房桥】成组砼岔枕\P60;1/12;5.5m交渡;SC342-500\新朔段（外西沟站—薛家湾西货场）-外西沟</t>
  </si>
  <si>
    <t>【中铁房桥】成组砼岔枕\P60;1/12;6.5m交渡;专线3413\新朔段（外西沟站—薛家湾西货场）-外西沟</t>
  </si>
  <si>
    <t>【中铁房桥】成组砼岔枕\P60;1/12;单开;SC330-500\新朔段（外西沟站—薛家湾西货场）-外西沟</t>
  </si>
  <si>
    <t>【中铁房桥】成组砼岔枕\P60;1/12;渡线;专线3402;Ⅲ型\新朔段（外西沟站—薛家湾西货场）-外西沟</t>
  </si>
  <si>
    <t>【中铁房桥】成组砼岔枕\P60;1/12;复交;SC350\新朔段（外西沟站—薛家湾西货场）-外西沟</t>
  </si>
  <si>
    <t>【中铁房桥】成组砼岔枕\P60;1/12;交渡;SC340-500\新朔段（外西沟站—薛家湾西货场）-外西沟</t>
  </si>
  <si>
    <t>【中铁房桥】成组砼岔枕\P60;1/12;交渡;SC342-500\新朔段（外西沟站—薛家湾西货场）-外西沟</t>
  </si>
  <si>
    <t>【中铁房桥】成组砼岔枕\P60;1/12;砼;单开;专线4249\新朔段（外西沟站—薛家湾西货场）-外西沟</t>
  </si>
  <si>
    <t>【中铁房桥】成组砼岔枕\P60;1/12;专线3399;Ⅲ型\新朔段（外西沟站—薛家湾西货场）-外西沟</t>
  </si>
  <si>
    <t>【中铁房桥】成组砼岔枕\P60;1/18;单开;GLC(07)02-300\新朔段（外西沟站—薛家湾西货场）-外西沟</t>
  </si>
  <si>
    <t>【中铁房桥】成组砼岔枕\P60;1/18;单开;GLC(09)05-300\新朔段（外西沟站—薛家湾西货场）-外西沟</t>
  </si>
  <si>
    <t>【中铁房桥】成组砼岔枕\P60;1/9;5.0m组合;SC(07)460-1108\新朔段（外西沟站—薛家湾西货场）-外西沟</t>
  </si>
  <si>
    <t>【中铁房桥】成组砼岔枕\P60;1/9;5.0m组合;SC(07)460-1204\新朔段（外西沟站—薛家湾西货场）-外西沟</t>
  </si>
  <si>
    <t>【中铁房桥】成组砼岔枕\P60;1/9;5.0m组合;SC(07)460-1208\新朔段（外西沟站—薛家湾西货场）-外西沟</t>
  </si>
  <si>
    <t>【中铁房桥】成组砼岔枕\P60;1/9;5.0m组合;SC(07)460-1211\新朔段（外西沟站—薛家湾西货场）-外西沟</t>
  </si>
  <si>
    <t>【中铁房桥】成组砼岔枕\P60;1/9;5.3m交渡;CZ581Z\新朔段（外西沟站—薛家湾西货场）-外西沟</t>
  </si>
  <si>
    <t>【中铁房桥】成组砼岔枕\P60;1/9;单开;CZ577Z\新朔段（外西沟站—薛家湾西货场）-外西沟</t>
  </si>
  <si>
    <t>【中铁房桥】成组砼岔枕\P60;1/9;单开;专线(03)3366\新朔段（外西沟站—薛家湾西货场）-外西沟</t>
  </si>
  <si>
    <t>【中铁房桥】成组砼岔枕\P60;1/9;复交;SC450-500\新朔段（外西沟站—薛家湾西货场）-外西沟</t>
  </si>
  <si>
    <t>【中铁房桥】成组砼岔枕\P60;1/9;复式交分;CZ2504Z\新朔段（外西沟站—薛家湾西货场）-外西沟</t>
  </si>
  <si>
    <t>【中铁房桥】成组砼岔枕\P60;1/9;交渡;CZ580Z\新朔段（外西沟站—薛家湾西货场）-外西沟</t>
  </si>
  <si>
    <t>【中铁房桥】成组砼岔枕\P60;1/9;交渡;CZ582Z\新朔段（外西沟站—薛家湾西货场）-外西沟</t>
  </si>
  <si>
    <t>【中铁房桥】成组砼岔枕\P60;1/9;交渡;CZ583Z\新朔段（外西沟站—薛家湾西货场）-外西沟</t>
  </si>
  <si>
    <t>【中铁房桥】成组砼岔枕\P60;1/9;专线3366;右开\新朔段（外西沟站—薛家湾西货场）-外西沟</t>
  </si>
  <si>
    <t>【中铁房桥】成组砼岔枕\P60;1/9;专线3366;左开\新朔段（外西沟站—薛家湾西货场）-外西沟</t>
  </si>
  <si>
    <t>【中铁房桥】成组砼岔枕\P75;1/12;SC381-500\新朔段（外西沟站—薛家湾西货场）-外西沟</t>
  </si>
  <si>
    <t>【中铁房桥】成组砼岔枕\P75;1/12;SC443-500;交渡\新朔段（外西沟站—薛家湾西货场）-外西沟</t>
  </si>
  <si>
    <t>【中铁房桥】成组砼岔枕\P75;1/12;单开;SC559-500\新朔段（外西沟站—薛家湾西货场）-外西沟</t>
  </si>
  <si>
    <t>【中铁房桥】成组砼岔枕\P75;1/12;单开;研线1116-400\新朔段（外西沟站—薛家湾西货场）-外西沟</t>
  </si>
  <si>
    <t>【中铁房桥】成组砼岔枕\P75;1/12;交渡;SC444\新朔段（外西沟站—薛家湾西货场）-外西沟</t>
  </si>
  <si>
    <t>【中铁房桥】成组砼岔枕\P75;1/18;单开;SC488-500\新朔段（外西沟站—薛家湾西货场）-外西沟</t>
  </si>
  <si>
    <t>【中铁房桥】成组砼岔枕\P75;1/9;5.0m交渡;SC551\新朔段（外西沟站—薛家湾西货场）-外西沟</t>
  </si>
  <si>
    <t>【中铁房桥】电气绝缘枕\ⅢaZ型\新朔段（外西沟站—薛家湾西货场）-外西沟</t>
  </si>
  <si>
    <t>【中铁房桥】电容枕\ⅢA型/ⅢAD\新朔段（外西沟站—薛家湾西货场）-外西沟</t>
  </si>
  <si>
    <t>【中铁房桥】电容枕\新Ⅱ型/XⅡD\新朔段（外西沟站—薛家湾西货场）-外西沟</t>
  </si>
  <si>
    <t>【中铁房桥】电容枕\新Ⅱ型;2500mm;研线0308-1\新朔段（外西沟站—薛家湾西货场）-外西沟</t>
  </si>
  <si>
    <t>【中铁房桥】电容枕\新Ⅲ型桥枕;2600mm;研线0308-1\新朔段（外西沟站—薛家湾西货场）-外西沟</t>
  </si>
  <si>
    <t>【中铁房桥】砼岔枕\P50;1/12;13#;专线(01)3423\新朔段（外西沟站—薛家湾西货场）-外西沟</t>
  </si>
  <si>
    <t>【中铁房桥】砼岔枕\P50;1/12;21#;专线(01)3423\新朔段（外西沟站—薛家湾西货场）-外西沟</t>
  </si>
  <si>
    <t>【中铁房桥】砼岔枕\P50;1/12;5#;专线3355\新朔段（外西沟站—薛家湾西货场）-外西沟</t>
  </si>
  <si>
    <t>【中铁房桥】砼岔枕\P50;1/12;58#;专线3355\新朔段（外西沟站—薛家湾西货场）-外西沟</t>
  </si>
  <si>
    <t>【中铁房桥】砼岔枕\P50;1/9;20#;专线(03)3281\新朔段（外西沟站—薛家湾西货场）-外西沟</t>
  </si>
  <si>
    <t>【中铁房桥】砼岔枕\P50;1/9;3#;CZ2209\新朔段（外西沟站—薛家湾西货场）-外西沟</t>
  </si>
  <si>
    <t>【中铁房桥】砼岔枕\P50;1/9;39#;专线(03)3281\新朔段（外西沟站—薛家湾西货场）-外西沟</t>
  </si>
  <si>
    <t>【中铁房桥】砼岔枕\P50;1/9;48#;专线(03)3281\新朔段（外西沟站—薛家湾西货场）-外西沟</t>
  </si>
  <si>
    <t>【中铁房桥】砼岔枕\P50;1/9;49#;专线(03)3281\新朔段（外西沟站—薛家湾西货场）-外西沟</t>
  </si>
  <si>
    <t>【中铁房桥】砼岔枕\P50;1/9;52#;专线(03)3281\新朔段（外西沟站—薛家湾西货场）-外西沟</t>
  </si>
  <si>
    <t>【中铁房桥】砼岔枕\P50;1/9;单开31#;专线(03)3281\新朔段（外西沟站—薛家湾西货场）-外西沟</t>
  </si>
  <si>
    <t>【中铁房桥】砼岔枕\P50;1/9;单开32#;专线(03)3281\新朔段（外西沟站—薛家湾西货场）-外西沟</t>
  </si>
  <si>
    <t>【中铁房桥】砼岔枕\P50;1/9;单开33#;专线(03)3281\新朔段（外西沟站—薛家湾西货场）-外西沟</t>
  </si>
  <si>
    <t>【中铁房桥】砼岔枕\P50;1/9;单开34#;专线(03)3281\新朔段（外西沟站—薛家湾西货场）-外西沟</t>
  </si>
  <si>
    <t>【中铁房桥】砼岔枕\P50;1/9;单开35#;专线(03)3281\新朔段（外西沟站—薛家湾西货场）-外西沟</t>
  </si>
  <si>
    <t>【中铁房桥】砼岔枕\P50;1/9;单开36#;专线(03)3281\新朔段（外西沟站—薛家湾西货场）-外西沟</t>
  </si>
  <si>
    <t>【中铁房桥】砼岔枕\P50;1/9;单开37#;专线(03)3281\新朔段（外西沟站—薛家湾西货场）-外西沟</t>
  </si>
  <si>
    <t>【中铁房桥】砼岔枕\P60;1/12;1#;SC330-500\新朔段（外西沟站—薛家湾西货场）-外西沟</t>
  </si>
  <si>
    <t>【中铁房桥】砼岔枕\P60;1/12;1#;专线3399\新朔段（外西沟站—薛家湾西货场）-外西沟</t>
  </si>
  <si>
    <t>【中铁房桥】砼岔枕\P60;1/12;10#;专线3399\新朔段（外西沟站—薛家湾西货场）-外西沟</t>
  </si>
  <si>
    <t>【中铁房桥】砼岔枕\P60;1/12;11#;专线3399\新朔段（外西沟站—薛家湾西货场）-外西沟</t>
  </si>
  <si>
    <t>【中铁房桥】砼岔枕\P60;1/12;12#;专线3399\新朔段（外西沟站—薛家湾西货场）-外西沟</t>
  </si>
  <si>
    <t>【中铁房桥】砼岔枕\P60;1/12;13#;专线3399\新朔段（外西沟站—薛家湾西货场）-外西沟</t>
  </si>
  <si>
    <t>【中铁房桥】砼岔枕\P60;1/12;14#;专线3399\新朔段（外西沟站—薛家湾西货场）-外西沟</t>
  </si>
  <si>
    <t>【中铁房桥】砼岔枕\P60;1/12;15#;专线3399\新朔段（外西沟站—薛家湾西货场）-外西沟</t>
  </si>
  <si>
    <t>【中铁房桥】砼岔枕\P60;1/12;16#;专线3399\新朔段（外西沟站—薛家湾西货场）-外西沟</t>
  </si>
  <si>
    <t>【中铁房桥】砼岔枕\P60;1/12;17#;专线3399\新朔段（外西沟站—薛家湾西货场）-外西沟</t>
  </si>
  <si>
    <t>【中铁房桥】砼岔枕\P60;1/12;18#;专线3399\新朔段（外西沟站—薛家湾西货场）-外西沟</t>
  </si>
  <si>
    <t>【中铁房桥】砼岔枕\P60;1/12;19#;专线3399\新朔段（外西沟站—薛家湾西货场）-外西沟</t>
  </si>
  <si>
    <t>【中铁房桥】砼岔枕\P60;1/12;2#;专线3399\新朔段（外西沟站—薛家湾西货场）-外西沟</t>
  </si>
  <si>
    <t>【中铁房桥】砼岔枕\P60;1/12;23#;专线3399\新朔段（外西沟站—薛家湾西货场）-外西沟</t>
  </si>
  <si>
    <t>【中铁房桥】砼岔枕\P60;1/12;24#;专线3399\新朔段（外西沟站—薛家湾西货场）-外西沟</t>
  </si>
  <si>
    <t>【中铁房桥】砼岔枕\P60;1/12;25#;SC330-500\新朔段（外西沟站—薛家湾西货场）-外西沟</t>
  </si>
  <si>
    <t>【中铁房桥】砼岔枕\P60;1/12;25#;SC350\新朔段（外西沟站—薛家湾西货场）-外西沟</t>
  </si>
  <si>
    <t>【中铁房桥】砼岔枕\P60;1/12;25#;专线3399\新朔段（外西沟站—薛家湾西货场）-外西沟</t>
  </si>
  <si>
    <t>【中铁房桥】砼岔枕\P60;1/12;26#;SC330-500\新朔段（外西沟站—薛家湾西货场）-外西沟</t>
  </si>
  <si>
    <t>【中铁房桥】砼岔枕\P60;1/12;26#;SC350\新朔段（外西沟站—薛家湾西货场）-外西沟</t>
  </si>
  <si>
    <t>【中铁房桥】砼岔枕\P60;1/12;26#;专线3399\新朔段（外西沟站—薛家湾西货场）-外西沟</t>
  </si>
  <si>
    <t>【中铁房桥】砼岔枕\P60;1/12;27#;SC330-500\新朔段（外西沟站—薛家湾西货场）-外西沟</t>
  </si>
  <si>
    <t>【中铁房桥】砼岔枕\P60;1/12;27#;专线3399\新朔段（外西沟站—薛家湾西货场）-外西沟</t>
  </si>
  <si>
    <t>【中铁房桥】砼岔枕\P60;1/12;28#;SC330-500\新朔段（外西沟站—薛家湾西货场）-外西沟</t>
  </si>
  <si>
    <t>【中铁房桥】砼岔枕\P60;1/12;28#;专线3399\新朔段（外西沟站—薛家湾西货场）-外西沟</t>
  </si>
  <si>
    <t>【中铁房桥】砼岔枕\P60;1/12;28#;专线4228\新朔段（外西沟站—薛家湾西货场）-外西沟</t>
  </si>
  <si>
    <t>【中铁房桥】砼岔枕\P60;1/12;29#;SC330-500\新朔段（外西沟站—薛家湾西货场）-外西沟</t>
  </si>
  <si>
    <t>【中铁房桥】砼岔枕\P60;1/12;29#;专线3399\新朔段（外西沟站—薛家湾西货场）-外西沟</t>
  </si>
  <si>
    <t>【中铁房桥】砼岔枕\P60;1/12;30#;专线3399\新朔段（外西沟站—薛家湾西货场）-外西沟</t>
  </si>
  <si>
    <t>【中铁房桥】砼岔枕\P60;1/12;30#;专线4228\新朔段（外西沟站—薛家湾西货场）-外西沟</t>
  </si>
  <si>
    <t>【中铁房桥】砼岔枕\P60;1/12;32#;专线3399\新朔段（外西沟站—薛家湾西货场）-外西沟</t>
  </si>
  <si>
    <t>【中铁房桥】砼岔枕\P60;1/12;34#;专线3399\新朔段（外西沟站—薛家湾西货场）-外西沟</t>
  </si>
  <si>
    <t>【中铁房桥】砼岔枕\P60;1/12;36#;SC350\新朔段（外西沟站—薛家湾西货场）-外西沟</t>
  </si>
  <si>
    <t>【中铁房桥】砼岔枕\P60;1/12;37#;专线3399\新朔段（外西沟站—薛家湾西货场）-外西沟</t>
  </si>
  <si>
    <t>【中铁房桥】砼岔枕\P60;1/12;40#;专线3399\新朔段（外西沟站—薛家湾西货场）-外西沟</t>
  </si>
  <si>
    <t>【中铁房桥】砼岔枕\P60;1/12;41#;专线3399\新朔段（外西沟站—薛家湾西货场）-外西沟</t>
  </si>
  <si>
    <t>【中铁房桥】砼岔枕\P60;1/12;42#;专线3399\新朔段（外西沟站—薛家湾西货场）-外西沟</t>
  </si>
  <si>
    <t>【中铁房桥】砼岔枕\P60;1/12;43#;专线3399\新朔段（外西沟站—薛家湾西货场）-外西沟</t>
  </si>
  <si>
    <t>【中铁房桥】砼岔枕\P60;1/12;49#;SC330-500\新朔段（外西沟站—薛家湾西货场）-外西沟</t>
  </si>
  <si>
    <t>【中铁房桥】砼岔枕\P60;1/12;51#;专线3399\新朔段（外西沟站—薛家湾西货场）-外西沟</t>
  </si>
  <si>
    <t>【中铁房桥】砼岔枕\P60;1/12;52#;专线3399\新朔段（外西沟站—薛家湾西货场）-外西沟</t>
  </si>
  <si>
    <t>【中铁房桥】砼岔枕\P60;1/12;53#;SC330-500\新朔段（外西沟站—薛家湾西货场）-外西沟</t>
  </si>
  <si>
    <t>【中铁房桥】砼岔枕\P60;1/12;53#;专线3399\新朔段（外西沟站—薛家湾西货场）-外西沟</t>
  </si>
  <si>
    <t>【中铁房桥】砼岔枕\P60;1/12;53#;专线4228\新朔段（外西沟站—薛家湾西货场）-外西沟</t>
  </si>
  <si>
    <t>【中铁房桥】砼岔枕\P60;1/12;54#;SC330\新朔段（外西沟站—薛家湾西货场）-外西沟</t>
  </si>
  <si>
    <t>【中铁房桥】砼岔枕\P60;1/12;54#;专线3399\新朔段（外西沟站—薛家湾西货场）-外西沟</t>
  </si>
  <si>
    <t>【中铁房桥】砼岔枕\P60;1/12;55#;专线3399\新朔段（外西沟站—薛家湾西货场）-外西沟</t>
  </si>
  <si>
    <t>【中铁房桥】砼岔枕\P60;1/12;56#;专线3399\新朔段（外西沟站—薛家湾西货场）-外西沟</t>
  </si>
  <si>
    <t>【中铁房桥】砼岔枕\P60;1/12;57#;专线3399\新朔段（外西沟站—薛家湾西货场）-外西沟</t>
  </si>
  <si>
    <t>【中铁房桥】砼岔枕\P60;1/12;57#;专线4228\新朔段（外西沟站—薛家湾西货场）-外西沟</t>
  </si>
  <si>
    <t>【中铁房桥】砼岔枕\P60;1/12;58#;专线3399\新朔段（外西沟站—薛家湾西货场）-外西沟</t>
  </si>
  <si>
    <t>【中铁房桥】砼岔枕\P60;1/12;59#;专线3399\新朔段（外西沟站—薛家湾西货场）-外西沟</t>
  </si>
  <si>
    <t>【中铁房桥】砼岔枕\P60;1/12;60#;专线3399\新朔段（外西沟站—薛家湾西货场）-外西沟</t>
  </si>
  <si>
    <t>【中铁房桥】砼岔枕\P60;1/12;61#;专线3399\新朔段（外西沟站—薛家湾西货场）-外西沟</t>
  </si>
  <si>
    <t>【中铁房桥】砼岔枕\P60;1/12;62#;专线3399\新朔段（外西沟站—薛家湾西货场）-外西沟</t>
  </si>
  <si>
    <t>【中铁房桥】砼岔枕\P60;1/12;63#;SC330-500\新朔段（外西沟站—薛家湾西货场）-外西沟</t>
  </si>
  <si>
    <t>【中铁房桥】砼岔枕\P60;1/12;63#;SC340\新朔段（外西沟站—薛家湾西货场）-外西沟</t>
  </si>
  <si>
    <t>【中铁房桥】砼岔枕\P60;1/12;63#;专线3399\新朔段（外西沟站—薛家湾西货场）-外西沟</t>
  </si>
  <si>
    <t>【中铁房桥】砼岔枕\P60;1/12;63#;专线3402\新朔段（外西沟站—薛家湾西货场）-外西沟</t>
  </si>
  <si>
    <t>【中铁房桥】砼岔枕\P60;1/12;63#;专线4228\新朔段（外西沟站—薛家湾西货场）-外西沟</t>
  </si>
  <si>
    <t>【中铁房桥】砼岔枕\P60;1/12;63Z#;SC341-500\新朔段（外西沟站—薛家湾西货场）-外西沟</t>
  </si>
  <si>
    <t>【中铁房桥】砼岔枕\P60;1/12;64#;SC330\新朔段（外西沟站—薛家湾西货场）-外西沟</t>
  </si>
  <si>
    <t>【中铁房桥】砼岔枕\P60;1/12;64#;SC340\新朔段（外西沟站—薛家湾西货场）-外西沟</t>
  </si>
  <si>
    <t>【中铁房桥】砼岔枕\P60;1/12;64#;专线3399\新朔段（外西沟站—薛家湾西货场）-外西沟</t>
  </si>
  <si>
    <t>【中铁房桥】砼岔枕\P60;1/12;64#;专线3402\新朔段（外西沟站—薛家湾西货场）-外西沟</t>
  </si>
  <si>
    <t>【中铁房桥】砼岔枕\P60;1/12;64Z#;SC341-500\新朔段（外西沟站—薛家湾西货场）-外西沟</t>
  </si>
  <si>
    <t>【中铁房桥】砼岔枕\P60;1/12;65#;交渡;SC340C\新朔段（外西沟站—薛家湾西货场）-外西沟</t>
  </si>
  <si>
    <t>【中铁房桥】砼岔枕\P60;1/12;65#;专线3399\新朔段（外西沟站—薛家湾西货场）-外西沟</t>
  </si>
  <si>
    <t>【中铁房桥】砼岔枕\P60;1/12;66#;专线3399\新朔段（外西沟站—薛家湾西货场）-外西沟</t>
  </si>
  <si>
    <t>【中铁房桥】砼岔枕\P60;1/12;67#;专线3399\新朔段（外西沟站—薛家湾西货场）-外西沟</t>
  </si>
  <si>
    <t>【中铁房桥】砼岔枕\P60;1/12;68#;专线3399\新朔段（外西沟站—薛家湾西货场）-外西沟</t>
  </si>
  <si>
    <t>【中铁房桥】砼岔枕\P60;1/12;69#;专线3399\新朔段（外西沟站—薛家湾西货场）-外西沟</t>
  </si>
  <si>
    <t>【中铁房桥】砼岔枕\P60;1/12;73#;专线3402\新朔段（外西沟站—薛家湾西货场）-外西沟</t>
  </si>
  <si>
    <t>【中铁房桥】砼岔枕\P60;1/12;74#;专线3402\新朔段（外西沟站—薛家湾西货场）-外西沟</t>
  </si>
  <si>
    <t>【中铁房桥】砼岔枕\P60;1/18;21#;专线3386\新朔段（外西沟站—薛家湾西货场）-外西沟</t>
  </si>
  <si>
    <t>【中铁房桥】砼岔枕\P60;1/18;32#;专线3386\新朔段（外西沟站—薛家湾西货场）-外西沟</t>
  </si>
  <si>
    <t>【中铁房桥】砼岔枕\P60;1/18;33#;专线3386\新朔段（外西沟站—薛家湾西货场）-外西沟</t>
  </si>
  <si>
    <t>【中铁房桥】砼岔枕\P60;1/18;34#;专线3386\新朔段（外西沟站—薛家湾西货场）-外西沟</t>
  </si>
  <si>
    <t>【中铁房桥】砼岔枕\P60;1/18;71#;专线3386\新朔段（外西沟站—薛家湾西货场）-外西沟</t>
  </si>
  <si>
    <t>【中铁房桥】砼岔枕\P60;1/18;72#;专线3386\新朔段（外西沟站—薛家湾西货场）-外西沟</t>
  </si>
  <si>
    <t>【中铁房桥】砼岔枕\P60;1/9;34#;交渡;SC392C\新朔段（外西沟站—薛家湾西货场）-外西沟</t>
  </si>
  <si>
    <t>【中铁房桥】砼岔枕\P60;1/9;42#;专线(03)3366\新朔段（外西沟站—薛家湾西货场）-外西沟</t>
  </si>
  <si>
    <t>【中铁房桥】砼岔枕\P60;1/9;43#;专线(03)3366\新朔段（外西沟站—薛家湾西货场）-外西沟</t>
  </si>
  <si>
    <t>【中铁房桥】砼岔枕\P60;1/9;49#;SC390\新朔段（外西沟站—薛家湾西货场）-外西沟</t>
  </si>
  <si>
    <t>【中铁房桥】砼岔枕\P60;1/9;49#;专线(03)3366\新朔段（外西沟站—薛家湾西货场）-外西沟</t>
  </si>
  <si>
    <t>【中铁房桥】砼岔枕\P60;1/9;5#;SC390\新朔段（外西沟站—薛家湾西货场）-外西沟</t>
  </si>
  <si>
    <t>【中铁房桥】砼岔枕\P60;1/9;50#;SC390\新朔段（外西沟站—薛家湾西货场）-外西沟</t>
  </si>
  <si>
    <t>【中铁房桥】砼岔枕\P60;1/9;54#;专线(03)3366\新朔段（外西沟站—薛家湾西货场）-外西沟</t>
  </si>
  <si>
    <t>【中铁房桥】砼岔枕\P60;1/9;6#;SC390\新朔段（外西沟站—薛家湾西货场）-外西沟</t>
  </si>
  <si>
    <t>【中铁房桥】砼岔枕\P60;1/9;7#;SC390\新朔段（外西沟站—薛家湾西货场）-外西沟</t>
  </si>
  <si>
    <t>【中铁房桥】砼岔枕\P60;1/9;8#;SC390\新朔段（外西沟站—薛家湾西货场）-外西沟</t>
  </si>
  <si>
    <t>【中铁房桥】砼岔枕\P60;1/9;9#;SC390\新朔段（外西沟站—薛家湾西货场）-外西沟</t>
  </si>
  <si>
    <t>【中铁房桥】砼岔枕\P60;1/9;交渡12#;CZ581Z\新朔段（外西沟站—薛家湾西货场）-外西沟</t>
  </si>
  <si>
    <t>【中铁房桥】砼岔枕\P60;1/9;交渡16#;CZ581Z\新朔段（外西沟站—薛家湾西货场）-外西沟</t>
  </si>
  <si>
    <t>【中铁房桥】砼岔枕\P60;1/9;交渡22#;CZ580Z\新朔段（外西沟站—薛家湾西货场）-外西沟</t>
  </si>
  <si>
    <t>【中铁房桥】砼岔枕\P60;1/9;交渡23#;CZ581Z\新朔段（外西沟站—薛家湾西货场）-外西沟</t>
  </si>
  <si>
    <t>【中铁房桥】砼岔枕\P60;1/9;交渡24#;CZ581Z\新朔段（外西沟站—薛家湾西货场）-外西沟</t>
  </si>
  <si>
    <t>【中铁房桥】砼岔枕\P60;1/9;交渡25#;CZ581Z\新朔段（外西沟站—薛家湾西货场）-外西沟</t>
  </si>
  <si>
    <t>【中铁房桥】砼岔枕\P60;1/9;交渡40#;CZ580Z\新朔段（外西沟站—薛家湾西货场）-外西沟</t>
  </si>
  <si>
    <t>【中铁房桥】砼岔枕\P60;1/9;交渡44#;CZ581Z\新朔段（外西沟站—薛家湾西货场）-外西沟</t>
  </si>
  <si>
    <t>【中铁房桥】砼岔枕\P60;1/9;交渡49#;CZ581Z\新朔段（外西沟站—薛家湾西货场）-外西沟</t>
  </si>
  <si>
    <t>【中铁房桥】砼岔枕\P60;1/9;交渡50#;CZ581Z\新朔段（外西沟站—薛家湾西货场）-外西沟</t>
  </si>
  <si>
    <t>【中铁房桥】砼岔枕\P75;1/12;1#;SC559-500\新朔段（外西沟站—薛家湾西货场）-外西沟</t>
  </si>
  <si>
    <t>【中铁房桥】砼岔枕\P75;1/12;2#;SC559-500\新朔段（外西沟站—薛家湾西货场）-外西沟</t>
  </si>
  <si>
    <t>【中铁房桥】砼岔枕\P75;1/12;25#;SC559-500\新朔段（外西沟站—薛家湾西货场）-外西沟</t>
  </si>
  <si>
    <t>【中铁房桥】砼岔枕\P75;1/12;26#;SC559-500\新朔段（外西沟站—薛家湾西货场）-外西沟</t>
  </si>
  <si>
    <t>【中铁房桥】砼岔枕\P75;1/12;27#;SC559-500\新朔段（外西沟站—薛家湾西货场）-外西沟</t>
  </si>
  <si>
    <t>【中铁房桥】砼岔枕\P75;1/12;28#;SC559-500\新朔段（外西沟站—薛家湾西货场）-外西沟</t>
  </si>
  <si>
    <t>【中铁房桥】砼岔枕\P75;1/12;29#;SC559-500\新朔段（外西沟站—薛家湾西货场）-外西沟</t>
  </si>
  <si>
    <t>【中铁房桥】砼岔枕\P75;1/12;3#;SC559-500\新朔段（外西沟站—薛家湾西货场）-外西沟</t>
  </si>
  <si>
    <t>【中铁房桥】砼岔枕\P75;1/12;30#;SC559-500\新朔段（外西沟站—薛家湾西货场）-外西沟</t>
  </si>
  <si>
    <t>【中铁房桥】砼岔枕\P75;1/12;31#;SC559-500\新朔段（外西沟站—薛家湾西货场）-外西沟</t>
  </si>
  <si>
    <t>【中铁房桥】砼岔枕\P75;1/12;39#;SC559-500\新朔段（外西沟站—薛家湾西货场）-外西沟</t>
  </si>
  <si>
    <t>【中铁房桥】砼岔枕\P75;1/12;40#;SC559-500\新朔段（外西沟站—薛家湾西货场）-外西沟</t>
  </si>
  <si>
    <t>【中铁房桥】砼岔枕\P75;1/12;5.3m交渡;CZ716\新朔段（外西沟站—薛家湾西货场）-外西沟</t>
  </si>
  <si>
    <t>【中铁房桥】砼岔枕\P75;1/12;50#;SC559-500\新朔段（外西沟站—薛家湾西货场）-外西沟</t>
  </si>
  <si>
    <t>【中铁房桥】砼岔枕\P75;1/12;51#;SC559-500\新朔段（外西沟站—薛家湾西货场）-外西沟</t>
  </si>
  <si>
    <t>【中铁房桥】砼岔枕\P75;1/12;52#;SC559-500\新朔段（外西沟站—薛家湾西货场）-外西沟</t>
  </si>
  <si>
    <t>【中铁房桥】砼岔枕\P75;1/12;53#;SC559-500\新朔段（外西沟站—薛家湾西货场）-外西沟</t>
  </si>
  <si>
    <t>【中铁房桥】砼岔枕\P75;1/12;54#;SC559-500\新朔段（外西沟站—薛家湾西货场）-外西沟</t>
  </si>
  <si>
    <t>【中铁房桥】砼岔枕\P75;1/12;55#;SC559-500\新朔段（外西沟站—薛家湾西货场）-外西沟</t>
  </si>
  <si>
    <t>【中铁房桥】砼岔枕\P75;1/12;56#;SC559-500\新朔段（外西沟站—薛家湾西货场）-外西沟</t>
  </si>
  <si>
    <t>【中铁房桥】砼岔枕\P75;1/12;60#;SC559-500\新朔段（外西沟站—薛家湾西货场）-外西沟</t>
  </si>
  <si>
    <t>【中铁房桥】砼岔枕\P75;1/12;61#;SC559-500\新朔段（外西沟站—薛家湾西货场）-外西沟</t>
  </si>
  <si>
    <t>【中铁房桥】砼岔枕\P75;1/12;62#;SC559-500\新朔段（外西沟站—薛家湾西货场）-外西沟</t>
  </si>
  <si>
    <t>【中铁房桥】砼岔枕\P75;1/12;63#;SC559-500\新朔段（外西沟站—薛家湾西货场）-外西沟</t>
  </si>
  <si>
    <t>【中铁房桥】砼岔枕\P75;1/12;64#;SC559-500\新朔段（外西沟站—薛家湾西货场）-外西沟</t>
  </si>
  <si>
    <t>【中铁房桥】砼岔枕\P75;1/12;65#;SC559-500\新朔段（外西沟站—薛家湾西货场）-外西沟</t>
  </si>
  <si>
    <t>【中铁房桥】砼岔枕\P75;1/12;66#;SC559-500\新朔段（外西沟站—薛家湾西货场）-外西沟</t>
  </si>
  <si>
    <t>【中铁房桥】砼岔枕\P75;1/12;67#;SC559-500\新朔段（外西沟站—薛家湾西货场）-外西沟</t>
  </si>
  <si>
    <t>【中铁房桥】砼岔枕\P75;1/12;68#;SC559-500\新朔段（外西沟站—薛家湾西货场）-外西沟</t>
  </si>
  <si>
    <t>【中铁房桥】砼岔枕\P75;1/12;80#;SC559-500\新朔段（外西沟站—薛家湾西货场）-外西沟</t>
  </si>
  <si>
    <t>【中铁房桥】砼岔枕\P75;1/12;81#;SC559-500\新朔段（外西沟站—薛家湾西货场）-外西沟</t>
  </si>
  <si>
    <t>【中铁房桥】砼岔枕\P75;1/12;单开;专线4228\新朔段（外西沟站—薛家湾西货场）-外西沟</t>
  </si>
  <si>
    <t>【中铁房桥】砼桥枕\ⅡZQ-C型0#\新朔段（外西沟站—薛家湾西货场）-外西沟</t>
  </si>
  <si>
    <t>【中铁房桥】砼桥枕\Ⅲ型\新朔段（外西沟站—薛家湾西货场）-外西沟</t>
  </si>
  <si>
    <t>【中铁房桥】砼桥枕\梭头;新Ⅲ型;1#\新朔段（外西沟站—薛家湾西货场）-外西沟</t>
  </si>
  <si>
    <t>【中铁房桥】砼桥枕\梭头;新Ⅲ型;2#\新朔段（外西沟站—薛家湾西货场）-外西沟</t>
  </si>
  <si>
    <t>【中铁房桥】砼桥枕\梭头;新Ⅲ型;3#\新朔段（外西沟站—薛家湾西货场）-外西沟</t>
  </si>
  <si>
    <t>【中铁房桥】砼桥枕\梭头;新Ⅲ型;4#\新朔段（外西沟站—薛家湾西货场）-外西沟</t>
  </si>
  <si>
    <t>【中铁房桥】砼桥枕\新Ⅲ型\新朔段（外西沟站—薛家湾西货场）-外西沟</t>
  </si>
  <si>
    <t>【中铁房桥】砼桥枕\专线3448;弹性;新Ⅲ型\新朔段（外西沟站—薛家湾西货场）-外西沟</t>
  </si>
  <si>
    <t>【中铁房桥】砼桥枕\专线3448;弹性;新Ⅲ型;1#\新朔段（外西沟站—薛家湾西货场）-外西沟</t>
  </si>
  <si>
    <t>【中铁房桥】砼桥枕\专线3448;弹性;新Ⅲ型;2#\新朔段（外西沟站—薛家湾西货场）-外西沟</t>
  </si>
  <si>
    <t>【中铁房桥】砼桥枕\专线3448;弹性;新Ⅲ型;3#\新朔段（外西沟站—薛家湾西货场）-外西沟</t>
  </si>
  <si>
    <t>【中铁房桥】砼桥枕\专线3448;弹性;新Ⅲ型;4#\新朔段（外西沟站—薛家湾西货场）-外西沟</t>
  </si>
  <si>
    <t>【中铁房桥】砼枕\X-Ⅱ型\新朔段（外西沟站—薛家湾西货场）-外西沟</t>
  </si>
  <si>
    <t>【中铁房桥】砼枕\YⅡ-F\新朔段（外西沟站—薛家湾西货场）-外西沟</t>
  </si>
  <si>
    <t>【中铁房桥】砼枕\弹性;ⅢA型\新朔段（外西沟站—薛家湾西货场）-外西沟</t>
  </si>
  <si>
    <t>【中铁房桥】砼枕\专线3393;ⅢA型\新朔段（外西沟站—薛家湾西货场）-外西沟</t>
  </si>
  <si>
    <t>【中铁房桥】成组砼岔枕\P50;1/12;5.0m交渡;专线(03)3424\新朔段（外西沟站—薛家湾西货场）-清水河</t>
  </si>
  <si>
    <t>GNWZBP(TH)ZECG2020-215</t>
  </si>
  <si>
    <t>国家能源e购商城中铁房桥轨枕配件铺货采购合同-新朔段（外西沟站—薛家湾西货场）-清水河</t>
  </si>
  <si>
    <t>【中铁房桥】成组砼岔枕\P50;1/12;单开;专线(01)3423\新朔段（外西沟站—薛家湾西货场）-清水河</t>
  </si>
  <si>
    <t>【中铁房桥】成组砼岔枕\P50;1/12;复交;CZ2220Z\新朔段（外西沟站—薛家湾西货场）-清水河</t>
  </si>
  <si>
    <t>【中铁房桥】成组砼岔枕\P50;1/12;专线3355\新朔段（外西沟站—薛家湾西货场）-清水河</t>
  </si>
  <si>
    <t>【中铁房桥】成组砼岔枕\P50;1/12;专线4257\新朔段（外西沟站—薛家湾西货场）-清水河</t>
  </si>
  <si>
    <t>【中铁房桥】成组砼岔枕\P50;1/6;5.0m交渡;SC432-500\新朔段（外西沟站—薛家湾西货场）-清水河</t>
  </si>
  <si>
    <t>【中铁房桥】成组砼岔枕\P50;1/6;对称;SC384\新朔段（外西沟站—薛家湾西货场）-清水河</t>
  </si>
  <si>
    <t>【中铁房桥】成组砼岔枕\P50;1/6;对称;右开;SC384-500\新朔段（外西沟站—薛家湾西货场）-清水河</t>
  </si>
  <si>
    <t>【中铁房桥】成组砼岔枕\P50;1/6;对称;左开;SC384-500\新朔段（外西沟站—薛家湾西货场）-清水河</t>
  </si>
  <si>
    <t>【中铁房桥】成组砼岔枕\P50;1/9;5.0m交渡;CZ2210\新朔段（外西沟站—薛家湾西货场）-清水河</t>
  </si>
  <si>
    <t>【中铁房桥】成组砼岔枕\P50;1/9;5.0m交渡;SC580\新朔段（外西沟站—薛家湾西货场）-清水河</t>
  </si>
  <si>
    <t>【中铁房桥】成组砼岔枕\P50;1/9;5.0m交渡;专线(02)3428\新朔段（外西沟站—薛家湾西货场）-清水河</t>
  </si>
  <si>
    <t>【中铁房桥】成组砼岔枕\P50;1/9;5.0m交渡;专线(02)7663\新朔段（外西沟站—薛家湾西货场）-清水河</t>
  </si>
  <si>
    <t>【中铁房桥】成组砼岔枕\P50;1/9;CZ2209A\新朔段（外西沟站—薛家湾西货场）-清水河</t>
  </si>
  <si>
    <t>【中铁房桥】成组砼岔枕\P50;1/9;单开;CZ2209Z\新朔段（外西沟站—薛家湾西货场）-清水河</t>
  </si>
  <si>
    <t>【中铁房桥】成组砼岔枕\P50;1/9;单开;专线(03)3281\新朔段（外西沟站—薛家湾西货场）-清水河</t>
  </si>
  <si>
    <t>【中铁房桥】成组砼岔枕\P50;1/9;复交;CZ2214Z\新朔段（外西沟站—薛家湾西货场）-清水河</t>
  </si>
  <si>
    <t>【中铁房桥】成组砼岔枕\P50;1/9;复交;专线(04)3443\新朔段（外西沟站—薛家湾西货场）-清水河</t>
  </si>
  <si>
    <t>【中铁房桥】成组砼岔枕\P50;1/9;交渡;CZ2213Z\新朔段（外西沟站—薛家湾西货场）-清水河</t>
  </si>
  <si>
    <t>【中铁房桥】成组砼岔枕\P50;1/9;交渡;SC571-1101\新朔段（外西沟站—薛家湾西货场）-清水河</t>
  </si>
  <si>
    <t>【中铁房桥】成组砼岔枕\P50;1/9;交渡;专线(03)3431\新朔段（外西沟站—薛家湾西货场）-清水河</t>
  </si>
  <si>
    <t>【中铁房桥】成组砼岔枕\P60;1/12;5.5m交渡;SC342-500\新朔段（外西沟站—薛家湾西货场）-清水河</t>
  </si>
  <si>
    <t>【中铁房桥】成组砼岔枕\P60;1/12;6.5m交渡;专线3413\新朔段（外西沟站—薛家湾西货场）-清水河</t>
  </si>
  <si>
    <t>【中铁房桥】成组砼岔枕\P60;1/12;单开;SC330-500\新朔段（外西沟站—薛家湾西货场）-清水河</t>
  </si>
  <si>
    <t>【中铁房桥】成组砼岔枕\P60;1/12;渡线;专线3402;Ⅲ型\新朔段（外西沟站—薛家湾西货场）-清水河</t>
  </si>
  <si>
    <t>【中铁房桥】成组砼岔枕\P60;1/12;复交;SC350\新朔段（外西沟站—薛家湾西货场）-清水河</t>
  </si>
  <si>
    <t>【中铁房桥】成组砼岔枕\P60;1/12;交渡;SC340-500\新朔段（外西沟站—薛家湾西货场）-清水河</t>
  </si>
  <si>
    <t>【中铁房桥】成组砼岔枕\P60;1/12;交渡;SC342-500\新朔段（外西沟站—薛家湾西货场）-清水河</t>
  </si>
  <si>
    <t>【中铁房桥】成组砼岔枕\P60;1/12;砼;单开;专线4249\新朔段（外西沟站—薛家湾西货场）-清水河</t>
  </si>
  <si>
    <t>【中铁房桥】成组砼岔枕\P60;1/12;专线3399;Ⅲ型\新朔段（外西沟站—薛家湾西货场）-清水河</t>
  </si>
  <si>
    <t>【中铁房桥】成组砼岔枕\P60;1/18;单开;GLC(07)02-300\新朔段（外西沟站—薛家湾西货场）-清水河</t>
  </si>
  <si>
    <t>【中铁房桥】成组砼岔枕\P60;1/18;单开;GLC(09)05-300\新朔段（外西沟站—薛家湾西货场）-清水河</t>
  </si>
  <si>
    <t>【中铁房桥】成组砼岔枕\P60;1/9;5.0m组合;SC(07)460-1108\新朔段（外西沟站—薛家湾西货场）-清水河</t>
  </si>
  <si>
    <t>【中铁房桥】成组砼岔枕\P60;1/9;5.0m组合;SC(07)460-1204\新朔段（外西沟站—薛家湾西货场）-清水河</t>
  </si>
  <si>
    <t>【中铁房桥】成组砼岔枕\P60;1/9;5.0m组合;SC(07)460-1208\新朔段（外西沟站—薛家湾西货场）-清水河</t>
  </si>
  <si>
    <t>【中铁房桥】成组砼岔枕\P60;1/9;5.0m组合;SC(07)460-1211\新朔段（外西沟站—薛家湾西货场）-清水河</t>
  </si>
  <si>
    <t>【中铁房桥】成组砼岔枕\P60;1/9;5.3m交渡;CZ581Z\新朔段（外西沟站—薛家湾西货场）-清水河</t>
  </si>
  <si>
    <t>【中铁房桥】成组砼岔枕\P60;1/9;单开;CZ577Z\新朔段（外西沟站—薛家湾西货场）-清水河</t>
  </si>
  <si>
    <t>【中铁房桥】成组砼岔枕\P60;1/9;单开;专线(03)3366\新朔段（外西沟站—薛家湾西货场）-清水河</t>
  </si>
  <si>
    <t>【中铁房桥】成组砼岔枕\P60;1/9;复交;SC450-500\新朔段（外西沟站—薛家湾西货场）-清水河</t>
  </si>
  <si>
    <t>【中铁房桥】成组砼岔枕\P60;1/9;复式交分;CZ2504Z\新朔段（外西沟站—薛家湾西货场）-清水河</t>
  </si>
  <si>
    <t>【中铁房桥】成组砼岔枕\P60;1/9;交渡;CZ580Z\新朔段（外西沟站—薛家湾西货场）-清水河</t>
  </si>
  <si>
    <t>【中铁房桥】成组砼岔枕\P60;1/9;交渡;CZ582Z\新朔段（外西沟站—薛家湾西货场）-清水河</t>
  </si>
  <si>
    <t>【中铁房桥】成组砼岔枕\P60;1/9;交渡;CZ583Z\新朔段（外西沟站—薛家湾西货场）-清水河</t>
  </si>
  <si>
    <t>【中铁房桥】成组砼岔枕\P60;1/9;专线3366;右开\新朔段（外西沟站—薛家湾西货场）-清水河</t>
  </si>
  <si>
    <t>【中铁房桥】成组砼岔枕\P60;1/9;专线3366;左开\新朔段（外西沟站—薛家湾西货场）-清水河</t>
  </si>
  <si>
    <t>【中铁房桥】成组砼岔枕\P75;1/12;SC381-500\新朔段（外西沟站—薛家湾西货场）-清水河</t>
  </si>
  <si>
    <t>【中铁房桥】成组砼岔枕\P75;1/12;SC443-500;交渡\新朔段（外西沟站—薛家湾西货场）-清水河</t>
  </si>
  <si>
    <t>【中铁房桥】成组砼岔枕\P75;1/12;单开;SC559-500\新朔段（外西沟站—薛家湾西货场）-清水河</t>
  </si>
  <si>
    <t>【中铁房桥】成组砼岔枕\P75;1/12;单开;研线1116-400\新朔段（外西沟站—薛家湾西货场）-清水河</t>
  </si>
  <si>
    <t>【中铁房桥】成组砼岔枕\P75;1/12;交渡;SC444\新朔段（外西沟站—薛家湾西货场）-清水河</t>
  </si>
  <si>
    <t>【中铁房桥】成组砼岔枕\P75;1/18;单开;SC488-500\新朔段（外西沟站—薛家湾西货场）-清水河</t>
  </si>
  <si>
    <t>【中铁房桥】成组砼岔枕\P75;1/9;5.0m交渡;SC551\新朔段（外西沟站—薛家湾西货场）-清水河</t>
  </si>
  <si>
    <t>【中铁房桥】电气绝缘枕\ⅢaZ型\新朔段（外西沟站—薛家湾西货场）-清水河</t>
  </si>
  <si>
    <t>【中铁房桥】电容枕\ⅢA型/ⅢAD\新朔段（外西沟站—薛家湾西货场）-清水河</t>
  </si>
  <si>
    <t>【中铁房桥】电容枕\新Ⅱ型/XⅡD\新朔段（外西沟站—薛家湾西货场）-清水河</t>
  </si>
  <si>
    <t>【中铁房桥】电容枕\新Ⅱ型;2500mm;研线0308-1\新朔段（外西沟站—薛家湾西货场）-清水河</t>
  </si>
  <si>
    <t>【中铁房桥】电容枕\新Ⅲ型桥枕;2600mm;研线0308-1\新朔段（外西沟站—薛家湾西货场）-清水河</t>
  </si>
  <si>
    <t>【中铁房桥】砼岔枕\P50;1/12;13#;专线(01)3423\新朔段（外西沟站—薛家湾西货场）-清水河</t>
  </si>
  <si>
    <t>【中铁房桥】砼岔枕\P50;1/12;21#;专线(01)3423\新朔段（外西沟站—薛家湾西货场）-清水河</t>
  </si>
  <si>
    <t>【中铁房桥】砼岔枕\P50;1/12;5#;专线3355\新朔段（外西沟站—薛家湾西货场）-清水河</t>
  </si>
  <si>
    <t>【中铁房桥】砼岔枕\P50;1/12;58#;专线3355\新朔段（外西沟站—薛家湾西货场）-清水河</t>
  </si>
  <si>
    <t>【中铁房桥】砼岔枕\P50;1/9;20#;专线(03)3281\新朔段（外西沟站—薛家湾西货场）-清水河</t>
  </si>
  <si>
    <t>【中铁房桥】砼岔枕\P50;1/9;3#;CZ2209\新朔段（外西沟站—薛家湾西货场）-清水河</t>
  </si>
  <si>
    <t>【中铁房桥】砼岔枕\P50;1/9;39#;专线(03)3281\新朔段（外西沟站—薛家湾西货场）-清水河</t>
  </si>
  <si>
    <t>【中铁房桥】砼岔枕\P50;1/9;48#;专线(03)3281\新朔段（外西沟站—薛家湾西货场）-清水河</t>
  </si>
  <si>
    <t>【中铁房桥】砼岔枕\P50;1/9;49#;专线(03)3281\新朔段（外西沟站—薛家湾西货场）-清水河</t>
  </si>
  <si>
    <t>【中铁房桥】砼岔枕\P50;1/9;52#;专线(03)3281\新朔段（外西沟站—薛家湾西货场）-清水河</t>
  </si>
  <si>
    <t>【中铁房桥】砼岔枕\P50;1/9;单开31#;专线(03)3281\新朔段（外西沟站—薛家湾西货场）-清水河</t>
  </si>
  <si>
    <t>【中铁房桥】砼岔枕\P50;1/9;单开32#;专线(03)3281\新朔段（外西沟站—薛家湾西货场）-清水河</t>
  </si>
  <si>
    <t>【中铁房桥】砼岔枕\P50;1/9;单开33#;专线(03)3281\新朔段（外西沟站—薛家湾西货场）-清水河</t>
  </si>
  <si>
    <t>【中铁房桥】砼岔枕\P50;1/9;单开34#;专线(03)3281\新朔段（外西沟站—薛家湾西货场）-清水河</t>
  </si>
  <si>
    <t>【中铁房桥】砼岔枕\P50;1/9;单开35#;专线(03)3281\新朔段（外西沟站—薛家湾西货场）-清水河</t>
  </si>
  <si>
    <t>【中铁房桥】砼岔枕\P50;1/9;单开36#;专线(03)3281\新朔段（外西沟站—薛家湾西货场）-清水河</t>
  </si>
  <si>
    <t>【中铁房桥】砼岔枕\P50;1/9;单开37#;专线(03)3281\新朔段（外西沟站—薛家湾西货场）-清水河</t>
  </si>
  <si>
    <t>【中铁房桥】砼岔枕\P60;1/12;1#;SC330-500\新朔段（外西沟站—薛家湾西货场）-清水河</t>
  </si>
  <si>
    <t>【中铁房桥】砼岔枕\P60;1/12;1#;专线3399\新朔段（外西沟站—薛家湾西货场）-清水河</t>
  </si>
  <si>
    <t>【中铁房桥】砼岔枕\P60;1/12;10#;专线3399\新朔段（外西沟站—薛家湾西货场）-清水河</t>
  </si>
  <si>
    <t>【中铁房桥】砼岔枕\P60;1/12;11#;专线3399\新朔段（外西沟站—薛家湾西货场）-清水河</t>
  </si>
  <si>
    <t>【中铁房桥】砼岔枕\P60;1/12;12#;专线3399\新朔段（外西沟站—薛家湾西货场）-清水河</t>
  </si>
  <si>
    <t>【中铁房桥】砼岔枕\P60;1/12;13#;专线3399\新朔段（外西沟站—薛家湾西货场）-清水河</t>
  </si>
  <si>
    <t>【中铁房桥】砼岔枕\P60;1/12;14#;专线3399\新朔段（外西沟站—薛家湾西货场）-清水河</t>
  </si>
  <si>
    <t>【中铁房桥】砼岔枕\P60;1/12;15#;专线3399\新朔段（外西沟站—薛家湾西货场）-清水河</t>
  </si>
  <si>
    <t>【中铁房桥】砼岔枕\P60;1/12;16#;专线3399\新朔段（外西沟站—薛家湾西货场）-清水河</t>
  </si>
  <si>
    <t>【中铁房桥】砼岔枕\P60;1/12;17#;专线3399\新朔段（外西沟站—薛家湾西货场）-清水河</t>
  </si>
  <si>
    <t>【中铁房桥】砼岔枕\P60;1/12;18#;专线3399\新朔段（外西沟站—薛家湾西货场）-清水河</t>
  </si>
  <si>
    <t>【中铁房桥】砼岔枕\P60;1/12;19#;专线3399\新朔段（外西沟站—薛家湾西货场）-清水河</t>
  </si>
  <si>
    <t>【中铁房桥】砼岔枕\P60;1/12;2#;专线3399\新朔段（外西沟站—薛家湾西货场）-清水河</t>
  </si>
  <si>
    <t>【中铁房桥】砼岔枕\P60;1/12;23#;专线3399\新朔段（外西沟站—薛家湾西货场）-清水河</t>
  </si>
  <si>
    <t>【中铁房桥】砼岔枕\P60;1/12;24#;专线3399\新朔段（外西沟站—薛家湾西货场）-清水河</t>
  </si>
  <si>
    <t>【中铁房桥】砼岔枕\P60;1/12;25#;SC330-500\新朔段（外西沟站—薛家湾西货场）-清水河</t>
  </si>
  <si>
    <t>【中铁房桥】砼岔枕\P60;1/12;25#;SC350\新朔段（外西沟站—薛家湾西货场）-清水河</t>
  </si>
  <si>
    <t>【中铁房桥】砼岔枕\P60;1/12;25#;专线3399\新朔段（外西沟站—薛家湾西货场）-清水河</t>
  </si>
  <si>
    <t>【中铁房桥】砼岔枕\P60;1/12;26#;SC330-500\新朔段（外西沟站—薛家湾西货场）-清水河</t>
  </si>
  <si>
    <t>【中铁房桥】砼岔枕\P60;1/12;26#;SC350\新朔段（外西沟站—薛家湾西货场）-清水河</t>
  </si>
  <si>
    <t>【中铁房桥】砼岔枕\P60;1/12;26#;专线3399\新朔段（外西沟站—薛家湾西货场）-清水河</t>
  </si>
  <si>
    <t>【中铁房桥】砼岔枕\P60;1/12;27#;SC330-500\新朔段（外西沟站—薛家湾西货场）-清水河</t>
  </si>
  <si>
    <t>【中铁房桥】砼岔枕\P60;1/12;27#;专线3399\新朔段（外西沟站—薛家湾西货场）-清水河</t>
  </si>
  <si>
    <t>【中铁房桥】砼岔枕\P60;1/12;28#;SC330-500\新朔段（外西沟站—薛家湾西货场）-清水河</t>
  </si>
  <si>
    <t>【中铁房桥】砼岔枕\P60;1/12;28#;专线3399\新朔段（外西沟站—薛家湾西货场）-清水河</t>
  </si>
  <si>
    <t>【中铁房桥】砼岔枕\P60;1/12;28#;专线4228\新朔段（外西沟站—薛家湾西货场）-清水河</t>
  </si>
  <si>
    <t>【中铁房桥】砼岔枕\P60;1/12;29#;SC330-500\新朔段（外西沟站—薛家湾西货场）-清水河</t>
  </si>
  <si>
    <t>【中铁房桥】砼岔枕\P60;1/12;29#;专线3399\新朔段（外西沟站—薛家湾西货场）-清水河</t>
  </si>
  <si>
    <t>【中铁房桥】砼岔枕\P60;1/12;30#;专线3399\新朔段（外西沟站—薛家湾西货场）-清水河</t>
  </si>
  <si>
    <t>【中铁房桥】砼岔枕\P60;1/12;30#;专线4228\新朔段（外西沟站—薛家湾西货场）-清水河</t>
  </si>
  <si>
    <t>【中铁房桥】砼岔枕\P60;1/12;32#;专线3399\新朔段（外西沟站—薛家湾西货场）-清水河</t>
  </si>
  <si>
    <t>【中铁房桥】砼岔枕\P60;1/12;34#;专线3399\新朔段（外西沟站—薛家湾西货场）-清水河</t>
  </si>
  <si>
    <t>【中铁房桥】砼岔枕\P60;1/12;36#;SC350\新朔段（外西沟站—薛家湾西货场）-清水河</t>
  </si>
  <si>
    <t>【中铁房桥】砼岔枕\P60;1/12;37#;专线3399\新朔段（外西沟站—薛家湾西货场）-清水河</t>
  </si>
  <si>
    <t>【中铁房桥】砼岔枕\P60;1/12;40#;专线3399\新朔段（外西沟站—薛家湾西货场）-清水河</t>
  </si>
  <si>
    <t>【中铁房桥】砼岔枕\P60;1/12;41#;专线3399\新朔段（外西沟站—薛家湾西货场）-清水河</t>
  </si>
  <si>
    <t>【中铁房桥】砼岔枕\P60;1/12;42#;专线3399\新朔段（外西沟站—薛家湾西货场）-清水河</t>
  </si>
  <si>
    <t>【中铁房桥】砼岔枕\P60;1/12;43#;专线3399\新朔段（外西沟站—薛家湾西货场）-清水河</t>
  </si>
  <si>
    <t>【中铁房桥】砼岔枕\P60;1/12;49#;SC330-500\新朔段（外西沟站—薛家湾西货场）-清水河</t>
  </si>
  <si>
    <t>【中铁房桥】砼岔枕\P60;1/12;51#;专线3399\新朔段（外西沟站—薛家湾西货场）-清水河</t>
  </si>
  <si>
    <t>【中铁房桥】砼岔枕\P60;1/12;52#;专线3399\新朔段（外西沟站—薛家湾西货场）-清水河</t>
  </si>
  <si>
    <t>【中铁房桥】砼岔枕\P60;1/12;53#;SC330-500\新朔段（外西沟站—薛家湾西货场）-清水河</t>
  </si>
  <si>
    <t>【中铁房桥】砼岔枕\P60;1/12;53#;专线3399\新朔段（外西沟站—薛家湾西货场）-清水河</t>
  </si>
  <si>
    <t>【中铁房桥】砼岔枕\P60;1/12;53#;专线4228\新朔段（外西沟站—薛家湾西货场）-清水河</t>
  </si>
  <si>
    <t>【中铁房桥】砼岔枕\P60;1/12;54#;SC330\新朔段（外西沟站—薛家湾西货场）-清水河</t>
  </si>
  <si>
    <t>【中铁房桥】砼岔枕\P60;1/12;54#;专线3399\新朔段（外西沟站—薛家湾西货场）-清水河</t>
  </si>
  <si>
    <t>【中铁房桥】砼岔枕\P60;1/12;55#;专线3399\新朔段（外西沟站—薛家湾西货场）-清水河</t>
  </si>
  <si>
    <t>【中铁房桥】砼岔枕\P60;1/12;56#;专线3399\新朔段（外西沟站—薛家湾西货场）-清水河</t>
  </si>
  <si>
    <t>【中铁房桥】砼岔枕\P60;1/12;57#;专线3399\新朔段（外西沟站—薛家湾西货场）-清水河</t>
  </si>
  <si>
    <t>【中铁房桥】砼岔枕\P60;1/12;57#;专线4228\新朔段（外西沟站—薛家湾西货场）-清水河</t>
  </si>
  <si>
    <t>【中铁房桥】砼岔枕\P60;1/12;58#;专线3399\新朔段（外西沟站—薛家湾西货场）-清水河</t>
  </si>
  <si>
    <t>【中铁房桥】砼岔枕\P60;1/12;59#;专线3399\新朔段（外西沟站—薛家湾西货场）-清水河</t>
  </si>
  <si>
    <t>【中铁房桥】砼岔枕\P60;1/12;60#;专线3399\新朔段（外西沟站—薛家湾西货场）-清水河</t>
  </si>
  <si>
    <t>【中铁房桥】砼岔枕\P60;1/12;61#;专线3399\新朔段（外西沟站—薛家湾西货场）-清水河</t>
  </si>
  <si>
    <t>【中铁房桥】砼岔枕\P60;1/12;62#;专线3399\新朔段（外西沟站—薛家湾西货场）-清水河</t>
  </si>
  <si>
    <t>【中铁房桥】砼岔枕\P60;1/12;63#;SC330-500\新朔段（外西沟站—薛家湾西货场）-清水河</t>
  </si>
  <si>
    <t>【中铁房桥】砼岔枕\P60;1/12;63#;SC340\新朔段（外西沟站—薛家湾西货场）-清水河</t>
  </si>
  <si>
    <t>【中铁房桥】砼岔枕\P60;1/12;63#;专线3399\新朔段（外西沟站—薛家湾西货场）-清水河</t>
  </si>
  <si>
    <t>【中铁房桥】砼岔枕\P60;1/12;63#;专线3402\新朔段（外西沟站—薛家湾西货场）-清水河</t>
  </si>
  <si>
    <t>【中铁房桥】砼岔枕\P60;1/12;63#;专线4228\新朔段（外西沟站—薛家湾西货场）-清水河</t>
  </si>
  <si>
    <t>【中铁房桥】砼岔枕\P60;1/12;63Z#;SC341-500\新朔段（外西沟站—薛家湾西货场）-清水河</t>
  </si>
  <si>
    <t>【中铁房桥】砼岔枕\P60;1/12;64#;SC330\新朔段（外西沟站—薛家湾西货场）-清水河</t>
  </si>
  <si>
    <t>【中铁房桥】砼岔枕\P60;1/12;64#;SC340\新朔段（外西沟站—薛家湾西货场）-清水河</t>
  </si>
  <si>
    <t>【中铁房桥】砼岔枕\P60;1/12;64#;专线3399\新朔段（外西沟站—薛家湾西货场）-清水河</t>
  </si>
  <si>
    <t>【中铁房桥】砼岔枕\P60;1/12;64#;专线3402\新朔段（外西沟站—薛家湾西货场）-清水河</t>
  </si>
  <si>
    <t>【中铁房桥】砼岔枕\P60;1/12;64Z#;SC341-500\新朔段（外西沟站—薛家湾西货场）-清水河</t>
  </si>
  <si>
    <t>【中铁房桥】砼岔枕\P60;1/12;65#;交渡;SC340C\新朔段（外西沟站—薛家湾西货场）-清水河</t>
  </si>
  <si>
    <t>【中铁房桥】砼岔枕\P60;1/12;65#;专线3399\新朔段（外西沟站—薛家湾西货场）-清水河</t>
  </si>
  <si>
    <t>【中铁房桥】砼岔枕\P60;1/12;66#;专线3399\新朔段（外西沟站—薛家湾西货场）-清水河</t>
  </si>
  <si>
    <t>【中铁房桥】砼岔枕\P60;1/12;67#;专线3399\新朔段（外西沟站—薛家湾西货场）-清水河</t>
  </si>
  <si>
    <t>【中铁房桥】砼岔枕\P60;1/12;68#;专线3399\新朔段（外西沟站—薛家湾西货场）-清水河</t>
  </si>
  <si>
    <t>【中铁房桥】砼岔枕\P60;1/12;69#;专线3399\新朔段（外西沟站—薛家湾西货场）-清水河</t>
  </si>
  <si>
    <t>【中铁房桥】砼岔枕\P60;1/12;73#;专线3402\新朔段（外西沟站—薛家湾西货场）-清水河</t>
  </si>
  <si>
    <t>【中铁房桥】砼岔枕\P60;1/12;74#;专线3402\新朔段（外西沟站—薛家湾西货场）-清水河</t>
  </si>
  <si>
    <t>【中铁房桥】砼岔枕\P60;1/18;21#;专线3386\新朔段（外西沟站—薛家湾西货场）-清水河</t>
  </si>
  <si>
    <t>【中铁房桥】砼岔枕\P60;1/18;32#;专线3386\新朔段（外西沟站—薛家湾西货场）-清水河</t>
  </si>
  <si>
    <t>【中铁房桥】砼岔枕\P60;1/18;33#;专线3386\新朔段（外西沟站—薛家湾西货场）-清水河</t>
  </si>
  <si>
    <t>【中铁房桥】砼岔枕\P60;1/18;34#;专线3386\新朔段（外西沟站—薛家湾西货场）-清水河</t>
  </si>
  <si>
    <t>【中铁房桥】砼岔枕\P60;1/18;71#;专线3386\新朔段（外西沟站—薛家湾西货场）-清水河</t>
  </si>
  <si>
    <t>【中铁房桥】砼岔枕\P60;1/18;72#;专线3386\新朔段（外西沟站—薛家湾西货场）-清水河</t>
  </si>
  <si>
    <t>【中铁房桥】砼岔枕\P60;1/9;34#;交渡;SC392C\新朔段（外西沟站—薛家湾西货场）-清水河</t>
  </si>
  <si>
    <t>【中铁房桥】砼岔枕\P60;1/9;42#;专线(03)3366\新朔段（外西沟站—薛家湾西货场）-清水河</t>
  </si>
  <si>
    <t>【中铁房桥】砼岔枕\P60;1/9;43#;专线(03)3366\新朔段（外西沟站—薛家湾西货场）-清水河</t>
  </si>
  <si>
    <t>【中铁房桥】砼岔枕\P60;1/9;49#;SC390\新朔段（外西沟站—薛家湾西货场）-清水河</t>
  </si>
  <si>
    <t>【中铁房桥】砼岔枕\P60;1/9;49#;专线(03)3366\新朔段（外西沟站—薛家湾西货场）-清水河</t>
  </si>
  <si>
    <t>【中铁房桥】砼岔枕\P60;1/9;5#;SC390\新朔段（外西沟站—薛家湾西货场）-清水河</t>
  </si>
  <si>
    <t>【中铁房桥】砼岔枕\P60;1/9;50#;SC390\新朔段（外西沟站—薛家湾西货场）-清水河</t>
  </si>
  <si>
    <t>【中铁房桥】砼岔枕\P60;1/9;54#;专线(03)3366\新朔段（外西沟站—薛家湾西货场）-清水河</t>
  </si>
  <si>
    <t>【中铁房桥】砼岔枕\P60;1/9;6#;SC390\新朔段（外西沟站—薛家湾西货场）-清水河</t>
  </si>
  <si>
    <t>【中铁房桥】砼岔枕\P60;1/9;7#;SC390\新朔段（外西沟站—薛家湾西货场）-清水河</t>
  </si>
  <si>
    <t>【中铁房桥】砼岔枕\P60;1/9;8#;SC390\新朔段（外西沟站—薛家湾西货场）-清水河</t>
  </si>
  <si>
    <t>【中铁房桥】砼岔枕\P60;1/9;9#;SC390\新朔段（外西沟站—薛家湾西货场）-清水河</t>
  </si>
  <si>
    <t>【中铁房桥】砼岔枕\P60;1/9;交渡12#;CZ581Z\新朔段（外西沟站—薛家湾西货场）-清水河</t>
  </si>
  <si>
    <t>【中铁房桥】砼岔枕\P60;1/9;交渡16#;CZ581Z\新朔段（外西沟站—薛家湾西货场）-清水河</t>
  </si>
  <si>
    <t>【中铁房桥】砼岔枕\P60;1/9;交渡22#;CZ580Z\新朔段（外西沟站—薛家湾西货场）-清水河</t>
  </si>
  <si>
    <t>【中铁房桥】砼岔枕\P60;1/9;交渡23#;CZ581Z\新朔段（外西沟站—薛家湾西货场）-清水河</t>
  </si>
  <si>
    <t>【中铁房桥】砼岔枕\P60;1/9;交渡24#;CZ581Z\新朔段（外西沟站—薛家湾西货场）-清水河</t>
  </si>
  <si>
    <t>【中铁房桥】砼岔枕\P60;1/9;交渡25#;CZ581Z\新朔段（外西沟站—薛家湾西货场）-清水河</t>
  </si>
  <si>
    <t>【中铁房桥】砼岔枕\P60;1/9;交渡40#;CZ580Z\新朔段（外西沟站—薛家湾西货场）-清水河</t>
  </si>
  <si>
    <t>【中铁房桥】砼岔枕\P60;1/9;交渡44#;CZ581Z\新朔段（外西沟站—薛家湾西货场）-清水河</t>
  </si>
  <si>
    <t>【中铁房桥】砼岔枕\P60;1/9;交渡49#;CZ581Z\新朔段（外西沟站—薛家湾西货场）-清水河</t>
  </si>
  <si>
    <t>【中铁房桥】砼岔枕\P60;1/9;交渡50#;CZ581Z\新朔段（外西沟站—薛家湾西货场）-清水河</t>
  </si>
  <si>
    <t>【中铁房桥】砼岔枕\P75;1/12;1#;SC559-500\新朔段（外西沟站—薛家湾西货场）-清水河</t>
  </si>
  <si>
    <t>【中铁房桥】砼岔枕\P75;1/12;2#;SC559-500\新朔段（外西沟站—薛家湾西货场）-清水河</t>
  </si>
  <si>
    <t>【中铁房桥】砼岔枕\P75;1/12;25#;SC559-500\新朔段（外西沟站—薛家湾西货场）-清水河</t>
  </si>
  <si>
    <t>【中铁房桥】砼岔枕\P75;1/12;26#;SC559-500\新朔段（外西沟站—薛家湾西货场）-清水河</t>
  </si>
  <si>
    <t>【中铁房桥】砼岔枕\P75;1/12;27#;SC559-500\新朔段（外西沟站—薛家湾西货场）-清水河</t>
  </si>
  <si>
    <t>【中铁房桥】砼岔枕\P75;1/12;28#;SC559-500\新朔段（外西沟站—薛家湾西货场）-清水河</t>
  </si>
  <si>
    <t>【中铁房桥】砼岔枕\P75;1/12;29#;SC559-500\新朔段（外西沟站—薛家湾西货场）-清水河</t>
  </si>
  <si>
    <t>【中铁房桥】砼岔枕\P75;1/12;3#;SC559-500\新朔段（外西沟站—薛家湾西货场）-清水河</t>
  </si>
  <si>
    <t>【中铁房桥】砼岔枕\P75;1/12;30#;SC559-500\新朔段（外西沟站—薛家湾西货场）-清水河</t>
  </si>
  <si>
    <t>【中铁房桥】砼岔枕\P75;1/12;31#;SC559-500\新朔段（外西沟站—薛家湾西货场）-清水河</t>
  </si>
  <si>
    <t>【中铁房桥】砼岔枕\P75;1/12;39#;SC559-500\新朔段（外西沟站—薛家湾西货场）-清水河</t>
  </si>
  <si>
    <t>【中铁房桥】砼岔枕\P75;1/12;40#;SC559-500\新朔段（外西沟站—薛家湾西货场）-清水河</t>
  </si>
  <si>
    <t>【中铁房桥】砼岔枕\P75;1/12;5.3m交渡;CZ716\新朔段（外西沟站—薛家湾西货场）-清水河</t>
  </si>
  <si>
    <t>【中铁房桥】砼岔枕\P75;1/12;50#;SC559-500\新朔段（外西沟站—薛家湾西货场）-清水河</t>
  </si>
  <si>
    <t>【中铁房桥】砼岔枕\P75;1/12;51#;SC559-500\新朔段（外西沟站—薛家湾西货场）-清水河</t>
  </si>
  <si>
    <t>【中铁房桥】砼岔枕\P75;1/12;52#;SC559-500\新朔段（外西沟站—薛家湾西货场）-清水河</t>
  </si>
  <si>
    <t>【中铁房桥】砼岔枕\P75;1/12;53#;SC559-500\新朔段（外西沟站—薛家湾西货场）-清水河</t>
  </si>
  <si>
    <t>【中铁房桥】砼岔枕\P75;1/12;54#;SC559-500\新朔段（外西沟站—薛家湾西货场）-清水河</t>
  </si>
  <si>
    <t>【中铁房桥】砼岔枕\P75;1/12;55#;SC559-500\新朔段（外西沟站—薛家湾西货场）-清水河</t>
  </si>
  <si>
    <t>【中铁房桥】砼岔枕\P75;1/12;56#;SC559-500\新朔段（外西沟站—薛家湾西货场）-清水河</t>
  </si>
  <si>
    <t>【中铁房桥】砼岔枕\P75;1/12;60#;SC559-500\新朔段（外西沟站—薛家湾西货场）-清水河</t>
  </si>
  <si>
    <t>【中铁房桥】砼岔枕\P75;1/12;61#;SC559-500\新朔段（外西沟站—薛家湾西货场）-清水河</t>
  </si>
  <si>
    <t>【中铁房桥】砼岔枕\P75;1/12;62#;SC559-500\新朔段（外西沟站—薛家湾西货场）-清水河</t>
  </si>
  <si>
    <t>【中铁房桥】砼岔枕\P75;1/12;63#;SC559-500\新朔段（外西沟站—薛家湾西货场）-清水河</t>
  </si>
  <si>
    <t>【中铁房桥】砼岔枕\P75;1/12;64#;SC559-500\新朔段（外西沟站—薛家湾西货场）-清水河</t>
  </si>
  <si>
    <t>【中铁房桥】砼岔枕\P75;1/12;65#;SC559-500\新朔段（外西沟站—薛家湾西货场）-清水河</t>
  </si>
  <si>
    <t>【中铁房桥】砼岔枕\P75;1/12;66#;SC559-500\新朔段（外西沟站—薛家湾西货场）-清水河</t>
  </si>
  <si>
    <t>【中铁房桥】砼岔枕\P75;1/12;67#;SC559-500\新朔段（外西沟站—薛家湾西货场）-清水河</t>
  </si>
  <si>
    <t>【中铁房桥】砼岔枕\P75;1/12;68#;SC559-500\新朔段（外西沟站—薛家湾西货场）-清水河</t>
  </si>
  <si>
    <t>【中铁房桥】砼岔枕\P75;1/12;80#;SC559-500\新朔段（外西沟站—薛家湾西货场）-清水河</t>
  </si>
  <si>
    <t>【中铁房桥】砼岔枕\P75;1/12;81#;SC559-500\新朔段（外西沟站—薛家湾西货场）-清水河</t>
  </si>
  <si>
    <t>【中铁房桥】砼岔枕\P75;1/12;单开;专线4228\新朔段（外西沟站—薛家湾西货场）-清水河</t>
  </si>
  <si>
    <t>【中铁房桥】砼桥枕\ⅡZQ-C型0#\新朔段（外西沟站—薛家湾西货场）-清水河</t>
  </si>
  <si>
    <t>【中铁房桥】砼桥枕\Ⅲ型\新朔段（外西沟站—薛家湾西货场）-清水河</t>
  </si>
  <si>
    <t>【中铁房桥】砼桥枕\梭头;新Ⅲ型;1#\新朔段（外西沟站—薛家湾西货场）-清水河</t>
  </si>
  <si>
    <t>【中铁房桥】砼桥枕\梭头;新Ⅲ型;2#\新朔段（外西沟站—薛家湾西货场）-清水河</t>
  </si>
  <si>
    <t>【中铁房桥】砼桥枕\梭头;新Ⅲ型;3#\新朔段（外西沟站—薛家湾西货场）-清水河</t>
  </si>
  <si>
    <t>【中铁房桥】砼桥枕\梭头;新Ⅲ型;4#\新朔段（外西沟站—薛家湾西货场）-清水河</t>
  </si>
  <si>
    <t>【中铁房桥】砼桥枕\新Ⅲ型\新朔段（外西沟站—薛家湾西货场）-清水河</t>
  </si>
  <si>
    <t>【中铁房桥】砼桥枕\专线3448;弹性;新Ⅲ型\新朔段（外西沟站—薛家湾西货场）-清水河</t>
  </si>
  <si>
    <t>【中铁房桥】砼桥枕\专线3448;弹性;新Ⅲ型;1#\新朔段（外西沟站—薛家湾西货场）-清水河</t>
  </si>
  <si>
    <t>【中铁房桥】砼桥枕\专线3448;弹性;新Ⅲ型;2#\新朔段（外西沟站—薛家湾西货场）-清水河</t>
  </si>
  <si>
    <t>【中铁房桥】砼桥枕\专线3448;弹性;新Ⅲ型;3#\新朔段（外西沟站—薛家湾西货场）-清水河</t>
  </si>
  <si>
    <t>【中铁房桥】砼桥枕\专线3448;弹性;新Ⅲ型;4#\新朔段（外西沟站—薛家湾西货场）-清水河</t>
  </si>
  <si>
    <t>【中铁房桥】砼枕\X-Ⅱ型\新朔段（外西沟站—薛家湾西货场）-清水河</t>
  </si>
  <si>
    <t>【中铁房桥】砼枕\YⅡ-F\新朔段（外西沟站—薛家湾西货场）-清水河</t>
  </si>
  <si>
    <t>【中铁房桥】砼枕\弹性;ⅢA型\新朔段（外西沟站—薛家湾西货场）-清水河</t>
  </si>
  <si>
    <t>【中铁房桥】砼枕\专线3393;ⅢA型\新朔段（外西沟站—薛家湾西货场）-清水河</t>
  </si>
  <si>
    <t>【中铁房桥】成组砼岔枕\P50;1/12;5.0m交渡;专线(03)3424\新朔段（外西沟站—薛家湾西货场）-薛家湾</t>
  </si>
  <si>
    <t>GNWZBP(TH)ZECG2020-216</t>
  </si>
  <si>
    <t>国家能源e购商城中铁房桥轨枕配件铺货采购合同-新朔段（外西沟站—薛家湾西货场）-薛家湾</t>
  </si>
  <si>
    <t>【中铁房桥】成组砼岔枕\P50;1/12;单开;专线(01)3423\新朔段（外西沟站—薛家湾西货场）-薛家湾</t>
  </si>
  <si>
    <t>【中铁房桥】成组砼岔枕\P50;1/12;复交;CZ2220Z\新朔段（外西沟站—薛家湾西货场）-薛家湾</t>
  </si>
  <si>
    <t>【中铁房桥】成组砼岔枕\P50;1/12;专线3355\新朔段（外西沟站—薛家湾西货场）-薛家湾</t>
  </si>
  <si>
    <t>【中铁房桥】成组砼岔枕\P50;1/12;专线4257\新朔段（外西沟站—薛家湾西货场）-薛家湾</t>
  </si>
  <si>
    <t>【中铁房桥】成组砼岔枕\P50;1/6;5.0m交渡;SC432-500\新朔段（外西沟站—薛家湾西货场）-薛家湾</t>
  </si>
  <si>
    <t>【中铁房桥】成组砼岔枕\P50;1/6;对称;SC384\新朔段（外西沟站—薛家湾西货场）-薛家湾</t>
  </si>
  <si>
    <t>【中铁房桥】成组砼岔枕\P50;1/6;对称;右开;SC384-500\新朔段（外西沟站—薛家湾西货场）-薛家湾</t>
  </si>
  <si>
    <t>【中铁房桥】成组砼岔枕\P50;1/6;对称;左开;SC384-500\新朔段（外西沟站—薛家湾西货场）-薛家湾</t>
  </si>
  <si>
    <t>【中铁房桥】成组砼岔枕\P50;1/9;5.0m交渡;CZ2210\新朔段（外西沟站—薛家湾西货场）-薛家湾</t>
  </si>
  <si>
    <t>【中铁房桥】成组砼岔枕\P50;1/9;5.0m交渡;SC580\新朔段（外西沟站—薛家湾西货场）-薛家湾</t>
  </si>
  <si>
    <t>【中铁房桥】成组砼岔枕\P50;1/9;5.0m交渡;专线(02)3428\新朔段（外西沟站—薛家湾西货场）-薛家湾</t>
  </si>
  <si>
    <t>【中铁房桥】成组砼岔枕\P50;1/9;5.0m交渡;专线(02)7663\新朔段（外西沟站—薛家湾西货场）-薛家湾</t>
  </si>
  <si>
    <t>【中铁房桥】成组砼岔枕\P50;1/9;CZ2209A\新朔段（外西沟站—薛家湾西货场）-薛家湾</t>
  </si>
  <si>
    <t>【中铁房桥】成组砼岔枕\P50;1/9;单开;CZ2209Z\新朔段（外西沟站—薛家湾西货场）-薛家湾</t>
  </si>
  <si>
    <t>【中铁房桥】成组砼岔枕\P50;1/9;单开;专线(03)3281\新朔段（外西沟站—薛家湾西货场）-薛家湾</t>
  </si>
  <si>
    <t>【中铁房桥】成组砼岔枕\P50;1/9;复交;CZ2214Z\新朔段（外西沟站—薛家湾西货场）-薛家湾</t>
  </si>
  <si>
    <t>【中铁房桥】成组砼岔枕\P50;1/9;复交;专线(04)3443\新朔段（外西沟站—薛家湾西货场）-薛家湾</t>
  </si>
  <si>
    <t>【中铁房桥】成组砼岔枕\P50;1/9;交渡;CZ2213Z\新朔段（外西沟站—薛家湾西货场）-薛家湾</t>
  </si>
  <si>
    <t>【中铁房桥】成组砼岔枕\P50;1/9;交渡;SC571-1101\新朔段（外西沟站—薛家湾西货场）-薛家湾</t>
  </si>
  <si>
    <t>【中铁房桥】成组砼岔枕\P50;1/9;交渡;专线(03)3431\新朔段（外西沟站—薛家湾西货场）-薛家湾</t>
  </si>
  <si>
    <t>【中铁房桥】成组砼岔枕\P60;1/12;5.5m交渡;SC342-500\新朔段（外西沟站—薛家湾西货场）-薛家湾</t>
  </si>
  <si>
    <t>【中铁房桥】成组砼岔枕\P60;1/12;6.5m交渡;专线3413\新朔段（外西沟站—薛家湾西货场）-薛家湾</t>
  </si>
  <si>
    <t>【中铁房桥】成组砼岔枕\P60;1/12;单开;SC330-500\新朔段（外西沟站—薛家湾西货场）-薛家湾</t>
  </si>
  <si>
    <t>【中铁房桥】成组砼岔枕\P60;1/12;渡线;专线3402;Ⅲ型\新朔段（外西沟站—薛家湾西货场）-薛家湾</t>
  </si>
  <si>
    <t>【中铁房桥】成组砼岔枕\P60;1/12;复交;SC350\新朔段（外西沟站—薛家湾西货场）-薛家湾</t>
  </si>
  <si>
    <t>【中铁房桥】成组砼岔枕\P60;1/12;交渡;SC340-500\新朔段（外西沟站—薛家湾西货场）-薛家湾</t>
  </si>
  <si>
    <t>【中铁房桥】成组砼岔枕\P60;1/12;交渡;SC342-500\新朔段（外西沟站—薛家湾西货场）-薛家湾</t>
  </si>
  <si>
    <t>【中铁房桥】成组砼岔枕\P60;1/12;砼;单开;专线4249\新朔段（外西沟站—薛家湾西货场）-薛家湾</t>
  </si>
  <si>
    <t>【中铁房桥】成组砼岔枕\P60;1/12;专线3399;Ⅲ型\新朔段（外西沟站—薛家湾西货场）-薛家湾</t>
  </si>
  <si>
    <t>【中铁房桥】成组砼岔枕\P60;1/18;单开;GLC(07)02-300\新朔段（外西沟站—薛家湾西货场）-薛家湾</t>
  </si>
  <si>
    <t>【中铁房桥】成组砼岔枕\P60;1/18;单开;GLC(09)05-300\新朔段（外西沟站—薛家湾西货场）-薛家湾</t>
  </si>
  <si>
    <t>【中铁房桥】成组砼岔枕\P60;1/9;5.0m组合;SC(07)460-1108\新朔段（外西沟站—薛家湾西货场）-薛家湾</t>
  </si>
  <si>
    <t>【中铁房桥】成组砼岔枕\P60;1/9;5.0m组合;SC(07)460-1204\新朔段（外西沟站—薛家湾西货场）-薛家湾</t>
  </si>
  <si>
    <t>【中铁房桥】成组砼岔枕\P60;1/9;5.0m组合;SC(07)460-1208\新朔段（外西沟站—薛家湾西货场）-薛家湾</t>
  </si>
  <si>
    <t>【中铁房桥】成组砼岔枕\P60;1/9;5.0m组合;SC(07)460-1211\新朔段（外西沟站—薛家湾西货场）-薛家湾</t>
  </si>
  <si>
    <t>【中铁房桥】成组砼岔枕\P60;1/9;5.3m交渡;CZ581Z\新朔段（外西沟站—薛家湾西货场）-薛家湾</t>
  </si>
  <si>
    <t>【中铁房桥】成组砼岔枕\P60;1/9;单开;CZ577Z\新朔段（外西沟站—薛家湾西货场）-薛家湾</t>
  </si>
  <si>
    <t>【中铁房桥】成组砼岔枕\P60;1/9;单开;专线(03)3366\新朔段（外西沟站—薛家湾西货场）-薛家湾</t>
  </si>
  <si>
    <t>【中铁房桥】成组砼岔枕\P60;1/9;复交;SC450-500\新朔段（外西沟站—薛家湾西货场）-薛家湾</t>
  </si>
  <si>
    <t>【中铁房桥】成组砼岔枕\P60;1/9;复式交分;CZ2504Z\新朔段（外西沟站—薛家湾西货场）-薛家湾</t>
  </si>
  <si>
    <t>【中铁房桥】成组砼岔枕\P60;1/9;交渡;CZ580Z\新朔段（外西沟站—薛家湾西货场）-薛家湾</t>
  </si>
  <si>
    <t>【中铁房桥】成组砼岔枕\P60;1/9;交渡;CZ582Z\新朔段（外西沟站—薛家湾西货场）-薛家湾</t>
  </si>
  <si>
    <t>【中铁房桥】成组砼岔枕\P60;1/9;交渡;CZ583Z\新朔段（外西沟站—薛家湾西货场）-薛家湾</t>
  </si>
  <si>
    <t>【中铁房桥】成组砼岔枕\P60;1/9;专线3366;右开\新朔段（外西沟站—薛家湾西货场）-薛家湾</t>
  </si>
  <si>
    <t>【中铁房桥】成组砼岔枕\P60;1/9;专线3366;左开\新朔段（外西沟站—薛家湾西货场）-薛家湾</t>
  </si>
  <si>
    <t>【中铁房桥】成组砼岔枕\P75;1/12;SC381-500\新朔段（外西沟站—薛家湾西货场）-薛家湾</t>
  </si>
  <si>
    <t>【中铁房桥】成组砼岔枕\P75;1/12;SC443-500;交渡\新朔段（外西沟站—薛家湾西货场）-薛家湾</t>
  </si>
  <si>
    <t>【中铁房桥】成组砼岔枕\P75;1/12;单开;SC559-500\新朔段（外西沟站—薛家湾西货场）-薛家湾</t>
  </si>
  <si>
    <t>【中铁房桥】成组砼岔枕\P75;1/12;单开;研线1116-400\新朔段（外西沟站—薛家湾西货场）-薛家湾</t>
  </si>
  <si>
    <t>【中铁房桥】成组砼岔枕\P75;1/12;交渡;SC444\新朔段（外西沟站—薛家湾西货场）-薛家湾</t>
  </si>
  <si>
    <t>【中铁房桥】成组砼岔枕\P75;1/18;单开;SC488-500\新朔段（外西沟站—薛家湾西货场）-薛家湾</t>
  </si>
  <si>
    <t>【中铁房桥】成组砼岔枕\P75;1/9;5.0m交渡;SC551\新朔段（外西沟站—薛家湾西货场）-薛家湾</t>
  </si>
  <si>
    <t>【中铁房桥】电气绝缘枕\ⅢaZ型\新朔段（外西沟站—薛家湾西货场）-薛家湾</t>
  </si>
  <si>
    <t>【中铁房桥】电容枕\ⅢA型/ⅢAD\新朔段（外西沟站—薛家湾西货场）-薛家湾</t>
  </si>
  <si>
    <t>【中铁房桥】电容枕\新Ⅱ型/XⅡD\新朔段（外西沟站—薛家湾西货场）-薛家湾</t>
  </si>
  <si>
    <t>【中铁房桥】电容枕\新Ⅱ型;2500mm;研线0308-1\新朔段（外西沟站—薛家湾西货场）-薛家湾</t>
  </si>
  <si>
    <t>【中铁房桥】电容枕\新Ⅲ型桥枕;2600mm;研线0308-1\新朔段（外西沟站—薛家湾西货场）-薛家湾</t>
  </si>
  <si>
    <t>【中铁房桥】砼岔枕\P50;1/12;13#;专线(01)3423\新朔段（外西沟站—薛家湾西货场）-薛家湾</t>
  </si>
  <si>
    <t>【中铁房桥】砼岔枕\P50;1/12;21#;专线(01)3423\新朔段（外西沟站—薛家湾西货场）-薛家湾</t>
  </si>
  <si>
    <t>【中铁房桥】砼岔枕\P50;1/12;5#;专线3355\新朔段（外西沟站—薛家湾西货场）-薛家湾</t>
  </si>
  <si>
    <t>【中铁房桥】砼岔枕\P50;1/12;58#;专线3355\新朔段（外西沟站—薛家湾西货场）-薛家湾</t>
  </si>
  <si>
    <t>【中铁房桥】砼岔枕\P50;1/9;20#;专线(03)3281\新朔段（外西沟站—薛家湾西货场）-薛家湾</t>
  </si>
  <si>
    <t>【中铁房桥】砼岔枕\P50;1/9;3#;CZ2209\新朔段（外西沟站—薛家湾西货场）-薛家湾</t>
  </si>
  <si>
    <t>【中铁房桥】砼岔枕\P50;1/9;39#;专线(03)3281\新朔段（外西沟站—薛家湾西货场）-薛家湾</t>
  </si>
  <si>
    <t>【中铁房桥】砼岔枕\P50;1/9;48#;专线(03)3281\新朔段（外西沟站—薛家湾西货场）-薛家湾</t>
  </si>
  <si>
    <t>【中铁房桥】砼岔枕\P50;1/9;49#;专线(03)3281\新朔段（外西沟站—薛家湾西货场）-薛家湾</t>
  </si>
  <si>
    <t>【中铁房桥】砼岔枕\P50;1/9;52#;专线(03)3281\新朔段（外西沟站—薛家湾西货场）-薛家湾</t>
  </si>
  <si>
    <t>【中铁房桥】砼岔枕\P50;1/9;单开31#;专线(03)3281\新朔段（外西沟站—薛家湾西货场）-薛家湾</t>
  </si>
  <si>
    <t>【中铁房桥】砼岔枕\P50;1/9;单开32#;专线(03)3281\新朔段（外西沟站—薛家湾西货场）-薛家湾</t>
  </si>
  <si>
    <t>【中铁房桥】砼岔枕\P50;1/9;单开33#;专线(03)3281\新朔段（外西沟站—薛家湾西货场）-薛家湾</t>
  </si>
  <si>
    <t>【中铁房桥】砼岔枕\P50;1/9;单开34#;专线(03)3281\新朔段（外西沟站—薛家湾西货场）-薛家湾</t>
  </si>
  <si>
    <t>【中铁房桥】砼岔枕\P50;1/9;单开35#;专线(03)3281\新朔段（外西沟站—薛家湾西货场）-薛家湾</t>
  </si>
  <si>
    <t>【中铁房桥】砼岔枕\P50;1/9;单开36#;专线(03)3281\新朔段（外西沟站—薛家湾西货场）-薛家湾</t>
  </si>
  <si>
    <t>【中铁房桥】砼岔枕\P50;1/9;单开37#;专线(03)3281\新朔段（外西沟站—薛家湾西货场）-薛家湾</t>
  </si>
  <si>
    <t>【中铁房桥】砼岔枕\P60;1/12;1#;SC330-500\新朔段（外西沟站—薛家湾西货场）-薛家湾</t>
  </si>
  <si>
    <t>【中铁房桥】砼岔枕\P60;1/12;1#;专线3399\新朔段（外西沟站—薛家湾西货场）-薛家湾</t>
  </si>
  <si>
    <t>【中铁房桥】砼岔枕\P60;1/12;10#;专线3399\新朔段（外西沟站—薛家湾西货场）-薛家湾</t>
  </si>
  <si>
    <t>【中铁房桥】砼岔枕\P60;1/12;11#;专线3399\新朔段（外西沟站—薛家湾西货场）-薛家湾</t>
  </si>
  <si>
    <t>【中铁房桥】砼岔枕\P60;1/12;12#;专线3399\新朔段（外西沟站—薛家湾西货场）-薛家湾</t>
  </si>
  <si>
    <t>【中铁房桥】砼岔枕\P60;1/12;13#;专线3399\新朔段（外西沟站—薛家湾西货场）-薛家湾</t>
  </si>
  <si>
    <t>【中铁房桥】砼岔枕\P60;1/12;14#;专线3399\新朔段（外西沟站—薛家湾西货场）-薛家湾</t>
  </si>
  <si>
    <t>【中铁房桥】砼岔枕\P60;1/12;15#;专线3399\新朔段（外西沟站—薛家湾西货场）-薛家湾</t>
  </si>
  <si>
    <t>【中铁房桥】砼岔枕\P60;1/12;16#;专线3399\新朔段（外西沟站—薛家湾西货场）-薛家湾</t>
  </si>
  <si>
    <t>【中铁房桥】砼岔枕\P60;1/12;17#;专线3399\新朔段（外西沟站—薛家湾西货场）-薛家湾</t>
  </si>
  <si>
    <t>【中铁房桥】砼岔枕\P60;1/12;18#;专线3399\新朔段（外西沟站—薛家湾西货场）-薛家湾</t>
  </si>
  <si>
    <t>【中铁房桥】砼岔枕\P60;1/12;19#;专线3399\新朔段（外西沟站—薛家湾西货场）-薛家湾</t>
  </si>
  <si>
    <t>【中铁房桥】砼岔枕\P60;1/12;2#;专线3399\新朔段（外西沟站—薛家湾西货场）-薛家湾</t>
  </si>
  <si>
    <t>【中铁房桥】砼岔枕\P60;1/12;23#;专线3399\新朔段（外西沟站—薛家湾西货场）-薛家湾</t>
  </si>
  <si>
    <t>【中铁房桥】砼岔枕\P60;1/12;24#;专线3399\新朔段（外西沟站—薛家湾西货场）-薛家湾</t>
  </si>
  <si>
    <t>【中铁房桥】砼岔枕\P60;1/12;25#;SC330-500\新朔段（外西沟站—薛家湾西货场）-薛家湾</t>
  </si>
  <si>
    <t>【中铁房桥】砼岔枕\P60;1/12;25#;SC350\新朔段（外西沟站—薛家湾西货场）-薛家湾</t>
  </si>
  <si>
    <t>【中铁房桥】砼岔枕\P60;1/12;25#;专线3399\新朔段（外西沟站—薛家湾西货场）-薛家湾</t>
  </si>
  <si>
    <t>【中铁房桥】砼岔枕\P60;1/12;26#;SC330-500\新朔段（外西沟站—薛家湾西货场）-薛家湾</t>
  </si>
  <si>
    <t>【中铁房桥】砼岔枕\P60;1/12;26#;SC350\新朔段（外西沟站—薛家湾西货场）-薛家湾</t>
  </si>
  <si>
    <t>【中铁房桥】砼岔枕\P60;1/12;26#;专线3399\新朔段（外西沟站—薛家湾西货场）-薛家湾</t>
  </si>
  <si>
    <t>【中铁房桥】砼岔枕\P60;1/12;27#;SC330-500\新朔段（外西沟站—薛家湾西货场）-薛家湾</t>
  </si>
  <si>
    <t>【中铁房桥】砼岔枕\P60;1/12;27#;专线3399\新朔段（外西沟站—薛家湾西货场）-薛家湾</t>
  </si>
  <si>
    <t>【中铁房桥】砼岔枕\P60;1/12;28#;SC330-500\新朔段（外西沟站—薛家湾西货场）-薛家湾</t>
  </si>
  <si>
    <t>【中铁房桥】砼岔枕\P60;1/12;28#;专线3399\新朔段（外西沟站—薛家湾西货场）-薛家湾</t>
  </si>
  <si>
    <t>【中铁房桥】砼岔枕\P60;1/12;28#;专线4228\新朔段（外西沟站—薛家湾西货场）-薛家湾</t>
  </si>
  <si>
    <t>【中铁房桥】砼岔枕\P60;1/12;29#;SC330-500\新朔段（外西沟站—薛家湾西货场）-薛家湾</t>
  </si>
  <si>
    <t>【中铁房桥】砼岔枕\P60;1/12;29#;专线3399\新朔段（外西沟站—薛家湾西货场）-薛家湾</t>
  </si>
  <si>
    <t>【中铁房桥】砼岔枕\P60;1/12;30#;专线3399\新朔段（外西沟站—薛家湾西货场）-薛家湾</t>
  </si>
  <si>
    <t>【中铁房桥】砼岔枕\P60;1/12;30#;专线4228\新朔段（外西沟站—薛家湾西货场）-薛家湾</t>
  </si>
  <si>
    <t>【中铁房桥】砼岔枕\P60;1/12;32#;专线3399\新朔段（外西沟站—薛家湾西货场）-薛家湾</t>
  </si>
  <si>
    <t>【中铁房桥】砼岔枕\P60;1/12;34#;专线3399\新朔段（外西沟站—薛家湾西货场）-薛家湾</t>
  </si>
  <si>
    <t>【中铁房桥】砼岔枕\P60;1/12;36#;SC350\新朔段（外西沟站—薛家湾西货场）-薛家湾</t>
  </si>
  <si>
    <t>【中铁房桥】砼岔枕\P60;1/12;37#;专线3399\新朔段（外西沟站—薛家湾西货场）-薛家湾</t>
  </si>
  <si>
    <t>【中铁房桥】砼岔枕\P60;1/12;40#;专线3399\新朔段（外西沟站—薛家湾西货场）-薛家湾</t>
  </si>
  <si>
    <t>【中铁房桥】砼岔枕\P60;1/12;41#;专线3399\新朔段（外西沟站—薛家湾西货场）-薛家湾</t>
  </si>
  <si>
    <t>【中铁房桥】砼岔枕\P60;1/12;42#;专线3399\新朔段（外西沟站—薛家湾西货场）-薛家湾</t>
  </si>
  <si>
    <t>【中铁房桥】砼岔枕\P60;1/12;43#;专线3399\新朔段（外西沟站—薛家湾西货场）-薛家湾</t>
  </si>
  <si>
    <t>【中铁房桥】砼岔枕\P60;1/12;49#;SC330-500\新朔段（外西沟站—薛家湾西货场）-薛家湾</t>
  </si>
  <si>
    <t>【中铁房桥】砼岔枕\P60;1/12;51#;专线3399\新朔段（外西沟站—薛家湾西货场）-薛家湾</t>
  </si>
  <si>
    <t>【中铁房桥】砼岔枕\P60;1/12;52#;专线3399\新朔段（外西沟站—薛家湾西货场）-薛家湾</t>
  </si>
  <si>
    <t>【中铁房桥】砼岔枕\P60;1/12;53#;SC330-500\新朔段（外西沟站—薛家湾西货场）-薛家湾</t>
  </si>
  <si>
    <t>【中铁房桥】砼岔枕\P60;1/12;53#;专线3399\新朔段（外西沟站—薛家湾西货场）-薛家湾</t>
  </si>
  <si>
    <t>【中铁房桥】砼岔枕\P60;1/12;53#;专线4228\新朔段（外西沟站—薛家湾西货场）-薛家湾</t>
  </si>
  <si>
    <t>【中铁房桥】砼岔枕\P60;1/12;54#;SC330\新朔段（外西沟站—薛家湾西货场）-薛家湾</t>
  </si>
  <si>
    <t>【中铁房桥】砼岔枕\P60;1/12;54#;专线3399\新朔段（外西沟站—薛家湾西货场）-薛家湾</t>
  </si>
  <si>
    <t>【中铁房桥】砼岔枕\P60;1/12;55#;专线3399\新朔段（外西沟站—薛家湾西货场）-薛家湾</t>
  </si>
  <si>
    <t>【中铁房桥】砼岔枕\P60;1/12;56#;专线3399\新朔段（外西沟站—薛家湾西货场）-薛家湾</t>
  </si>
  <si>
    <t>【中铁房桥】砼岔枕\P60;1/12;57#;专线3399\新朔段（外西沟站—薛家湾西货场）-薛家湾</t>
  </si>
  <si>
    <t>【中铁房桥】砼岔枕\P60;1/12;57#;专线4228\新朔段（外西沟站—薛家湾西货场）-薛家湾</t>
  </si>
  <si>
    <t>【中铁房桥】砼岔枕\P60;1/12;58#;专线3399\新朔段（外西沟站—薛家湾西货场）-薛家湾</t>
  </si>
  <si>
    <t>【中铁房桥】砼岔枕\P60;1/12;59#;专线3399\新朔段（外西沟站—薛家湾西货场）-薛家湾</t>
  </si>
  <si>
    <t>【中铁房桥】砼岔枕\P60;1/12;60#;专线3399\新朔段（外西沟站—薛家湾西货场）-薛家湾</t>
  </si>
  <si>
    <t>【中铁房桥】砼岔枕\P60;1/12;61#;专线3399\新朔段（外西沟站—薛家湾西货场）-薛家湾</t>
  </si>
  <si>
    <t>【中铁房桥】砼岔枕\P60;1/12;62#;专线3399\新朔段（外西沟站—薛家湾西货场）-薛家湾</t>
  </si>
  <si>
    <t>【中铁房桥】砼岔枕\P60;1/12;63#;SC330-500\新朔段（外西沟站—薛家湾西货场）-薛家湾</t>
  </si>
  <si>
    <t>【中铁房桥】砼岔枕\P60;1/12;63#;SC340\新朔段（外西沟站—薛家湾西货场）-薛家湾</t>
  </si>
  <si>
    <t>【中铁房桥】砼岔枕\P60;1/12;63#;专线3399\新朔段（外西沟站—薛家湾西货场）-薛家湾</t>
  </si>
  <si>
    <t>【中铁房桥】砼岔枕\P60;1/12;63#;专线3402\新朔段（外西沟站—薛家湾西货场）-薛家湾</t>
  </si>
  <si>
    <t>【中铁房桥】砼岔枕\P60;1/12;63#;专线4228\新朔段（外西沟站—薛家湾西货场）-薛家湾</t>
  </si>
  <si>
    <t>【中铁房桥】砼岔枕\P60;1/12;63Z#;SC341-500\新朔段（外西沟站—薛家湾西货场）-薛家湾</t>
  </si>
  <si>
    <t>【中铁房桥】砼岔枕\P60;1/12;64#;SC330\新朔段（外西沟站—薛家湾西货场）-薛家湾</t>
  </si>
  <si>
    <t>【中铁房桥】砼岔枕\P60;1/12;64#;SC340\新朔段（外西沟站—薛家湾西货场）-薛家湾</t>
  </si>
  <si>
    <t>【中铁房桥】砼岔枕\P60;1/12;64#;专线3399\新朔段（外西沟站—薛家湾西货场）-薛家湾</t>
  </si>
  <si>
    <t>【中铁房桥】砼岔枕\P60;1/12;64#;专线3402\新朔段（外西沟站—薛家湾西货场）-薛家湾</t>
  </si>
  <si>
    <t>【中铁房桥】砼岔枕\P60;1/12;64Z#;SC341-500\新朔段（外西沟站—薛家湾西货场）-薛家湾</t>
  </si>
  <si>
    <t>【中铁房桥】砼岔枕\P60;1/12;65#;交渡;SC340C\新朔段（外西沟站—薛家湾西货场）-薛家湾</t>
  </si>
  <si>
    <t>【中铁房桥】砼岔枕\P60;1/12;65#;专线3399\新朔段（外西沟站—薛家湾西货场）-薛家湾</t>
  </si>
  <si>
    <t>【中铁房桥】砼岔枕\P60;1/12;66#;专线3399\新朔段（外西沟站—薛家湾西货场）-薛家湾</t>
  </si>
  <si>
    <t>【中铁房桥】砼岔枕\P60;1/12;67#;专线3399\新朔段（外西沟站—薛家湾西货场）-薛家湾</t>
  </si>
  <si>
    <t>【中铁房桥】砼岔枕\P60;1/12;68#;专线3399\新朔段（外西沟站—薛家湾西货场）-薛家湾</t>
  </si>
  <si>
    <t>【中铁房桥】砼岔枕\P60;1/12;69#;专线3399\新朔段（外西沟站—薛家湾西货场）-薛家湾</t>
  </si>
  <si>
    <t>【中铁房桥】砼岔枕\P60;1/12;73#;专线3402\新朔段（外西沟站—薛家湾西货场）-薛家湾</t>
  </si>
  <si>
    <t>【中铁房桥】砼岔枕\P60;1/12;74#;专线3402\新朔段（外西沟站—薛家湾西货场）-薛家湾</t>
  </si>
  <si>
    <t>【中铁房桥】砼岔枕\P60;1/18;21#;专线3386\新朔段（外西沟站—薛家湾西货场）-薛家湾</t>
  </si>
  <si>
    <t>【中铁房桥】砼岔枕\P60;1/18;32#;专线3386\新朔段（外西沟站—薛家湾西货场）-薛家湾</t>
  </si>
  <si>
    <t>【中铁房桥】砼岔枕\P60;1/18;33#;专线3386\新朔段（外西沟站—薛家湾西货场）-薛家湾</t>
  </si>
  <si>
    <t>【中铁房桥】砼岔枕\P60;1/18;34#;专线3386\新朔段（外西沟站—薛家湾西货场）-薛家湾</t>
  </si>
  <si>
    <t>【中铁房桥】砼岔枕\P60;1/18;71#;专线3386\新朔段（外西沟站—薛家湾西货场）-薛家湾</t>
  </si>
  <si>
    <t>【中铁房桥】砼岔枕\P60;1/18;72#;专线3386\新朔段（外西沟站—薛家湾西货场）-薛家湾</t>
  </si>
  <si>
    <t>【中铁房桥】砼岔枕\P60;1/9;34#;交渡;SC392C\新朔段（外西沟站—薛家湾西货场）-薛家湾</t>
  </si>
  <si>
    <t>【中铁房桥】砼岔枕\P60;1/9;42#;专线(03)3366\新朔段（外西沟站—薛家湾西货场）-薛家湾</t>
  </si>
  <si>
    <t>【中铁房桥】砼岔枕\P60;1/9;43#;专线(03)3366\新朔段（外西沟站—薛家湾西货场）-薛家湾</t>
  </si>
  <si>
    <t>【中铁房桥】砼岔枕\P60;1/9;49#;SC390\新朔段（外西沟站—薛家湾西货场）-薛家湾</t>
  </si>
  <si>
    <t>【中铁房桥】砼岔枕\P60;1/9;49#;专线(03)3366\新朔段（外西沟站—薛家湾西货场）-薛家湾</t>
  </si>
  <si>
    <t>【中铁房桥】砼岔枕\P60;1/9;5#;SC390\新朔段（外西沟站—薛家湾西货场）-薛家湾</t>
  </si>
  <si>
    <t>【中铁房桥】砼岔枕\P60;1/9;50#;SC390\新朔段（外西沟站—薛家湾西货场）-薛家湾</t>
  </si>
  <si>
    <t>【中铁房桥】砼岔枕\P60;1/9;54#;专线(03)3366\新朔段（外西沟站—薛家湾西货场）-薛家湾</t>
  </si>
  <si>
    <t>【中铁房桥】砼岔枕\P60;1/9;6#;SC390\新朔段（外西沟站—薛家湾西货场）-薛家湾</t>
  </si>
  <si>
    <t>【中铁房桥】砼岔枕\P60;1/9;7#;SC390\新朔段（外西沟站—薛家湾西货场）-薛家湾</t>
  </si>
  <si>
    <t>【中铁房桥】砼岔枕\P60;1/9;8#;SC390\新朔段（外西沟站—薛家湾西货场）-薛家湾</t>
  </si>
  <si>
    <t>【中铁房桥】砼岔枕\P60;1/9;9#;SC390\新朔段（外西沟站—薛家湾西货场）-薛家湾</t>
  </si>
  <si>
    <t>【中铁房桥】砼岔枕\P60;1/9;交渡12#;CZ581Z\新朔段（外西沟站—薛家湾西货场）-薛家湾</t>
  </si>
  <si>
    <t>【中铁房桥】砼岔枕\P60;1/9;交渡16#;CZ581Z\新朔段（外西沟站—薛家湾西货场）-薛家湾</t>
  </si>
  <si>
    <t>【中铁房桥】砼岔枕\P60;1/9;交渡22#;CZ580Z\新朔段（外西沟站—薛家湾西货场）-薛家湾</t>
  </si>
  <si>
    <t>【中铁房桥】砼岔枕\P60;1/9;交渡23#;CZ581Z\新朔段（外西沟站—薛家湾西货场）-薛家湾</t>
  </si>
  <si>
    <t>【中铁房桥】砼岔枕\P60;1/9;交渡24#;CZ581Z\新朔段（外西沟站—薛家湾西货场）-薛家湾</t>
  </si>
  <si>
    <t>【中铁房桥】砼岔枕\P60;1/9;交渡25#;CZ581Z\新朔段（外西沟站—薛家湾西货场）-薛家湾</t>
  </si>
  <si>
    <t>【中铁房桥】砼岔枕\P60;1/9;交渡40#;CZ580Z\新朔段（外西沟站—薛家湾西货场）-薛家湾</t>
  </si>
  <si>
    <t>【中铁房桥】砼岔枕\P60;1/9;交渡44#;CZ581Z\新朔段（外西沟站—薛家湾西货场）-薛家湾</t>
  </si>
  <si>
    <t>【中铁房桥】砼岔枕\P60;1/9;交渡49#;CZ581Z\新朔段（外西沟站—薛家湾西货场）-薛家湾</t>
  </si>
  <si>
    <t>【中铁房桥】砼岔枕\P60;1/9;交渡50#;CZ581Z\新朔段（外西沟站—薛家湾西货场）-薛家湾</t>
  </si>
  <si>
    <t>【中铁房桥】砼岔枕\P75;1/12;1#;SC559-500\新朔段（外西沟站—薛家湾西货场）-薛家湾</t>
  </si>
  <si>
    <t>【中铁房桥】砼岔枕\P75;1/12;2#;SC559-500\新朔段（外西沟站—薛家湾西货场）-薛家湾</t>
  </si>
  <si>
    <t>【中铁房桥】砼岔枕\P75;1/12;25#;SC559-500\新朔段（外西沟站—薛家湾西货场）-薛家湾</t>
  </si>
  <si>
    <t>【中铁房桥】砼岔枕\P75;1/12;26#;SC559-500\新朔段（外西沟站—薛家湾西货场）-薛家湾</t>
  </si>
  <si>
    <t>【中铁房桥】砼岔枕\P75;1/12;27#;SC559-500\新朔段（外西沟站—薛家湾西货场）-薛家湾</t>
  </si>
  <si>
    <t>【中铁房桥】砼岔枕\P75;1/12;28#;SC559-500\新朔段（外西沟站—薛家湾西货场）-薛家湾</t>
  </si>
  <si>
    <t>【中铁房桥】砼岔枕\P75;1/12;29#;SC559-500\新朔段（外西沟站—薛家湾西货场）-薛家湾</t>
  </si>
  <si>
    <t>【中铁房桥】砼岔枕\P75;1/12;3#;SC559-500\新朔段（外西沟站—薛家湾西货场）-薛家湾</t>
  </si>
  <si>
    <t>【中铁房桥】砼岔枕\P75;1/12;30#;SC559-500\新朔段（外西沟站—薛家湾西货场）-薛家湾</t>
  </si>
  <si>
    <t>【中铁房桥】砼岔枕\P75;1/12;31#;SC559-500\新朔段（外西沟站—薛家湾西货场）-薛家湾</t>
  </si>
  <si>
    <t>【中铁房桥】砼岔枕\P75;1/12;39#;SC559-500\新朔段（外西沟站—薛家湾西货场）-薛家湾</t>
  </si>
  <si>
    <t>【中铁房桥】砼岔枕\P75;1/12;40#;SC559-500\新朔段（外西沟站—薛家湾西货场）-薛家湾</t>
  </si>
  <si>
    <t>【中铁房桥】砼岔枕\P75;1/12;5.3m交渡;CZ716\新朔段（外西沟站—薛家湾西货场）-薛家湾</t>
  </si>
  <si>
    <t>【中铁房桥】砼岔枕\P75;1/12;50#;SC559-500\新朔段（外西沟站—薛家湾西货场）-薛家湾</t>
  </si>
  <si>
    <t>【中铁房桥】砼岔枕\P75;1/12;51#;SC559-500\新朔段（外西沟站—薛家湾西货场）-薛家湾</t>
  </si>
  <si>
    <t>【中铁房桥】砼岔枕\P75;1/12;52#;SC559-500\新朔段（外西沟站—薛家湾西货场）-薛家湾</t>
  </si>
  <si>
    <t>【中铁房桥】砼岔枕\P75;1/12;53#;SC559-500\新朔段（外西沟站—薛家湾西货场）-薛家湾</t>
  </si>
  <si>
    <t>【中铁房桥】砼岔枕\P75;1/12;54#;SC559-500\新朔段（外西沟站—薛家湾西货场）-薛家湾</t>
  </si>
  <si>
    <t>【中铁房桥】砼岔枕\P75;1/12;55#;SC559-500\新朔段（外西沟站—薛家湾西货场）-薛家湾</t>
  </si>
  <si>
    <t>【中铁房桥】砼岔枕\P75;1/12;56#;SC559-500\新朔段（外西沟站—薛家湾西货场）-薛家湾</t>
  </si>
  <si>
    <t>【中铁房桥】砼岔枕\P75;1/12;60#;SC559-500\新朔段（外西沟站—薛家湾西货场）-薛家湾</t>
  </si>
  <si>
    <t>【中铁房桥】砼岔枕\P75;1/12;61#;SC559-500\新朔段（外西沟站—薛家湾西货场）-薛家湾</t>
  </si>
  <si>
    <t>【中铁房桥】砼岔枕\P75;1/12;62#;SC559-500\新朔段（外西沟站—薛家湾西货场）-薛家湾</t>
  </si>
  <si>
    <t>【中铁房桥】砼岔枕\P75;1/12;63#;SC559-500\新朔段（外西沟站—薛家湾西货场）-薛家湾</t>
  </si>
  <si>
    <t>【中铁房桥】砼岔枕\P75;1/12;64#;SC559-500\新朔段（外西沟站—薛家湾西货场）-薛家湾</t>
  </si>
  <si>
    <t>【中铁房桥】砼岔枕\P75;1/12;65#;SC559-500\新朔段（外西沟站—薛家湾西货场）-薛家湾</t>
  </si>
  <si>
    <t>【中铁房桥】砼岔枕\P75;1/12;66#;SC559-500\新朔段（外西沟站—薛家湾西货场）-薛家湾</t>
  </si>
  <si>
    <t>【中铁房桥】砼岔枕\P75;1/12;67#;SC559-500\新朔段（外西沟站—薛家湾西货场）-薛家湾</t>
  </si>
  <si>
    <t>【中铁房桥】砼岔枕\P75;1/12;68#;SC559-500\新朔段（外西沟站—薛家湾西货场）-薛家湾</t>
  </si>
  <si>
    <t>【中铁房桥】砼岔枕\P75;1/12;80#;SC559-500\新朔段（外西沟站—薛家湾西货场）-薛家湾</t>
  </si>
  <si>
    <t>【中铁房桥】砼岔枕\P75;1/12;81#;SC559-500\新朔段（外西沟站—薛家湾西货场）-薛家湾</t>
  </si>
  <si>
    <t>【中铁房桥】砼岔枕\P75;1/12;单开;专线4228\新朔段（外西沟站—薛家湾西货场）-薛家湾</t>
  </si>
  <si>
    <t>【中铁房桥】砼桥枕\ⅡZQ-C型0#\新朔段（外西沟站—薛家湾西货场）-薛家湾</t>
  </si>
  <si>
    <t>【中铁房桥】砼桥枕\Ⅲ型\新朔段（外西沟站—薛家湾西货场）-薛家湾</t>
  </si>
  <si>
    <t>【中铁房桥】砼桥枕\梭头;新Ⅲ型;1#\新朔段（外西沟站—薛家湾西货场）-薛家湾</t>
  </si>
  <si>
    <t>【中铁房桥】砼桥枕\梭头;新Ⅲ型;2#\新朔段（外西沟站—薛家湾西货场）-薛家湾</t>
  </si>
  <si>
    <t>【中铁房桥】砼桥枕\梭头;新Ⅲ型;3#\新朔段（外西沟站—薛家湾西货场）-薛家湾</t>
  </si>
  <si>
    <t>【中铁房桥】砼桥枕\梭头;新Ⅲ型;4#\新朔段（外西沟站—薛家湾西货场）-薛家湾</t>
  </si>
  <si>
    <t>【中铁房桥】砼桥枕\新Ⅲ型\新朔段（外西沟站—薛家湾西货场）-薛家湾</t>
  </si>
  <si>
    <t>【中铁房桥】砼桥枕\专线3448;弹性;新Ⅲ型\新朔段（外西沟站—薛家湾西货场）-薛家湾</t>
  </si>
  <si>
    <t>【中铁房桥】砼桥枕\专线3448;弹性;新Ⅲ型;1#\新朔段（外西沟站—薛家湾西货场）-薛家湾</t>
  </si>
  <si>
    <t>【中铁房桥】砼桥枕\专线3448;弹性;新Ⅲ型;2#\新朔段（外西沟站—薛家湾西货场）-薛家湾</t>
  </si>
  <si>
    <t>【中铁房桥】砼桥枕\专线3448;弹性;新Ⅲ型;3#\新朔段（外西沟站—薛家湾西货场）-薛家湾</t>
  </si>
  <si>
    <t>【中铁房桥】砼桥枕\专线3448;弹性;新Ⅲ型;4#\新朔段（外西沟站—薛家湾西货场）-薛家湾</t>
  </si>
  <si>
    <t>【中铁房桥】砼枕\X-Ⅱ型\新朔段（外西沟站—薛家湾西货场）-薛家湾</t>
  </si>
  <si>
    <t>【中铁房桥】砼枕\YⅡ-F\新朔段（外西沟站—薛家湾西货场）-薛家湾</t>
  </si>
  <si>
    <t>【中铁房桥】砼枕\弹性;ⅢA型\新朔段（外西沟站—薛家湾西货场）-薛家湾</t>
  </si>
  <si>
    <t>【中铁房桥】砼枕\专线3393;ⅢA型\新朔段（外西沟站—薛家湾西货场）-薛家湾</t>
  </si>
  <si>
    <t>【中铁房桥】成组砼岔枕\P50;1/12;5.0m交渡;专线(03)3424\新朔段（丹洲营站—卧厂站）-丹洲营</t>
  </si>
  <si>
    <t>GNWZBP(TH)ZECG2020-217</t>
  </si>
  <si>
    <t>国家能源e购商城中铁房桥轨枕配件铺货采购合同-新朔段（丹洲营站—卧厂站）-丹洲营</t>
  </si>
  <si>
    <t>【中铁房桥】成组砼岔枕\P50;1/12;单开;专线(01)3423\新朔段（丹洲营站—卧厂站）-丹洲营</t>
  </si>
  <si>
    <t>【中铁房桥】成组砼岔枕\P50;1/12;复交;CZ2220Z\新朔段（丹洲营站—卧厂站）-丹洲营</t>
  </si>
  <si>
    <t>【中铁房桥】成组砼岔枕\P50;1/12;专线3355\新朔段（丹洲营站—卧厂站）-丹洲营</t>
  </si>
  <si>
    <t>【中铁房桥】成组砼岔枕\P50;1/12;专线4257\新朔段（丹洲营站—卧厂站）-丹洲营</t>
  </si>
  <si>
    <t>【中铁房桥】成组砼岔枕\P50;1/6;5.0m交渡;SC432-500\新朔段（丹洲营站—卧厂站）-丹洲营</t>
  </si>
  <si>
    <t>【中铁房桥】成组砼岔枕\P50;1/6;对称;SC384\新朔段（丹洲营站—卧厂站）-丹洲营</t>
  </si>
  <si>
    <t>【中铁房桥】成组砼岔枕\P50;1/6;对称;右开;SC384-500\新朔段（丹洲营站—卧厂站）-丹洲营</t>
  </si>
  <si>
    <t>【中铁房桥】成组砼岔枕\P50;1/6;对称;左开;SC384-500\新朔段（丹洲营站—卧厂站）-丹洲营</t>
  </si>
  <si>
    <t>【中铁房桥】成组砼岔枕\P50;1/9;5.0m交渡;CZ2210\新朔段（丹洲营站—卧厂站）-丹洲营</t>
  </si>
  <si>
    <t>【中铁房桥】成组砼岔枕\P50;1/9;5.0m交渡;SC580\新朔段（丹洲营站—卧厂站）-丹洲营</t>
  </si>
  <si>
    <t>【中铁房桥】成组砼岔枕\P50;1/9;5.0m交渡;专线(02)3428\新朔段（丹洲营站—卧厂站）-丹洲营</t>
  </si>
  <si>
    <t>【中铁房桥】成组砼岔枕\P50;1/9;5.0m交渡;专线(02)7663\新朔段（丹洲营站—卧厂站）-丹洲营</t>
  </si>
  <si>
    <t>【中铁房桥】成组砼岔枕\P50;1/9;CZ2209A\新朔段（丹洲营站—卧厂站）-丹洲营</t>
  </si>
  <si>
    <t>【中铁房桥】成组砼岔枕\P50;1/9;单开;CZ2209Z\新朔段（丹洲营站—卧厂站）-丹洲营</t>
  </si>
  <si>
    <t>【中铁房桥】成组砼岔枕\P50;1/9;单开;专线(03)3281\新朔段（丹洲营站—卧厂站）-丹洲营</t>
  </si>
  <si>
    <t>【中铁房桥】成组砼岔枕\P50;1/9;复交;CZ2214Z\新朔段（丹洲营站—卧厂站）-丹洲营</t>
  </si>
  <si>
    <t>【中铁房桥】成组砼岔枕\P50;1/9;复交;专线(04)3443\新朔段（丹洲营站—卧厂站）-丹洲营</t>
  </si>
  <si>
    <t>【中铁房桥】成组砼岔枕\P50;1/9;交渡;CZ2213Z\新朔段（丹洲营站—卧厂站）-丹洲营</t>
  </si>
  <si>
    <t>【中铁房桥】成组砼岔枕\P50;1/9;交渡;SC571-1101\新朔段（丹洲营站—卧厂站）-丹洲营</t>
  </si>
  <si>
    <t>【中铁房桥】成组砼岔枕\P50;1/9;交渡;专线(03)3431\新朔段（丹洲营站—卧厂站）-丹洲营</t>
  </si>
  <si>
    <t>【中铁房桥】成组砼岔枕\P60;1/12;5.5m交渡;SC342-500\新朔段（丹洲营站—卧厂站）-丹洲营</t>
  </si>
  <si>
    <t>【中铁房桥】成组砼岔枕\P60;1/12;6.5m交渡;专线3413\新朔段（丹洲营站—卧厂站）-丹洲营</t>
  </si>
  <si>
    <t>【中铁房桥】成组砼岔枕\P60;1/12;单开;SC330-500\新朔段（丹洲营站—卧厂站）-丹洲营</t>
  </si>
  <si>
    <t>【中铁房桥】成组砼岔枕\P60;1/12;渡线;专线3402;Ⅲ型\新朔段（丹洲营站—卧厂站）-丹洲营</t>
  </si>
  <si>
    <t>【中铁房桥】成组砼岔枕\P60;1/12;复交;SC350\新朔段（丹洲营站—卧厂站）-丹洲营</t>
  </si>
  <si>
    <t>【中铁房桥】成组砼岔枕\P60;1/12;交渡;SC340-500\新朔段（丹洲营站—卧厂站）-丹洲营</t>
  </si>
  <si>
    <t>【中铁房桥】成组砼岔枕\P60;1/12;交渡;SC342-500\新朔段（丹洲营站—卧厂站）-丹洲营</t>
  </si>
  <si>
    <t>【中铁房桥】成组砼岔枕\P60;1/12;砼;单开;专线4249\新朔段（丹洲营站—卧厂站）-丹洲营</t>
  </si>
  <si>
    <t>【中铁房桥】成组砼岔枕\P60;1/12;专线3399;Ⅲ型\新朔段（丹洲营站—卧厂站）-丹洲营</t>
  </si>
  <si>
    <t>【中铁房桥】成组砼岔枕\P60;1/18;单开;GLC(07)02-300\新朔段（丹洲营站—卧厂站）-丹洲营</t>
  </si>
  <si>
    <t>【中铁房桥】成组砼岔枕\P60;1/18;单开;GLC(09)05-300\新朔段（丹洲营站—卧厂站）-丹洲营</t>
  </si>
  <si>
    <t>【中铁房桥】成组砼岔枕\P60;1/9;5.0m组合;SC(07)460-1108\新朔段（丹洲营站—卧厂站）-丹洲营</t>
  </si>
  <si>
    <t>【中铁房桥】成组砼岔枕\P60;1/9;5.0m组合;SC(07)460-1204\新朔段（丹洲营站—卧厂站）-丹洲营</t>
  </si>
  <si>
    <t>【中铁房桥】成组砼岔枕\P60;1/9;5.0m组合;SC(07)460-1208\新朔段（丹洲营站—卧厂站）-丹洲营</t>
  </si>
  <si>
    <t>【中铁房桥】成组砼岔枕\P60;1/9;5.0m组合;SC(07)460-1211\新朔段（丹洲营站—卧厂站）-丹洲营</t>
  </si>
  <si>
    <t>【中铁房桥】成组砼岔枕\P60;1/9;5.3m交渡;CZ581Z\新朔段（丹洲营站—卧厂站）-丹洲营</t>
  </si>
  <si>
    <t>【中铁房桥】成组砼岔枕\P60;1/9;单开;CZ577Z\新朔段（丹洲营站—卧厂站）-丹洲营</t>
  </si>
  <si>
    <t>【中铁房桥】成组砼岔枕\P60;1/9;单开;专线(03)3366\新朔段（丹洲营站—卧厂站）-丹洲营</t>
  </si>
  <si>
    <t>【中铁房桥】成组砼岔枕\P60;1/9;复交;SC450-500\新朔段（丹洲营站—卧厂站）-丹洲营</t>
  </si>
  <si>
    <t>【中铁房桥】成组砼岔枕\P60;1/9;复式交分;CZ2504Z\新朔段（丹洲营站—卧厂站）-丹洲营</t>
  </si>
  <si>
    <t>【中铁房桥】成组砼岔枕\P60;1/9;交渡;CZ580Z\新朔段（丹洲营站—卧厂站）-丹洲营</t>
  </si>
  <si>
    <t>【中铁房桥】成组砼岔枕\P60;1/9;交渡;CZ582Z\新朔段（丹洲营站—卧厂站）-丹洲营</t>
  </si>
  <si>
    <t>【中铁房桥】成组砼岔枕\P60;1/9;交渡;CZ583Z\新朔段（丹洲营站—卧厂站）-丹洲营</t>
  </si>
  <si>
    <t>【中铁房桥】成组砼岔枕\P60;1/9;专线3366;右开\新朔段（丹洲营站—卧厂站）-丹洲营</t>
  </si>
  <si>
    <t>【中铁房桥】成组砼岔枕\P60;1/9;专线3366;左开\新朔段（丹洲营站—卧厂站）-丹洲营</t>
  </si>
  <si>
    <t>【中铁房桥】成组砼岔枕\P75;1/12;SC381-500\新朔段（丹洲营站—卧厂站）-丹洲营</t>
  </si>
  <si>
    <t>【中铁房桥】成组砼岔枕\P75;1/12;SC443-500;交渡\新朔段（丹洲营站—卧厂站）-丹洲营</t>
  </si>
  <si>
    <t>【中铁房桥】成组砼岔枕\P75;1/12;单开;SC559-500\新朔段（丹洲营站—卧厂站）-丹洲营</t>
  </si>
  <si>
    <t>【中铁房桥】成组砼岔枕\P75;1/12;单开;研线1116-400\新朔段（丹洲营站—卧厂站）-丹洲营</t>
  </si>
  <si>
    <t>【中铁房桥】成组砼岔枕\P75;1/12;交渡;SC444\新朔段（丹洲营站—卧厂站）-丹洲营</t>
  </si>
  <si>
    <t>【中铁房桥】成组砼岔枕\P75;1/18;单开;SC488-500\新朔段（丹洲营站—卧厂站）-丹洲营</t>
  </si>
  <si>
    <t>【中铁房桥】成组砼岔枕\P75;1/9;5.0m交渡;SC551\新朔段（丹洲营站—卧厂站）-丹洲营</t>
  </si>
  <si>
    <t>【中铁房桥】电气绝缘枕\ⅢaZ型\新朔段（丹洲营站—卧厂站）-丹洲营</t>
  </si>
  <si>
    <t>【中铁房桥】电容枕\ⅢA型/ⅢAD\新朔段（丹洲营站—卧厂站）-丹洲营</t>
  </si>
  <si>
    <t>【中铁房桥】电容枕\新Ⅱ型/XⅡD\新朔段（丹洲营站—卧厂站）-丹洲营</t>
  </si>
  <si>
    <t>【中铁房桥】电容枕\新Ⅱ型;2500mm;研线0308-1\新朔段（丹洲营站—卧厂站）-丹洲营</t>
  </si>
  <si>
    <t>【中铁房桥】电容枕\新Ⅲ型桥枕;2600mm;研线0308-1\新朔段（丹洲营站—卧厂站）-丹洲营</t>
  </si>
  <si>
    <t>【中铁房桥】砼岔枕\P50;1/12;13#;专线(01)3423\新朔段（丹洲营站—卧厂站）-丹洲营</t>
  </si>
  <si>
    <t>【中铁房桥】砼岔枕\P50;1/12;21#;专线(01)3423\新朔段（丹洲营站—卧厂站）-丹洲营</t>
  </si>
  <si>
    <t>【中铁房桥】砼岔枕\P50;1/12;5#;专线3355\新朔段（丹洲营站—卧厂站）-丹洲营</t>
  </si>
  <si>
    <t>【中铁房桥】砼岔枕\P50;1/12;58#;专线3355\新朔段（丹洲营站—卧厂站）-丹洲营</t>
  </si>
  <si>
    <t>【中铁房桥】砼岔枕\P50;1/9;20#;专线(03)3281\新朔段（丹洲营站—卧厂站）-丹洲营</t>
  </si>
  <si>
    <t>【中铁房桥】砼岔枕\P50;1/9;3#;CZ2209\新朔段（丹洲营站—卧厂站）-丹洲营</t>
  </si>
  <si>
    <t>【中铁房桥】砼岔枕\P50;1/9;39#;专线(03)3281\新朔段（丹洲营站—卧厂站）-丹洲营</t>
  </si>
  <si>
    <t>【中铁房桥】砼岔枕\P50;1/9;48#;专线(03)3281\新朔段（丹洲营站—卧厂站）-丹洲营</t>
  </si>
  <si>
    <t>【中铁房桥】砼岔枕\P50;1/9;49#;专线(03)3281\新朔段（丹洲营站—卧厂站）-丹洲营</t>
  </si>
  <si>
    <t>【中铁房桥】砼岔枕\P50;1/9;52#;专线(03)3281\新朔段（丹洲营站—卧厂站）-丹洲营</t>
  </si>
  <si>
    <t>【中铁房桥】砼岔枕\P50;1/9;单开31#;专线(03)3281\新朔段（丹洲营站—卧厂站）-丹洲营</t>
  </si>
  <si>
    <t>【中铁房桥】砼岔枕\P50;1/9;单开32#;专线(03)3281\新朔段（丹洲营站—卧厂站）-丹洲营</t>
  </si>
  <si>
    <t>【中铁房桥】砼岔枕\P50;1/9;单开33#;专线(03)3281\新朔段（丹洲营站—卧厂站）-丹洲营</t>
  </si>
  <si>
    <t>【中铁房桥】砼岔枕\P50;1/9;单开34#;专线(03)3281\新朔段（丹洲营站—卧厂站）-丹洲营</t>
  </si>
  <si>
    <t>【中铁房桥】砼岔枕\P50;1/9;单开35#;专线(03)3281\新朔段（丹洲营站—卧厂站）-丹洲营</t>
  </si>
  <si>
    <t>【中铁房桥】砼岔枕\P50;1/9;单开36#;专线(03)3281\新朔段（丹洲营站—卧厂站）-丹洲营</t>
  </si>
  <si>
    <t>【中铁房桥】砼岔枕\P50;1/9;单开37#;专线(03)3281\新朔段（丹洲营站—卧厂站）-丹洲营</t>
  </si>
  <si>
    <t>【中铁房桥】砼岔枕\P60;1/12;1#;SC330-500\新朔段（丹洲营站—卧厂站）-丹洲营</t>
  </si>
  <si>
    <t>【中铁房桥】砼岔枕\P60;1/12;1#;专线3399\新朔段（丹洲营站—卧厂站）-丹洲营</t>
  </si>
  <si>
    <t>【中铁房桥】砼岔枕\P60;1/12;10#;专线3399\新朔段（丹洲营站—卧厂站）-丹洲营</t>
  </si>
  <si>
    <t>【中铁房桥】砼岔枕\P60;1/12;11#;专线3399\新朔段（丹洲营站—卧厂站）-丹洲营</t>
  </si>
  <si>
    <t>【中铁房桥】砼岔枕\P60;1/12;12#;专线3399\新朔段（丹洲营站—卧厂站）-丹洲营</t>
  </si>
  <si>
    <t>【中铁房桥】砼岔枕\P60;1/12;13#;专线3399\新朔段（丹洲营站—卧厂站）-丹洲营</t>
  </si>
  <si>
    <t>【中铁房桥】砼岔枕\P60;1/12;14#;专线3399\新朔段（丹洲营站—卧厂站）-丹洲营</t>
  </si>
  <si>
    <t>【中铁房桥】砼岔枕\P60;1/12;15#;专线3399\新朔段（丹洲营站—卧厂站）-丹洲营</t>
  </si>
  <si>
    <t>【中铁房桥】砼岔枕\P60;1/12;16#;专线3399\新朔段（丹洲营站—卧厂站）-丹洲营</t>
  </si>
  <si>
    <t>【中铁房桥】砼岔枕\P60;1/12;17#;专线3399\新朔段（丹洲营站—卧厂站）-丹洲营</t>
  </si>
  <si>
    <t>【中铁房桥】砼岔枕\P60;1/12;18#;专线3399\新朔段（丹洲营站—卧厂站）-丹洲营</t>
  </si>
  <si>
    <t>【中铁房桥】砼岔枕\P60;1/12;19#;专线3399\新朔段（丹洲营站—卧厂站）-丹洲营</t>
  </si>
  <si>
    <t>【中铁房桥】砼岔枕\P60;1/12;2#;专线3399\新朔段（丹洲营站—卧厂站）-丹洲营</t>
  </si>
  <si>
    <t>【中铁房桥】砼岔枕\P60;1/12;23#;专线3399\新朔段（丹洲营站—卧厂站）-丹洲营</t>
  </si>
  <si>
    <t>【中铁房桥】砼岔枕\P60;1/12;24#;专线3399\新朔段（丹洲营站—卧厂站）-丹洲营</t>
  </si>
  <si>
    <t>【中铁房桥】砼岔枕\P60;1/12;25#;SC330-500\新朔段（丹洲营站—卧厂站）-丹洲营</t>
  </si>
  <si>
    <t>【中铁房桥】砼岔枕\P60;1/12;25#;SC350\新朔段（丹洲营站—卧厂站）-丹洲营</t>
  </si>
  <si>
    <t>【中铁房桥】砼岔枕\P60;1/12;25#;专线3399\新朔段（丹洲营站—卧厂站）-丹洲营</t>
  </si>
  <si>
    <t>【中铁房桥】砼岔枕\P60;1/12;26#;SC330-500\新朔段（丹洲营站—卧厂站）-丹洲营</t>
  </si>
  <si>
    <t>【中铁房桥】砼岔枕\P60;1/12;26#;SC350\新朔段（丹洲营站—卧厂站）-丹洲营</t>
  </si>
  <si>
    <t>【中铁房桥】砼岔枕\P60;1/12;26#;专线3399\新朔段（丹洲营站—卧厂站）-丹洲营</t>
  </si>
  <si>
    <t>【中铁房桥】砼岔枕\P60;1/12;27#;SC330-500\新朔段（丹洲营站—卧厂站）-丹洲营</t>
  </si>
  <si>
    <t>【中铁房桥】砼岔枕\P60;1/12;27#;专线3399\新朔段（丹洲营站—卧厂站）-丹洲营</t>
  </si>
  <si>
    <t>【中铁房桥】砼岔枕\P60;1/12;28#;SC330-500\新朔段（丹洲营站—卧厂站）-丹洲营</t>
  </si>
  <si>
    <t>【中铁房桥】砼岔枕\P60;1/12;28#;专线3399\新朔段（丹洲营站—卧厂站）-丹洲营</t>
  </si>
  <si>
    <t>【中铁房桥】砼岔枕\P60;1/12;28#;专线4228\新朔段（丹洲营站—卧厂站）-丹洲营</t>
  </si>
  <si>
    <t>【中铁房桥】砼岔枕\P60;1/12;29#;SC330-500\新朔段（丹洲营站—卧厂站）-丹洲营</t>
  </si>
  <si>
    <t>【中铁房桥】砼岔枕\P60;1/12;29#;专线3399\新朔段（丹洲营站—卧厂站）-丹洲营</t>
  </si>
  <si>
    <t>【中铁房桥】砼岔枕\P60;1/12;30#;专线3399\新朔段（丹洲营站—卧厂站）-丹洲营</t>
  </si>
  <si>
    <t>【中铁房桥】砼岔枕\P60;1/12;30#;专线4228\新朔段（丹洲营站—卧厂站）-丹洲营</t>
  </si>
  <si>
    <t>【中铁房桥】砼岔枕\P60;1/12;32#;专线3399\新朔段（丹洲营站—卧厂站）-丹洲营</t>
  </si>
  <si>
    <t>【中铁房桥】砼岔枕\P60;1/12;34#;专线3399\新朔段（丹洲营站—卧厂站）-丹洲营</t>
  </si>
  <si>
    <t>【中铁房桥】砼岔枕\P60;1/12;36#;SC350\新朔段（丹洲营站—卧厂站）-丹洲营</t>
  </si>
  <si>
    <t>【中铁房桥】砼岔枕\P60;1/12;37#;专线3399\新朔段（丹洲营站—卧厂站）-丹洲营</t>
  </si>
  <si>
    <t>【中铁房桥】砼岔枕\P60;1/12;40#;专线3399\新朔段（丹洲营站—卧厂站）-丹洲营</t>
  </si>
  <si>
    <t>【中铁房桥】砼岔枕\P60;1/12;41#;专线3399\新朔段（丹洲营站—卧厂站）-丹洲营</t>
  </si>
  <si>
    <t>【中铁房桥】砼岔枕\P60;1/12;42#;专线3399\新朔段（丹洲营站—卧厂站）-丹洲营</t>
  </si>
  <si>
    <t>【中铁房桥】砼岔枕\P60;1/12;43#;专线3399\新朔段（丹洲营站—卧厂站）-丹洲营</t>
  </si>
  <si>
    <t>【中铁房桥】砼岔枕\P60;1/12;49#;SC330-500\新朔段（丹洲营站—卧厂站）-丹洲营</t>
  </si>
  <si>
    <t>【中铁房桥】砼岔枕\P60;1/12;51#;专线3399\新朔段（丹洲营站—卧厂站）-丹洲营</t>
  </si>
  <si>
    <t>【中铁房桥】砼岔枕\P60;1/12;52#;专线3399\新朔段（丹洲营站—卧厂站）-丹洲营</t>
  </si>
  <si>
    <t>【中铁房桥】砼岔枕\P60;1/12;53#;SC330-500\新朔段（丹洲营站—卧厂站）-丹洲营</t>
  </si>
  <si>
    <t>【中铁房桥】砼岔枕\P60;1/12;53#;专线3399\新朔段（丹洲营站—卧厂站）-丹洲营</t>
  </si>
  <si>
    <t>【中铁房桥】砼岔枕\P60;1/12;53#;专线4228\新朔段（丹洲营站—卧厂站）-丹洲营</t>
  </si>
  <si>
    <t>【中铁房桥】砼岔枕\P60;1/12;54#;SC330\新朔段（丹洲营站—卧厂站）-丹洲营</t>
  </si>
  <si>
    <t>【中铁房桥】砼岔枕\P60;1/12;54#;专线3399\新朔段（丹洲营站—卧厂站）-丹洲营</t>
  </si>
  <si>
    <t>【中铁房桥】砼岔枕\P60;1/12;55#;专线3399\新朔段（丹洲营站—卧厂站）-丹洲营</t>
  </si>
  <si>
    <t>【中铁房桥】砼岔枕\P60;1/12;56#;专线3399\新朔段（丹洲营站—卧厂站）-丹洲营</t>
  </si>
  <si>
    <t>【中铁房桥】砼岔枕\P60;1/12;57#;专线3399\新朔段（丹洲营站—卧厂站）-丹洲营</t>
  </si>
  <si>
    <t>【中铁房桥】砼岔枕\P60;1/12;57#;专线4228\新朔段（丹洲营站—卧厂站）-丹洲营</t>
  </si>
  <si>
    <t>【中铁房桥】砼岔枕\P60;1/12;58#;专线3399\新朔段（丹洲营站—卧厂站）-丹洲营</t>
  </si>
  <si>
    <t>【中铁房桥】砼岔枕\P60;1/12;59#;专线3399\新朔段（丹洲营站—卧厂站）-丹洲营</t>
  </si>
  <si>
    <t>【中铁房桥】砼岔枕\P60;1/12;60#;专线3399\新朔段（丹洲营站—卧厂站）-丹洲营</t>
  </si>
  <si>
    <t>【中铁房桥】砼岔枕\P60;1/12;61#;专线3399\新朔段（丹洲营站—卧厂站）-丹洲营</t>
  </si>
  <si>
    <t>【中铁房桥】砼岔枕\P60;1/12;62#;专线3399\新朔段（丹洲营站—卧厂站）-丹洲营</t>
  </si>
  <si>
    <t>【中铁房桥】砼岔枕\P60;1/12;63#;SC330-500\新朔段（丹洲营站—卧厂站）-丹洲营</t>
  </si>
  <si>
    <t>【中铁房桥】砼岔枕\P60;1/12;63#;SC340\新朔段（丹洲营站—卧厂站）-丹洲营</t>
  </si>
  <si>
    <t>【中铁房桥】砼岔枕\P60;1/12;63#;专线3399\新朔段（丹洲营站—卧厂站）-丹洲营</t>
  </si>
  <si>
    <t>【中铁房桥】砼岔枕\P60;1/12;63#;专线3402\新朔段（丹洲营站—卧厂站）-丹洲营</t>
  </si>
  <si>
    <t>【中铁房桥】砼岔枕\P60;1/12;63#;专线4228\新朔段（丹洲营站—卧厂站）-丹洲营</t>
  </si>
  <si>
    <t>【中铁房桥】砼岔枕\P60;1/12;63Z#;SC341-500\新朔段（丹洲营站—卧厂站）-丹洲营</t>
  </si>
  <si>
    <t>【中铁房桥】砼岔枕\P60;1/12;64#;SC330\新朔段（丹洲营站—卧厂站）-丹洲营</t>
  </si>
  <si>
    <t>【中铁房桥】砼岔枕\P60;1/12;64#;SC340\新朔段（丹洲营站—卧厂站）-丹洲营</t>
  </si>
  <si>
    <t>【中铁房桥】砼岔枕\P60;1/12;64#;专线3399\新朔段（丹洲营站—卧厂站）-丹洲营</t>
  </si>
  <si>
    <t>【中铁房桥】砼岔枕\P60;1/12;64#;专线3402\新朔段（丹洲营站—卧厂站）-丹洲营</t>
  </si>
  <si>
    <t>【中铁房桥】砼岔枕\P60;1/12;64Z#;SC341-500\新朔段（丹洲营站—卧厂站）-丹洲营</t>
  </si>
  <si>
    <t>【中铁房桥】砼岔枕\P60;1/12;65#;交渡;SC340C\新朔段（丹洲营站—卧厂站）-丹洲营</t>
  </si>
  <si>
    <t>【中铁房桥】砼岔枕\P60;1/12;65#;专线3399\新朔段（丹洲营站—卧厂站）-丹洲营</t>
  </si>
  <si>
    <t>【中铁房桥】砼岔枕\P60;1/12;66#;专线3399\新朔段（丹洲营站—卧厂站）-丹洲营</t>
  </si>
  <si>
    <t>【中铁房桥】砼岔枕\P60;1/12;67#;专线3399\新朔段（丹洲营站—卧厂站）-丹洲营</t>
  </si>
  <si>
    <t>【中铁房桥】砼岔枕\P60;1/12;68#;专线3399\新朔段（丹洲营站—卧厂站）-丹洲营</t>
  </si>
  <si>
    <t>【中铁房桥】砼岔枕\P60;1/12;69#;专线3399\新朔段（丹洲营站—卧厂站）-丹洲营</t>
  </si>
  <si>
    <t>【中铁房桥】砼岔枕\P60;1/12;73#;专线3402\新朔段（丹洲营站—卧厂站）-丹洲营</t>
  </si>
  <si>
    <t>【中铁房桥】砼岔枕\P60;1/12;74#;专线3402\新朔段（丹洲营站—卧厂站）-丹洲营</t>
  </si>
  <si>
    <t>【中铁房桥】砼岔枕\P60;1/18;21#;专线3386\新朔段（丹洲营站—卧厂站）-丹洲营</t>
  </si>
  <si>
    <t>【中铁房桥】砼岔枕\P60;1/18;32#;专线3386\新朔段（丹洲营站—卧厂站）-丹洲营</t>
  </si>
  <si>
    <t>【中铁房桥】砼岔枕\P60;1/18;33#;专线3386\新朔段（丹洲营站—卧厂站）-丹洲营</t>
  </si>
  <si>
    <t>【中铁房桥】砼岔枕\P60;1/18;34#;专线3386\新朔段（丹洲营站—卧厂站）-丹洲营</t>
  </si>
  <si>
    <t>【中铁房桥】砼岔枕\P60;1/18;71#;专线3386\新朔段（丹洲营站—卧厂站）-丹洲营</t>
  </si>
  <si>
    <t>【中铁房桥】砼岔枕\P60;1/18;72#;专线3386\新朔段（丹洲营站—卧厂站）-丹洲营</t>
  </si>
  <si>
    <t>【中铁房桥】砼岔枕\P60;1/9;34#;交渡;SC392C\新朔段（丹洲营站—卧厂站）-丹洲营</t>
  </si>
  <si>
    <t>【中铁房桥】砼岔枕\P60;1/9;42#;专线(03)3366\新朔段（丹洲营站—卧厂站）-丹洲营</t>
  </si>
  <si>
    <t>【中铁房桥】砼岔枕\P60;1/9;43#;专线(03)3366\新朔段（丹洲营站—卧厂站）-丹洲营</t>
  </si>
  <si>
    <t>【中铁房桥】砼岔枕\P60;1/9;49#;SC390\新朔段（丹洲营站—卧厂站）-丹洲营</t>
  </si>
  <si>
    <t>【中铁房桥】砼岔枕\P60;1/9;49#;专线(03)3366\新朔段（丹洲营站—卧厂站）-丹洲营</t>
  </si>
  <si>
    <t>【中铁房桥】砼岔枕\P60;1/9;5#;SC390\新朔段（丹洲营站—卧厂站）-丹洲营</t>
  </si>
  <si>
    <t>【中铁房桥】砼岔枕\P60;1/9;50#;SC390\新朔段（丹洲营站—卧厂站）-丹洲营</t>
  </si>
  <si>
    <t>【中铁房桥】砼岔枕\P60;1/9;54#;专线(03)3366\新朔段（丹洲营站—卧厂站）-丹洲营</t>
  </si>
  <si>
    <t>【中铁房桥】砼岔枕\P60;1/9;6#;SC390\新朔段（丹洲营站—卧厂站）-丹洲营</t>
  </si>
  <si>
    <t>【中铁房桥】砼岔枕\P60;1/9;7#;SC390\新朔段（丹洲营站—卧厂站）-丹洲营</t>
  </si>
  <si>
    <t>【中铁房桥】砼岔枕\P60;1/9;8#;SC390\新朔段（丹洲营站—卧厂站）-丹洲营</t>
  </si>
  <si>
    <t>【中铁房桥】砼岔枕\P60;1/9;9#;SC390\新朔段（丹洲营站—卧厂站）-丹洲营</t>
  </si>
  <si>
    <t>【中铁房桥】砼岔枕\P60;1/9;交渡12#;CZ581Z\新朔段（丹洲营站—卧厂站）-丹洲营</t>
  </si>
  <si>
    <t>【中铁房桥】砼岔枕\P60;1/9;交渡16#;CZ581Z\新朔段（丹洲营站—卧厂站）-丹洲营</t>
  </si>
  <si>
    <t>【中铁房桥】砼岔枕\P60;1/9;交渡22#;CZ580Z\新朔段（丹洲营站—卧厂站）-丹洲营</t>
  </si>
  <si>
    <t>【中铁房桥】砼岔枕\P60;1/9;交渡23#;CZ581Z\新朔段（丹洲营站—卧厂站）-丹洲营</t>
  </si>
  <si>
    <t>【中铁房桥】砼岔枕\P60;1/9;交渡24#;CZ581Z\新朔段（丹洲营站—卧厂站）-丹洲营</t>
  </si>
  <si>
    <t>【中铁房桥】砼岔枕\P60;1/9;交渡25#;CZ581Z\新朔段（丹洲营站—卧厂站）-丹洲营</t>
  </si>
  <si>
    <t>【中铁房桥】砼岔枕\P60;1/9;交渡40#;CZ580Z\新朔段（丹洲营站—卧厂站）-丹洲营</t>
  </si>
  <si>
    <t>【中铁房桥】砼岔枕\P60;1/9;交渡44#;CZ581Z\新朔段（丹洲营站—卧厂站）-丹洲营</t>
  </si>
  <si>
    <t>【中铁房桥】砼岔枕\P60;1/9;交渡49#;CZ581Z\新朔段（丹洲营站—卧厂站）-丹洲营</t>
  </si>
  <si>
    <t>【中铁房桥】砼岔枕\P60;1/9;交渡50#;CZ581Z\新朔段（丹洲营站—卧厂站）-丹洲营</t>
  </si>
  <si>
    <t>【中铁房桥】砼岔枕\P75;1/12;1#;SC559-500\新朔段（丹洲营站—卧厂站）-丹洲营</t>
  </si>
  <si>
    <t>【中铁房桥】砼岔枕\P75;1/12;2#;SC559-500\新朔段（丹洲营站—卧厂站）-丹洲营</t>
  </si>
  <si>
    <t>【中铁房桥】砼岔枕\P75;1/12;25#;SC559-500\新朔段（丹洲营站—卧厂站）-丹洲营</t>
  </si>
  <si>
    <t>【中铁房桥】砼岔枕\P75;1/12;26#;SC559-500\新朔段（丹洲营站—卧厂站）-丹洲营</t>
  </si>
  <si>
    <t>【中铁房桥】砼岔枕\P75;1/12;27#;SC559-500\新朔段（丹洲营站—卧厂站）-丹洲营</t>
  </si>
  <si>
    <t>【中铁房桥】砼岔枕\P75;1/12;28#;SC559-500\新朔段（丹洲营站—卧厂站）-丹洲营</t>
  </si>
  <si>
    <t>【中铁房桥】砼岔枕\P75;1/12;29#;SC559-500\新朔段（丹洲营站—卧厂站）-丹洲营</t>
  </si>
  <si>
    <t>【中铁房桥】砼岔枕\P75;1/12;3#;SC559-500\新朔段（丹洲营站—卧厂站）-丹洲营</t>
  </si>
  <si>
    <t>【中铁房桥】砼岔枕\P75;1/12;30#;SC559-500\新朔段（丹洲营站—卧厂站）-丹洲营</t>
  </si>
  <si>
    <t>【中铁房桥】砼岔枕\P75;1/12;31#;SC559-500\新朔段（丹洲营站—卧厂站）-丹洲营</t>
  </si>
  <si>
    <t>【中铁房桥】砼岔枕\P75;1/12;39#;SC559-500\新朔段（丹洲营站—卧厂站）-丹洲营</t>
  </si>
  <si>
    <t>【中铁房桥】砼岔枕\P75;1/12;40#;SC559-500\新朔段（丹洲营站—卧厂站）-丹洲营</t>
  </si>
  <si>
    <t>【中铁房桥】砼岔枕\P75;1/12;5.3m交渡;CZ716\新朔段（丹洲营站—卧厂站）-丹洲营</t>
  </si>
  <si>
    <t>【中铁房桥】砼岔枕\P75;1/12;50#;SC559-500\新朔段（丹洲营站—卧厂站）-丹洲营</t>
  </si>
  <si>
    <t>【中铁房桥】砼岔枕\P75;1/12;51#;SC559-500\新朔段（丹洲营站—卧厂站）-丹洲营</t>
  </si>
  <si>
    <t>【中铁房桥】砼岔枕\P75;1/12;52#;SC559-500\新朔段（丹洲营站—卧厂站）-丹洲营</t>
  </si>
  <si>
    <t>【中铁房桥】砼岔枕\P75;1/12;53#;SC559-500\新朔段（丹洲营站—卧厂站）-丹洲营</t>
  </si>
  <si>
    <t>【中铁房桥】砼岔枕\P75;1/12;54#;SC559-500\新朔段（丹洲营站—卧厂站）-丹洲营</t>
  </si>
  <si>
    <t>【中铁房桥】砼岔枕\P75;1/12;55#;SC559-500\新朔段（丹洲营站—卧厂站）-丹洲营</t>
  </si>
  <si>
    <t>【中铁房桥】砼岔枕\P75;1/12;56#;SC559-500\新朔段（丹洲营站—卧厂站）-丹洲营</t>
  </si>
  <si>
    <t>【中铁房桥】砼岔枕\P75;1/12;60#;SC559-500\新朔段（丹洲营站—卧厂站）-丹洲营</t>
  </si>
  <si>
    <t>【中铁房桥】砼岔枕\P75;1/12;61#;SC559-500\新朔段（丹洲营站—卧厂站）-丹洲营</t>
  </si>
  <si>
    <t>【中铁房桥】砼岔枕\P75;1/12;62#;SC559-500\新朔段（丹洲营站—卧厂站）-丹洲营</t>
  </si>
  <si>
    <t>【中铁房桥】砼岔枕\P75;1/12;63#;SC559-500\新朔段（丹洲营站—卧厂站）-丹洲营</t>
  </si>
  <si>
    <t>【中铁房桥】砼岔枕\P75;1/12;64#;SC559-500\新朔段（丹洲营站—卧厂站）-丹洲营</t>
  </si>
  <si>
    <t>【中铁房桥】砼岔枕\P75;1/12;65#;SC559-500\新朔段（丹洲营站—卧厂站）-丹洲营</t>
  </si>
  <si>
    <t>【中铁房桥】砼岔枕\P75;1/12;66#;SC559-500\新朔段（丹洲营站—卧厂站）-丹洲营</t>
  </si>
  <si>
    <t>【中铁房桥】砼岔枕\P75;1/12;67#;SC559-500\新朔段（丹洲营站—卧厂站）-丹洲营</t>
  </si>
  <si>
    <t>【中铁房桥】砼岔枕\P75;1/12;68#;SC559-500\新朔段（丹洲营站—卧厂站）-丹洲营</t>
  </si>
  <si>
    <t>【中铁房桥】砼岔枕\P75;1/12;80#;SC559-500\新朔段（丹洲营站—卧厂站）-丹洲营</t>
  </si>
  <si>
    <t>【中铁房桥】砼岔枕\P75;1/12;81#;SC559-500\新朔段（丹洲营站—卧厂站）-丹洲营</t>
  </si>
  <si>
    <t>【中铁房桥】砼岔枕\P75;1/12;单开;专线4228\新朔段（丹洲营站—卧厂站）-丹洲营</t>
  </si>
  <si>
    <t>【中铁房桥】砼桥枕\ⅡZQ-C型0#\新朔段（丹洲营站—卧厂站）-丹洲营</t>
  </si>
  <si>
    <t>【中铁房桥】砼桥枕\Ⅲ型\新朔段（丹洲营站—卧厂站）-丹洲营</t>
  </si>
  <si>
    <t>【中铁房桥】砼桥枕\梭头;新Ⅲ型;1#\新朔段（丹洲营站—卧厂站）-丹洲营</t>
  </si>
  <si>
    <t>【中铁房桥】砼桥枕\梭头;新Ⅲ型;2#\新朔段（丹洲营站—卧厂站）-丹洲营</t>
  </si>
  <si>
    <t>【中铁房桥】砼桥枕\梭头;新Ⅲ型;3#\新朔段（丹洲营站—卧厂站）-丹洲营</t>
  </si>
  <si>
    <t>【中铁房桥】砼桥枕\梭头;新Ⅲ型;4#\新朔段（丹洲营站—卧厂站）-丹洲营</t>
  </si>
  <si>
    <t>【中铁房桥】砼桥枕\新Ⅲ型\新朔段（丹洲营站—卧厂站）-丹洲营</t>
  </si>
  <si>
    <t>【中铁房桥】砼桥枕\专线3448;弹性;新Ⅲ型\新朔段（丹洲营站—卧厂站）-丹洲营</t>
  </si>
  <si>
    <t>【中铁房桥】砼桥枕\专线3448;弹性;新Ⅲ型;1#\新朔段（丹洲营站—卧厂站）-丹洲营</t>
  </si>
  <si>
    <t>【中铁房桥】砼桥枕\专线3448;弹性;新Ⅲ型;2#\新朔段（丹洲营站—卧厂站）-丹洲营</t>
  </si>
  <si>
    <t>【中铁房桥】砼桥枕\专线3448;弹性;新Ⅲ型;3#\新朔段（丹洲营站—卧厂站）-丹洲营</t>
  </si>
  <si>
    <t>【中铁房桥】砼桥枕\专线3448;弹性;新Ⅲ型;4#\新朔段（丹洲营站—卧厂站）-丹洲营</t>
  </si>
  <si>
    <t>【中铁房桥】砼枕\X-Ⅱ型\新朔段（丹洲营站—卧厂站）-丹洲营</t>
  </si>
  <si>
    <t>【中铁房桥】砼枕\YⅡ-F\新朔段（丹洲营站—卧厂站）-丹洲营</t>
  </si>
  <si>
    <t>【中铁房桥】砼枕\弹性;ⅢA型\新朔段（丹洲营站—卧厂站）-丹洲营</t>
  </si>
  <si>
    <t>【中铁房桥】砼枕\专线3393;ⅢA型\新朔段（丹洲营站—卧厂站）-丹洲营</t>
  </si>
  <si>
    <t>【中铁房桥】成组砼岔枕\P50;1/12;5.0m交渡;专线(03)3424\新朔段（丹洲营站—卧厂站）-八里铺</t>
  </si>
  <si>
    <t>GNWZBP(TH)ZECG2020-218</t>
  </si>
  <si>
    <t>国家能源e购商城中铁房桥轨枕配件铺货采购合同-新朔段（丹洲营站—卧厂站）-八里铺</t>
  </si>
  <si>
    <t>【中铁房桥】成组砼岔枕\P50;1/12;单开;专线(01)3423\新朔段（丹洲营站—卧厂站）-八里铺</t>
  </si>
  <si>
    <t>【中铁房桥】成组砼岔枕\P50;1/12;复交;CZ2220Z\新朔段（丹洲营站—卧厂站）-八里铺</t>
  </si>
  <si>
    <t>【中铁房桥】成组砼岔枕\P50;1/12;专线3355\新朔段（丹洲营站—卧厂站）-八里铺</t>
  </si>
  <si>
    <t>【中铁房桥】成组砼岔枕\P50;1/12;专线4257\新朔段（丹洲营站—卧厂站）-八里铺</t>
  </si>
  <si>
    <t>【中铁房桥】成组砼岔枕\P50;1/6;5.0m交渡;SC432-500\新朔段（丹洲营站—卧厂站）-八里铺</t>
  </si>
  <si>
    <t>【中铁房桥】成组砼岔枕\P50;1/6;对称;SC384\新朔段（丹洲营站—卧厂站）-八里铺</t>
  </si>
  <si>
    <t>【中铁房桥】成组砼岔枕\P50;1/6;对称;右开;SC384-500\新朔段（丹洲营站—卧厂站）-八里铺</t>
  </si>
  <si>
    <t>【中铁房桥】成组砼岔枕\P50;1/6;对称;左开;SC384-500\新朔段（丹洲营站—卧厂站）-八里铺</t>
  </si>
  <si>
    <t>【中铁房桥】成组砼岔枕\P50;1/9;5.0m交渡;CZ2210\新朔段（丹洲营站—卧厂站）-八里铺</t>
  </si>
  <si>
    <t>【中铁房桥】成组砼岔枕\P50;1/9;5.0m交渡;SC580\新朔段（丹洲营站—卧厂站）-八里铺</t>
  </si>
  <si>
    <t>【中铁房桥】成组砼岔枕\P50;1/9;5.0m交渡;专线(02)3428\新朔段（丹洲营站—卧厂站）-八里铺</t>
  </si>
  <si>
    <t>【中铁房桥】成组砼岔枕\P50;1/9;5.0m交渡;专线(02)7663\新朔段（丹洲营站—卧厂站）-八里铺</t>
  </si>
  <si>
    <t>【中铁房桥】成组砼岔枕\P50;1/9;CZ2209A\新朔段（丹洲营站—卧厂站）-八里铺</t>
  </si>
  <si>
    <t>【中铁房桥】成组砼岔枕\P50;1/9;单开;CZ2209Z\新朔段（丹洲营站—卧厂站）-八里铺</t>
  </si>
  <si>
    <t>【中铁房桥】成组砼岔枕\P50;1/9;单开;专线(03)3281\新朔段（丹洲营站—卧厂站）-八里铺</t>
  </si>
  <si>
    <t>【中铁房桥】成组砼岔枕\P50;1/9;复交;CZ2214Z\新朔段（丹洲营站—卧厂站）-八里铺</t>
  </si>
  <si>
    <t>【中铁房桥】成组砼岔枕\P50;1/9;复交;专线(04)3443\新朔段（丹洲营站—卧厂站）-八里铺</t>
  </si>
  <si>
    <t>【中铁房桥】成组砼岔枕\P50;1/9;交渡;CZ2213Z\新朔段（丹洲营站—卧厂站）-八里铺</t>
  </si>
  <si>
    <t>【中铁房桥】成组砼岔枕\P50;1/9;交渡;SC571-1101\新朔段（丹洲营站—卧厂站）-八里铺</t>
  </si>
  <si>
    <t>【中铁房桥】成组砼岔枕\P50;1/9;交渡;专线(03)3431\新朔段（丹洲营站—卧厂站）-八里铺</t>
  </si>
  <si>
    <t>【中铁房桥】成组砼岔枕\P60;1/12;5.5m交渡;SC342-500\新朔段（丹洲营站—卧厂站）-八里铺</t>
  </si>
  <si>
    <t>【中铁房桥】成组砼岔枕\P60;1/12;6.5m交渡;专线3413\新朔段（丹洲营站—卧厂站）-八里铺</t>
  </si>
  <si>
    <t>【中铁房桥】成组砼岔枕\P60;1/12;单开;SC330-500\新朔段（丹洲营站—卧厂站）-八里铺</t>
  </si>
  <si>
    <t>【中铁房桥】成组砼岔枕\P60;1/12;渡线;专线3402;Ⅲ型\新朔段（丹洲营站—卧厂站）-八里铺</t>
  </si>
  <si>
    <t>【中铁房桥】成组砼岔枕\P60;1/12;复交;SC350\新朔段（丹洲营站—卧厂站）-八里铺</t>
  </si>
  <si>
    <t>【中铁房桥】成组砼岔枕\P60;1/12;交渡;SC340-500\新朔段（丹洲营站—卧厂站）-八里铺</t>
  </si>
  <si>
    <t>【中铁房桥】成组砼岔枕\P60;1/12;交渡;SC342-500\新朔段（丹洲营站—卧厂站）-八里铺</t>
  </si>
  <si>
    <t>【中铁房桥】成组砼岔枕\P60;1/12;砼;单开;专线4249\新朔段（丹洲营站—卧厂站）-八里铺</t>
  </si>
  <si>
    <t>【中铁房桥】成组砼岔枕\P60;1/12;专线3399;Ⅲ型\新朔段（丹洲营站—卧厂站）-八里铺</t>
  </si>
  <si>
    <t>【中铁房桥】成组砼岔枕\P60;1/18;单开;GLC(07)02-300\新朔段（丹洲营站—卧厂站）-八里铺</t>
  </si>
  <si>
    <t>【中铁房桥】成组砼岔枕\P60;1/18;单开;GLC(09)05-300\新朔段（丹洲营站—卧厂站）-八里铺</t>
  </si>
  <si>
    <t>【中铁房桥】成组砼岔枕\P60;1/9;5.0m组合;SC(07)460-1108\新朔段（丹洲营站—卧厂站）-八里铺</t>
  </si>
  <si>
    <t>【中铁房桥】成组砼岔枕\P60;1/9;5.0m组合;SC(07)460-1204\新朔段（丹洲营站—卧厂站）-八里铺</t>
  </si>
  <si>
    <t>【中铁房桥】成组砼岔枕\P60;1/9;5.0m组合;SC(07)460-1208\新朔段（丹洲营站—卧厂站）-八里铺</t>
  </si>
  <si>
    <t>【中铁房桥】成组砼岔枕\P60;1/9;5.0m组合;SC(07)460-1211\新朔段（丹洲营站—卧厂站）-八里铺</t>
  </si>
  <si>
    <t>【中铁房桥】成组砼岔枕\P60;1/9;5.3m交渡;CZ581Z\新朔段（丹洲营站—卧厂站）-八里铺</t>
  </si>
  <si>
    <t>【中铁房桥】成组砼岔枕\P60;1/9;单开;CZ577Z\新朔段（丹洲营站—卧厂站）-八里铺</t>
  </si>
  <si>
    <t>【中铁房桥】成组砼岔枕\P60;1/9;单开;专线(03)3366\新朔段（丹洲营站—卧厂站）-八里铺</t>
  </si>
  <si>
    <t>【中铁房桥】成组砼岔枕\P60;1/9;复交;SC450-500\新朔段（丹洲营站—卧厂站）-八里铺</t>
  </si>
  <si>
    <t>【中铁房桥】成组砼岔枕\P60;1/9;复式交分;CZ2504Z\新朔段（丹洲营站—卧厂站）-八里铺</t>
  </si>
  <si>
    <t>【中铁房桥】成组砼岔枕\P60;1/9;交渡;CZ580Z\新朔段（丹洲营站—卧厂站）-八里铺</t>
  </si>
  <si>
    <t>【中铁房桥】成组砼岔枕\P60;1/9;交渡;CZ582Z\新朔段（丹洲营站—卧厂站）-八里铺</t>
  </si>
  <si>
    <t>【中铁房桥】成组砼岔枕\P60;1/9;交渡;CZ583Z\新朔段（丹洲营站—卧厂站）-八里铺</t>
  </si>
  <si>
    <t>【中铁房桥】成组砼岔枕\P60;1/9;专线3366;右开\新朔段（丹洲营站—卧厂站）-八里铺</t>
  </si>
  <si>
    <t>【中铁房桥】成组砼岔枕\P60;1/9;专线3366;左开\新朔段（丹洲营站—卧厂站）-八里铺</t>
  </si>
  <si>
    <t>【中铁房桥】成组砼岔枕\P75;1/12;SC381-500\新朔段（丹洲营站—卧厂站）-八里铺</t>
  </si>
  <si>
    <t>【中铁房桥】成组砼岔枕\P75;1/12;SC443-500;交渡\新朔段（丹洲营站—卧厂站）-八里铺</t>
  </si>
  <si>
    <t>【中铁房桥】成组砼岔枕\P75;1/12;单开;SC559-500\新朔段（丹洲营站—卧厂站）-八里铺</t>
  </si>
  <si>
    <t>【中铁房桥】成组砼岔枕\P75;1/12;单开;研线1116-400\新朔段（丹洲营站—卧厂站）-八里铺</t>
  </si>
  <si>
    <t>【中铁房桥】成组砼岔枕\P75;1/12;交渡;SC444\新朔段（丹洲营站—卧厂站）-八里铺</t>
  </si>
  <si>
    <t>【中铁房桥】成组砼岔枕\P75;1/18;单开;SC488-500\新朔段（丹洲营站—卧厂站）-八里铺</t>
  </si>
  <si>
    <t>【中铁房桥】成组砼岔枕\P75;1/9;5.0m交渡;SC551\新朔段（丹洲营站—卧厂站）-八里铺</t>
  </si>
  <si>
    <t>【中铁房桥】电气绝缘枕\ⅢaZ型\新朔段（丹洲营站—卧厂站）-八里铺</t>
  </si>
  <si>
    <t>【中铁房桥】电容枕\ⅢA型/ⅢAD\新朔段（丹洲营站—卧厂站）-八里铺</t>
  </si>
  <si>
    <t>【中铁房桥】电容枕\新Ⅱ型/XⅡD\新朔段（丹洲营站—卧厂站）-八里铺</t>
  </si>
  <si>
    <t>【中铁房桥】电容枕\新Ⅱ型;2500mm;研线0308-1\新朔段（丹洲营站—卧厂站）-八里铺</t>
  </si>
  <si>
    <t>【中铁房桥】电容枕\新Ⅲ型桥枕;2600mm;研线0308-1\新朔段（丹洲营站—卧厂站）-八里铺</t>
  </si>
  <si>
    <t>【中铁房桥】砼岔枕\P50;1/12;13#;专线(01)3423\新朔段（丹洲营站—卧厂站）-八里铺</t>
  </si>
  <si>
    <t>【中铁房桥】砼岔枕\P50;1/12;21#;专线(01)3423\新朔段（丹洲营站—卧厂站）-八里铺</t>
  </si>
  <si>
    <t>【中铁房桥】砼岔枕\P50;1/12;5#;专线3355\新朔段（丹洲营站—卧厂站）-八里铺</t>
  </si>
  <si>
    <t>【中铁房桥】砼岔枕\P50;1/12;58#;专线3355\新朔段（丹洲营站—卧厂站）-八里铺</t>
  </si>
  <si>
    <t>【中铁房桥】砼岔枕\P50;1/9;20#;专线(03)3281\新朔段（丹洲营站—卧厂站）-八里铺</t>
  </si>
  <si>
    <t>【中铁房桥】砼岔枕\P50;1/9;3#;CZ2209\新朔段（丹洲营站—卧厂站）-八里铺</t>
  </si>
  <si>
    <t>【中铁房桥】砼岔枕\P50;1/9;39#;专线(03)3281\新朔段（丹洲营站—卧厂站）-八里铺</t>
  </si>
  <si>
    <t>【中铁房桥】砼岔枕\P50;1/9;48#;专线(03)3281\新朔段（丹洲营站—卧厂站）-八里铺</t>
  </si>
  <si>
    <t>【中铁房桥】砼岔枕\P50;1/9;49#;专线(03)3281\新朔段（丹洲营站—卧厂站）-八里铺</t>
  </si>
  <si>
    <t>【中铁房桥】砼岔枕\P50;1/9;52#;专线(03)3281\新朔段（丹洲营站—卧厂站）-八里铺</t>
  </si>
  <si>
    <t>【中铁房桥】砼岔枕\P50;1/9;单开31#;专线(03)3281\新朔段（丹洲营站—卧厂站）-八里铺</t>
  </si>
  <si>
    <t>【中铁房桥】砼岔枕\P50;1/9;单开32#;专线(03)3281\新朔段（丹洲营站—卧厂站）-八里铺</t>
  </si>
  <si>
    <t>【中铁房桥】砼岔枕\P50;1/9;单开33#;专线(03)3281\新朔段（丹洲营站—卧厂站）-八里铺</t>
  </si>
  <si>
    <t>【中铁房桥】砼岔枕\P50;1/9;单开34#;专线(03)3281\新朔段（丹洲营站—卧厂站）-八里铺</t>
  </si>
  <si>
    <t>【中铁房桥】砼岔枕\P50;1/9;单开35#;专线(03)3281\新朔段（丹洲营站—卧厂站）-八里铺</t>
  </si>
  <si>
    <t>【中铁房桥】砼岔枕\P50;1/9;单开36#;专线(03)3281\新朔段（丹洲营站—卧厂站）-八里铺</t>
  </si>
  <si>
    <t>【中铁房桥】砼岔枕\P50;1/9;单开37#;专线(03)3281\新朔段（丹洲营站—卧厂站）-八里铺</t>
  </si>
  <si>
    <t>【中铁房桥】砼岔枕\P60;1/12;1#;SC330-500\新朔段（丹洲营站—卧厂站）-八里铺</t>
  </si>
  <si>
    <t>【中铁房桥】砼岔枕\P60;1/12;1#;专线3399\新朔段（丹洲营站—卧厂站）-八里铺</t>
  </si>
  <si>
    <t>【中铁房桥】砼岔枕\P60;1/12;10#;专线3399\新朔段（丹洲营站—卧厂站）-八里铺</t>
  </si>
  <si>
    <t>【中铁房桥】砼岔枕\P60;1/12;11#;专线3399\新朔段（丹洲营站—卧厂站）-八里铺</t>
  </si>
  <si>
    <t>【中铁房桥】砼岔枕\P60;1/12;12#;专线3399\新朔段（丹洲营站—卧厂站）-八里铺</t>
  </si>
  <si>
    <t>【中铁房桥】砼岔枕\P60;1/12;13#;专线3399\新朔段（丹洲营站—卧厂站）-八里铺</t>
  </si>
  <si>
    <t>【中铁房桥】砼岔枕\P60;1/12;14#;专线3399\新朔段（丹洲营站—卧厂站）-八里铺</t>
  </si>
  <si>
    <t>【中铁房桥】砼岔枕\P60;1/12;15#;专线3399\新朔段（丹洲营站—卧厂站）-八里铺</t>
  </si>
  <si>
    <t>【中铁房桥】砼岔枕\P60;1/12;16#;专线3399\新朔段（丹洲营站—卧厂站）-八里铺</t>
  </si>
  <si>
    <t>【中铁房桥】砼岔枕\P60;1/12;17#;专线3399\新朔段（丹洲营站—卧厂站）-八里铺</t>
  </si>
  <si>
    <t>【中铁房桥】砼岔枕\P60;1/12;18#;专线3399\新朔段（丹洲营站—卧厂站）-八里铺</t>
  </si>
  <si>
    <t>【中铁房桥】砼岔枕\P60;1/12;19#;专线3399\新朔段（丹洲营站—卧厂站）-八里铺</t>
  </si>
  <si>
    <t>【中铁房桥】砼岔枕\P60;1/12;2#;专线3399\新朔段（丹洲营站—卧厂站）-八里铺</t>
  </si>
  <si>
    <t>【中铁房桥】砼岔枕\P60;1/12;23#;专线3399\新朔段（丹洲营站—卧厂站）-八里铺</t>
  </si>
  <si>
    <t>【中铁房桥】砼岔枕\P60;1/12;24#;专线3399\新朔段（丹洲营站—卧厂站）-八里铺</t>
  </si>
  <si>
    <t>【中铁房桥】砼岔枕\P60;1/12;25#;SC330-500\新朔段（丹洲营站—卧厂站）-八里铺</t>
  </si>
  <si>
    <t>【中铁房桥】砼岔枕\P60;1/12;25#;SC350\新朔段（丹洲营站—卧厂站）-八里铺</t>
  </si>
  <si>
    <t>【中铁房桥】砼岔枕\P60;1/12;25#;专线3399\新朔段（丹洲营站—卧厂站）-八里铺</t>
  </si>
  <si>
    <t>【中铁房桥】砼岔枕\P60;1/12;26#;SC330-500\新朔段（丹洲营站—卧厂站）-八里铺</t>
  </si>
  <si>
    <t>【中铁房桥】砼岔枕\P60;1/12;26#;SC350\新朔段（丹洲营站—卧厂站）-八里铺</t>
  </si>
  <si>
    <t>【中铁房桥】砼岔枕\P60;1/12;26#;专线3399\新朔段（丹洲营站—卧厂站）-八里铺</t>
  </si>
  <si>
    <t>【中铁房桥】砼岔枕\P60;1/12;27#;SC330-500\新朔段（丹洲营站—卧厂站）-八里铺</t>
  </si>
  <si>
    <t>【中铁房桥】砼岔枕\P60;1/12;27#;专线3399\新朔段（丹洲营站—卧厂站）-八里铺</t>
  </si>
  <si>
    <t>【中铁房桥】砼岔枕\P60;1/12;28#;SC330-500\新朔段（丹洲营站—卧厂站）-八里铺</t>
  </si>
  <si>
    <t>【中铁房桥】砼岔枕\P60;1/12;28#;专线3399\新朔段（丹洲营站—卧厂站）-八里铺</t>
  </si>
  <si>
    <t>【中铁房桥】砼岔枕\P60;1/12;28#;专线4228\新朔段（丹洲营站—卧厂站）-八里铺</t>
  </si>
  <si>
    <t>【中铁房桥】砼岔枕\P60;1/12;29#;SC330-500\新朔段（丹洲营站—卧厂站）-八里铺</t>
  </si>
  <si>
    <t>【中铁房桥】砼岔枕\P60;1/12;29#;专线3399\新朔段（丹洲营站—卧厂站）-八里铺</t>
  </si>
  <si>
    <t>【中铁房桥】砼岔枕\P60;1/12;30#;专线3399\新朔段（丹洲营站—卧厂站）-八里铺</t>
  </si>
  <si>
    <t>【中铁房桥】砼岔枕\P60;1/12;30#;专线4228\新朔段（丹洲营站—卧厂站）-八里铺</t>
  </si>
  <si>
    <t>【中铁房桥】砼岔枕\P60;1/12;32#;专线3399\新朔段（丹洲营站—卧厂站）-八里铺</t>
  </si>
  <si>
    <t>【中铁房桥】砼岔枕\P60;1/12;34#;专线3399\新朔段（丹洲营站—卧厂站）-八里铺</t>
  </si>
  <si>
    <t>【中铁房桥】砼岔枕\P60;1/12;36#;SC350\新朔段（丹洲营站—卧厂站）-八里铺</t>
  </si>
  <si>
    <t>【中铁房桥】砼岔枕\P60;1/12;37#;专线3399\新朔段（丹洲营站—卧厂站）-八里铺</t>
  </si>
  <si>
    <t>【中铁房桥】砼岔枕\P60;1/12;40#;专线3399\新朔段（丹洲营站—卧厂站）-八里铺</t>
  </si>
  <si>
    <t>【中铁房桥】砼岔枕\P60;1/12;41#;专线3399\新朔段（丹洲营站—卧厂站）-八里铺</t>
  </si>
  <si>
    <t>【中铁房桥】砼岔枕\P60;1/12;42#;专线3399\新朔段（丹洲营站—卧厂站）-八里铺</t>
  </si>
  <si>
    <t>【中铁房桥】砼岔枕\P60;1/12;43#;专线3399\新朔段（丹洲营站—卧厂站）-八里铺</t>
  </si>
  <si>
    <t>【中铁房桥】砼岔枕\P60;1/12;49#;SC330-500\新朔段（丹洲营站—卧厂站）-八里铺</t>
  </si>
  <si>
    <t>【中铁房桥】砼岔枕\P60;1/12;51#;专线3399\新朔段（丹洲营站—卧厂站）-八里铺</t>
  </si>
  <si>
    <t>【中铁房桥】砼岔枕\P60;1/12;52#;专线3399\新朔段（丹洲营站—卧厂站）-八里铺</t>
  </si>
  <si>
    <t>【中铁房桥】砼岔枕\P60;1/12;53#;SC330-500\新朔段（丹洲营站—卧厂站）-八里铺</t>
  </si>
  <si>
    <t>【中铁房桥】砼岔枕\P60;1/12;53#;专线3399\新朔段（丹洲营站—卧厂站）-八里铺</t>
  </si>
  <si>
    <t>【中铁房桥】砼岔枕\P60;1/12;53#;专线4228\新朔段（丹洲营站—卧厂站）-八里铺</t>
  </si>
  <si>
    <t>【中铁房桥】砼岔枕\P60;1/12;54#;SC330\新朔段（丹洲营站—卧厂站）-八里铺</t>
  </si>
  <si>
    <t>【中铁房桥】砼岔枕\P60;1/12;54#;专线3399\新朔段（丹洲营站—卧厂站）-八里铺</t>
  </si>
  <si>
    <t>【中铁房桥】砼岔枕\P60;1/12;55#;专线3399\新朔段（丹洲营站—卧厂站）-八里铺</t>
  </si>
  <si>
    <t>【中铁房桥】砼岔枕\P60;1/12;56#;专线3399\新朔段（丹洲营站—卧厂站）-八里铺</t>
  </si>
  <si>
    <t>【中铁房桥】砼岔枕\P60;1/12;57#;专线3399\新朔段（丹洲营站—卧厂站）-八里铺</t>
  </si>
  <si>
    <t>【中铁房桥】砼岔枕\P60;1/12;57#;专线4228\新朔段（丹洲营站—卧厂站）-八里铺</t>
  </si>
  <si>
    <t>【中铁房桥】砼岔枕\P60;1/12;58#;专线3399\新朔段（丹洲营站—卧厂站）-八里铺</t>
  </si>
  <si>
    <t>【中铁房桥】砼岔枕\P60;1/12;59#;专线3399\新朔段（丹洲营站—卧厂站）-八里铺</t>
  </si>
  <si>
    <t>【中铁房桥】砼岔枕\P60;1/12;60#;专线3399\新朔段（丹洲营站—卧厂站）-八里铺</t>
  </si>
  <si>
    <t>【中铁房桥】砼岔枕\P60;1/12;61#;专线3399\新朔段（丹洲营站—卧厂站）-八里铺</t>
  </si>
  <si>
    <t>【中铁房桥】砼岔枕\P60;1/12;62#;专线3399\新朔段（丹洲营站—卧厂站）-八里铺</t>
  </si>
  <si>
    <t>【中铁房桥】砼岔枕\P60;1/12;63#;SC330-500\新朔段（丹洲营站—卧厂站）-八里铺</t>
  </si>
  <si>
    <t>【中铁房桥】砼岔枕\P60;1/12;63#;SC340\新朔段（丹洲营站—卧厂站）-八里铺</t>
  </si>
  <si>
    <t>【中铁房桥】砼岔枕\P60;1/12;63#;专线3399\新朔段（丹洲营站—卧厂站）-八里铺</t>
  </si>
  <si>
    <t>【中铁房桥】砼岔枕\P60;1/12;63#;专线3402\新朔段（丹洲营站—卧厂站）-八里铺</t>
  </si>
  <si>
    <t>【中铁房桥】砼岔枕\P60;1/12;63#;专线4228\新朔段（丹洲营站—卧厂站）-八里铺</t>
  </si>
  <si>
    <t>【中铁房桥】砼岔枕\P60;1/12;63Z#;SC341-500\新朔段（丹洲营站—卧厂站）-八里铺</t>
  </si>
  <si>
    <t>【中铁房桥】砼岔枕\P60;1/12;64#;SC330\新朔段（丹洲营站—卧厂站）-八里铺</t>
  </si>
  <si>
    <t>【中铁房桥】砼岔枕\P60;1/12;64#;SC340\新朔段（丹洲营站—卧厂站）-八里铺</t>
  </si>
  <si>
    <t>【中铁房桥】砼岔枕\P60;1/12;64#;专线3399\新朔段（丹洲营站—卧厂站）-八里铺</t>
  </si>
  <si>
    <t>【中铁房桥】砼岔枕\P60;1/12;64#;专线3402\新朔段（丹洲营站—卧厂站）-八里铺</t>
  </si>
  <si>
    <t>【中铁房桥】砼岔枕\P60;1/12;64Z#;SC341-500\新朔段（丹洲营站—卧厂站）-八里铺</t>
  </si>
  <si>
    <t>【中铁房桥】砼岔枕\P60;1/12;65#;交渡;SC340C\新朔段（丹洲营站—卧厂站）-八里铺</t>
  </si>
  <si>
    <t>【中铁房桥】砼岔枕\P60;1/12;65#;专线3399\新朔段（丹洲营站—卧厂站）-八里铺</t>
  </si>
  <si>
    <t>【中铁房桥】砼岔枕\P60;1/12;66#;专线3399\新朔段（丹洲营站—卧厂站）-八里铺</t>
  </si>
  <si>
    <t>【中铁房桥】砼岔枕\P60;1/12;67#;专线3399\新朔段（丹洲营站—卧厂站）-八里铺</t>
  </si>
  <si>
    <t>【中铁房桥】砼岔枕\P60;1/12;68#;专线3399\新朔段（丹洲营站—卧厂站）-八里铺</t>
  </si>
  <si>
    <t>【中铁房桥】砼岔枕\P60;1/12;69#;专线3399\新朔段（丹洲营站—卧厂站）-八里铺</t>
  </si>
  <si>
    <t>【中铁房桥】砼岔枕\P60;1/12;73#;专线3402\新朔段（丹洲营站—卧厂站）-八里铺</t>
  </si>
  <si>
    <t>【中铁房桥】砼岔枕\P60;1/12;74#;专线3402\新朔段（丹洲营站—卧厂站）-八里铺</t>
  </si>
  <si>
    <t>【中铁房桥】砼岔枕\P60;1/18;21#;专线3386\新朔段（丹洲营站—卧厂站）-八里铺</t>
  </si>
  <si>
    <t>【中铁房桥】砼岔枕\P60;1/18;32#;专线3386\新朔段（丹洲营站—卧厂站）-八里铺</t>
  </si>
  <si>
    <t>【中铁房桥】砼岔枕\P60;1/18;33#;专线3386\新朔段（丹洲营站—卧厂站）-八里铺</t>
  </si>
  <si>
    <t>【中铁房桥】砼岔枕\P60;1/18;34#;专线3386\新朔段（丹洲营站—卧厂站）-八里铺</t>
  </si>
  <si>
    <t>【中铁房桥】砼岔枕\P60;1/18;71#;专线3386\新朔段（丹洲营站—卧厂站）-八里铺</t>
  </si>
  <si>
    <t>【中铁房桥】砼岔枕\P60;1/18;72#;专线3386\新朔段（丹洲营站—卧厂站）-八里铺</t>
  </si>
  <si>
    <t>【中铁房桥】砼岔枕\P60;1/9;34#;交渡;SC392C\新朔段（丹洲营站—卧厂站）-八里铺</t>
  </si>
  <si>
    <t>【中铁房桥】砼岔枕\P60;1/9;42#;专线(03)3366\新朔段（丹洲营站—卧厂站）-八里铺</t>
  </si>
  <si>
    <t>【中铁房桥】砼岔枕\P60;1/9;43#;专线(03)3366\新朔段（丹洲营站—卧厂站）-八里铺</t>
  </si>
  <si>
    <t>【中铁房桥】砼岔枕\P60;1/9;49#;SC390\新朔段（丹洲营站—卧厂站）-八里铺</t>
  </si>
  <si>
    <t>【中铁房桥】砼岔枕\P60;1/9;49#;专线(03)3366\新朔段（丹洲营站—卧厂站）-八里铺</t>
  </si>
  <si>
    <t>【中铁房桥】砼岔枕\P60;1/9;5#;SC390\新朔段（丹洲营站—卧厂站）-八里铺</t>
  </si>
  <si>
    <t>【中铁房桥】砼岔枕\P60;1/9;50#;SC390\新朔段（丹洲营站—卧厂站）-八里铺</t>
  </si>
  <si>
    <t>【中铁房桥】砼岔枕\P60;1/9;54#;专线(03)3366\新朔段（丹洲营站—卧厂站）-八里铺</t>
  </si>
  <si>
    <t>【中铁房桥】砼岔枕\P60;1/9;6#;SC390\新朔段（丹洲营站—卧厂站）-八里铺</t>
  </si>
  <si>
    <t>【中铁房桥】砼岔枕\P60;1/9;7#;SC390\新朔段（丹洲营站—卧厂站）-八里铺</t>
  </si>
  <si>
    <t>【中铁房桥】砼岔枕\P60;1/9;8#;SC390\新朔段（丹洲营站—卧厂站）-八里铺</t>
  </si>
  <si>
    <t>【中铁房桥】砼岔枕\P60;1/9;9#;SC390\新朔段（丹洲营站—卧厂站）-八里铺</t>
  </si>
  <si>
    <t>【中铁房桥】砼岔枕\P60;1/9;交渡12#;CZ581Z\新朔段（丹洲营站—卧厂站）-八里铺</t>
  </si>
  <si>
    <t>【中铁房桥】砼岔枕\P60;1/9;交渡16#;CZ581Z\新朔段（丹洲营站—卧厂站）-八里铺</t>
  </si>
  <si>
    <t>【中铁房桥】砼岔枕\P60;1/9;交渡22#;CZ580Z\新朔段（丹洲营站—卧厂站）-八里铺</t>
  </si>
  <si>
    <t>【中铁房桥】砼岔枕\P60;1/9;交渡23#;CZ581Z\新朔段（丹洲营站—卧厂站）-八里铺</t>
  </si>
  <si>
    <t>【中铁房桥】砼岔枕\P60;1/9;交渡24#;CZ581Z\新朔段（丹洲营站—卧厂站）-八里铺</t>
  </si>
  <si>
    <t>【中铁房桥】砼岔枕\P60;1/9;交渡25#;CZ581Z\新朔段（丹洲营站—卧厂站）-八里铺</t>
  </si>
  <si>
    <t>【中铁房桥】砼岔枕\P60;1/9;交渡40#;CZ580Z\新朔段（丹洲营站—卧厂站）-八里铺</t>
  </si>
  <si>
    <t>【中铁房桥】砼岔枕\P60;1/9;交渡44#;CZ581Z\新朔段（丹洲营站—卧厂站）-八里铺</t>
  </si>
  <si>
    <t>【中铁房桥】砼岔枕\P60;1/9;交渡49#;CZ581Z\新朔段（丹洲营站—卧厂站）-八里铺</t>
  </si>
  <si>
    <t>【中铁房桥】砼岔枕\P60;1/9;交渡50#;CZ581Z\新朔段（丹洲营站—卧厂站）-八里铺</t>
  </si>
  <si>
    <t>【中铁房桥】砼岔枕\P75;1/12;1#;SC559-500\新朔段（丹洲营站—卧厂站）-八里铺</t>
  </si>
  <si>
    <t>【中铁房桥】砼岔枕\P75;1/12;2#;SC559-500\新朔段（丹洲营站—卧厂站）-八里铺</t>
  </si>
  <si>
    <t>【中铁房桥】砼岔枕\P75;1/12;25#;SC559-500\新朔段（丹洲营站—卧厂站）-八里铺</t>
  </si>
  <si>
    <t>【中铁房桥】砼岔枕\P75;1/12;26#;SC559-500\新朔段（丹洲营站—卧厂站）-八里铺</t>
  </si>
  <si>
    <t>【中铁房桥】砼岔枕\P75;1/12;27#;SC559-500\新朔段（丹洲营站—卧厂站）-八里铺</t>
  </si>
  <si>
    <t>【中铁房桥】砼岔枕\P75;1/12;28#;SC559-500\新朔段（丹洲营站—卧厂站）-八里铺</t>
  </si>
  <si>
    <t>【中铁房桥】砼岔枕\P75;1/12;29#;SC559-500\新朔段（丹洲营站—卧厂站）-八里铺</t>
  </si>
  <si>
    <t>【中铁房桥】砼岔枕\P75;1/12;3#;SC559-500\新朔段（丹洲营站—卧厂站）-八里铺</t>
  </si>
  <si>
    <t>【中铁房桥】砼岔枕\P75;1/12;30#;SC559-500\新朔段（丹洲营站—卧厂站）-八里铺</t>
  </si>
  <si>
    <t>【中铁房桥】砼岔枕\P75;1/12;31#;SC559-500\新朔段（丹洲营站—卧厂站）-八里铺</t>
  </si>
  <si>
    <t>【中铁房桥】砼岔枕\P75;1/12;39#;SC559-500\新朔段（丹洲营站—卧厂站）-八里铺</t>
  </si>
  <si>
    <t>【中铁房桥】砼岔枕\P75;1/12;40#;SC559-500\新朔段（丹洲营站—卧厂站）-八里铺</t>
  </si>
  <si>
    <t>【中铁房桥】砼岔枕\P75;1/12;5.3m交渡;CZ716\新朔段（丹洲营站—卧厂站）-八里铺</t>
  </si>
  <si>
    <t>【中铁房桥】砼岔枕\P75;1/12;50#;SC559-500\新朔段（丹洲营站—卧厂站）-八里铺</t>
  </si>
  <si>
    <t>【中铁房桥】砼岔枕\P75;1/12;51#;SC559-500\新朔段（丹洲营站—卧厂站）-八里铺</t>
  </si>
  <si>
    <t>【中铁房桥】砼岔枕\P75;1/12;52#;SC559-500\新朔段（丹洲营站—卧厂站）-八里铺</t>
  </si>
  <si>
    <t>【中铁房桥】砼岔枕\P75;1/12;53#;SC559-500\新朔段（丹洲营站—卧厂站）-八里铺</t>
  </si>
  <si>
    <t>【中铁房桥】砼岔枕\P75;1/12;54#;SC559-500\新朔段（丹洲营站—卧厂站）-八里铺</t>
  </si>
  <si>
    <t>【中铁房桥】砼岔枕\P75;1/12;55#;SC559-500\新朔段（丹洲营站—卧厂站）-八里铺</t>
  </si>
  <si>
    <t>【中铁房桥】砼岔枕\P75;1/12;56#;SC559-500\新朔段（丹洲营站—卧厂站）-八里铺</t>
  </si>
  <si>
    <t>【中铁房桥】砼岔枕\P75;1/12;60#;SC559-500\新朔段（丹洲营站—卧厂站）-八里铺</t>
  </si>
  <si>
    <t>【中铁房桥】砼岔枕\P75;1/12;61#;SC559-500\新朔段（丹洲营站—卧厂站）-八里铺</t>
  </si>
  <si>
    <t>【中铁房桥】砼岔枕\P75;1/12;62#;SC559-500\新朔段（丹洲营站—卧厂站）-八里铺</t>
  </si>
  <si>
    <t>【中铁房桥】砼岔枕\P75;1/12;63#;SC559-500\新朔段（丹洲营站—卧厂站）-八里铺</t>
  </si>
  <si>
    <t>【中铁房桥】砼岔枕\P75;1/12;64#;SC559-500\新朔段（丹洲营站—卧厂站）-八里铺</t>
  </si>
  <si>
    <t>【中铁房桥】砼岔枕\P75;1/12;65#;SC559-500\新朔段（丹洲营站—卧厂站）-八里铺</t>
  </si>
  <si>
    <t>【中铁房桥】砼岔枕\P75;1/12;66#;SC559-500\新朔段（丹洲营站—卧厂站）-八里铺</t>
  </si>
  <si>
    <t>【中铁房桥】砼岔枕\P75;1/12;67#;SC559-500\新朔段（丹洲营站—卧厂站）-八里铺</t>
  </si>
  <si>
    <t>【中铁房桥】砼岔枕\P75;1/12;68#;SC559-500\新朔段（丹洲营站—卧厂站）-八里铺</t>
  </si>
  <si>
    <t>【中铁房桥】砼岔枕\P75;1/12;80#;SC559-500\新朔段（丹洲营站—卧厂站）-八里铺</t>
  </si>
  <si>
    <t>【中铁房桥】砼岔枕\P75;1/12;81#;SC559-500\新朔段（丹洲营站—卧厂站）-八里铺</t>
  </si>
  <si>
    <t>【中铁房桥】砼岔枕\P75;1/12;单开;专线4228\新朔段（丹洲营站—卧厂站）-八里铺</t>
  </si>
  <si>
    <t>【中铁房桥】砼桥枕\ⅡZQ-C型0#\新朔段（丹洲营站—卧厂站）-八里铺</t>
  </si>
  <si>
    <t>【中铁房桥】砼桥枕\Ⅲ型\新朔段（丹洲营站—卧厂站）-八里铺</t>
  </si>
  <si>
    <t>【中铁房桥】砼桥枕\梭头;新Ⅲ型;1#\新朔段（丹洲营站—卧厂站）-八里铺</t>
  </si>
  <si>
    <t>【中铁房桥】砼桥枕\梭头;新Ⅲ型;2#\新朔段（丹洲营站—卧厂站）-八里铺</t>
  </si>
  <si>
    <t>【中铁房桥】砼桥枕\梭头;新Ⅲ型;3#\新朔段（丹洲营站—卧厂站）-八里铺</t>
  </si>
  <si>
    <t>【中铁房桥】砼桥枕\梭头;新Ⅲ型;4#\新朔段（丹洲营站—卧厂站）-八里铺</t>
  </si>
  <si>
    <t>【中铁房桥】砼桥枕\新Ⅲ型\新朔段（丹洲营站—卧厂站）-八里铺</t>
  </si>
  <si>
    <t>【中铁房桥】砼桥枕\专线3448;弹性;新Ⅲ型\新朔段（丹洲营站—卧厂站）-八里铺</t>
  </si>
  <si>
    <t>【中铁房桥】砼桥枕\专线3448;弹性;新Ⅲ型;1#\新朔段（丹洲营站—卧厂站）-八里铺</t>
  </si>
  <si>
    <t>【中铁房桥】砼桥枕\专线3448;弹性;新Ⅲ型;2#\新朔段（丹洲营站—卧厂站）-八里铺</t>
  </si>
  <si>
    <t>【中铁房桥】砼桥枕\专线3448;弹性;新Ⅲ型;3#\新朔段（丹洲营站—卧厂站）-八里铺</t>
  </si>
  <si>
    <t>【中铁房桥】砼桥枕\专线3448;弹性;新Ⅲ型;4#\新朔段（丹洲营站—卧厂站）-八里铺</t>
  </si>
  <si>
    <t>【中铁房桥】砼枕\X-Ⅱ型\新朔段（丹洲营站—卧厂站）-八里铺</t>
  </si>
  <si>
    <t>【中铁房桥】砼枕\YⅡ-F\新朔段（丹洲营站—卧厂站）-八里铺</t>
  </si>
  <si>
    <t>【中铁房桥】砼枕\弹性;ⅢA型\新朔段（丹洲营站—卧厂站）-八里铺</t>
  </si>
  <si>
    <t>【中铁房桥】砼枕\专线3393;ⅢA型\新朔段（丹洲营站—卧厂站）-八里铺</t>
  </si>
  <si>
    <t>【中铁房桥】成组砼岔枕\P50;1/12;5.0m交渡;专线(03)3424\新朔段（丹洲营站—卧厂站）-高家堡</t>
  </si>
  <si>
    <t>GNWZBP(TH)ZECG2020-219</t>
  </si>
  <si>
    <t>国家能源e购商城中铁房桥轨枕配件铺货采购合同-新朔段（丹洲营站—卧厂站）-高家堡</t>
  </si>
  <si>
    <t>【中铁房桥】成组砼岔枕\P50;1/12;单开;专线(01)3423\新朔段（丹洲营站—卧厂站）-高家堡</t>
  </si>
  <si>
    <t>【中铁房桥】成组砼岔枕\P50;1/12;复交;CZ2220Z\新朔段（丹洲营站—卧厂站）-高家堡</t>
  </si>
  <si>
    <t>【中铁房桥】成组砼岔枕\P50;1/12;专线3355\新朔段（丹洲营站—卧厂站）-高家堡</t>
  </si>
  <si>
    <t>【中铁房桥】成组砼岔枕\P50;1/12;专线4257\新朔段（丹洲营站—卧厂站）-高家堡</t>
  </si>
  <si>
    <t>【中铁房桥】成组砼岔枕\P50;1/6;5.0m交渡;SC432-500\新朔段（丹洲营站—卧厂站）-高家堡</t>
  </si>
  <si>
    <t>【中铁房桥】成组砼岔枕\P50;1/6;对称;SC384\新朔段（丹洲营站—卧厂站）-高家堡</t>
  </si>
  <si>
    <t>【中铁房桥】成组砼岔枕\P50;1/6;对称;右开;SC384-500\新朔段（丹洲营站—卧厂站）-高家堡</t>
  </si>
  <si>
    <t>【中铁房桥】成组砼岔枕\P50;1/6;对称;左开;SC384-500\新朔段（丹洲营站—卧厂站）-高家堡</t>
  </si>
  <si>
    <t>【中铁房桥】成组砼岔枕\P50;1/9;5.0m交渡;CZ2210\新朔段（丹洲营站—卧厂站）-高家堡</t>
  </si>
  <si>
    <t>【中铁房桥】成组砼岔枕\P50;1/9;5.0m交渡;SC580\新朔段（丹洲营站—卧厂站）-高家堡</t>
  </si>
  <si>
    <t>【中铁房桥】成组砼岔枕\P50;1/9;5.0m交渡;专线(02)3428\新朔段（丹洲营站—卧厂站）-高家堡</t>
  </si>
  <si>
    <t>【中铁房桥】成组砼岔枕\P50;1/9;5.0m交渡;专线(02)7663\新朔段（丹洲营站—卧厂站）-高家堡</t>
  </si>
  <si>
    <t>【中铁房桥】成组砼岔枕\P50;1/9;CZ2209A\新朔段（丹洲营站—卧厂站）-高家堡</t>
  </si>
  <si>
    <t>【中铁房桥】成组砼岔枕\P50;1/9;单开;CZ2209Z\新朔段（丹洲营站—卧厂站）-高家堡</t>
  </si>
  <si>
    <t>【中铁房桥】成组砼岔枕\P50;1/9;单开;专线(03)3281\新朔段（丹洲营站—卧厂站）-高家堡</t>
  </si>
  <si>
    <t>【中铁房桥】成组砼岔枕\P50;1/9;复交;CZ2214Z\新朔段（丹洲营站—卧厂站）-高家堡</t>
  </si>
  <si>
    <t>【中铁房桥】成组砼岔枕\P50;1/9;复交;专线(04)3443\新朔段（丹洲营站—卧厂站）-高家堡</t>
  </si>
  <si>
    <t>【中铁房桥】成组砼岔枕\P50;1/9;交渡;CZ2213Z\新朔段（丹洲营站—卧厂站）-高家堡</t>
  </si>
  <si>
    <t>【中铁房桥】成组砼岔枕\P50;1/9;交渡;SC571-1101\新朔段（丹洲营站—卧厂站）-高家堡</t>
  </si>
  <si>
    <t>【中铁房桥】成组砼岔枕\P50;1/9;交渡;专线(03)3431\新朔段（丹洲营站—卧厂站）-高家堡</t>
  </si>
  <si>
    <t>【中铁房桥】成组砼岔枕\P60;1/12;5.5m交渡;SC342-500\新朔段（丹洲营站—卧厂站）-高家堡</t>
  </si>
  <si>
    <t>【中铁房桥】成组砼岔枕\P60;1/12;6.5m交渡;专线3413\新朔段（丹洲营站—卧厂站）-高家堡</t>
  </si>
  <si>
    <t>【中铁房桥】成组砼岔枕\P60;1/12;单开;SC330-500\新朔段（丹洲营站—卧厂站）-高家堡</t>
  </si>
  <si>
    <t>【中铁房桥】成组砼岔枕\P60;1/12;渡线;专线3402;Ⅲ型\新朔段（丹洲营站—卧厂站）-高家堡</t>
  </si>
  <si>
    <t>【中铁房桥】成组砼岔枕\P60;1/12;复交;SC350\新朔段（丹洲营站—卧厂站）-高家堡</t>
  </si>
  <si>
    <t>【中铁房桥】成组砼岔枕\P60;1/12;交渡;SC340-500\新朔段（丹洲营站—卧厂站）-高家堡</t>
  </si>
  <si>
    <t>【中铁房桥】成组砼岔枕\P60;1/12;交渡;SC342-500\新朔段（丹洲营站—卧厂站）-高家堡</t>
  </si>
  <si>
    <t>【中铁房桥】成组砼岔枕\P60;1/12;砼;单开;专线4249\新朔段（丹洲营站—卧厂站）-高家堡</t>
  </si>
  <si>
    <t>【中铁房桥】成组砼岔枕\P60;1/12;专线3399;Ⅲ型\新朔段（丹洲营站—卧厂站）-高家堡</t>
  </si>
  <si>
    <t>【中铁房桥】成组砼岔枕\P60;1/18;单开;GLC(07)02-300\新朔段（丹洲营站—卧厂站）-高家堡</t>
  </si>
  <si>
    <t>【中铁房桥】成组砼岔枕\P60;1/18;单开;GLC(09)05-300\新朔段（丹洲营站—卧厂站）-高家堡</t>
  </si>
  <si>
    <t>【中铁房桥】成组砼岔枕\P60;1/9;5.0m组合;SC(07)460-1108\新朔段（丹洲营站—卧厂站）-高家堡</t>
  </si>
  <si>
    <t>【中铁房桥】成组砼岔枕\P60;1/9;5.0m组合;SC(07)460-1204\新朔段（丹洲营站—卧厂站）-高家堡</t>
  </si>
  <si>
    <t>【中铁房桥】成组砼岔枕\P60;1/9;5.0m组合;SC(07)460-1208\新朔段（丹洲营站—卧厂站）-高家堡</t>
  </si>
  <si>
    <t>【中铁房桥】成组砼岔枕\P60;1/9;5.0m组合;SC(07)460-1211\新朔段（丹洲营站—卧厂站）-高家堡</t>
  </si>
  <si>
    <t>【中铁房桥】成组砼岔枕\P60;1/9;5.3m交渡;CZ581Z\新朔段（丹洲营站—卧厂站）-高家堡</t>
  </si>
  <si>
    <t>【中铁房桥】成组砼岔枕\P60;1/9;单开;CZ577Z\新朔段（丹洲营站—卧厂站）-高家堡</t>
  </si>
  <si>
    <t>【中铁房桥】成组砼岔枕\P60;1/9;单开;专线(03)3366\新朔段（丹洲营站—卧厂站）-高家堡</t>
  </si>
  <si>
    <t>【中铁房桥】成组砼岔枕\P60;1/9;复交;SC450-500\新朔段（丹洲营站—卧厂站）-高家堡</t>
  </si>
  <si>
    <t>【中铁房桥】成组砼岔枕\P60;1/9;复式交分;CZ2504Z\新朔段（丹洲营站—卧厂站）-高家堡</t>
  </si>
  <si>
    <t>【中铁房桥】成组砼岔枕\P60;1/9;交渡;CZ580Z\新朔段（丹洲营站—卧厂站）-高家堡</t>
  </si>
  <si>
    <t>【中铁房桥】成组砼岔枕\P60;1/9;交渡;CZ582Z\新朔段（丹洲营站—卧厂站）-高家堡</t>
  </si>
  <si>
    <t>【中铁房桥】成组砼岔枕\P60;1/9;交渡;CZ583Z\新朔段（丹洲营站—卧厂站）-高家堡</t>
  </si>
  <si>
    <t>【中铁房桥】成组砼岔枕\P60;1/9;专线3366;右开\新朔段（丹洲营站—卧厂站）-高家堡</t>
  </si>
  <si>
    <t>【中铁房桥】成组砼岔枕\P60;1/9;专线3366;左开\新朔段（丹洲营站—卧厂站）-高家堡</t>
  </si>
  <si>
    <t>【中铁房桥】成组砼岔枕\P75;1/12;SC381-500\新朔段（丹洲营站—卧厂站）-高家堡</t>
  </si>
  <si>
    <t>【中铁房桥】成组砼岔枕\P75;1/12;SC443-500;交渡\新朔段（丹洲营站—卧厂站）-高家堡</t>
  </si>
  <si>
    <t>【中铁房桥】成组砼岔枕\P75;1/12;单开;SC559-500\新朔段（丹洲营站—卧厂站）-高家堡</t>
  </si>
  <si>
    <t>【中铁房桥】成组砼岔枕\P75;1/12;单开;研线1116-400\新朔段（丹洲营站—卧厂站）-高家堡</t>
  </si>
  <si>
    <t>【中铁房桥】成组砼岔枕\P75;1/12;交渡;SC444\新朔段（丹洲营站—卧厂站）-高家堡</t>
  </si>
  <si>
    <t>【中铁房桥】成组砼岔枕\P75;1/18;单开;SC488-500\新朔段（丹洲营站—卧厂站）-高家堡</t>
  </si>
  <si>
    <t>【中铁房桥】成组砼岔枕\P75;1/9;5.0m交渡;SC551\新朔段（丹洲营站—卧厂站）-高家堡</t>
  </si>
  <si>
    <t>【中铁房桥】电气绝缘枕\ⅢaZ型\新朔段（丹洲营站—卧厂站）-高家堡</t>
  </si>
  <si>
    <t>【中铁房桥】电容枕\ⅢA型/ⅢAD\新朔段（丹洲营站—卧厂站）-高家堡</t>
  </si>
  <si>
    <t>【中铁房桥】电容枕\新Ⅱ型/XⅡD\新朔段（丹洲营站—卧厂站）-高家堡</t>
  </si>
  <si>
    <t>【中铁房桥】电容枕\新Ⅱ型;2500mm;研线0308-1\新朔段（丹洲营站—卧厂站）-高家堡</t>
  </si>
  <si>
    <t>【中铁房桥】电容枕\新Ⅲ型桥枕;2600mm;研线0308-1\新朔段（丹洲营站—卧厂站）-高家堡</t>
  </si>
  <si>
    <t>【中铁房桥】砼岔枕\P50;1/12;13#;专线(01)3423\新朔段（丹洲营站—卧厂站）-高家堡</t>
  </si>
  <si>
    <t>【中铁房桥】砼岔枕\P50;1/12;21#;专线(01)3423\新朔段（丹洲营站—卧厂站）-高家堡</t>
  </si>
  <si>
    <t>【中铁房桥】砼岔枕\P50;1/12;5#;专线3355\新朔段（丹洲营站—卧厂站）-高家堡</t>
  </si>
  <si>
    <t>【中铁房桥】砼岔枕\P50;1/12;58#;专线3355\新朔段（丹洲营站—卧厂站）-高家堡</t>
  </si>
  <si>
    <t>【中铁房桥】砼岔枕\P50;1/9;20#;专线(03)3281\新朔段（丹洲营站—卧厂站）-高家堡</t>
  </si>
  <si>
    <t>【中铁房桥】砼岔枕\P50;1/9;3#;CZ2209\新朔段（丹洲营站—卧厂站）-高家堡</t>
  </si>
  <si>
    <t>【中铁房桥】砼岔枕\P50;1/9;39#;专线(03)3281\新朔段（丹洲营站—卧厂站）-高家堡</t>
  </si>
  <si>
    <t>【中铁房桥】砼岔枕\P50;1/9;48#;专线(03)3281\新朔段（丹洲营站—卧厂站）-高家堡</t>
  </si>
  <si>
    <t>【中铁房桥】砼岔枕\P50;1/9;49#;专线(03)3281\新朔段（丹洲营站—卧厂站）-高家堡</t>
  </si>
  <si>
    <t>【中铁房桥】砼岔枕\P50;1/9;52#;专线(03)3281\新朔段（丹洲营站—卧厂站）-高家堡</t>
  </si>
  <si>
    <t>【中铁房桥】砼岔枕\P50;1/9;单开31#;专线(03)3281\新朔段（丹洲营站—卧厂站）-高家堡</t>
  </si>
  <si>
    <t>【中铁房桥】砼岔枕\P50;1/9;单开32#;专线(03)3281\新朔段（丹洲营站—卧厂站）-高家堡</t>
  </si>
  <si>
    <t>【中铁房桥】砼岔枕\P50;1/9;单开33#;专线(03)3281\新朔段（丹洲营站—卧厂站）-高家堡</t>
  </si>
  <si>
    <t>【中铁房桥】砼岔枕\P50;1/9;单开34#;专线(03)3281\新朔段（丹洲营站—卧厂站）-高家堡</t>
  </si>
  <si>
    <t>【中铁房桥】砼岔枕\P50;1/9;单开35#;专线(03)3281\新朔段（丹洲营站—卧厂站）-高家堡</t>
  </si>
  <si>
    <t>【中铁房桥】砼岔枕\P50;1/9;单开36#;专线(03)3281\新朔段（丹洲营站—卧厂站）-高家堡</t>
  </si>
  <si>
    <t>【中铁房桥】砼岔枕\P50;1/9;单开37#;专线(03)3281\新朔段（丹洲营站—卧厂站）-高家堡</t>
  </si>
  <si>
    <t>【中铁房桥】砼岔枕\P60;1/12;1#;SC330-500\新朔段（丹洲营站—卧厂站）-高家堡</t>
  </si>
  <si>
    <t>【中铁房桥】砼岔枕\P60;1/12;1#;专线3399\新朔段（丹洲营站—卧厂站）-高家堡</t>
  </si>
  <si>
    <t>【中铁房桥】砼岔枕\P60;1/12;10#;专线3399\新朔段（丹洲营站—卧厂站）-高家堡</t>
  </si>
  <si>
    <t>【中铁房桥】砼岔枕\P60;1/12;11#;专线3399\新朔段（丹洲营站—卧厂站）-高家堡</t>
  </si>
  <si>
    <t>【中铁房桥】砼岔枕\P60;1/12;12#;专线3399\新朔段（丹洲营站—卧厂站）-高家堡</t>
  </si>
  <si>
    <t>【中铁房桥】砼岔枕\P60;1/12;13#;专线3399\新朔段（丹洲营站—卧厂站）-高家堡</t>
  </si>
  <si>
    <t>【中铁房桥】砼岔枕\P60;1/12;14#;专线3399\新朔段（丹洲营站—卧厂站）-高家堡</t>
  </si>
  <si>
    <t>【中铁房桥】砼岔枕\P60;1/12;15#;专线3399\新朔段（丹洲营站—卧厂站）-高家堡</t>
  </si>
  <si>
    <t>【中铁房桥】砼岔枕\P60;1/12;16#;专线3399\新朔段（丹洲营站—卧厂站）-高家堡</t>
  </si>
  <si>
    <t>【中铁房桥】砼岔枕\P60;1/12;17#;专线3399\新朔段（丹洲营站—卧厂站）-高家堡</t>
  </si>
  <si>
    <t>【中铁房桥】砼岔枕\P60;1/12;18#;专线3399\新朔段（丹洲营站—卧厂站）-高家堡</t>
  </si>
  <si>
    <t>【中铁房桥】砼岔枕\P60;1/12;19#;专线3399\新朔段（丹洲营站—卧厂站）-高家堡</t>
  </si>
  <si>
    <t>【中铁房桥】砼岔枕\P60;1/12;2#;专线3399\新朔段（丹洲营站—卧厂站）-高家堡</t>
  </si>
  <si>
    <t>【中铁房桥】砼岔枕\P60;1/12;23#;专线3399\新朔段（丹洲营站—卧厂站）-高家堡</t>
  </si>
  <si>
    <t>【中铁房桥】砼岔枕\P60;1/12;24#;专线3399\新朔段（丹洲营站—卧厂站）-高家堡</t>
  </si>
  <si>
    <t>【中铁房桥】砼岔枕\P60;1/12;25#;SC330-500\新朔段（丹洲营站—卧厂站）-高家堡</t>
  </si>
  <si>
    <t>【中铁房桥】砼岔枕\P60;1/12;25#;SC350\新朔段（丹洲营站—卧厂站）-高家堡</t>
  </si>
  <si>
    <t>【中铁房桥】砼岔枕\P60;1/12;25#;专线3399\新朔段（丹洲营站—卧厂站）-高家堡</t>
  </si>
  <si>
    <t>【中铁房桥】砼岔枕\P60;1/12;26#;SC330-500\新朔段（丹洲营站—卧厂站）-高家堡</t>
  </si>
  <si>
    <t>【中铁房桥】砼岔枕\P60;1/12;26#;SC350\新朔段（丹洲营站—卧厂站）-高家堡</t>
  </si>
  <si>
    <t>【中铁房桥】砼岔枕\P60;1/12;26#;专线3399\新朔段（丹洲营站—卧厂站）-高家堡</t>
  </si>
  <si>
    <t>【中铁房桥】砼岔枕\P60;1/12;27#;SC330-500\新朔段（丹洲营站—卧厂站）-高家堡</t>
  </si>
  <si>
    <t>【中铁房桥】砼岔枕\P60;1/12;27#;专线3399\新朔段（丹洲营站—卧厂站）-高家堡</t>
  </si>
  <si>
    <t>【中铁房桥】砼岔枕\P60;1/12;28#;SC330-500\新朔段（丹洲营站—卧厂站）-高家堡</t>
  </si>
  <si>
    <t>【中铁房桥】砼岔枕\P60;1/12;28#;专线3399\新朔段（丹洲营站—卧厂站）-高家堡</t>
  </si>
  <si>
    <t>【中铁房桥】砼岔枕\P60;1/12;28#;专线4228\新朔段（丹洲营站—卧厂站）-高家堡</t>
  </si>
  <si>
    <t>【中铁房桥】砼岔枕\P60;1/12;29#;SC330-500\新朔段（丹洲营站—卧厂站）-高家堡</t>
  </si>
  <si>
    <t>【中铁房桥】砼岔枕\P60;1/12;29#;专线3399\新朔段（丹洲营站—卧厂站）-高家堡</t>
  </si>
  <si>
    <t>【中铁房桥】砼岔枕\P60;1/12;30#;专线3399\新朔段（丹洲营站—卧厂站）-高家堡</t>
  </si>
  <si>
    <t>【中铁房桥】砼岔枕\P60;1/12;30#;专线4228\新朔段（丹洲营站—卧厂站）-高家堡</t>
  </si>
  <si>
    <t>【中铁房桥】砼岔枕\P60;1/12;32#;专线3399\新朔段（丹洲营站—卧厂站）-高家堡</t>
  </si>
  <si>
    <t>【中铁房桥】砼岔枕\P60;1/12;34#;专线3399\新朔段（丹洲营站—卧厂站）-高家堡</t>
  </si>
  <si>
    <t>【中铁房桥】砼岔枕\P60;1/12;36#;SC350\新朔段（丹洲营站—卧厂站）-高家堡</t>
  </si>
  <si>
    <t>【中铁房桥】砼岔枕\P60;1/12;37#;专线3399\新朔段（丹洲营站—卧厂站）-高家堡</t>
  </si>
  <si>
    <t>【中铁房桥】砼岔枕\P60;1/12;40#;专线3399\新朔段（丹洲营站—卧厂站）-高家堡</t>
  </si>
  <si>
    <t>【中铁房桥】砼岔枕\P60;1/12;41#;专线3399\新朔段（丹洲营站—卧厂站）-高家堡</t>
  </si>
  <si>
    <t>【中铁房桥】砼岔枕\P60;1/12;42#;专线3399\新朔段（丹洲营站—卧厂站）-高家堡</t>
  </si>
  <si>
    <t>【中铁房桥】砼岔枕\P60;1/12;43#;专线3399\新朔段（丹洲营站—卧厂站）-高家堡</t>
  </si>
  <si>
    <t>【中铁房桥】砼岔枕\P60;1/12;49#;SC330-500\新朔段（丹洲营站—卧厂站）-高家堡</t>
  </si>
  <si>
    <t>【中铁房桥】砼岔枕\P60;1/12;51#;专线3399\新朔段（丹洲营站—卧厂站）-高家堡</t>
  </si>
  <si>
    <t>【中铁房桥】砼岔枕\P60;1/12;52#;专线3399\新朔段（丹洲营站—卧厂站）-高家堡</t>
  </si>
  <si>
    <t>【中铁房桥】砼岔枕\P60;1/12;53#;SC330-500\新朔段（丹洲营站—卧厂站）-高家堡</t>
  </si>
  <si>
    <t>【中铁房桥】砼岔枕\P60;1/12;53#;专线3399\新朔段（丹洲营站—卧厂站）-高家堡</t>
  </si>
  <si>
    <t>【中铁房桥】砼岔枕\P60;1/12;53#;专线4228\新朔段（丹洲营站—卧厂站）-高家堡</t>
  </si>
  <si>
    <t>【中铁房桥】砼岔枕\P60;1/12;54#;SC330\新朔段（丹洲营站—卧厂站）-高家堡</t>
  </si>
  <si>
    <t>【中铁房桥】砼岔枕\P60;1/12;54#;专线3399\新朔段（丹洲营站—卧厂站）-高家堡</t>
  </si>
  <si>
    <t>【中铁房桥】砼岔枕\P60;1/12;55#;专线3399\新朔段（丹洲营站—卧厂站）-高家堡</t>
  </si>
  <si>
    <t>【中铁房桥】砼岔枕\P60;1/12;56#;专线3399\新朔段（丹洲营站—卧厂站）-高家堡</t>
  </si>
  <si>
    <t>【中铁房桥】砼岔枕\P60;1/12;57#;专线3399\新朔段（丹洲营站—卧厂站）-高家堡</t>
  </si>
  <si>
    <t>【中铁房桥】砼岔枕\P60;1/12;57#;专线4228\新朔段（丹洲营站—卧厂站）-高家堡</t>
  </si>
  <si>
    <t>【中铁房桥】砼岔枕\P60;1/12;58#;专线3399\新朔段（丹洲营站—卧厂站）-高家堡</t>
  </si>
  <si>
    <t>【中铁房桥】砼岔枕\P60;1/12;59#;专线3399\新朔段（丹洲营站—卧厂站）-高家堡</t>
  </si>
  <si>
    <t>【中铁房桥】砼岔枕\P60;1/12;60#;专线3399\新朔段（丹洲营站—卧厂站）-高家堡</t>
  </si>
  <si>
    <t>【中铁房桥】砼岔枕\P60;1/12;61#;专线3399\新朔段（丹洲营站—卧厂站）-高家堡</t>
  </si>
  <si>
    <t>【中铁房桥】砼岔枕\P60;1/12;62#;专线3399\新朔段（丹洲营站—卧厂站）-高家堡</t>
  </si>
  <si>
    <t>【中铁房桥】砼岔枕\P60;1/12;63#;SC330-500\新朔段（丹洲营站—卧厂站）-高家堡</t>
  </si>
  <si>
    <t>【中铁房桥】砼岔枕\P60;1/12;63#;SC340\新朔段（丹洲营站—卧厂站）-高家堡</t>
  </si>
  <si>
    <t>【中铁房桥】砼岔枕\P60;1/12;63#;专线3399\新朔段（丹洲营站—卧厂站）-高家堡</t>
  </si>
  <si>
    <t>【中铁房桥】砼岔枕\P60;1/12;63#;专线3402\新朔段（丹洲营站—卧厂站）-高家堡</t>
  </si>
  <si>
    <t>【中铁房桥】砼岔枕\P60;1/12;63#;专线4228\新朔段（丹洲营站—卧厂站）-高家堡</t>
  </si>
  <si>
    <t>【中铁房桥】砼岔枕\P60;1/12;63Z#;SC341-500\新朔段（丹洲营站—卧厂站）-高家堡</t>
  </si>
  <si>
    <t>【中铁房桥】砼岔枕\P60;1/12;64#;SC330\新朔段（丹洲营站—卧厂站）-高家堡</t>
  </si>
  <si>
    <t>【中铁房桥】砼岔枕\P60;1/12;64#;SC340\新朔段（丹洲营站—卧厂站）-高家堡</t>
  </si>
  <si>
    <t>【中铁房桥】砼岔枕\P60;1/12;64#;专线3399\新朔段（丹洲营站—卧厂站）-高家堡</t>
  </si>
  <si>
    <t>【中铁房桥】砼岔枕\P60;1/12;64#;专线3402\新朔段（丹洲营站—卧厂站）-高家堡</t>
  </si>
  <si>
    <t>【中铁房桥】砼岔枕\P60;1/12;64Z#;SC341-500\新朔段（丹洲营站—卧厂站）-高家堡</t>
  </si>
  <si>
    <t>【中铁房桥】砼岔枕\P60;1/12;65#;交渡;SC340C\新朔段（丹洲营站—卧厂站）-高家堡</t>
  </si>
  <si>
    <t>【中铁房桥】砼岔枕\P60;1/12;65#;专线3399\新朔段（丹洲营站—卧厂站）-高家堡</t>
  </si>
  <si>
    <t>【中铁房桥】砼岔枕\P60;1/12;66#;专线3399\新朔段（丹洲营站—卧厂站）-高家堡</t>
  </si>
  <si>
    <t>【中铁房桥】砼岔枕\P60;1/12;67#;专线3399\新朔段（丹洲营站—卧厂站）-高家堡</t>
  </si>
  <si>
    <t>【中铁房桥】砼岔枕\P60;1/12;68#;专线3399\新朔段（丹洲营站—卧厂站）-高家堡</t>
  </si>
  <si>
    <t>【中铁房桥】砼岔枕\P60;1/12;69#;专线3399\新朔段（丹洲营站—卧厂站）-高家堡</t>
  </si>
  <si>
    <t>【中铁房桥】砼岔枕\P60;1/12;73#;专线3402\新朔段（丹洲营站—卧厂站）-高家堡</t>
  </si>
  <si>
    <t>【中铁房桥】砼岔枕\P60;1/12;74#;专线3402\新朔段（丹洲营站—卧厂站）-高家堡</t>
  </si>
  <si>
    <t>【中铁房桥】砼岔枕\P60;1/18;21#;专线3386\新朔段（丹洲营站—卧厂站）-高家堡</t>
  </si>
  <si>
    <t>【中铁房桥】砼岔枕\P60;1/18;32#;专线3386\新朔段（丹洲营站—卧厂站）-高家堡</t>
  </si>
  <si>
    <t>【中铁房桥】砼岔枕\P60;1/18;33#;专线3386\新朔段（丹洲营站—卧厂站）-高家堡</t>
  </si>
  <si>
    <t>【中铁房桥】砼岔枕\P60;1/18;34#;专线3386\新朔段（丹洲营站—卧厂站）-高家堡</t>
  </si>
  <si>
    <t>【中铁房桥】砼岔枕\P60;1/18;71#;专线3386\新朔段（丹洲营站—卧厂站）-高家堡</t>
  </si>
  <si>
    <t>【中铁房桥】砼岔枕\P60;1/18;72#;专线3386\新朔段（丹洲营站—卧厂站）-高家堡</t>
  </si>
  <si>
    <t>【中铁房桥】砼岔枕\P60;1/9;34#;交渡;SC392C\新朔段（丹洲营站—卧厂站）-高家堡</t>
  </si>
  <si>
    <t>【中铁房桥】砼岔枕\P60;1/9;42#;专线(03)3366\新朔段（丹洲营站—卧厂站）-高家堡</t>
  </si>
  <si>
    <t>【中铁房桥】砼岔枕\P60;1/9;43#;专线(03)3366\新朔段（丹洲营站—卧厂站）-高家堡</t>
  </si>
  <si>
    <t>【中铁房桥】砼岔枕\P60;1/9;49#;SC390\新朔段（丹洲营站—卧厂站）-高家堡</t>
  </si>
  <si>
    <t>【中铁房桥】砼岔枕\P60;1/9;49#;专线(03)3366\新朔段（丹洲营站—卧厂站）-高家堡</t>
  </si>
  <si>
    <t>【中铁房桥】砼岔枕\P60;1/9;5#;SC390\新朔段（丹洲营站—卧厂站）-高家堡</t>
  </si>
  <si>
    <t>【中铁房桥】砼岔枕\P60;1/9;50#;SC390\新朔段（丹洲营站—卧厂站）-高家堡</t>
  </si>
  <si>
    <t>【中铁房桥】砼岔枕\P60;1/9;54#;专线(03)3366\新朔段（丹洲营站—卧厂站）-高家堡</t>
  </si>
  <si>
    <t>【中铁房桥】砼岔枕\P60;1/9;6#;SC390\新朔段（丹洲营站—卧厂站）-高家堡</t>
  </si>
  <si>
    <t>【中铁房桥】砼岔枕\P60;1/9;7#;SC390\新朔段（丹洲营站—卧厂站）-高家堡</t>
  </si>
  <si>
    <t>【中铁房桥】砼岔枕\P60;1/9;8#;SC390\新朔段（丹洲营站—卧厂站）-高家堡</t>
  </si>
  <si>
    <t>【中铁房桥】砼岔枕\P60;1/9;9#;SC390\新朔段（丹洲营站—卧厂站）-高家堡</t>
  </si>
  <si>
    <t>【中铁房桥】砼岔枕\P60;1/9;交渡12#;CZ581Z\新朔段（丹洲营站—卧厂站）-高家堡</t>
  </si>
  <si>
    <t>【中铁房桥】砼岔枕\P60;1/9;交渡16#;CZ581Z\新朔段（丹洲营站—卧厂站）-高家堡</t>
  </si>
  <si>
    <t>【中铁房桥】砼岔枕\P60;1/9;交渡22#;CZ580Z\新朔段（丹洲营站—卧厂站）-高家堡</t>
  </si>
  <si>
    <t>【中铁房桥】砼岔枕\P60;1/9;交渡23#;CZ581Z\新朔段（丹洲营站—卧厂站）-高家堡</t>
  </si>
  <si>
    <t>【中铁房桥】砼岔枕\P60;1/9;交渡24#;CZ581Z\新朔段（丹洲营站—卧厂站）-高家堡</t>
  </si>
  <si>
    <t>【中铁房桥】砼岔枕\P60;1/9;交渡25#;CZ581Z\新朔段（丹洲营站—卧厂站）-高家堡</t>
  </si>
  <si>
    <t>【中铁房桥】砼岔枕\P60;1/9;交渡40#;CZ580Z\新朔段（丹洲营站—卧厂站）-高家堡</t>
  </si>
  <si>
    <t>【中铁房桥】砼岔枕\P60;1/9;交渡44#;CZ581Z\新朔段（丹洲营站—卧厂站）-高家堡</t>
  </si>
  <si>
    <t>【中铁房桥】砼岔枕\P60;1/9;交渡49#;CZ581Z\新朔段（丹洲营站—卧厂站）-高家堡</t>
  </si>
  <si>
    <t>【中铁房桥】砼岔枕\P60;1/9;交渡50#;CZ581Z\新朔段（丹洲营站—卧厂站）-高家堡</t>
  </si>
  <si>
    <t>【中铁房桥】砼岔枕\P75;1/12;1#;SC559-500\新朔段（丹洲营站—卧厂站）-高家堡</t>
  </si>
  <si>
    <t>【中铁房桥】砼岔枕\P75;1/12;2#;SC559-500\新朔段（丹洲营站—卧厂站）-高家堡</t>
  </si>
  <si>
    <t>【中铁房桥】砼岔枕\P75;1/12;25#;SC559-500\新朔段（丹洲营站—卧厂站）-高家堡</t>
  </si>
  <si>
    <t>【中铁房桥】砼岔枕\P75;1/12;26#;SC559-500\新朔段（丹洲营站—卧厂站）-高家堡</t>
  </si>
  <si>
    <t>【中铁房桥】砼岔枕\P75;1/12;27#;SC559-500\新朔段（丹洲营站—卧厂站）-高家堡</t>
  </si>
  <si>
    <t>【中铁房桥】砼岔枕\P75;1/12;28#;SC559-500\新朔段（丹洲营站—卧厂站）-高家堡</t>
  </si>
  <si>
    <t>【中铁房桥】砼岔枕\P75;1/12;29#;SC559-500\新朔段（丹洲营站—卧厂站）-高家堡</t>
  </si>
  <si>
    <t>【中铁房桥】砼岔枕\P75;1/12;3#;SC559-500\新朔段（丹洲营站—卧厂站）-高家堡</t>
  </si>
  <si>
    <t>【中铁房桥】砼岔枕\P75;1/12;30#;SC559-500\新朔段（丹洲营站—卧厂站）-高家堡</t>
  </si>
  <si>
    <t>【中铁房桥】砼岔枕\P75;1/12;31#;SC559-500\新朔段（丹洲营站—卧厂站）-高家堡</t>
  </si>
  <si>
    <t>【中铁房桥】砼岔枕\P75;1/12;39#;SC559-500\新朔段（丹洲营站—卧厂站）-高家堡</t>
  </si>
  <si>
    <t>【中铁房桥】砼岔枕\P75;1/12;40#;SC559-500\新朔段（丹洲营站—卧厂站）-高家堡</t>
  </si>
  <si>
    <t>【中铁房桥】砼岔枕\P75;1/12;5.3m交渡;CZ716\新朔段（丹洲营站—卧厂站）-高家堡</t>
  </si>
  <si>
    <t>【中铁房桥】砼岔枕\P75;1/12;50#;SC559-500\新朔段（丹洲营站—卧厂站）-高家堡</t>
  </si>
  <si>
    <t>【中铁房桥】砼岔枕\P75;1/12;51#;SC559-500\新朔段（丹洲营站—卧厂站）-高家堡</t>
  </si>
  <si>
    <t>【中铁房桥】砼岔枕\P75;1/12;52#;SC559-500\新朔段（丹洲营站—卧厂站）-高家堡</t>
  </si>
  <si>
    <t>【中铁房桥】砼岔枕\P75;1/12;53#;SC559-500\新朔段（丹洲营站—卧厂站）-高家堡</t>
  </si>
  <si>
    <t>【中铁房桥】砼岔枕\P75;1/12;54#;SC559-500\新朔段（丹洲营站—卧厂站）-高家堡</t>
  </si>
  <si>
    <t>【中铁房桥】砼岔枕\P75;1/12;55#;SC559-500\新朔段（丹洲营站—卧厂站）-高家堡</t>
  </si>
  <si>
    <t>【中铁房桥】砼岔枕\P75;1/12;56#;SC559-500\新朔段（丹洲营站—卧厂站）-高家堡</t>
  </si>
  <si>
    <t>【中铁房桥】砼岔枕\P75;1/12;60#;SC559-500\新朔段（丹洲营站—卧厂站）-高家堡</t>
  </si>
  <si>
    <t>【中铁房桥】砼岔枕\P75;1/12;61#;SC559-500\新朔段（丹洲营站—卧厂站）-高家堡</t>
  </si>
  <si>
    <t>【中铁房桥】砼岔枕\P75;1/12;62#;SC559-500\新朔段（丹洲营站—卧厂站）-高家堡</t>
  </si>
  <si>
    <t>【中铁房桥】砼岔枕\P75;1/12;63#;SC559-500\新朔段（丹洲营站—卧厂站）-高家堡</t>
  </si>
  <si>
    <t>【中铁房桥】砼岔枕\P75;1/12;64#;SC559-500\新朔段（丹洲营站—卧厂站）-高家堡</t>
  </si>
  <si>
    <t>【中铁房桥】砼岔枕\P75;1/12;65#;SC559-500\新朔段（丹洲营站—卧厂站）-高家堡</t>
  </si>
  <si>
    <t>【中铁房桥】砼岔枕\P75;1/12;66#;SC559-500\新朔段（丹洲营站—卧厂站）-高家堡</t>
  </si>
  <si>
    <t>【中铁房桥】砼岔枕\P75;1/12;67#;SC559-500\新朔段（丹洲营站—卧厂站）-高家堡</t>
  </si>
  <si>
    <t>【中铁房桥】砼岔枕\P75;1/12;68#;SC559-500\新朔段（丹洲营站—卧厂站）-高家堡</t>
  </si>
  <si>
    <t>【中铁房桥】砼岔枕\P75;1/12;80#;SC559-500\新朔段（丹洲营站—卧厂站）-高家堡</t>
  </si>
  <si>
    <t>【中铁房桥】砼岔枕\P75;1/12;81#;SC559-500\新朔段（丹洲营站—卧厂站）-高家堡</t>
  </si>
  <si>
    <t>【中铁房桥】砼岔枕\P75;1/12;单开;专线4228\新朔段（丹洲营站—卧厂站）-高家堡</t>
  </si>
  <si>
    <t>【中铁房桥】砼桥枕\ⅡZQ-C型0#\新朔段（丹洲营站—卧厂站）-高家堡</t>
  </si>
  <si>
    <t>【中铁房桥】砼桥枕\Ⅲ型\新朔段（丹洲营站—卧厂站）-高家堡</t>
  </si>
  <si>
    <t>【中铁房桥】砼桥枕\梭头;新Ⅲ型;1#\新朔段（丹洲营站—卧厂站）-高家堡</t>
  </si>
  <si>
    <t>【中铁房桥】砼桥枕\梭头;新Ⅲ型;2#\新朔段（丹洲营站—卧厂站）-高家堡</t>
  </si>
  <si>
    <t>【中铁房桥】砼桥枕\梭头;新Ⅲ型;3#\新朔段（丹洲营站—卧厂站）-高家堡</t>
  </si>
  <si>
    <t>【中铁房桥】砼桥枕\梭头;新Ⅲ型;4#\新朔段（丹洲营站—卧厂站）-高家堡</t>
  </si>
  <si>
    <t>【中铁房桥】砼桥枕\新Ⅲ型\新朔段（丹洲营站—卧厂站）-高家堡</t>
  </si>
  <si>
    <t>【中铁房桥】砼桥枕\专线3448;弹性;新Ⅲ型\新朔段（丹洲营站—卧厂站）-高家堡</t>
  </si>
  <si>
    <t>【中铁房桥】砼桥枕\专线3448;弹性;新Ⅲ型;1#\新朔段（丹洲营站—卧厂站）-高家堡</t>
  </si>
  <si>
    <t>【中铁房桥】砼桥枕\专线3448;弹性;新Ⅲ型;2#\新朔段（丹洲营站—卧厂站）-高家堡</t>
  </si>
  <si>
    <t>【中铁房桥】砼桥枕\专线3448;弹性;新Ⅲ型;3#\新朔段（丹洲营站—卧厂站）-高家堡</t>
  </si>
  <si>
    <t>【中铁房桥】砼桥枕\专线3448;弹性;新Ⅲ型;4#\新朔段（丹洲营站—卧厂站）-高家堡</t>
  </si>
  <si>
    <t>【中铁房桥】砼枕\X-Ⅱ型\新朔段（丹洲营站—卧厂站）-高家堡</t>
  </si>
  <si>
    <t>【中铁房桥】砼枕\YⅡ-F\新朔段（丹洲营站—卧厂站）-高家堡</t>
  </si>
  <si>
    <t>【中铁房桥】砼枕\弹性;ⅢA型\新朔段（丹洲营站—卧厂站）-高家堡</t>
  </si>
  <si>
    <t>【中铁房桥】砼枕\专线3393;ⅢA型\新朔段（丹洲营站—卧厂站）-高家堡</t>
  </si>
  <si>
    <t>【中铁房桥】成组砼岔枕\P50;1/12;5.0m交渡;专线(03)3424\新朔段（丹洲营站—卧厂站）-卧厂</t>
  </si>
  <si>
    <t>GNWZBP(TH)ZECG2020-220</t>
  </si>
  <si>
    <t>国家能源e购商城中铁房桥轨枕配件铺货采购合同-新朔段（丹洲营站—卧厂站）-卧厂</t>
  </si>
  <si>
    <t>【中铁房桥】成组砼岔枕\P50;1/12;单开;专线(01)3423\新朔段（丹洲营站—卧厂站）-卧厂</t>
  </si>
  <si>
    <t>【中铁房桥】成组砼岔枕\P50;1/12;复交;CZ2220Z\新朔段（丹洲营站—卧厂站）-卧厂</t>
  </si>
  <si>
    <t>【中铁房桥】成组砼岔枕\P50;1/12;专线3355\新朔段（丹洲营站—卧厂站）-卧厂</t>
  </si>
  <si>
    <t>【中铁房桥】成组砼岔枕\P50;1/12;专线4257\新朔段（丹洲营站—卧厂站）-卧厂</t>
  </si>
  <si>
    <t>【中铁房桥】成组砼岔枕\P50;1/6;5.0m交渡;SC432-500\新朔段（丹洲营站—卧厂站）-卧厂</t>
  </si>
  <si>
    <t>【中铁房桥】成组砼岔枕\P50;1/6;对称;SC384\新朔段（丹洲营站—卧厂站）-卧厂</t>
  </si>
  <si>
    <t>【中铁房桥】成组砼岔枕\P50;1/6;对称;右开;SC384-500\新朔段（丹洲营站—卧厂站）-卧厂</t>
  </si>
  <si>
    <t>【中铁房桥】成组砼岔枕\P50;1/6;对称;左开;SC384-500\新朔段（丹洲营站—卧厂站）-卧厂</t>
  </si>
  <si>
    <t>【中铁房桥】成组砼岔枕\P50;1/9;5.0m交渡;CZ2210\新朔段（丹洲营站—卧厂站）-卧厂</t>
  </si>
  <si>
    <t>【中铁房桥】成组砼岔枕\P50;1/9;5.0m交渡;SC580\新朔段（丹洲营站—卧厂站）-卧厂</t>
  </si>
  <si>
    <t>【中铁房桥】成组砼岔枕\P50;1/9;5.0m交渡;专线(02)3428\新朔段（丹洲营站—卧厂站）-卧厂</t>
  </si>
  <si>
    <t>【中铁房桥】成组砼岔枕\P50;1/9;5.0m交渡;专线(02)7663\新朔段（丹洲营站—卧厂站）-卧厂</t>
  </si>
  <si>
    <t>【中铁房桥】成组砼岔枕\P50;1/9;CZ2209A\新朔段（丹洲营站—卧厂站）-卧厂</t>
  </si>
  <si>
    <t>【中铁房桥】成组砼岔枕\P50;1/9;单开;CZ2209Z\新朔段（丹洲营站—卧厂站）-卧厂</t>
  </si>
  <si>
    <t>【中铁房桥】成组砼岔枕\P50;1/9;单开;专线(03)3281\新朔段（丹洲营站—卧厂站）-卧厂</t>
  </si>
  <si>
    <t>【中铁房桥】成组砼岔枕\P50;1/9;复交;CZ2214Z\新朔段（丹洲营站—卧厂站）-卧厂</t>
  </si>
  <si>
    <t>【中铁房桥】成组砼岔枕\P50;1/9;复交;专线(04)3443\新朔段（丹洲营站—卧厂站）-卧厂</t>
  </si>
  <si>
    <t>【中铁房桥】成组砼岔枕\P50;1/9;交渡;CZ2213Z\新朔段（丹洲营站—卧厂站）-卧厂</t>
  </si>
  <si>
    <t>【中铁房桥】成组砼岔枕\P50;1/9;交渡;SC571-1101\新朔段（丹洲营站—卧厂站）-卧厂</t>
  </si>
  <si>
    <t>【中铁房桥】成组砼岔枕\P50;1/9;交渡;专线(03)3431\新朔段（丹洲营站—卧厂站）-卧厂</t>
  </si>
  <si>
    <t>【中铁房桥】成组砼岔枕\P60;1/12;5.5m交渡;SC342-500\新朔段（丹洲营站—卧厂站）-卧厂</t>
  </si>
  <si>
    <t>【中铁房桥】成组砼岔枕\P60;1/12;6.5m交渡;专线3413\新朔段（丹洲营站—卧厂站）-卧厂</t>
  </si>
  <si>
    <t>【中铁房桥】成组砼岔枕\P60;1/12;单开;SC330-500\新朔段（丹洲营站—卧厂站）-卧厂</t>
  </si>
  <si>
    <t>【中铁房桥】成组砼岔枕\P60;1/12;渡线;专线3402;Ⅲ型\新朔段（丹洲营站—卧厂站）-卧厂</t>
  </si>
  <si>
    <t>【中铁房桥】成组砼岔枕\P60;1/12;复交;SC350\新朔段（丹洲营站—卧厂站）-卧厂</t>
  </si>
  <si>
    <t>【中铁房桥】成组砼岔枕\P60;1/12;交渡;SC340-500\新朔段（丹洲营站—卧厂站）-卧厂</t>
  </si>
  <si>
    <t>【中铁房桥】成组砼岔枕\P60;1/12;交渡;SC342-500\新朔段（丹洲营站—卧厂站）-卧厂</t>
  </si>
  <si>
    <t>【中铁房桥】成组砼岔枕\P60;1/12;砼;单开;专线4249\新朔段（丹洲营站—卧厂站）-卧厂</t>
  </si>
  <si>
    <t>【中铁房桥】成组砼岔枕\P60;1/12;专线3399;Ⅲ型\新朔段（丹洲营站—卧厂站）-卧厂</t>
  </si>
  <si>
    <t>【中铁房桥】成组砼岔枕\P60;1/18;单开;GLC(07)02-300\新朔段（丹洲营站—卧厂站）-卧厂</t>
  </si>
  <si>
    <t>【中铁房桥】成组砼岔枕\P60;1/18;单开;GLC(09)05-300\新朔段（丹洲营站—卧厂站）-卧厂</t>
  </si>
  <si>
    <t>【中铁房桥】成组砼岔枕\P60;1/9;5.0m组合;SC(07)460-1108\新朔段（丹洲营站—卧厂站）-卧厂</t>
  </si>
  <si>
    <t>【中铁房桥】成组砼岔枕\P60;1/9;5.0m组合;SC(07)460-1204\新朔段（丹洲营站—卧厂站）-卧厂</t>
  </si>
  <si>
    <t>【中铁房桥】成组砼岔枕\P60;1/9;5.0m组合;SC(07)460-1208\新朔段（丹洲营站—卧厂站）-卧厂</t>
  </si>
  <si>
    <t>【中铁房桥】成组砼岔枕\P60;1/9;5.0m组合;SC(07)460-1211\新朔段（丹洲营站—卧厂站）-卧厂</t>
  </si>
  <si>
    <t>【中铁房桥】成组砼岔枕\P60;1/9;5.3m交渡;CZ581Z\新朔段（丹洲营站—卧厂站）-卧厂</t>
  </si>
  <si>
    <t>【中铁房桥】成组砼岔枕\P60;1/9;单开;CZ577Z\新朔段（丹洲营站—卧厂站）-卧厂</t>
  </si>
  <si>
    <t>【中铁房桥】成组砼岔枕\P60;1/9;单开;专线(03)3366\新朔段（丹洲营站—卧厂站）-卧厂</t>
  </si>
  <si>
    <t>【中铁房桥】成组砼岔枕\P60;1/9;复交;SC450-500\新朔段（丹洲营站—卧厂站）-卧厂</t>
  </si>
  <si>
    <t>【中铁房桥】成组砼岔枕\P60;1/9;复式交分;CZ2504Z\新朔段（丹洲营站—卧厂站）-卧厂</t>
  </si>
  <si>
    <t>【中铁房桥】成组砼岔枕\P60;1/9;交渡;CZ580Z\新朔段（丹洲营站—卧厂站）-卧厂</t>
  </si>
  <si>
    <t>【中铁房桥】成组砼岔枕\P60;1/9;交渡;CZ582Z\新朔段（丹洲营站—卧厂站）-卧厂</t>
  </si>
  <si>
    <t>【中铁房桥】成组砼岔枕\P60;1/9;交渡;CZ583Z\新朔段（丹洲营站—卧厂站）-卧厂</t>
  </si>
  <si>
    <t>【中铁房桥】成组砼岔枕\P60;1/9;专线3366;右开\新朔段（丹洲营站—卧厂站）-卧厂</t>
  </si>
  <si>
    <t>【中铁房桥】成组砼岔枕\P60;1/9;专线3366;左开\新朔段（丹洲营站—卧厂站）-卧厂</t>
  </si>
  <si>
    <t>【中铁房桥】成组砼岔枕\P75;1/12;SC381-500\新朔段（丹洲营站—卧厂站）-卧厂</t>
  </si>
  <si>
    <t>【中铁房桥】成组砼岔枕\P75;1/12;SC443-500;交渡\新朔段（丹洲营站—卧厂站）-卧厂</t>
  </si>
  <si>
    <t>【中铁房桥】成组砼岔枕\P75;1/12;单开;SC559-500\新朔段（丹洲营站—卧厂站）-卧厂</t>
  </si>
  <si>
    <t>【中铁房桥】成组砼岔枕\P75;1/12;单开;研线1116-400\新朔段（丹洲营站—卧厂站）-卧厂</t>
  </si>
  <si>
    <t>【中铁房桥】成组砼岔枕\P75;1/12;交渡;SC444\新朔段（丹洲营站—卧厂站）-卧厂</t>
  </si>
  <si>
    <t>【中铁房桥】成组砼岔枕\P75;1/18;单开;SC488-500\新朔段（丹洲营站—卧厂站）-卧厂</t>
  </si>
  <si>
    <t>【中铁房桥】成组砼岔枕\P75;1/9;5.0m交渡;SC551\新朔段（丹洲营站—卧厂站）-卧厂</t>
  </si>
  <si>
    <t>【中铁房桥】电气绝缘枕\ⅢaZ型\新朔段（丹洲营站—卧厂站）-卧厂</t>
  </si>
  <si>
    <t>【中铁房桥】电容枕\ⅢA型/ⅢAD\新朔段（丹洲营站—卧厂站）-卧厂</t>
  </si>
  <si>
    <t>【中铁房桥】电容枕\新Ⅱ型/XⅡD\新朔段（丹洲营站—卧厂站）-卧厂</t>
  </si>
  <si>
    <t>【中铁房桥】电容枕\新Ⅱ型;2500mm;研线0308-1\新朔段（丹洲营站—卧厂站）-卧厂</t>
  </si>
  <si>
    <t>【中铁房桥】电容枕\新Ⅲ型桥枕;2600mm;研线0308-1\新朔段（丹洲营站—卧厂站）-卧厂</t>
  </si>
  <si>
    <t>【中铁房桥】砼岔枕\P50;1/12;13#;专线(01)3423\新朔段（丹洲营站—卧厂站）-卧厂</t>
  </si>
  <si>
    <t>【中铁房桥】砼岔枕\P50;1/12;21#;专线(01)3423\新朔段（丹洲营站—卧厂站）-卧厂</t>
  </si>
  <si>
    <t>【中铁房桥】砼岔枕\P50;1/12;5#;专线3355\新朔段（丹洲营站—卧厂站）-卧厂</t>
  </si>
  <si>
    <t>【中铁房桥】砼岔枕\P50;1/12;58#;专线3355\新朔段（丹洲营站—卧厂站）-卧厂</t>
  </si>
  <si>
    <t>【中铁房桥】砼岔枕\P50;1/9;20#;专线(03)3281\新朔段（丹洲营站—卧厂站）-卧厂</t>
  </si>
  <si>
    <t>【中铁房桥】砼岔枕\P50;1/9;3#;CZ2209\新朔段（丹洲营站—卧厂站）-卧厂</t>
  </si>
  <si>
    <t>【中铁房桥】砼岔枕\P50;1/9;39#;专线(03)3281\新朔段（丹洲营站—卧厂站）-卧厂</t>
  </si>
  <si>
    <t>【中铁房桥】砼岔枕\P50;1/9;48#;专线(03)3281\新朔段（丹洲营站—卧厂站）-卧厂</t>
  </si>
  <si>
    <t>【中铁房桥】砼岔枕\P50;1/9;49#;专线(03)3281\新朔段（丹洲营站—卧厂站）-卧厂</t>
  </si>
  <si>
    <t>【中铁房桥】砼岔枕\P50;1/9;52#;专线(03)3281\新朔段（丹洲营站—卧厂站）-卧厂</t>
  </si>
  <si>
    <t>【中铁房桥】砼岔枕\P50;1/9;单开31#;专线(03)3281\新朔段（丹洲营站—卧厂站）-卧厂</t>
  </si>
  <si>
    <t>【中铁房桥】砼岔枕\P50;1/9;单开32#;专线(03)3281\新朔段（丹洲营站—卧厂站）-卧厂</t>
  </si>
  <si>
    <t>【中铁房桥】砼岔枕\P50;1/9;单开33#;专线(03)3281\新朔段（丹洲营站—卧厂站）-卧厂</t>
  </si>
  <si>
    <t>【中铁房桥】砼岔枕\P50;1/9;单开34#;专线(03)3281\新朔段（丹洲营站—卧厂站）-卧厂</t>
  </si>
  <si>
    <t>【中铁房桥】砼岔枕\P50;1/9;单开35#;专线(03)3281\新朔段（丹洲营站—卧厂站）-卧厂</t>
  </si>
  <si>
    <t>【中铁房桥】砼岔枕\P50;1/9;单开36#;专线(03)3281\新朔段（丹洲营站—卧厂站）-卧厂</t>
  </si>
  <si>
    <t>【中铁房桥】砼岔枕\P50;1/9;单开37#;专线(03)3281\新朔段（丹洲营站—卧厂站）-卧厂</t>
  </si>
  <si>
    <t>【中铁房桥】砼岔枕\P60;1/12;1#;SC330-500\新朔段（丹洲营站—卧厂站）-卧厂</t>
  </si>
  <si>
    <t>【中铁房桥】砼岔枕\P60;1/12;1#;专线3399\新朔段（丹洲营站—卧厂站）-卧厂</t>
  </si>
  <si>
    <t>【中铁房桥】砼岔枕\P60;1/12;10#;专线3399\新朔段（丹洲营站—卧厂站）-卧厂</t>
  </si>
  <si>
    <t>【中铁房桥】砼岔枕\P60;1/12;11#;专线3399\新朔段（丹洲营站—卧厂站）-卧厂</t>
  </si>
  <si>
    <t>【中铁房桥】砼岔枕\P60;1/12;12#;专线3399\新朔段（丹洲营站—卧厂站）-卧厂</t>
  </si>
  <si>
    <t>【中铁房桥】砼岔枕\P60;1/12;13#;专线3399\新朔段（丹洲营站—卧厂站）-卧厂</t>
  </si>
  <si>
    <t>【中铁房桥】砼岔枕\P60;1/12;14#;专线3399\新朔段（丹洲营站—卧厂站）-卧厂</t>
  </si>
  <si>
    <t>【中铁房桥】砼岔枕\P60;1/12;15#;专线3399\新朔段（丹洲营站—卧厂站）-卧厂</t>
  </si>
  <si>
    <t>【中铁房桥】砼岔枕\P60;1/12;16#;专线3399\新朔段（丹洲营站—卧厂站）-卧厂</t>
  </si>
  <si>
    <t>【中铁房桥】砼岔枕\P60;1/12;17#;专线3399\新朔段（丹洲营站—卧厂站）-卧厂</t>
  </si>
  <si>
    <t>【中铁房桥】砼岔枕\P60;1/12;18#;专线3399\新朔段（丹洲营站—卧厂站）-卧厂</t>
  </si>
  <si>
    <t>【中铁房桥】砼岔枕\P60;1/12;19#;专线3399\新朔段（丹洲营站—卧厂站）-卧厂</t>
  </si>
  <si>
    <t>【中铁房桥】砼岔枕\P60;1/12;2#;专线3399\新朔段（丹洲营站—卧厂站）-卧厂</t>
  </si>
  <si>
    <t>【中铁房桥】砼岔枕\P60;1/12;23#;专线3399\新朔段（丹洲营站—卧厂站）-卧厂</t>
  </si>
  <si>
    <t>【中铁房桥】砼岔枕\P60;1/12;24#;专线3399\新朔段（丹洲营站—卧厂站）-卧厂</t>
  </si>
  <si>
    <t>【中铁房桥】砼岔枕\P60;1/12;25#;SC330-500\新朔段（丹洲营站—卧厂站）-卧厂</t>
  </si>
  <si>
    <t>【中铁房桥】砼岔枕\P60;1/12;25#;SC350\新朔段（丹洲营站—卧厂站）-卧厂</t>
  </si>
  <si>
    <t>【中铁房桥】砼岔枕\P60;1/12;25#;专线3399\新朔段（丹洲营站—卧厂站）-卧厂</t>
  </si>
  <si>
    <t>【中铁房桥】砼岔枕\P60;1/12;26#;SC330-500\新朔段（丹洲营站—卧厂站）-卧厂</t>
  </si>
  <si>
    <t>【中铁房桥】砼岔枕\P60;1/12;26#;SC350\新朔段（丹洲营站—卧厂站）-卧厂</t>
  </si>
  <si>
    <t>【中铁房桥】砼岔枕\P60;1/12;26#;专线3399\新朔段（丹洲营站—卧厂站）-卧厂</t>
  </si>
  <si>
    <t>【中铁房桥】砼岔枕\P60;1/12;27#;SC330-500\新朔段（丹洲营站—卧厂站）-卧厂</t>
  </si>
  <si>
    <t>【中铁房桥】砼岔枕\P60;1/12;27#;专线3399\新朔段（丹洲营站—卧厂站）-卧厂</t>
  </si>
  <si>
    <t>【中铁房桥】砼岔枕\P60;1/12;28#;SC330-500\新朔段（丹洲营站—卧厂站）-卧厂</t>
  </si>
  <si>
    <t>【中铁房桥】砼岔枕\P60;1/12;28#;专线3399\新朔段（丹洲营站—卧厂站）-卧厂</t>
  </si>
  <si>
    <t>【中铁房桥】砼岔枕\P60;1/12;28#;专线4228\新朔段（丹洲营站—卧厂站）-卧厂</t>
  </si>
  <si>
    <t>【中铁房桥】砼岔枕\P60;1/12;29#;SC330-500\新朔段（丹洲营站—卧厂站）-卧厂</t>
  </si>
  <si>
    <t>【中铁房桥】砼岔枕\P60;1/12;29#;专线3399\新朔段（丹洲营站—卧厂站）-卧厂</t>
  </si>
  <si>
    <t>【中铁房桥】砼岔枕\P60;1/12;30#;专线3399\新朔段（丹洲营站—卧厂站）-卧厂</t>
  </si>
  <si>
    <t>【中铁房桥】砼岔枕\P60;1/12;30#;专线4228\新朔段（丹洲营站—卧厂站）-卧厂</t>
  </si>
  <si>
    <t>【中铁房桥】砼岔枕\P60;1/12;32#;专线3399\新朔段（丹洲营站—卧厂站）-卧厂</t>
  </si>
  <si>
    <t>【中铁房桥】砼岔枕\P60;1/12;34#;专线3399\新朔段（丹洲营站—卧厂站）-卧厂</t>
  </si>
  <si>
    <t>【中铁房桥】砼岔枕\P60;1/12;36#;SC350\新朔段（丹洲营站—卧厂站）-卧厂</t>
  </si>
  <si>
    <t>【中铁房桥】砼岔枕\P60;1/12;37#;专线3399\新朔段（丹洲营站—卧厂站）-卧厂</t>
  </si>
  <si>
    <t>【中铁房桥】砼岔枕\P60;1/12;40#;专线3399\新朔段（丹洲营站—卧厂站）-卧厂</t>
  </si>
  <si>
    <t>【中铁房桥】砼岔枕\P60;1/12;41#;专线3399\新朔段（丹洲营站—卧厂站）-卧厂</t>
  </si>
  <si>
    <t>【中铁房桥】砼岔枕\P60;1/12;42#;专线3399\新朔段（丹洲营站—卧厂站）-卧厂</t>
  </si>
  <si>
    <t>【中铁房桥】砼岔枕\P60;1/12;43#;专线3399\新朔段（丹洲营站—卧厂站）-卧厂</t>
  </si>
  <si>
    <t>【中铁房桥】砼岔枕\P60;1/12;49#;SC330-500\新朔段（丹洲营站—卧厂站）-卧厂</t>
  </si>
  <si>
    <t>【中铁房桥】砼岔枕\P60;1/12;51#;专线3399\新朔段（丹洲营站—卧厂站）-卧厂</t>
  </si>
  <si>
    <t>【中铁房桥】砼岔枕\P60;1/12;52#;专线3399\新朔段（丹洲营站—卧厂站）-卧厂</t>
  </si>
  <si>
    <t>【中铁房桥】砼岔枕\P60;1/12;53#;SC330-500\新朔段（丹洲营站—卧厂站）-卧厂</t>
  </si>
  <si>
    <t>【中铁房桥】砼岔枕\P60;1/12;53#;专线3399\新朔段（丹洲营站—卧厂站）-卧厂</t>
  </si>
  <si>
    <t>【中铁房桥】砼岔枕\P60;1/12;53#;专线4228\新朔段（丹洲营站—卧厂站）-卧厂</t>
  </si>
  <si>
    <t>【中铁房桥】砼岔枕\P60;1/12;54#;SC330\新朔段（丹洲营站—卧厂站）-卧厂</t>
  </si>
  <si>
    <t>【中铁房桥】砼岔枕\P60;1/12;54#;专线3399\新朔段（丹洲营站—卧厂站）-卧厂</t>
  </si>
  <si>
    <t>【中铁房桥】砼岔枕\P60;1/12;55#;专线3399\新朔段（丹洲营站—卧厂站）-卧厂</t>
  </si>
  <si>
    <t>【中铁房桥】砼岔枕\P60;1/12;56#;专线3399\新朔段（丹洲营站—卧厂站）-卧厂</t>
  </si>
  <si>
    <t>【中铁房桥】砼岔枕\P60;1/12;57#;专线3399\新朔段（丹洲营站—卧厂站）-卧厂</t>
  </si>
  <si>
    <t>【中铁房桥】砼岔枕\P60;1/12;57#;专线4228\新朔段（丹洲营站—卧厂站）-卧厂</t>
  </si>
  <si>
    <t>【中铁房桥】砼岔枕\P60;1/12;58#;专线3399\新朔段（丹洲营站—卧厂站）-卧厂</t>
  </si>
  <si>
    <t>【中铁房桥】砼岔枕\P60;1/12;59#;专线3399\新朔段（丹洲营站—卧厂站）-卧厂</t>
  </si>
  <si>
    <t>【中铁房桥】砼岔枕\P60;1/12;60#;专线3399\新朔段（丹洲营站—卧厂站）-卧厂</t>
  </si>
  <si>
    <t>【中铁房桥】砼岔枕\P60;1/12;61#;专线3399\新朔段（丹洲营站—卧厂站）-卧厂</t>
  </si>
  <si>
    <t>【中铁房桥】砼岔枕\P60;1/12;62#;专线3399\新朔段（丹洲营站—卧厂站）-卧厂</t>
  </si>
  <si>
    <t>【中铁房桥】砼岔枕\P60;1/12;63#;SC330-500\新朔段（丹洲营站—卧厂站）-卧厂</t>
  </si>
  <si>
    <t>【中铁房桥】砼岔枕\P60;1/12;63#;SC340\新朔段（丹洲营站—卧厂站）-卧厂</t>
  </si>
  <si>
    <t>【中铁房桥】砼岔枕\P60;1/12;63#;专线3399\新朔段（丹洲营站—卧厂站）-卧厂</t>
  </si>
  <si>
    <t>【中铁房桥】砼岔枕\P60;1/12;63#;专线3402\新朔段（丹洲营站—卧厂站）-卧厂</t>
  </si>
  <si>
    <t>【中铁房桥】砼岔枕\P60;1/12;63#;专线4228\新朔段（丹洲营站—卧厂站）-卧厂</t>
  </si>
  <si>
    <t>【中铁房桥】砼岔枕\P60;1/12;63Z#;SC341-500\新朔段（丹洲营站—卧厂站）-卧厂</t>
  </si>
  <si>
    <t>【中铁房桥】砼岔枕\P60;1/12;64#;SC330\新朔段（丹洲营站—卧厂站）-卧厂</t>
  </si>
  <si>
    <t>【中铁房桥】砼岔枕\P60;1/12;64#;SC340\新朔段（丹洲营站—卧厂站）-卧厂</t>
  </si>
  <si>
    <t>【中铁房桥】砼岔枕\P60;1/12;64#;专线3399\新朔段（丹洲营站—卧厂站）-卧厂</t>
  </si>
  <si>
    <t>【中铁房桥】砼岔枕\P60;1/12;64#;专线3402\新朔段（丹洲营站—卧厂站）-卧厂</t>
  </si>
  <si>
    <t>【中铁房桥】砼岔枕\P60;1/12;64Z#;SC341-500\新朔段（丹洲营站—卧厂站）-卧厂</t>
  </si>
  <si>
    <t>【中铁房桥】砼岔枕\P60;1/12;65#;交渡;SC340C\新朔段（丹洲营站—卧厂站）-卧厂</t>
  </si>
  <si>
    <t>【中铁房桥】砼岔枕\P60;1/12;65#;专线3399\新朔段（丹洲营站—卧厂站）-卧厂</t>
  </si>
  <si>
    <t>【中铁房桥】砼岔枕\P60;1/12;66#;专线3399\新朔段（丹洲营站—卧厂站）-卧厂</t>
  </si>
  <si>
    <t>【中铁房桥】砼岔枕\P60;1/12;67#;专线3399\新朔段（丹洲营站—卧厂站）-卧厂</t>
  </si>
  <si>
    <t>【中铁房桥】砼岔枕\P60;1/12;68#;专线3399\新朔段（丹洲营站—卧厂站）-卧厂</t>
  </si>
  <si>
    <t>【中铁房桥】砼岔枕\P60;1/12;69#;专线3399\新朔段（丹洲营站—卧厂站）-卧厂</t>
  </si>
  <si>
    <t>【中铁房桥】砼岔枕\P60;1/12;73#;专线3402\新朔段（丹洲营站—卧厂站）-卧厂</t>
  </si>
  <si>
    <t>【中铁房桥】砼岔枕\P60;1/12;74#;专线3402\新朔段（丹洲营站—卧厂站）-卧厂</t>
  </si>
  <si>
    <t>【中铁房桥】砼岔枕\P60;1/18;21#;专线3386\新朔段（丹洲营站—卧厂站）-卧厂</t>
  </si>
  <si>
    <t>【中铁房桥】砼岔枕\P60;1/18;32#;专线3386\新朔段（丹洲营站—卧厂站）-卧厂</t>
  </si>
  <si>
    <t>【中铁房桥】砼岔枕\P60;1/18;33#;专线3386\新朔段（丹洲营站—卧厂站）-卧厂</t>
  </si>
  <si>
    <t>【中铁房桥】砼岔枕\P60;1/18;34#;专线3386\新朔段（丹洲营站—卧厂站）-卧厂</t>
  </si>
  <si>
    <t>【中铁房桥】砼岔枕\P60;1/18;71#;专线3386\新朔段（丹洲营站—卧厂站）-卧厂</t>
  </si>
  <si>
    <t>【中铁房桥】砼岔枕\P60;1/18;72#;专线3386\新朔段（丹洲营站—卧厂站）-卧厂</t>
  </si>
  <si>
    <t>【中铁房桥】砼岔枕\P60;1/9;34#;交渡;SC392C\新朔段（丹洲营站—卧厂站）-卧厂</t>
  </si>
  <si>
    <t>【中铁房桥】砼岔枕\P60;1/9;42#;专线(03)3366\新朔段（丹洲营站—卧厂站）-卧厂</t>
  </si>
  <si>
    <t>【中铁房桥】砼岔枕\P60;1/9;43#;专线(03)3366\新朔段（丹洲营站—卧厂站）-卧厂</t>
  </si>
  <si>
    <t>【中铁房桥】砼岔枕\P60;1/9;49#;SC390\新朔段（丹洲营站—卧厂站）-卧厂</t>
  </si>
  <si>
    <t>【中铁房桥】砼岔枕\P60;1/9;49#;专线(03)3366\新朔段（丹洲营站—卧厂站）-卧厂</t>
  </si>
  <si>
    <t>【中铁房桥】砼岔枕\P60;1/9;5#;SC390\新朔段（丹洲营站—卧厂站）-卧厂</t>
  </si>
  <si>
    <t>【中铁房桥】砼岔枕\P60;1/9;50#;SC390\新朔段（丹洲营站—卧厂站）-卧厂</t>
  </si>
  <si>
    <t>【中铁房桥】砼岔枕\P60;1/9;54#;专线(03)3366\新朔段（丹洲营站—卧厂站）-卧厂</t>
  </si>
  <si>
    <t>【中铁房桥】砼岔枕\P60;1/9;6#;SC390\新朔段（丹洲营站—卧厂站）-卧厂</t>
  </si>
  <si>
    <t>【中铁房桥】砼岔枕\P60;1/9;7#;SC390\新朔段（丹洲营站—卧厂站）-卧厂</t>
  </si>
  <si>
    <t>【中铁房桥】砼岔枕\P60;1/9;8#;SC390\新朔段（丹洲营站—卧厂站）-卧厂</t>
  </si>
  <si>
    <t>【中铁房桥】砼岔枕\P60;1/9;9#;SC390\新朔段（丹洲营站—卧厂站）-卧厂</t>
  </si>
  <si>
    <t>【中铁房桥】砼岔枕\P60;1/9;交渡12#;CZ581Z\新朔段（丹洲营站—卧厂站）-卧厂</t>
  </si>
  <si>
    <t>【中铁房桥】砼岔枕\P60;1/9;交渡16#;CZ581Z\新朔段（丹洲营站—卧厂站）-卧厂</t>
  </si>
  <si>
    <t>【中铁房桥】砼岔枕\P60;1/9;交渡22#;CZ580Z\新朔段（丹洲营站—卧厂站）-卧厂</t>
  </si>
  <si>
    <t>【中铁房桥】砼岔枕\P60;1/9;交渡23#;CZ581Z\新朔段（丹洲营站—卧厂站）-卧厂</t>
  </si>
  <si>
    <t>【中铁房桥】砼岔枕\P60;1/9;交渡24#;CZ581Z\新朔段（丹洲营站—卧厂站）-卧厂</t>
  </si>
  <si>
    <t>【中铁房桥】砼岔枕\P60;1/9;交渡25#;CZ581Z\新朔段（丹洲营站—卧厂站）-卧厂</t>
  </si>
  <si>
    <t>【中铁房桥】砼岔枕\P60;1/9;交渡40#;CZ580Z\新朔段（丹洲营站—卧厂站）-卧厂</t>
  </si>
  <si>
    <t>【中铁房桥】砼岔枕\P60;1/9;交渡44#;CZ581Z\新朔段（丹洲营站—卧厂站）-卧厂</t>
  </si>
  <si>
    <t>【中铁房桥】砼岔枕\P60;1/9;交渡49#;CZ581Z\新朔段（丹洲营站—卧厂站）-卧厂</t>
  </si>
  <si>
    <t>【中铁房桥】砼岔枕\P60;1/9;交渡50#;CZ581Z\新朔段（丹洲营站—卧厂站）-卧厂</t>
  </si>
  <si>
    <t>【中铁房桥】砼岔枕\P75;1/12;1#;SC559-500\新朔段（丹洲营站—卧厂站）-卧厂</t>
  </si>
  <si>
    <t>【中铁房桥】砼岔枕\P75;1/12;2#;SC559-500\新朔段（丹洲营站—卧厂站）-卧厂</t>
  </si>
  <si>
    <t>【中铁房桥】砼岔枕\P75;1/12;25#;SC559-500\新朔段（丹洲营站—卧厂站）-卧厂</t>
  </si>
  <si>
    <t>【中铁房桥】砼岔枕\P75;1/12;26#;SC559-500\新朔段（丹洲营站—卧厂站）-卧厂</t>
  </si>
  <si>
    <t>【中铁房桥】砼岔枕\P75;1/12;27#;SC559-500\新朔段（丹洲营站—卧厂站）-卧厂</t>
  </si>
  <si>
    <t>【中铁房桥】砼岔枕\P75;1/12;28#;SC559-500\新朔段（丹洲营站—卧厂站）-卧厂</t>
  </si>
  <si>
    <t>【中铁房桥】砼岔枕\P75;1/12;29#;SC559-500\新朔段（丹洲营站—卧厂站）-卧厂</t>
  </si>
  <si>
    <t>【中铁房桥】砼岔枕\P75;1/12;3#;SC559-500\新朔段（丹洲营站—卧厂站）-卧厂</t>
  </si>
  <si>
    <t>【中铁房桥】砼岔枕\P75;1/12;30#;SC559-500\新朔段（丹洲营站—卧厂站）-卧厂</t>
  </si>
  <si>
    <t>【中铁房桥】砼岔枕\P75;1/12;31#;SC559-500\新朔段（丹洲营站—卧厂站）-卧厂</t>
  </si>
  <si>
    <t>【中铁房桥】砼岔枕\P75;1/12;39#;SC559-500\新朔段（丹洲营站—卧厂站）-卧厂</t>
  </si>
  <si>
    <t>【中铁房桥】砼岔枕\P75;1/12;40#;SC559-500\新朔段（丹洲营站—卧厂站）-卧厂</t>
  </si>
  <si>
    <t>【中铁房桥】砼岔枕\P75;1/12;5.3m交渡;CZ716\新朔段（丹洲营站—卧厂站）-卧厂</t>
  </si>
  <si>
    <t>【中铁房桥】砼岔枕\P75;1/12;50#;SC559-500\新朔段（丹洲营站—卧厂站）-卧厂</t>
  </si>
  <si>
    <t>【中铁房桥】砼岔枕\P75;1/12;51#;SC559-500\新朔段（丹洲营站—卧厂站）-卧厂</t>
  </si>
  <si>
    <t>【中铁房桥】砼岔枕\P75;1/12;52#;SC559-500\新朔段（丹洲营站—卧厂站）-卧厂</t>
  </si>
  <si>
    <t>【中铁房桥】砼岔枕\P75;1/12;53#;SC559-500\新朔段（丹洲营站—卧厂站）-卧厂</t>
  </si>
  <si>
    <t>【中铁房桥】砼岔枕\P75;1/12;54#;SC559-500\新朔段（丹洲营站—卧厂站）-卧厂</t>
  </si>
  <si>
    <t>【中铁房桥】砼岔枕\P75;1/12;55#;SC559-500\新朔段（丹洲营站—卧厂站）-卧厂</t>
  </si>
  <si>
    <t>【中铁房桥】砼岔枕\P75;1/12;56#;SC559-500\新朔段（丹洲营站—卧厂站）-卧厂</t>
  </si>
  <si>
    <t>【中铁房桥】砼岔枕\P75;1/12;60#;SC559-500\新朔段（丹洲营站—卧厂站）-卧厂</t>
  </si>
  <si>
    <t>【中铁房桥】砼岔枕\P75;1/12;61#;SC559-500\新朔段（丹洲营站—卧厂站）-卧厂</t>
  </si>
  <si>
    <t>【中铁房桥】砼岔枕\P75;1/12;62#;SC559-500\新朔段（丹洲营站—卧厂站）-卧厂</t>
  </si>
  <si>
    <t>【中铁房桥】砼岔枕\P75;1/12;63#;SC559-500\新朔段（丹洲营站—卧厂站）-卧厂</t>
  </si>
  <si>
    <t>【中铁房桥】砼岔枕\P75;1/12;64#;SC559-500\新朔段（丹洲营站—卧厂站）-卧厂</t>
  </si>
  <si>
    <t>【中铁房桥】砼岔枕\P75;1/12;65#;SC559-500\新朔段（丹洲营站—卧厂站）-卧厂</t>
  </si>
  <si>
    <t>【中铁房桥】砼岔枕\P75;1/12;66#;SC559-500\新朔段（丹洲营站—卧厂站）-卧厂</t>
  </si>
  <si>
    <t>【中铁房桥】砼岔枕\P75;1/12;67#;SC559-500\新朔段（丹洲营站—卧厂站）-卧厂</t>
  </si>
  <si>
    <t>【中铁房桥】砼岔枕\P75;1/12;68#;SC559-500\新朔段（丹洲营站—卧厂站）-卧厂</t>
  </si>
  <si>
    <t>【中铁房桥】砼岔枕\P75;1/12;80#;SC559-500\新朔段（丹洲营站—卧厂站）-卧厂</t>
  </si>
  <si>
    <t>【中铁房桥】砼岔枕\P75;1/12;81#;SC559-500\新朔段（丹洲营站—卧厂站）-卧厂</t>
  </si>
  <si>
    <t>【中铁房桥】砼岔枕\P75;1/12;单开;专线4228\新朔段（丹洲营站—卧厂站）-卧厂</t>
  </si>
  <si>
    <t>【中铁房桥】砼桥枕\ⅡZQ-C型0#\新朔段（丹洲营站—卧厂站）-卧厂</t>
  </si>
  <si>
    <t>【中铁房桥】砼桥枕\Ⅲ型\新朔段（丹洲营站—卧厂站）-卧厂</t>
  </si>
  <si>
    <t>【中铁房桥】砼桥枕\梭头;新Ⅲ型;1#\新朔段（丹洲营站—卧厂站）-卧厂</t>
  </si>
  <si>
    <t>【中铁房桥】砼桥枕\梭头;新Ⅲ型;2#\新朔段（丹洲营站—卧厂站）-卧厂</t>
  </si>
  <si>
    <t>【中铁房桥】砼桥枕\梭头;新Ⅲ型;3#\新朔段（丹洲营站—卧厂站）-卧厂</t>
  </si>
  <si>
    <t>【中铁房桥】砼桥枕\梭头;新Ⅲ型;4#\新朔段（丹洲营站—卧厂站）-卧厂</t>
  </si>
  <si>
    <t>【中铁房桥】砼桥枕\新Ⅲ型\新朔段（丹洲营站—卧厂站）-卧厂</t>
  </si>
  <si>
    <t>【中铁房桥】砼桥枕\专线3448;弹性;新Ⅲ型\新朔段（丹洲营站—卧厂站）-卧厂</t>
  </si>
  <si>
    <t>【中铁房桥】砼桥枕\专线3448;弹性;新Ⅲ型;1#\新朔段（丹洲营站—卧厂站）-卧厂</t>
  </si>
  <si>
    <t>【中铁房桥】砼桥枕\专线3448;弹性;新Ⅲ型;2#\新朔段（丹洲营站—卧厂站）-卧厂</t>
  </si>
  <si>
    <t>【中铁房桥】砼桥枕\专线3448;弹性;新Ⅲ型;3#\新朔段（丹洲营站—卧厂站）-卧厂</t>
  </si>
  <si>
    <t>【中铁房桥】砼桥枕\专线3448;弹性;新Ⅲ型;4#\新朔段（丹洲营站—卧厂站）-卧厂</t>
  </si>
  <si>
    <t>【中铁房桥】砼枕\X-Ⅱ型\新朔段（丹洲营站—卧厂站）-卧厂</t>
  </si>
  <si>
    <t>【中铁房桥】砼枕\YⅡ-F\新朔段（丹洲营站—卧厂站）-卧厂</t>
  </si>
  <si>
    <t>【中铁房桥】砼枕\弹性;ⅢA型\新朔段（丹洲营站—卧厂站）-卧厂</t>
  </si>
  <si>
    <t>【中铁房桥】砼枕\专线3393;ⅢA型\新朔段（丹洲营站—卧厂站）-卧厂</t>
  </si>
  <si>
    <t>【波司登】波司登男中长款加厚羽绒服</t>
  </si>
  <si>
    <t>【波司登】波司登女中长款加厚羽绒服</t>
  </si>
  <si>
    <t>【波司登】波司登男防风保暖可脱卸羽绒服</t>
  </si>
  <si>
    <t>【波司登】波司登女防风保暖可脱卸羽绒服</t>
  </si>
  <si>
    <t>【波司登】男士轻薄羽绒长袖内搭内恤</t>
  </si>
  <si>
    <t>【波司登】女士轻薄羽绒长袖内搭内恤</t>
  </si>
  <si>
    <t>【波司登】男士保暖羽绒内穿裤</t>
  </si>
  <si>
    <t>【波司登】女士保暖羽绒内穿裤</t>
  </si>
  <si>
    <t>【波司登】女士轻薄连帽羽绒服</t>
  </si>
  <si>
    <t>【波司登】男士轻薄连帽羽绒服</t>
  </si>
  <si>
    <t>【波司登】男士可脱卸帽羽绒服</t>
  </si>
  <si>
    <t>【波司登】男士保暖防风羽绒服</t>
  </si>
  <si>
    <t>【波司登】男士中长加厚羽绒服</t>
  </si>
  <si>
    <t>【波司登】女士中长款连帽保暖羽绒服</t>
  </si>
  <si>
    <t>【波司登】女士鹅绒长款羽绒服女</t>
  </si>
  <si>
    <t>【波司登】男士鹅绒连帽中款羽绒服</t>
  </si>
  <si>
    <t>【波司登】男士鹅绒商务羽绒服</t>
  </si>
  <si>
    <t>【洋马】减压阀膜片\44100-554420\神华拖3轮-主机+型号:8N-21A\洋马</t>
  </si>
  <si>
    <t>洋马发动机(上海)有限公司</t>
  </si>
  <si>
    <t>洋马</t>
  </si>
  <si>
    <t>GNWZBP(TH)ZECG2020-235</t>
  </si>
  <si>
    <t>国家能源e购商城洋马发动机备件铺货采购合同</t>
  </si>
  <si>
    <t>北京伟科瑞科贸有限公司</t>
  </si>
  <si>
    <t>【洋马】燃油滤芯带法兰\42430-011710\神华拖12轮-主机+型号:6EY22AW\洋马</t>
  </si>
  <si>
    <t>【洋马】调压阀\44100-555543\神华拖12轮-主机+型号:6EY22AW\洋马</t>
  </si>
  <si>
    <t>【洋马】压力表\150633-91500\神华拖12轮-主机+型号:6EY22AW\洋马</t>
  </si>
  <si>
    <t>【洋马】O型圈\24321-000400\神华拖12轮-主机+型号:6EY22AW\洋马</t>
  </si>
  <si>
    <t>【洋马】O型圈\24311-000490\神华拖12轮-主机+型号:6EY22AW\洋马</t>
  </si>
  <si>
    <t>【洋马】膜片\44100-555860\神华拖12轮-主机+型号:6EY22AW\洋马</t>
  </si>
  <si>
    <t>【洋马】密封圈\24311-000420\神华拖8/9轮-主机+型号:6EY26W\洋马</t>
  </si>
  <si>
    <t>【洋马】阀杆锁块\151605-11970\神华拖8/9轮-主机+型号:6EY26W\洋马</t>
  </si>
  <si>
    <t>【洋马】海水泵总成\747683-42050\神华拖3轮-主机+型号:8N21A-SN\洋马</t>
  </si>
  <si>
    <t>【洋马】水泵轴键\22512-070320\神华拖3轮-主机+型号:8N21A-SN\洋马</t>
  </si>
  <si>
    <t>【洋马】水泵轴承\24101-063074\神华拖3轮-主机+型号:8N21A-SN\洋马</t>
  </si>
  <si>
    <t>【洋马】滑油滤芯\146673-35190\神华拖3轮-主机+型号:8N21A-SN\洋马</t>
  </si>
  <si>
    <t>【洋马】滑滤胶圈\148616-35570\神华拖3轮-主机+型号:8N21A-SN\洋马</t>
  </si>
  <si>
    <t>【洋马】滑滤胶圈\148616-35220\神华拖3轮-主机+型号:8N21A-SN\洋马</t>
  </si>
  <si>
    <t>【洋马】液压工具丝堵\23875-030000\神华拖1/2轮-主机+型号:6N260-EN\洋马</t>
  </si>
  <si>
    <t>【洋马】液压泵\146673-92200\神华拖1/2轮-主机+型号:6N260-EN\洋马</t>
  </si>
  <si>
    <t>【洋马】表盘滑油压力表\28886-040550\神华拖1/2轮-主机+型号:6N260-EN\洋马</t>
  </si>
  <si>
    <t>【洋马】空气瓶压力表\28414-680000\神华拖1/2轮-主机+型号:6N260-EN\洋马</t>
  </si>
  <si>
    <t>【洋马】温度表\146673-91310\神华拖8/9轮-主机+型号:6EY26W\洋马</t>
  </si>
  <si>
    <t>【洋马】温度表\28551-030500\神华拖8/9轮-主机+型号:6EY26W\洋马</t>
  </si>
  <si>
    <t>【洋马】热继电器\46111-042300\神华拖8/9轮-主机+型号:6EY26W\洋马</t>
  </si>
  <si>
    <t>【洋马】密封圈\24421-456209\神华拖8/9轮-主机+型号:6EY26W\洋马</t>
  </si>
  <si>
    <t>【洋马】密封圈\142613-42130\神华拖8/9轮-主机+型号:6EY26W\洋马</t>
  </si>
  <si>
    <t>【洋马】螺栓\153604-51450\神华拖8/9轮-主机+型号:6EY26W\洋马</t>
  </si>
  <si>
    <t>【洋马】压力计管\151695-91861\神华拖8/9轮-主机+型号:6EY26W\洋马</t>
  </si>
  <si>
    <t>【洋马】填料\146673-59020\神华拖8/9轮-主机+型号:6EY26W\洋马</t>
  </si>
  <si>
    <t>【洋马】球轴承\24101-062094\神华拖8/9轮-主机+型号:6EY26W\洋马</t>
  </si>
  <si>
    <t>【洋马】球轴承\24101-063094\神华拖8/9轮-主机+型号:6EY26W\洋马</t>
  </si>
  <si>
    <t>【洋马】机械密封\151695-42490\神华拖8/9轮-主机+型号:6EY26W\洋马</t>
  </si>
  <si>
    <t>【洋马】O型圈\151695-42060\神华拖8/9轮-主机+型号:6EY26W\洋马</t>
  </si>
  <si>
    <t>【洋马】填料\24321-001100\神华拖8/9轮-主机+型号:6EY26W\洋马</t>
  </si>
  <si>
    <t>【洋马】填料\24321-001250\神华拖8/9轮-主机+型号:6EY26W\洋马</t>
  </si>
  <si>
    <t>【洋马】O型圈\753605-35430\神华拖8/9轮-主机+型号:6EY26W\洋马</t>
  </si>
  <si>
    <t>【洋马】密封圈\151695-01320\神华拖8/9轮-主机+型号:6EY26W\洋马</t>
  </si>
  <si>
    <t>【洋马】密封圈\151605-01441\神华拖8/9轮-主机+型号:6EY26W\洋马</t>
  </si>
  <si>
    <t>【洋马】橡胶垫圈\151605-01351\神华拖8/9轮-主机+型号:6EY26W\洋马</t>
  </si>
  <si>
    <t>【洋马】橡胶垫圈\151623-01320\神华拖8/9轮-主机+型号:6EY26W\洋马</t>
  </si>
  <si>
    <t>【洋马】O型圈\152633-01810\神华拖8/9轮-主机+型号:6EY26W\洋马</t>
  </si>
  <si>
    <t>【洋马】填料\24316-000240\神华拖8/9轮-主机+型号:6EY26W\洋马</t>
  </si>
  <si>
    <t>【洋马】填料\24316-000210\神华拖8/9轮-主机+型号:6EY26W\洋马</t>
  </si>
  <si>
    <t>【洋马】填料\24316-000120\神华拖8/9轮-主机+型号:6EY26W\洋马</t>
  </si>
  <si>
    <t>【洋马】阀杆密封\151607-11580\神华拖8/9轮-主机+型号:6EY26W\洋马</t>
  </si>
  <si>
    <t>【洋马】阀杆密封\151694-11591\神华拖8/9轮-主机+型号:6EY26W\洋马</t>
  </si>
  <si>
    <t>【洋马】旋阀器\151694-11600\神华拖8/9轮-主机+型号:6EY26W\洋马</t>
  </si>
  <si>
    <t>【洋马】弹簧\151695-11480\神华拖8/9轮-主机+型号:6EY26W\洋马</t>
  </si>
  <si>
    <t>【洋马】排气阀\151695-11110\神华拖8/9轮-主机+型号:6EY26W\洋马</t>
  </si>
  <si>
    <t>【洋马】进气阀\151695-11120\神华拖8/9轮-主机+型号:6EY26W\洋马</t>
  </si>
  <si>
    <t>【洋马】导向阀\151695-11181\神华拖8/9轮-主机+型号:6EY26W\洋马</t>
  </si>
  <si>
    <t>【洋马】O型圈\24326-000600\神华拖8/9轮-主机+型号:6EY26W\洋马</t>
  </si>
  <si>
    <t>【洋马】垫圈\151695-11780\神华拖8/9轮-主机+型号:6EY26W\洋马</t>
  </si>
  <si>
    <t>【洋马】喷油嘴总承\151695-11790\神华拖8/9轮-主机+型号:6EY26W\洋马</t>
  </si>
  <si>
    <t>【洋马】气阀杆密封(valve stem seal)\151607-11580\神华拖1/2轮-主机+型号:6N260-EN\日本洋马发动机有限公司</t>
  </si>
  <si>
    <t>【洋马】气动马达O形圈(o-ring)\146673 77130\神华拖3轮-主机+型号:8N21A-SN\日本洋马发动机有限公司</t>
  </si>
  <si>
    <t>【洋马】气动马达O形圈(o-ring)\146673 77120\神华拖3轮-主机+型号:8N21A-SN\日本洋马发动机有限公司</t>
  </si>
  <si>
    <t>【洋马】气动马达O形圈(o-ring)\146673 77110\神华拖3轮-主机+型号:8N21A-SN\日本洋马发动机有限公司</t>
  </si>
  <si>
    <t>【洋马】气动马达O形圈(o-ring)\146673 77100\神华拖3轮-主机+型号:8N21A-SN\日本洋马发动机有限公司</t>
  </si>
  <si>
    <t>【洋马】平行销\22312-060120\神华拖3轮-主机+型号:8N21A-SN\日本洋马发动机有限公司</t>
  </si>
  <si>
    <t>【洋马】喷油器套紫铜垫\153605-11760\神华拖1/2轮-主机+型号:6N260-EN\日本洋马发动机有限公司</t>
  </si>
  <si>
    <t>【洋马】排烟温度计(thermometer for exhaust gas)\28572-500110\神华拖1/2轮-主机+型号:6N260-EN\日本洋马发动机有限公司</t>
  </si>
  <si>
    <t>【洋马】缸头排气口垫(PACKING FOR INLET OF CYLINDER HEAD)\147673-13200\神华拖3轮-主机+型号:8N21A-SN\日本洋马发动机有限公司</t>
  </si>
  <si>
    <t>【洋马】缸头排气端垫片(gasket for exhaust outlet of cylinder head)\153605-13201\神华拖1/2轮-主机+型号:6N260-EN\日本洋马发动机有限公司</t>
  </si>
  <si>
    <t>【洋马】缸头进口垫(PACKING FOR INLET OF CYLINDER HEAD)\147673-12312\神华拖3轮-主机+型号:8N21A-SN\日本洋马发动机有限公司</t>
  </si>
  <si>
    <t>【洋马】缸头垫(PACKING FOR CYLINDER HEAD)\147644-01350\神华拖3轮-主机+型号:8N21A-SN\日本洋马发动机有限公司</t>
  </si>
  <si>
    <t>【洋马】缸套橡皮垫(下部)(rubber packing )lower\151623-01320\神华拖1/2轮-主机+型号:6N260-EN\日本洋马发动机有限公司</t>
  </si>
  <si>
    <t>【洋马】缸套(cylinder liner)\151605-01143-C for 151605-01143-B\神华拖1/2轮-主机+型号:6N260-EN\日本洋马发动机有限公司</t>
  </si>
  <si>
    <t>【洋马】缸垫(head packing)t=1mm\151605-01320\神华拖1/2/5/6/7轮-主机+型号:6N260-EN\日本洋马发动机有限公司</t>
  </si>
  <si>
    <t>【洋马】防腐锌块(ZINC)\27200-400400\神华拖1/2轮-主机+型号:6N260-EN\日本洋马发动机有限公司</t>
  </si>
  <si>
    <t>【洋马】阀机构0形圈(0-ring for valve mechanish)\24321-000350 fopr 24321-000450\神华拖1/2轮-主机+型号:6N260-EN\日本洋马发动机有限公司</t>
  </si>
  <si>
    <t>【洋马】垫片\424100-08820\神华拖1/2轮-主机+型号:6N260-EN\日本洋马发动机有限公司</t>
  </si>
  <si>
    <t>【洋马】O型圈\146673-51820\神华拖3轮-主机+型号:8N21A-SN\日本洋马发动机有限公司</t>
  </si>
  <si>
    <t>【洋马】O型圈\146673-51811\神华拖3轮-主机+型号:8N21A-SN\日本洋马发动机有限公司</t>
  </si>
  <si>
    <t>【洋马】O型圈\146673-11810\神华拖3轮-主机+型号:8N21A-SN\日本洋马发动机有限公司</t>
  </si>
  <si>
    <t>【洋马】O型圈\141616-11061\神华拖3轮-主机+型号:8N21A-SN\日本洋马发动机有限公司</t>
  </si>
  <si>
    <t>【洋马】O型圈(O-RING)\146673-53900\神华拖3轮-主机+型号:8N21A-SN\日本洋马发动机有限公司</t>
  </si>
  <si>
    <t>【洋马】O型圈(O-RING)\128633-11880\神华拖3轮-主机+型号:8N21A-SN\日本洋马发动机有限公司</t>
  </si>
  <si>
    <t>【洋马】O型管(O-RING)\151673-51380 51381\神华拖5/6/7轮-主机+型号:6N260M-EV\日本洋马发动机有限公司</t>
  </si>
  <si>
    <t>【洋马】O形圈(O-RING)\152633 01810\神华拖3轮-主机+型号:8N21A-SN\日本洋马发动机有限公司</t>
  </si>
  <si>
    <t>【洋马】O形圈(O-RING) (1A) P9\24311 000090\神华拖3轮-主机+型号:8N21A-SN\日本洋马发动机有限公司</t>
  </si>
  <si>
    <t>【洋马】O形圈(O-RING 4D G40.0)\24326-000400\神华拖3轮-主机+型号:8N21A-SN\日本洋马发动机有限公司</t>
  </si>
  <si>
    <t>【洋马】gasket道门盖垫\147673-01410\神华拖1/2/5/6/7轮-主机+型号:6N260-EN\日本洋马发动机有限公司</t>
  </si>
  <si>
    <t>【洋马】anti-polishing ring承磨环\147673-01130\神华拖3轮-主机+型号:8N21A-SN\日本洋马发动机有限公司</t>
  </si>
  <si>
    <t>【洋马】3#活塞环(NO.3 PISTON RING)\147673-22150\神华拖3轮-主机+型号:8N21A-SN\日本洋马发动机有限公司</t>
  </si>
  <si>
    <t>【洋马】2#活塞环(NO.2 PISTON RING)\147673-22110\神华拖3轮-主机+型号:8N21A-SN\日本洋马发动机有限公司</t>
  </si>
  <si>
    <t>【洋马】1#活塞环(NO.1 PISTON RING)\147676-22130\神华拖3轮-主机+型号:8N21A-SN\日本洋马发动机有限公司</t>
  </si>
  <si>
    <t>【洋马】0形圈P14(0-ring)\24316-000140\神华拖1/2轮-主机+型号:6N260-EN\日本洋马发动机有限公司</t>
  </si>
  <si>
    <t>【洋马】0形圈(P22) 0-ring\24316-000220 for 24316-00020\神华拖1/2轮-主机+型号:6N260-EN\日本洋马发动机有限公司</t>
  </si>
  <si>
    <t>【洋马】0形圈(4D )G75 0-ring\24326-000750\神华拖1/2轮-主机+型号:6N260-EN\日本洋马发动机有限公司</t>
  </si>
  <si>
    <t>【洋马】0形圈(0-ring)P40\243260-00400\神华拖1/2轮-主机+型号:6N260-EN\日本洋马发动机有限公司</t>
  </si>
  <si>
    <t>【洋马】0形圈(0-ring)P24\243160-00240\神华拖3轮-主机+型号:8N21A\日本洋马发动机有限公司</t>
  </si>
  <si>
    <t>【洋马】0形圈(0-ring)P21\243160-00210\神华拖3轮-主机+型号:8N21A\日本洋马发动机有限公司</t>
  </si>
  <si>
    <t>【洋马】0形圈(0-ring)\243110-03850\神华拖1/2轮-主机+型号:6N260-EN\日本洋马发动机有限公司</t>
  </si>
  <si>
    <t>【洋马】0形圈(0-ring)\159646-51270\神华拖1/2轮-主机+型号:6N260-EN\日本洋马发动机有限公司</t>
  </si>
  <si>
    <t>【洋马】垫片(packing)\424100-08810\神华拖1/2轮-主机+型号:6N260-EN\日本洋马发动机有限公司</t>
  </si>
  <si>
    <t>【洋马】垫片(packing)\151605-11790 for 142623-53090\神华拖1/2轮-主机+型号:6N260-EN\日本洋马发动机有限公司</t>
  </si>
  <si>
    <t>【洋马】垫片(packing)\150623-71090 for 151623-71090\神华拖1/2轮-主机+型号:6N260-EN\日本洋马发动机有限公司</t>
  </si>
  <si>
    <t>【洋马】等压阀总成(Valve)\153605-51301\神华拖1/2轮-主机+型号:6N260-EN\日本洋马发动机有限公司</t>
  </si>
  <si>
    <t>【洋马】等压阀总成(DELIVERY VALVE COMP)\146673-51300\神华拖3轮-主机+型号:8N21A-SN\日本洋马发动机有限公司</t>
  </si>
  <si>
    <t>【洋马】衬套(bush)\153605-52140\神华拖1/2轮-主机+型号:6N260-EN\日本洋马发动机有限公司</t>
  </si>
  <si>
    <t>【洋马】保护旋塞protector\153605-51270\神华拖1/2轮-主机+型号:6N260-EN\日本洋马发动机有限公司</t>
  </si>
  <si>
    <t>【洋马】保护旋塞protector\146673-51261\神华拖3轮-主机+型号:8N21A-SN\日本洋马发动机有限公司</t>
  </si>
  <si>
    <t>【洋马】packing(inlet of turbo)增压器进口管垫\147883-13250\神华拖3轮-主机+型号:8N21A-SN\日本洋马发动机有限公司</t>
  </si>
  <si>
    <t>【洋马】0形圈(0-ring)\153605-51241\神华拖1/2轮-主机+型号:6N260-EN\日本洋马发动机有限公司</t>
  </si>
  <si>
    <t>【洋马】0形圈(0-ring)\153605-51222\神华拖1/2轮-主机+型号:6N260-EN\日本洋马发动机有限公司</t>
  </si>
  <si>
    <t>【洋马】0形圈(0-ring)\142613-42270\神华拖1/2轮-主机+型号:6N260-EN\日本洋马发动机有限公司</t>
  </si>
  <si>
    <t>【洋马】0形圈(0-ring )\24321-002500\神华拖1/2轮-主机+型号:6N260-EN\日本洋马发动机有限公司</t>
  </si>
  <si>
    <t>【洋马】柱塞总成\151605-51101\神华拖1/2轮-主机+型号:6N260-EN\日本洋马发动机有限公司</t>
  </si>
  <si>
    <t>【洋马】主启动阀止回阀check valve\44100-006800\神华拖1/2轮-主机+型号:6N260-EN\日本洋马发动机有限公司</t>
  </si>
  <si>
    <t>【洋马】主机温度传感器(thermocouple)\PTR-SD Temp700 C PT100omh at 0 C 2 mA\神华拖3轮-主机+型号:8N21A-SN\日本洋马发动机有限公司</t>
  </si>
  <si>
    <t>【洋马】轴承6205(bearing)6205\24101-062054\神华拖1/2轮-主机+型号:6N260-EN\日本洋马发动机有限公司</t>
  </si>
  <si>
    <t>【洋马】针阀\147673-53040\神华拖3轮-主机+型号:8N21A-SN\日本洋马发动机有限公司</t>
  </si>
  <si>
    <t>【洋马】增压器压气端出口垫片(PACKING FOR OUTLET OF BLOWER)\147673-18221\神华拖3轮-主机+型号:8N21A-SN\日本洋马发动机有限公司</t>
  </si>
  <si>
    <t>【洋马】增压器滑油纸滤芯(ELEMENT，PAPER TYPE)\133654-35540\神华拖3轮-主机+型号:8N21A-SN\日本洋马发动机有限公司</t>
  </si>
  <si>
    <t>【洋马】油环(OIL RING WITH COIL EXPANDER)\147673-22120\神华拖3轮-主机+型号:8N21A-SN\日本洋马发动机有限公司</t>
  </si>
  <si>
    <t>【洋马】油封TC355511(OIL SEAL TC355511)\24421-355511\神华拖3轮-主机+型号:8N21A-SN\日本洋马发动机有限公司</t>
  </si>
  <si>
    <t>【洋马】油封(oil seal)\24421-456812 for 142613-42130\神华拖1/2轮-主机+型号:6N260-EN\日本洋马发动机有限公司</t>
  </si>
  <si>
    <t>【洋马】油封(oil seal)\24411-204007\神华拖1/2轮-主机+型号:6N260-EN\日本洋马发动机有限公司</t>
  </si>
  <si>
    <t>【洋马】油封(oil sea)\141646-52660\神华拖1/2轮-主机+型号:6N260-EN\日本洋马发动机有限公司</t>
  </si>
  <si>
    <t>【洋马】O型圈\24316-000600\神华拖1/2轮-主机+型号:6N260-EN\日本洋马发动机有限公司</t>
  </si>
  <si>
    <t>【洋马】O型圈\24316-000440\神华拖3轮-主机+型号:8N21A-SN\日本洋马发动机有限公司</t>
  </si>
  <si>
    <t>【洋马】O型圈\24316-000350\神华拖3轮-主机+型号:8N21A-SN\日本洋马发动机有限公司</t>
  </si>
  <si>
    <t>【洋马】O型圈\24311-000300\神华拖3轮-主机+型号:8N21A-SN\日本洋马发动机有限公司</t>
  </si>
  <si>
    <t>【洋马】O型圈\24311-000100\神华拖1/2轮-主机+型号:6N260-EN\日本洋马发动机有限公司</t>
  </si>
  <si>
    <t>【洋马】O型圈\146673-51830\神华拖3轮-主机+型号:8N21A-SN\日本洋马发动机有限公司</t>
  </si>
  <si>
    <t>【洋马】空冷器调温阀\43600-021501\神华拖1/2/5/6/7轮-主柴油机 6N260\洋马</t>
  </si>
  <si>
    <t>【洋马】仪表盘针阀\43600-034790\神华拖8/9/10/11轮-主柴油机 6EY26W\洋马</t>
  </si>
  <si>
    <t>【洋马】仪表盘针阀\43600-037630\神华拖8/9/10/11轮-主柴油机 6EY26W\洋马</t>
  </si>
  <si>
    <t>【洋马】驾控台主机转速表\1203-012-13-TM\神华拖8/9/10/11轮-主柴油机 6EY26W\洋马</t>
  </si>
  <si>
    <t>【洋马】调速器上垫圈\43400-004020\神华拖8/9/10/11轮-主柴油机 6EY26W\日本洋马发动机有限公司</t>
  </si>
  <si>
    <t>【洋马】调速器下垫圈\151695-61140\神华拖8/9/10/11轮-主柴油机 6EY26W\日本洋马发动机有限公司</t>
  </si>
  <si>
    <t>【洋马】调速器调整垫\142613-61150\神华拖8/9/10/11轮-主柴油机 6EY26W\日本洋马发动机有限公司</t>
  </si>
  <si>
    <t>【洋马】调速器调整垫\142613-61160\神华拖8/9/10/11轮-主柴油机 6EY26W\日本洋马发动机有限公司</t>
  </si>
  <si>
    <t>【洋马】转速表\28650-171500\神华拖3轮-主柴油机 8N21A-SN\日本洋马发动机有限公司</t>
  </si>
  <si>
    <t>【洋马】淡水冷却器进口端盖\T000L0052C2 15A\神华拖3轮-主柴油机 8N21A-SN\日本洋马发动机有限公司</t>
  </si>
  <si>
    <t>【洋马】淡水冷却器出口端盖\T000L0052C2 15A\神华拖3轮-主柴油机 8N21A-SN\日本洋马发动机有限公司</t>
  </si>
  <si>
    <t>【洋马】燃油滤器总成\138613-55880\神华拖1/2/5/6/7轮-主柴油机 6N260-EN\日本洋马发动机有限公司</t>
  </si>
  <si>
    <t>【洋马】机械密封\PU42442A4\神华拖8/9轮-主机+型号:6EY26W\洋马发动机有限公司</t>
  </si>
  <si>
    <t>【洋马】盘根\PU45218E13\神华拖8/9轮-主机+型号:6EY26W\洋马发动机有限公司</t>
  </si>
  <si>
    <t>【洋马】机械密封\PU45218E12\神华拖8/9轮-主机+型号:6EY26W\洋马发动机有限公司</t>
  </si>
  <si>
    <t>【洋马】密封件组套\9910\神华拖8/9轮-主机+型号:6EY26W\洋马发动机有限公司</t>
  </si>
  <si>
    <t>【洋马】联轴节块\PU45218E34\神华拖8/9轮-主机+型号:6EY26W\洋马发动机有限公司</t>
  </si>
  <si>
    <t>【洋马】感温包\40000-015380\神华拖8/9轮-主机+型号:6EY26W\洋马发动机有限公司</t>
  </si>
  <si>
    <t>【洋马】示功阀\751695-15101\神华拖8/9轮-主机+型号:6EY26W\洋马发动机有限公司</t>
  </si>
  <si>
    <t>【洋马】喷油器总成\750633-53300\神华拖12轮-主机+型号:6EY22AW\洋马发动机有限公司</t>
  </si>
  <si>
    <t>【洋马】活塞环总成\750633-22500\神华拖12轮-主机+型号:6EY22AW\洋马发动机有限公司</t>
  </si>
  <si>
    <t>【洋马】示功阀总成\746673-15104\神华拖12轮-主机+型号:6EY22AW\洋马发动机有限公司</t>
  </si>
  <si>
    <t>【洋马】转速传感器\46150-026100\神华拖8/9轮-主机+型号:6EY26W\洋马发动机有限公司</t>
  </si>
  <si>
    <t>【洋马】密封圈\24375-000850\神华拖8/9轮-主机+型号:6EY26W\洋马发动机有限公司</t>
  </si>
  <si>
    <t>【洋马】密封圈\24326-002100\神华拖8/9轮-主机+型号:6EY26W\洋马发动机有限公司</t>
  </si>
  <si>
    <t>【洋马】密封圈\24326-000850\神华拖8/9轮-主机+型号:6EY26W\洋马发动机有限公司</t>
  </si>
  <si>
    <t>【洋马】密封圈\24326-000250\神华拖8/9轮-主机+型号:6EY26W\洋马发动机有限公司</t>
  </si>
  <si>
    <t>【洋马】密封圈\24325-001200\神华拖8/9轮-主机+型号:6EY26W\洋马发动机有限公司</t>
  </si>
  <si>
    <t>【洋马】垫片\24321-002300\神华拖12轮-主机+型号:6EY22AW\洋马发动机有限公司</t>
  </si>
  <si>
    <t>【洋马】密封圈\24316-000320\神华拖8/9轮-主机+型号:6EY26W\洋马发动机有限公司</t>
  </si>
  <si>
    <t>【洋马】密封圈\24316-000220\神华拖8/9轮-主机+型号:6EY26W\洋马发动机有限公司</t>
  </si>
  <si>
    <t>【洋马】密封圈\24311-000210\神华拖8/9轮-主机+型号:6EY26W\洋马发动机有限公司</t>
  </si>
  <si>
    <t>【洋马】卡环\22252-001000\神华拖8/9轮-主机+型号:6EY26W\洋马发动机有限公司</t>
  </si>
  <si>
    <t>【洋马】卡环\22252-000620\神华拖8/9轮-主机+型号:6EY26W\洋马发动机有限公司</t>
  </si>
  <si>
    <t>【洋马】燃油泵齿轮\153605-52121\神华拖1/2轮-主机+型号:6N260EN\洋马发动机有限公司</t>
  </si>
  <si>
    <t>【洋马】密封圈\151695-59240\神华拖8/9轮-主机+型号:6EY26W\洋马发动机有限公司</t>
  </si>
  <si>
    <t>【洋马】垫片\151695-54050\神华拖8/9轮-主机+型号:6EY26W\洋马发动机有限公司</t>
  </si>
  <si>
    <t>【洋马】调压阀感温包\151695-33520\神华拖8/9轮-主机+型号:6EY26W\洋马发动机有限公司</t>
  </si>
  <si>
    <t>【洋马】滑油冷却器调温阀\747673-38010\神华拖3轮-主机+型号:8N21A\洋马发动机有限公司</t>
  </si>
  <si>
    <t>【洋马】滑油冷却器调温阀\751605-33200\神华拖1/2/5/6/7轮-主机+型号:6N260\洋马发动机有限公司</t>
  </si>
  <si>
    <t>【洋马】进气阀阀杆密封\150633-11620\神华拖12轮-主机+型号:6EY22AW\洋马发动机有限公司</t>
  </si>
  <si>
    <t>【洋马】排气阀阀杆密封\150633-11640\神华拖12轮-主机+型号:6EY22AW\洋马发动机有限公司</t>
  </si>
  <si>
    <t>【洋马】缸垫\150633-01340\神华拖12轮-主机+型号:6EY22AW\洋马发动机有限公司</t>
  </si>
  <si>
    <t>【洋马】垫片\150633-13480\神华拖12轮-主机+型号:6EY22AW\洋马发动机有限公司</t>
  </si>
  <si>
    <t>【洋马】喷油嘴\150633-53310\神华拖12轮-主机+型号:6EY22AW\洋马发动机有限公司</t>
  </si>
  <si>
    <t>【洋马】O型圈\146685-51830\神华拖12轮-主机+型号:6EY22AW\洋马发动机有限公司</t>
  </si>
  <si>
    <t>【洋马】垫片\24311-000090\神华拖12轮-主机+型号:6EY22AW\洋马发动机有限公司</t>
  </si>
  <si>
    <t>【洋马】阀座O型圈下\150633-11800\神华拖12轮-主机+型号:6EY22AW\洋马发动机有限公司</t>
  </si>
  <si>
    <t>【洋马】阀座O型圈上\150633-11810\神华拖12轮-主机+型号:6EY22AW\洋马发动机有限公司</t>
  </si>
  <si>
    <t>【洋马】O型圈\146623-35440\神华拖12轮-主机+型号:6EY22AW\洋马发动机有限公司</t>
  </si>
  <si>
    <t>【洋马】叶轮\150643-42310\神华拖12轮-主机+型号:6EY22AW\洋马发动机有限公司</t>
  </si>
  <si>
    <t>【洋马】高压油泵总成\750633-51201\神华拖12轮-主机+型号:6EY22AW\洋马发动机有限公司</t>
  </si>
  <si>
    <t>【洋马】转速表\46150-055841\神华拖12轮-主机+型号:6EY22AW\洋马发动机有限公司</t>
  </si>
  <si>
    <t>【洋马】叶轮\150633-42220\神华拖12轮-主机+型号:6EY22AW\洋马发动机有限公司</t>
  </si>
  <si>
    <t>【洋马】燃油输送泵总成\750633-52040\神华拖12轮-主机+型号:6EY22AW\洋马发动机有限公司</t>
  </si>
  <si>
    <t>【洋马】摇臂罩壳垫\147673-11280\神华拖3轮-主机+型号:8N21A-SN\日本洋马发动机有限公司</t>
  </si>
  <si>
    <t>【洋马】滑油压差指示器\151695-35960\神华拖8/10轮-主机:6EY26W\日本洋马发动机有限公司</t>
  </si>
  <si>
    <t>【洋马】淡水冷却器温控阀\RC 65A 74-82℃\神华拖3轮-主机+型号:8N21A-SN\日本洋马发动机有限公司</t>
  </si>
  <si>
    <t>【洋马】排烟管膨胀节\23970-400001\神华拖1/2/5/6/7轮-主机+型号:6N260-EN\日本洋马发动机有限公司</t>
  </si>
  <si>
    <t>【洋马】淡水冷却器端盖B\153602-44550\神华拖1/2轮-主柴油机 6N260-EN\日本洋马发动机有限公司</t>
  </si>
  <si>
    <t>【洋马】淡水冷却器端盖A\151602-44500\神华拖1/2轮-主机+型号:6N260-EN\日本洋马发动机有限公司</t>
  </si>
  <si>
    <t>【洋马】道门垫\151605-01412\神华拖1/2轮-主机+型号:6N260-EN\日本洋马发动机有限公司</t>
  </si>
  <si>
    <t>【洋马】缸头进气垫\151695-12210\神华拖8/10轮-主机+型号:6EY26W\洋马发动机有限公司</t>
  </si>
  <si>
    <t>【洋马】机带淡水泵\750633-42010\神华拖12轮-主机+型号:6EY22AW\洋马发动机有限公司</t>
  </si>
  <si>
    <t>【洋马】滤网\2-28890\神华拖10/11轮-主机+型号:6EY26W\洋马</t>
  </si>
  <si>
    <t>【洋马】启动马达\151692-77011\神华拖10/11轮-主机+型号:6EY26W\洋马</t>
  </si>
  <si>
    <t>【洋马】O型圈\24311-000440\神华拖10/11轮-主机+型号:6EY26W\洋马</t>
  </si>
  <si>
    <t>【洋马】密封圈\151695-18960\神华拖8/9轮-主机+型号:6EY26W\洋马发动机有限公司</t>
  </si>
  <si>
    <t>【洋马】密封圈\151695-18950\神华拖8/9轮-主机+型号:6EY26W\洋马发动机有限公司</t>
  </si>
  <si>
    <t>【洋马】密封圈\151695-12310\神华拖8/9轮-主机+型号:6EY26W\洋马发动机有限公司</t>
  </si>
  <si>
    <t>【洋马】凸轮轴瓦\151695-02420\神华拖8/9轮-主机+型号:6EY26W\洋马发动机有限公司</t>
  </si>
  <si>
    <t>【洋马】膨胀节\151694-13680\神华拖8/9轮-主机+型号:6EY26W\洋马发动机有限公司</t>
  </si>
  <si>
    <t>【洋马】调压阀垫圈\151692-33380\神华拖8/9轮-主机+型号:6EY26W\洋马发动机有限公司</t>
  </si>
  <si>
    <t>【洋马】调压阀垫圈\151692-33370\神华拖8/9轮-主机+型号:6EY26W\洋马发动机有限公司</t>
  </si>
  <si>
    <t>【洋马】O型圈\151673-51381\神华拖12轮-主机+型号:6EY22AW\洋马发动机有限公司</t>
  </si>
  <si>
    <t>【洋马】道门垫片\150633-01410\神华拖12轮-主机+型号:6EY22AW\洋马发动机有限公司</t>
  </si>
  <si>
    <t>【洋马】旋阀器\150633-11600\神华拖12轮-主机+型号:6EY22AW\洋马发动机有限公司</t>
  </si>
  <si>
    <t>【洋马】锁块\150633-11970\神华拖12轮-主机+型号:6EY22AW\洋马发动机有限公司</t>
  </si>
  <si>
    <t>【洋马】排气阀阀座\150633-11090\神华拖12轮-主机+型号:6EY22AW\洋马发动机有限公司</t>
  </si>
  <si>
    <t>【洋马】进气阀阀座\150633-11080\神华拖12轮-主机+型号:6EY22AW\洋马发动机有限公司</t>
  </si>
  <si>
    <t>【洋马】排气阀\150633-11110\神华拖12轮-主机+型号:6EY22AW\洋马发动机有限公司</t>
  </si>
  <si>
    <t>【洋马】进气阀\150633-11120\神华拖12轮-主机+型号:6EY22AW\洋马发动机有限公司</t>
  </si>
  <si>
    <t>【洋马】垫片\150633-11870\神华拖12轮-主机+型号:6EY22AW\洋马发动机有限公司</t>
  </si>
  <si>
    <t>【洋马】缸头进气管垫片\150633-12310\神华拖12轮-主机+型号:6EY22AW\洋马发动机有限公司</t>
  </si>
  <si>
    <t>【洋马】水套\150633-11650\神华拖12轮-主机+型号:6EY22AW\洋马发动机有限公司</t>
  </si>
  <si>
    <t>【洋马】燃油泵轴承\24102-062064\神华拖1/2轮-主机+型号:6N260-EN\日本洋马发动机有限公司</t>
  </si>
  <si>
    <t>【洋马】O型圈\24311-001250\神华拖1/2轮-主机+型号:6N260-EN\日本洋马发动机有限公司</t>
  </si>
  <si>
    <t>【洋马】进气弯管\151605-12301\神华拖1/2轮-主机+型号:6N260-EN\日本洋马发动机有限公司</t>
  </si>
  <si>
    <t>【洋马】顶杆摇臂\151605-14300\神华拖1/2/5/6/7轮-主机+型号:6N260-EN\日本洋马发动机有限公司</t>
  </si>
  <si>
    <t>【洋马】增压器转速传感器\ST5-9110\神华拖8/9轮-主机+型号:6EY26W\洋马发动机有限公司</t>
  </si>
  <si>
    <t>【洋马】增压器转速传感器\TPS48-86505\神华拖12轮-主机+型号:6EY22AW\洋马发动机有限公司</t>
  </si>
  <si>
    <t>【洋马】密封圈\24316-000850\神华拖8/9轮-主机+型号:6EY26W\洋马</t>
  </si>
  <si>
    <t>【洋马】主起动阀弹簧\137800-72030\神华拖1/2轮-主机+型号:6N260-EN\洋马</t>
  </si>
  <si>
    <t>【洋马】气阀导套\147673-11160\神华拖3轮-主机+型号:8N21A-SN\洋马</t>
  </si>
  <si>
    <t>【洋马】转速表线\28711-000800\神华拖3轮-主机+型号:8N21A-SN\洋马</t>
  </si>
  <si>
    <t>【洋马】喷油器胶圈\24316-000710\神华拖1/2轮-主机+型号:6N260-EN\洋马</t>
  </si>
  <si>
    <t>【洋马】喷油器弹簧\146673-53120\神华拖3轮-主机+型号:8N21A-SN\洋马</t>
  </si>
  <si>
    <t>【洋马】油嘴垫片\146673-53230\神华拖3轮-主机+型号:8N21A-SN\洋马</t>
  </si>
  <si>
    <t>【洋马】海水泵叶轮\141616-42191\神华拖3轮-主机+型号:8N21A-SN\洋马</t>
  </si>
  <si>
    <t>【洋马】淡水泵叶轮\147673-42221\神华拖3轮-主机+型号:8N21A-SN\洋马</t>
  </si>
  <si>
    <t>【洋马】空气瓶安全阀\83255-103011\神华拖1/2轮-主机+型号:6N260-EN\洋马</t>
  </si>
  <si>
    <t>【洋马】空气瓶铜垫\43253-103000\神华拖1/2轮-主机+型号:6N260-EN\洋马</t>
  </si>
  <si>
    <t>【洋马】进气道胶管卡子\23001-292000\神华拖5轮-主机+型号:6N260M-EV\洋马</t>
  </si>
  <si>
    <t>【洋马】进排气道胶圈\24324-001800\神华拖1/2轮-主机+型号:6N260-EN\洋马</t>
  </si>
  <si>
    <t>【洋马】进气道胶管\142903-18240\神华拖5轮-主机+型号:6N260M-EV\洋马</t>
  </si>
  <si>
    <t>【洋马】进排气道胶圈\24314-002150\神华拖5轮-主机+型号:6N260M-EV\洋马</t>
  </si>
  <si>
    <t>【洋马】进排气道胶圈\24324-001600\神华拖1/2轮-主机+型号:6N260-EN\洋马</t>
  </si>
  <si>
    <t>【洋马】主起动阀阀座\142613-72100\神华拖1/2轮-主机+型号:6N260-EN\洋马</t>
  </si>
  <si>
    <t>【洋马】主气动阀止回阀\142613-72020\神华拖1/2轮-主机+型号:6N260-EN\洋马</t>
  </si>
  <si>
    <t>【洋马】主气动阀套\142613-72110\神华拖1/2轮-主机+型号:6N260-EN\洋马</t>
  </si>
  <si>
    <t>【洋马】气缸气动阀胶圈\24316-000420\神华拖1/2轮-主机+型号:6N260-EN\洋马</t>
  </si>
  <si>
    <t>【洋马】气缸气动阀弹簧\136600-71120\神华拖1/2轮-主机+型号:6N260-EN\洋马</t>
  </si>
  <si>
    <t>【洋马】空气分配器阀\137600-72410\神华拖1/2轮-主机+型号:6N260-EN\洋马</t>
  </si>
  <si>
    <t>【洋马】空气分配器套\138613-72450\神华拖1/2轮-主机+型号:6N260-EN\洋马</t>
  </si>
  <si>
    <t>【洋马】摇臂油油管垫\23414-060000\神华拖1/2轮-主机+型号:6N260-EN\洋马</t>
  </si>
  <si>
    <t>【洋马】燃油调压阀\732654-59300\神华拖1/2轮-主机+型号:6N260-EN\洋马</t>
  </si>
  <si>
    <t>【洋马】摇臂油油管\151605-39730\神华拖1/2轮-主机+型号:6N260-EN\洋马</t>
  </si>
  <si>
    <t>【洋马】燃油止回阀\153602-59150\神华拖1/2轮-主机+型号:6N260-EN\洋马</t>
  </si>
  <si>
    <t>【洋马】海水泵轴\151605-42250\神华拖1/2轮-主机+型号:6N260-EN\洋马</t>
  </si>
  <si>
    <t>【洋马】海水泵叶轮\151605-42220\神华拖1/2轮-主机+型号:6N260-EN\洋马</t>
  </si>
  <si>
    <t>【洋马】缸头罩壳垫片\150633-11280\神华拖12轮-主机+型号:6EY22AW\洋马发动机有限公司</t>
  </si>
  <si>
    <t>【洋马】喷油器弹簧\150633-53120\神华拖12轮-主机+型号:6EY22AW\洋马发动机有限公司</t>
  </si>
  <si>
    <t>【洋马】垫片\24321-000700\神华拖12轮-主机+型号:6EY22AW\洋马发动机有限公司</t>
  </si>
  <si>
    <t>【洋马】O型圈\146685-51810\神华拖12轮-主机+型号:6EY22AW\洋马发动机有限公司</t>
  </si>
  <si>
    <t>【洋马】O型圈\150633-35430\神华拖12轮-主机+型号:6EY22AW\洋马发动机有限公司</t>
  </si>
  <si>
    <t>【洋马】高压油管\150633-59260\神华拖12轮-主机+型号:6EY22AW\洋马发动机有限公司</t>
  </si>
  <si>
    <t>【洋马】O型圈\147644-01320\神华拖12轮-主机+型号:6EY22AW\洋马发动机有限公司</t>
  </si>
  <si>
    <t>【洋马】O型圈\147646-01320\神华拖12轮-主机+型号:6EY22AW\洋马发动机有限公司</t>
  </si>
  <si>
    <t>【洋马】O型圈\150633-18730\神华拖12轮-主机+型号:6EY22AW\洋马发动机有限公司</t>
  </si>
  <si>
    <t>【洋马】垫片\150633-18220\神华拖12轮-主机+型号:6EY22AW\洋马发动机有限公司</t>
  </si>
  <si>
    <t>【洋马】淡水泵轴承\241010-63094\神华拖1/2轮-主机+型号:6N260-EN\洋马</t>
  </si>
  <si>
    <t>【洋马】淡水泵锁环\151605-42261\神华拖1/2轮-主机+型号:6N260-EN\洋马</t>
  </si>
  <si>
    <t>【洋马】淡水泵轴\C51600-42101\神华拖1/2轮-主机+型号:6N260-EN\洋马</t>
  </si>
  <si>
    <t>【洋马】滑油滤芯总成\151602-35030\神华拖1/2轮-主机+型号:6N260-EN\洋马</t>
  </si>
  <si>
    <t>【洋马】增压器滑滤胶圈\152679-35570\神华拖1/2轮-主机+型号:6N260-EN\洋马</t>
  </si>
  <si>
    <t>【洋马】增压器滑滤胶圈\152679-35220\神华拖1/2轮-主机+型号:6N260-EN\洋马</t>
  </si>
  <si>
    <t>【洋马】增压器滑滤胶圈\24316-000530\神华拖1/2轮-主机+型号:6N260-EN\洋马</t>
  </si>
  <si>
    <t>【洋马】滑油泵套\C39900-32020\神华拖1/2轮-主机+型号:6N260-EN\洋马</t>
  </si>
  <si>
    <t>【洋马】喷油器弹簧\153623-53221\神华拖1/2轮-主机+型号:6N260-EN\洋马</t>
  </si>
  <si>
    <t>【洋马】喷油器总成\751605-53102\神华拖1/2轮-主机+型号:6N260-EN\洋马</t>
  </si>
  <si>
    <t>【洋马】喷油嘴\151603-53180\神华拖5/6/7轮-主机+型号:6N260M-EV\洋马</t>
  </si>
  <si>
    <t>【洋马】高压油泵驱动装置垫\151605-54050\神华拖1/2轮-主机+型号:6N260-EN\洋马</t>
  </si>
  <si>
    <t>【洋马】高压油管\C51600-59171\神华拖1/2轮-主机+型号:6N260-EN\洋马</t>
  </si>
  <si>
    <t>【洋马】喷油嘴与本体之间垫\153605-53230\神华拖1/2轮-主机+型号:6N260-EN\洋马</t>
  </si>
  <si>
    <t>【洋马】高压油泵导轨兼弹簧底座\159646-51200\神华拖1/2轮-主机+型号:6N260-EN\洋马</t>
  </si>
  <si>
    <t>【洋马】顶杆总成\151605-14700\神华拖5/6/7轮-主机+型号:6N260M-EV\洋马</t>
  </si>
  <si>
    <t>【洋马】数字温度计\150633-91315\神华拖12轮-主机+型号:6EY22AW\洋马</t>
  </si>
  <si>
    <t>【洋马】数字温度计\150633-91305\神华拖12轮-主机+型号:6EY22AW\洋马</t>
  </si>
  <si>
    <t>【洋马】燃油泵油封扣环\22252-000400\神华拖3轮-主机+型号:8N21A-SN\洋马</t>
  </si>
  <si>
    <t>【洋马】垫圈\151694-49910\神华拖8/9轮-主机+型号:6EY26W\洋马</t>
  </si>
  <si>
    <t>【洋马】燃油泄漏传感器\46111-018771\神华拖8/9轮-主机+型号:6EY26W\洋马</t>
  </si>
  <si>
    <t>【洋马】垫圈\23428-260000\神华拖8/9轮-主机+型号:6EY26W\洋马</t>
  </si>
  <si>
    <t>【洋马】垫圈\24311-000160\神华拖8/9轮-主机+型号:6EY26W\洋马</t>
  </si>
  <si>
    <t>【洋马】蓄能器\151692-59772\神华拖8/9轮-主机+型号:6EY26W\洋马</t>
  </si>
  <si>
    <t>【洋马】O型圈\24316-000400\神华拖8/9轮-主机+型号:6EY26W\洋马</t>
  </si>
  <si>
    <t>【洋马】弹簧\44100-004280\神华拖8/9轮-主机+型号:6EY26W\洋马</t>
  </si>
  <si>
    <t>【洋马】垫圈\44100-018310\神华拖8/9轮-主机+型号:6EY26W\洋马</t>
  </si>
  <si>
    <t>【洋马】压力表\146673-91430\神华拖8/9轮-主机+型号:6EY26W\洋马</t>
  </si>
  <si>
    <t>【洋马】空气滤芯\146673-73870\神华拖12轮-主机+型号:6EY22AW\洋马</t>
  </si>
  <si>
    <t>【洋马】燃油Y型滤器总成\42430-011730-1\神华拖8/9轮-主机+型号:6EY26W\洋马</t>
  </si>
  <si>
    <t>【洋马】油封\PU45218E-12\神华拖8/9轮-主机+型号:6EY26W\洋马</t>
  </si>
  <si>
    <t>【洋马】机械密封\PU-42442A-4\神华拖8/9轮-主机+型号:6EY26W\洋马</t>
  </si>
  <si>
    <t>【洋马】O型圈\24311-000400\神华拖1轮-主机+型号:6N260-EN\洋马</t>
  </si>
  <si>
    <t>【洋马】调速器气动总成\758510-68000\神华拖3轮-主机+型号:8N-21A\洋马</t>
  </si>
  <si>
    <t>【洋马】调速器气动膜片\NZ61-7\神华拖3轮-主机+型号:8N-21A\洋马</t>
  </si>
  <si>
    <t>【洋马】调速器气动密封圈\NZ61-22\神华拖3轮-主机+型号:8N-21A\洋马</t>
  </si>
  <si>
    <t>【洋马】调速器总成\NZ61\神华拖3轮-主机+型号:8N-21A\洋马</t>
  </si>
  <si>
    <t>【洋马】调速器气动总成\RHD10-105\神华拖8轮-主机+型号:6EY22AW\洋马</t>
  </si>
  <si>
    <t>【洋马】调速器气动膜片\RHD10-105/13\神华拖8轮-主机+型号:6EY22AW\洋马</t>
  </si>
  <si>
    <t>【洋马】调速器气动密封圈\RHD10-105/18\神华拖8轮-主柴油机 6EY22AW\日本洋马发动机有限公司</t>
  </si>
  <si>
    <t>【洋马】调速器气动总成\RHD6-105\神华拖5轮-主机+型号:6N260M-EV\洋马</t>
  </si>
  <si>
    <t>【洋马】调速器气动密封圈\RHD6-105/16\神华拖5轮-主机+型号:6N260M-EV\洋马</t>
  </si>
  <si>
    <t>【洋马】监测报警版\MCM-μ16III\神华拖5轮-主机+型号:6N260M-EV\日本洋马发动机有限公司</t>
  </si>
  <si>
    <t>【洋马】滤芯\151695-73171\神华拖8/9轮-主机+型号:6EY26W\洋马</t>
  </si>
  <si>
    <t>【洋马】密封圈\146673-59250\神华拖8/9轮-主机+型号:6EY26W\洋马</t>
  </si>
  <si>
    <t>【洋马】填料\24311-000900\神华拖8/9轮-主机+型号:6EY26W\洋马</t>
  </si>
  <si>
    <t>【洋马】填料\151695-33150\神华拖8/9轮-主机+型号:6EY26W\洋马</t>
  </si>
  <si>
    <t>【洋马】连杆轴承\151695-23380\神华拖8/9轮-主机+型号:6EY26W\洋马</t>
  </si>
  <si>
    <t>【洋马】活塞环\751692-22500\神华拖8/9轮-主机+型号:6EY26W\洋马</t>
  </si>
  <si>
    <t>【洋马】推力轴承\153605-02372\神华拖8/9轮-主机+型号:6EY26W\洋马</t>
  </si>
  <si>
    <t>【洋马】垫圈\153606-13200\神华拖8/9轮-主机+型号:6EY26W\洋马</t>
  </si>
  <si>
    <t>【洋马】垫圈\151698-18780\神华拖8/9轮-主机+型号:6EY26W\洋马</t>
  </si>
  <si>
    <t>【洋马】活塞\151695-51103\神华拖8/9轮-主机+型号:6EY26W\洋马</t>
  </si>
  <si>
    <t>【洋马】燃油喷射泵总成\751695-51108\神华拖8/9轮-主机+型号:6EY26W\洋马</t>
  </si>
  <si>
    <t>【洋马】轴承\24102-063054\神华拖8/9轮-主机+型号:6EY26W\洋马</t>
  </si>
  <si>
    <t>【洋马】O型圈\753605-35410\神华拖8/9轮-主机+型号:6EY26W\洋马</t>
  </si>
  <si>
    <t>【洋马】纸滤芯\753605-35451\神华拖8/9轮-主机+型号:6EY26W\洋马</t>
  </si>
  <si>
    <t>【洋马】叶轮\151695-42050\神华拖8/9轮-主机+型号:6EY26W\洋马</t>
  </si>
  <si>
    <t>【洋马】叶轮\151695-42301\神华拖8/9轮-主机+型号:6EY26W\洋马</t>
  </si>
  <si>
    <t>【洋马】填料\24321-001600\神华拖8/9轮-主机+型号:6EY26W\洋马</t>
  </si>
  <si>
    <t>【洋马】压气端轴承\4020\神华拖8/9轮-主机+型号:6EY26W\洋马</t>
  </si>
  <si>
    <t>【洋马】涡轮端轴承\4010\神华拖8/9轮-主机+型号:6EY26W\洋马</t>
  </si>
  <si>
    <t>【洋马】密封圈\151695-11281\神华拖8/9轮-主机+型号:6EY26W\洋马</t>
  </si>
  <si>
    <t>【洋马】桥架总成\151695-11520\神华拖8/9轮-主机+型号:6EY26W\洋马</t>
  </si>
  <si>
    <t>【洋马】O型圈\24321-001300\神华拖8/9轮-主机+型号:6EY26W\洋马</t>
  </si>
  <si>
    <t>【洋马】水泵密封圈\243210-02200\神华拖3轮-主机+型号:8N21A-SN\洋马</t>
  </si>
  <si>
    <t>【洋马】缸头密封圈\243260-00400\神华拖3轮-主机+型号:8N21A-SN\洋马</t>
  </si>
  <si>
    <t>【洋马】燃油喷射泵\747673-51203\神华拖3轮-主机+型号:8N21A-SN\洋马</t>
  </si>
  <si>
    <t>【洋马】滑油泵密封圈\243110-00750\神华拖3轮-主机+型号:8N21A-SN\洋马</t>
  </si>
  <si>
    <t>【洋马】喷油器总成\747673-53110\神华拖3轮-主机+型号:8N21A-SN\洋马</t>
  </si>
  <si>
    <t>【洋马】喷射泵密封\146673-51800\神华拖3轮-主机+型号:8N21A-SN\洋马</t>
  </si>
  <si>
    <t>【洋马】喷射泵密封圈\243110-00110\神华拖3轮-主机+型号:8N21A-SN\洋马</t>
  </si>
  <si>
    <t>【洋马】燃油泵密封圈\243210-00800\神华拖3轮-主机+型号:8N21A-SN\洋马</t>
  </si>
  <si>
    <t>【洋马】机带燃油泵\747873-52020\神华拖3轮-主机+型号:8N21A-SN\洋马</t>
  </si>
  <si>
    <t>【洋马】空冷器出口垫\147673-18740\神华拖3轮-主机+型号:8N21A-SN\洋马</t>
  </si>
  <si>
    <t>【洋马】填料\24321-000450\神华拖8/9轮-主机+型号:6EY26W\洋马</t>
  </si>
  <si>
    <t>【洋马】锌棒\27200-400400\神华拖8/9轮-主机+型号:6EY26W\洋马</t>
  </si>
  <si>
    <t>【洋马】填料\151695-49480\神华拖8/9轮-主机+型号:6EY26W\洋马</t>
  </si>
  <si>
    <t>【洋马】O型圈\24326-000500\神华拖8/9轮-主机+型号:6EY26W\洋马</t>
  </si>
  <si>
    <t>【洋马】密封圈\151695-59220\神华拖8/9轮-主机+型号:6EY26W\洋马</t>
  </si>
  <si>
    <t>【洋马】密封圈\146673-59020\神华拖8/9轮-主机+型号:6EY26W\洋马</t>
  </si>
  <si>
    <t>【洋马】密封圈\24375-001100\神华拖8/9轮-主机+型号:6EY26W\洋马</t>
  </si>
  <si>
    <t>【洋马】密封圈\24326-001100\神华拖8/9轮-主机+型号:6EY26W\洋马</t>
  </si>
  <si>
    <t>【洋马】滑冷器密封圈\24321-002000\神华拖3轮-主机+型号:8N21A-SN\洋马</t>
  </si>
  <si>
    <t>【洋马】滑冷器密封圈\24311-000550\神华拖3轮-主机+型号:8N21A-SN\洋马</t>
  </si>
  <si>
    <t>【洋马】透平机出口垫\147883-18600\神华拖3轮-主机+型号:8N21A-SN\洋马</t>
  </si>
  <si>
    <t>【洋马】滑油泵密封圈\24311-000750\神华拖3轮-主机+型号:8N21A-SN\洋马</t>
  </si>
  <si>
    <t>【洋马】淡水泵总成\747673-42011\神华拖3轮-主机+型号:8N21A-SN\洋马</t>
  </si>
  <si>
    <t>【洋马】垫圈\43400-004080\神华拖8/9轮-主机+型号:6EY26W\洋马</t>
  </si>
  <si>
    <t>【洋马】垫圈\23438-100000\神华拖8/9轮-主机+型号:6EY26W\洋马</t>
  </si>
  <si>
    <t>【洋马】石棉垫圈\151695-49480\神华拖8/9轮-主机+型号:6EY26W\洋马</t>
  </si>
  <si>
    <t>【洋马】填料\24311-000360\神华拖8/9轮-主机+型号:6EY26W\洋马</t>
  </si>
  <si>
    <t>【洋马】O型圈\151695-42150\神华拖8/9轮-主机+型号:6EY26W\洋马</t>
  </si>
  <si>
    <t>【洋马】垫圈\151694-13690\神华拖8/9轮-主机+型号:6EY26W\洋马</t>
  </si>
  <si>
    <t>【洋马】垫圈\151695-13200\神华拖8/9轮-主机+型号:6EY26W\洋马</t>
  </si>
  <si>
    <t>【洋马】填料\151692-18840\神华拖8/9轮-主机+型号:6EY26W\洋马</t>
  </si>
  <si>
    <t>【洋马】轴承板\4030\神华拖8/9轮-主机+型号:6EY26W\洋马</t>
  </si>
  <si>
    <t>【洋马】燃油喷射管\151695-59230\神华拖8/9轮-主机+型号:6EY26W\洋马</t>
  </si>
  <si>
    <t>【洋马】O型圈\153604-51401\神华拖8/9轮-主机+型号:6EY26W\洋马</t>
  </si>
  <si>
    <t>【洋马】O型圈\153604-51381\神华拖8/9轮-主机+型号:6EY26W\洋马</t>
  </si>
  <si>
    <t>【洋马】阀\151695-51330\神华拖8/9轮-主机+型号:6EY26W\洋马</t>
  </si>
  <si>
    <t>【洋马】压力表\28886-104550\神华拖8/9轮-主机+型号:6EY26W\洋马</t>
  </si>
  <si>
    <t>【洋马】燃油单元\138613-55900\神华拖8/9轮-主机+型号:6EY26W\洋马</t>
  </si>
  <si>
    <t>【洋马】填料\137600-55920\神华拖8/9轮-主机+型号:6EY26W\洋马</t>
  </si>
  <si>
    <t>【洋马】填料\137600-55900\神华拖8/9轮-主机+型号:6EY26W\洋马</t>
  </si>
  <si>
    <t>【洋马】键\22512-070200\神华拖8/9轮-主机+型号:6EY26W\洋马</t>
  </si>
  <si>
    <t>【洋马】轴承\153605-52162\神华拖8/9轮-主机+型号:6EY26W\洋马</t>
  </si>
  <si>
    <t>【洋马】O型圈\24326-000700\神华拖8/9轮-主机+型号:6EY26W\洋马</t>
  </si>
  <si>
    <t>【洋马】O型圈\40000-016070\神华拖8/9轮-主机+型号:6EY26W\洋马</t>
  </si>
  <si>
    <t>【洋马】防腐锌块\c3-00000-8190-3\神华拖8/9轮-主机+型号:6EY26W\洋马</t>
  </si>
  <si>
    <t>【洋马】填料\24321-000600\神华拖8/9轮-主机+型号:6EY26W\洋马</t>
  </si>
  <si>
    <t>【洋马】填料\24321-000350\神华拖8/9轮-主机+型号:6EY26W\洋马</t>
  </si>
  <si>
    <t>【洋马】销\146673-11750\神华拖8/9轮-主机+型号:6EY26W\洋马</t>
  </si>
  <si>
    <t>【洋马】垫圈\151695-11800\神华拖8/9轮-主机+型号:6EY26W\洋马</t>
  </si>
  <si>
    <t>【洋马】O型圈\24321-000550\神华拖8/9轮-主机+型号:6EY26W\洋马</t>
  </si>
  <si>
    <t>【洋马】压力表\28886-060000\神华拖8/9轮-主机+型号:6EY26W\洋马</t>
  </si>
  <si>
    <t>【洋马】压力表\28886-040000\神华拖8/9轮-主机+型号:6EY26W\洋马</t>
  </si>
  <si>
    <t>【洋马】O型圈\151695-11890\神华拖8/9轮-主机+型号:6EY26W\洋马</t>
  </si>
  <si>
    <t>【洋马】排气阀阀座\151695-11090\神华拖8/9轮-主机+型号:6EY26W\洋马</t>
  </si>
  <si>
    <t>【洋马】进气阀阀座\151695-11950\神华拖8/9轮-主机+型号:6EY26W\洋马</t>
  </si>
  <si>
    <t>【洋马】垫圈\151695-01761\神华拖8/9轮-主机+型号:6EY26W\洋马</t>
  </si>
  <si>
    <t>【洋马】O型圈\151695-01421\神华拖8/9轮-主机+型号:6EY26W\洋马</t>
  </si>
  <si>
    <t>【洋马】密封圈\151695-11760\神华拖8/9轮-主机+型号:6EY26W\洋马</t>
  </si>
  <si>
    <t>【洋马】O型圈\151695-11880\神华拖8/9轮-主机+型号:6EY26W\洋马</t>
  </si>
  <si>
    <t>【洋马】增压器滑油纸滤芯\配件号：133654-35520\拖轮-柴油机8N21A-SN\日本洋马发动机有限公司</t>
  </si>
  <si>
    <t>【洋马】缸头总成\配件号：c47600 11251\神华拖3\日本洋马发动机有限公司</t>
  </si>
  <si>
    <t>【洋马】缸套橡胶密封\配件号：147673-01330\神华拖3\日本洋马发动机有限公司</t>
  </si>
  <si>
    <t>【洋马】缸套橡胶密封\配件号：147673-01320\神华拖3\日本洋马发动机有限公司</t>
  </si>
  <si>
    <t>【洋马】紫铜垫(PACKING)\146673-11870\神华拖3轮-主机+型号:8N21A-SN\日本洋马发动机有限公司</t>
  </si>
  <si>
    <t>【洋马】叶轮 xr(impller XR)\151605-42221\神华拖1/2轮-主机+型号:6N260-EN\日本洋马发动机有限公司</t>
  </si>
  <si>
    <t>【洋马】摇臂总成(V.ROCKER ARM (SUC) ASY)\147673-11140\神华拖3轮-主机+型号:8N21A-SN\日本洋马发动机有限公司</t>
  </si>
  <si>
    <t>【洋马】摇臂总成(EXH)(NV.ROCKER ARM(EXH) ASY)\147673-11150\神华拖3轮-主机+型号:8N21A-SN\日本洋马发动机有限公司</t>
  </si>
  <si>
    <t>【洋马】摇臂调整螺栓总成(SCREW ASSY,CONTROL)\739653-11261\神华拖3轮-主机+型号:8N21A-SN\日本洋马发动机有限公司</t>
  </si>
  <si>
    <t>【洋马】旋阀器VALVE ROTATOR ASS'Y\27320-140560\神华拖3轮-主机+型号:8N21A-SN\日本洋马发动机有限公司</t>
  </si>
  <si>
    <t>【洋马】橡胶垫(冷却水腔用)\151605-01351\神华拖1/2/5/6/7轮-主机+型号:6N260-EN\日本洋马发动机有限公司</t>
  </si>
  <si>
    <t>【洋马】铜垫片(copper packing)\23414-210000\神华拖1/2轮-主机+型号:6N260-EN\日本洋马发动机有限公司</t>
  </si>
  <si>
    <t>【洋马】铜垫片(copper packing)\23414-170000\神华拖1/2轮-主机+型号:6N260-EN\日本洋马发动机有限公司</t>
  </si>
  <si>
    <t>【洋马】示功考克总成(indicater cock assy)\746673-15102\神华拖1/2轮-主机+型号:6N260-EN\日本洋马发动机有限公司</t>
  </si>
  <si>
    <t>【洋马】燃油喷射管(F.O.INJECTION PIPE)\147673-59231\神华拖3轮-主机+型号:8N21A-SN\日本洋马发动机有限公司</t>
  </si>
  <si>
    <t>【洋马】球轴承6209(ball bearing 6209)\241020-62094\神华拖1/2轮-主机+型号:6N260-EN\日本洋马发动机有限公司</t>
  </si>
  <si>
    <t>【洋马】排烟管膨胀节(Flexible joint,exh)\147673 13900\神华拖3轮-主机+型号:8N21A-SN\日本洋马发动机有限公司</t>
  </si>
  <si>
    <t>【洋马】排气总管垫(GASKET FOR EXHAUST MAINIFOLD)\147673-13250\神华拖3轮-主机+型号:8N21A-SN\日本洋马发动机有限公司</t>
  </si>
  <si>
    <t>【洋马】冷却水泵机械密封(MECHANICAL SEAL ROR C.W.PUMP)\137610-42492\神华拖3轮-主机+型号:8N21A-SN\日本洋马发动机有限公司</t>
  </si>
  <si>
    <t>【洋马】冷却水泵机械密封(MECHANICAL SEAL FOR C.W.PUMP)\547673-42490\神华拖3轮-主机+型号:8N21A-SN\日本洋马发动机有限公司</t>
  </si>
  <si>
    <t>【洋马】检查阀总成(check valve assy)\742613-72110\神华拖1/2轮-主机+型号:6N260-EN\日本洋马发动机有限公司</t>
  </si>
  <si>
    <t>【洋马】机械密封(mechanical seal)\142613-42152\神华拖1/2轮-主机+型号:6N260-EN\日本洋马发动机有限公司</t>
  </si>
  <si>
    <t>【洋马】机带滑油泵总成\747873-32100\神华拖3轮-主机+型号:8N21A-SN\日本洋马发动机有限公司</t>
  </si>
  <si>
    <t>【洋马】滑油泵垫片(gasket for lub oil pump)\142822-32040\神华拖1/2轮-主机+型号:6N260-EN\日本洋马发动机有限公司</t>
  </si>
  <si>
    <t>【洋马】高压油管接管(JOINT,HIPRSS.PIPE)\147673-59061\神华拖3轮-主机+型号:8N21A-SN\日本洋马发动机有限公司</t>
  </si>
  <si>
    <t>【洋马】高压油管垫片(GASKET)\146673-59250\神华拖3轮-主机+型号:8N21A-SN\日本洋马发动机有限公司</t>
  </si>
  <si>
    <t>【洋马】高压油泵偶件(PLUNGER/BARREL COMP)\147673-51230/51210 51200\神华拖3轮-主机+型号:8N21A-SN\日本洋马发动机有限公司</t>
  </si>
  <si>
    <t>【洋马】高压油泵O形圈O-ring\24311-000180\神华拖1/2轮-主机+型号:6N260-EN\日本洋马发动机有限公司</t>
  </si>
  <si>
    <t>【洋马】主轴轴承\151695-02350\神华拖8/9轮-主机+型号:6EY26W\洋马</t>
  </si>
  <si>
    <t>【洋马】垫圈\23458-080000\神华拖8/9轮-主机+型号:6EY26W\洋马</t>
  </si>
  <si>
    <t>【洋马】离心滤器胶圈\753605-35230\神华拖1/2轮-主机+型号:6N260-EN\洋马</t>
  </si>
  <si>
    <t>【洋马】离心滤器附纸\753605-35210\神华拖1/2轮-主机+型号:6N260-EN\洋马</t>
  </si>
  <si>
    <t>【洋马】燃油泵轴承\241010-62054\神华拖1/2轮-主机+型号:6N260-EN\洋马</t>
  </si>
  <si>
    <t>【洋马】滑油泵轴承\24101-063104\神华拖1/2轮-主机+型号:6N260-EN\洋马</t>
  </si>
  <si>
    <t>【洋马】燃油泵轴承\241020-63054\神华拖1/2轮-主机+型号:6N260-EN\洋马</t>
  </si>
  <si>
    <t>【洋马】燃油泵传动齿轮\153605-52101\神华拖1/2轮-主机+型号:6N260-EN\洋马</t>
  </si>
  <si>
    <t>【洋马】燃油泵垫\137600-52490\神华拖1/2轮-主机+型号:6N260-EN\洋马</t>
  </si>
  <si>
    <t>【洋马】喷油嘴定位销\142613-53200\神华拖1/2轮-主机+型号:6N260-EN\洋马</t>
  </si>
  <si>
    <t>【洋马】摇臂油调节阀总成\725310-39410\神华拖1/2轮-主机+型号:6N260-EN\洋马</t>
  </si>
  <si>
    <t>【洋马】液压工具密封\24375-005500\神华拖1/2轮-主机+型号:6N260-EN\洋马</t>
  </si>
  <si>
    <t>【洋马】液压工具密封\243275-000600\神华拖1/2轮-主机+型号:6N260-EN\洋马</t>
  </si>
  <si>
    <t>【洋马】液压工具密封\243275-001300\神华拖1/2轮-主机+型号:6N260-EN\洋马</t>
  </si>
  <si>
    <t>【洋马】排烟温度计\28571-620110\神华拖1/2轮-主机+型号:6N260-EN\洋马</t>
  </si>
  <si>
    <t>【洋马】垫圈\151692-18800\神华拖8/9轮-主机+型号:6EY26W\洋马</t>
  </si>
  <si>
    <t>【洋马】垫圈\43400-004230\神华拖8/9轮-主机+型号:6EY26W\洋马</t>
  </si>
  <si>
    <t>【洋马】O型圈\24326-001200\神华拖8/9轮-主机+型号:6EY26W\洋马</t>
  </si>
  <si>
    <t>【洋马】O型圈\132659-35550\神华拖8/9轮-主机+型号:6EY26W\洋马</t>
  </si>
  <si>
    <t>【洋马】滑油滤芯\132659-35501\神华拖8/9轮-主机+型号:6EY26W\洋马</t>
  </si>
  <si>
    <t>【洋马】增压器滤网\151693-18950\神华拖8/9轮-主机+型号:6EY26W\洋马</t>
  </si>
  <si>
    <t>【洋马】增压器空气进口垫\147883-18390\主机 8N21A-SN\洋马</t>
  </si>
  <si>
    <t>【洋马】顶杆总成\146673-14550\主机 8N21N-SN\洋马</t>
  </si>
  <si>
    <t>【洋马】减压阀维修包\151694-73810\神华拖8/9轮-主机+型号:6EY26W\洋马</t>
  </si>
  <si>
    <t>【洋马】主启动阀维修包\151694-73800\神华拖8/9轮-主机+型号:6EY26W\洋马</t>
  </si>
  <si>
    <t>【洋马】温度表\28551-030300\神华拖8/9轮-主机+型号:6EY26W\洋马</t>
  </si>
  <si>
    <t>【洋马】缸头排烟管隔温棉\151695-13750\神华拖8/9/10/11轮-主柴油机 6EY26W\洋马\进口</t>
  </si>
  <si>
    <t>【洋马】增压器排出端垫片\153606-18860\神华拖8/9/10/11轮-主柴油机 6EY26W\洋马\进口</t>
  </si>
  <si>
    <t>【洋马】高压油泵驱动总成\751695-54110\神华拖8/9/10/11轮-主柴油机 6EY26W\洋马\进口</t>
  </si>
  <si>
    <t>【洋马】缸头安全阀\751695-15052\神华拖8/9/10/11轮-主柴油机 6EY26W\洋马\进口</t>
  </si>
  <si>
    <t>【洋马】接头\23831-060000\神华拖8/9/10/11轮-主柴油机 6EY26W\洋马\进口</t>
  </si>
  <si>
    <t>【洋马】安全阀\751895-32300\神华拖8/9/10/11轮-主柴油机 6EY26W\洋马\进口</t>
  </si>
  <si>
    <t>【洋马】气瓶安全阀\B3-00002-723B-11\神华拖8/9/10/11轮-主柴油机 6EY260\日本洋马发动机有限公司</t>
  </si>
  <si>
    <t>【洋马】滑油冷却器进口端盖\142617-33160\神华拖5/6/7轮-主柴油机 6N260M-EV\日本洋马发动机有限公司</t>
  </si>
  <si>
    <t>【洋马】滑油冷却器出口端盖\142617-33100\神华拖5/6/7轮-主柴油机 6N260M-EV\日本洋马发动机有限公司</t>
  </si>
  <si>
    <t>【洋马】等压阀钢球座\146673-51360\神华拖3轮-主机+型号:8N21A-SN\洋马发动机有限公司</t>
  </si>
  <si>
    <t>【洋马】喷油器水套\153604-11771\神华拖5/6/7轮-主机+型号:6N260\洋马发动机有限公司</t>
  </si>
  <si>
    <t>【洋马】摇臂罩壳垫\151605-11310\神华拖5/6/7轮-主机+型号:6N260\洋马发动机有限公司</t>
  </si>
  <si>
    <t>【洋马】减压阀\NVR-303K6LTB\神华拖5/6/7轮-主机+型号:6N260\洋马发动机有限公司</t>
  </si>
  <si>
    <t>【洋马】摇臂罩壳垫\151605-11330\神华拖5/6/7轮-主机+型号:6N260\洋马发动机有限公司</t>
  </si>
  <si>
    <t>【洋马】等压阀\151695-51300\神华拖8/9轮-主机+型号:6EY26W\洋马发动机有限公司</t>
  </si>
  <si>
    <t>【洋马】螺母\26772-180002\神华拖1/2轮-主机+型号:6N260EN\洋马发动机有限公司</t>
  </si>
  <si>
    <t>【洋马】稳压电源\FHF24SX-U1\神华拖8轮-主机+型号:6EY26W\洋马发动机有限公司</t>
  </si>
  <si>
    <t>【洋马】密封圈\151692-18940\神华拖8/9轮-主机+型号:6EY26W\洋马发动机有限公司</t>
  </si>
  <si>
    <t>【洋马】叶轮\151605-42301\神华拖8/9轮-主机+型号:6EY26W\洋马发动机有限公司</t>
  </si>
  <si>
    <t>【洋马】调压阀弹簧\151605-33150\神华拖8/9轮-主机+型号:6EY26W\洋马发动机有限公司</t>
  </si>
  <si>
    <t>【洋马】连杆螺母\151605-23210\神华拖8/9轮-主机+型号:6EY26W\洋马发动机有限公司</t>
  </si>
  <si>
    <t>【洋马】保护罩\151605-01281\神华拖8/9轮-主机+型号:6EY26W\洋马发动机有限公司</t>
  </si>
  <si>
    <t>【洋马】柱塞总成\150633-51401\神华拖12轮-主机+型号:6EY22AW\洋马发动机有限公司</t>
  </si>
  <si>
    <t>【洋马】阀桥总成\150633-11520\神华拖12轮-主机+型号:6EY22AW\洋马发动机有限公司</t>
  </si>
  <si>
    <t>【洋马】密封圈\147644-22132\神华拖8/9轮-主机+型号:6EY26W\洋马发动机有限公司</t>
  </si>
  <si>
    <t>【洋马】密封圈\146673-59240\神华拖8/9轮-主机+型号:6EY26W\洋马发动机有限公司</t>
  </si>
  <si>
    <t>【洋马】燃油泵齿轮\153605-52131\神华拖1/2轮-主机+型号:6N260EN\洋马发动机有限公司</t>
  </si>
  <si>
    <t>【洋马】燃油泵驱动齿轮\753605-52100\神华拖1/2轮-主机+型号:6N260EN\洋马发动机有限公司</t>
  </si>
  <si>
    <t>【洋马】螺母\26772-160002\神华拖1/2轮-主机+型号:6N260EN\洋马发动机有限公司</t>
  </si>
  <si>
    <t>【洋马】O型圈\150633-35410\神华拖12轮-主机+型号:6EY22AW\洋马发动机有限公司</t>
  </si>
  <si>
    <t>【洋马】O型圈\150633-35420\神华拖12轮-主机+型号:6EY22AW\洋马发动机有限公司</t>
  </si>
  <si>
    <t>【洋马】O型圈\151695-35950\神华拖12轮-主机+型号:6EY22AW\洋马发动机有限公司</t>
  </si>
  <si>
    <t>【洋马】轴承\24101-063084\神华拖12轮-主机+型号:6EY22AW\洋马发动机有限公司</t>
  </si>
  <si>
    <t>【洋马】轴承\24102-060094\神华拖12轮-主机+型号:6EY22AW\洋马发动机有限公司</t>
  </si>
  <si>
    <t>【洋马】油封\24423-456209\神华拖12轮-主机+型号:6EY22AW\洋马发动机有限公司</t>
  </si>
  <si>
    <t>【洋马】机械密封\148620-42330\神华拖12轮-主机+型号:6EY22AW\洋马发动机有限公司</t>
  </si>
  <si>
    <t>【洋马】保护圈\150633-01121\神华拖12轮-主机+型号:6EY22AW\洋马发动机有限公司</t>
  </si>
  <si>
    <t>【洋马】压差开关\146623-35480\神华拖12轮-主机+型号:6EY22AW\洋马发动机有限公司</t>
  </si>
  <si>
    <t>【洋马】轴承\151695-35860\神华拖12轮-主机+型号:6EY22AW\洋马发动机有限公司</t>
  </si>
  <si>
    <t>【洋马】泵轴\150643-42200\神华拖12轮-主机+型号:6EY22AW\洋马发动机有限公司</t>
  </si>
  <si>
    <t>【洋马】膜片\158510-68220\神华拖12轮-主机+型号:6EY22AW\洋马发动机有限公司</t>
  </si>
  <si>
    <t>【洋马】O型圈\40000-016110\神华拖8/9轮-主机+型号:6EY26W\洋马</t>
  </si>
  <si>
    <t>【洋马】O型圈\40000-016060\神华拖8/9轮-主机+型号:6EY26W\洋马</t>
  </si>
  <si>
    <t>【洋马】O型圈\153605-51242\神华拖8/9轮-主机+型号:6EY26W\洋马</t>
  </si>
  <si>
    <t>【洋马】压力表\153625-92801\神华拖8/9轮-主机+型号:6EY26W\洋马</t>
  </si>
  <si>
    <t>【洋马】填料\24321-000500\神华拖8/9轮-主机+型号:6EY26W\洋马</t>
  </si>
  <si>
    <t>【洋马】O型圈\153605-51223\神华拖8/9轮-主机+型号:6EY26W\洋马</t>
  </si>
  <si>
    <t>【洋马】喷油嘴\151695-53530\神华拖8/9轮-主机+型号:6EY26W\洋马</t>
  </si>
  <si>
    <t>【洋马】O型圈\24316-000650\神华拖8/9轮-主机+型号:6EY26W\洋马</t>
  </si>
  <si>
    <t>【洋马】O型圈\151695-48050\神华拖8/9轮-主机+型号:6EY26W\洋马</t>
  </si>
  <si>
    <t>【洋马】弹簧\153632-53221\神华拖8/9轮-主机+型号:6EY26W\洋马</t>
  </si>
  <si>
    <t>【洋马】弹簧柱塞\151695-51171\神华拖8/9轮-主机+型号:6EY26W\洋马</t>
  </si>
  <si>
    <t>【洋马】垫圈\153672-59920\神华拖8/9/10/11轮-主柴油机 6EY26W\洋马\进口</t>
  </si>
  <si>
    <t>【洋马】空心螺栓\23851-060000\神华拖8/9/10/11轮-主柴油机 6EY26W\洋马\进口</t>
  </si>
  <si>
    <t>【洋马】垫圈\153672-59930\神华拖8/9/10/11轮-主柴油机 6EY26W\洋马\进口</t>
  </si>
  <si>
    <t>【洋马】气阀间隙调整螺栓\151605-11360\神华拖1/2/5/6/7轮-主柴油机 6N260\洋马\进口</t>
  </si>
  <si>
    <t>【洋马】液压工具\151695-92481\神华拖8/9/10/11轮-主柴油机 6EY26W\洋马\进口</t>
  </si>
  <si>
    <t>【洋马】E-P阀控制板\E/P-A-10\神华拖8/9/10/11轮-主柴油机 6EY26W\洋马\进口</t>
  </si>
  <si>
    <t>【洋马】减压阀\NSR-3S\神华拖8/9/10/11轮-主柴油机 6EY26W\洋马\进口</t>
  </si>
  <si>
    <t>【洋马】电磁阀\151695-73890\神华拖8/9/10/11轮-主柴油机 6EY26W\洋马\进口</t>
  </si>
  <si>
    <t>【洋马】E-P阀控制板\AMP-166.S REM\神华拖1/2/5/6/7轮-主柴油机 6N260\洋马\进口</t>
  </si>
  <si>
    <t>【洋马】道门安全阀\153623-03750\神华拖8/9/10/11轮-主柴油机 6EY26W\洋马</t>
  </si>
  <si>
    <t>【洋马】压力表\28886-105560\神华拖12轮-主机+型号:6EY22AW\洋马发动机有限公司</t>
  </si>
  <si>
    <t>【洋马】泵轴\150633-42200\神华拖12轮-主机+型号:6EY22AW\洋马发动机有限公司</t>
  </si>
  <si>
    <t>【洋马】油封\24423-355511\神华拖12轮-主机+型号:6EY22AW\洋马发动机有限公司</t>
  </si>
  <si>
    <t>【洋马】膨胀节\147673-13900\神华拖12轮-主柴油机 6EY22AW\洋马发动机有限公司</t>
  </si>
  <si>
    <t>【洋马】感温元件\141616-38210\神华拖12轮-主机+型号:6EY22AW\洋马发动机有限公司</t>
  </si>
  <si>
    <t>【洋马】调压阀\151692-73020\神华拖10/11轮-主机+型号:6EY26W\洋马</t>
  </si>
  <si>
    <t>【洋马】O型圈\9-90031-324\神华拖10/11轮-主机+型号:6EY26W\洋马</t>
  </si>
  <si>
    <t>【洋马】O型圈\9-90435\神华拖10/11轮-主机+型号:6EY26W\洋马</t>
  </si>
  <si>
    <t>【洋马】O型圈\9-90001-218\神华拖10/11轮-主机+型号:6EY26W\洋马</t>
  </si>
  <si>
    <t>【洋马】O型圈\9-90001-035\神华拖10/11轮-主机+型号:6EY26W\洋马</t>
  </si>
  <si>
    <t>【洋马】O型圈\9-90001-221\神华拖10/11轮-主机+型号:6EY26W\洋马</t>
  </si>
  <si>
    <t>【洋马】O型圈\9-90001-143\神华拖10/11轮-主机+型号:6EY26W\洋马</t>
  </si>
  <si>
    <t>【洋马】电磁阀\2-28821-002\神华拖10/11轮-主机+型号:6EY26W\洋马</t>
  </si>
  <si>
    <t>【洋马】压力开关\B3-00002-723B-7\神华拖10/11轮-主机+型号:6EY26W\洋马</t>
  </si>
  <si>
    <t>【洋马】放残阀\B3-00002-723B-8\神华拖10/11轮-主机+型号:6EY26W\洋马</t>
  </si>
  <si>
    <t>【洋马】机械密封\3P00082\神华拖10/11轮-主机+型号:6EY26W\洋马</t>
  </si>
  <si>
    <t>【洋马】启动马达\150633-77100\神华拖12轮-主机+型号:6EY22AW\洋马</t>
  </si>
  <si>
    <t>【洋马】滑冷器出口端盖\147673-33170\神华拖3轮-主机+型号:8N21A-SN\洋马</t>
  </si>
  <si>
    <t>【洋马】滑冷器进口端盖\147673-33160\神华拖3轮-主机+型号:8N21A-SN\洋马</t>
  </si>
  <si>
    <t>【洋马】摇臂油连接管\146673-01720\神华拖3轮-主机+型号:8N21A-SN\洋马</t>
  </si>
  <si>
    <t>【洋马】缸头螺栓保护罩\147673-01280\神华拖3轮-主机+型号:8N21A-SN\洋马</t>
  </si>
  <si>
    <t>【洋马】喷油器垫\137600-53091\神华拖3轮-主机+型号:8N21A-SN\洋马</t>
  </si>
  <si>
    <t>【洋马】燃油泵轴承\24101-063054\神华拖3轮-主机+型号:8N21A-SN\洋马</t>
  </si>
  <si>
    <t>【洋马】调速器驱动轴承\24101-060054\神华拖3轮-主机+型号:8N21A-SN\洋马</t>
  </si>
  <si>
    <t>【洋马】高压油泵导轨\151673-51201\神华拖3轮-主机+型号:8N21A-SN\洋马</t>
  </si>
  <si>
    <t>【洋马】海水泵胶圈\24311-000280\神华拖3轮-主机+型号:8N21A-SN\洋马</t>
  </si>
  <si>
    <t>【洋马】水泵轴承\24102-062074\神华拖3轮-主机+型号:8N21A-SN\洋马</t>
  </si>
  <si>
    <t>【洋马】调速器气动膜片\RHD6-105/13\神华拖5轮-主机+型号:6N260M-EV\洋马</t>
  </si>
  <si>
    <t>【波司登】女士极寒鹅绒加厚短款羽绒服</t>
  </si>
  <si>
    <t>【波司登】女士鹅绒中长款羽绒服</t>
  </si>
  <si>
    <t>【波司登】女士连帽中长款羽绒服</t>
  </si>
  <si>
    <t>【波司登】时尚保暖羽绒服连帽印花中长款</t>
  </si>
  <si>
    <t>【波司登】女脱卸帽短款时尚保暖羽绒服</t>
  </si>
  <si>
    <t>【波司登】女羽绒服貉子毛领中长款</t>
  </si>
  <si>
    <t>【波司登】女士户外中长款羽绒服</t>
  </si>
  <si>
    <t>【波司登】女士中长款时尚保暖羽绒服</t>
  </si>
  <si>
    <t>【波司登】女士户外保暖时尚羽绒服</t>
  </si>
  <si>
    <t>MAXHUB电容笔SP20V 可以在电容触控的智慧大屏上进行书写和PPT翻页功能</t>
  </si>
  <si>
    <t>【柳工】螺栓\01B0005\装载机\ZL50CN\国产</t>
  </si>
  <si>
    <t>广西柳工机械股份有限公司</t>
  </si>
  <si>
    <t>柳工</t>
  </si>
  <si>
    <t>GNWZBP(TH)ZYCG2020-210</t>
  </si>
  <si>
    <t>2020年度北京配送（神华天泓)柳工工程机械备件集团级单一来源长协采购供货合同</t>
  </si>
  <si>
    <t>江苏通源机械有限公司</t>
  </si>
  <si>
    <t>【柳工】螺栓\01B0180\装载机\ZL50CN\国产</t>
  </si>
  <si>
    <t>【柳工】管接头螺栓\01B0244\装载机\柳工ZL50\国产</t>
  </si>
  <si>
    <t>【柳工】直接档轴\62A0913\装载机\CLG855N\国产</t>
  </si>
  <si>
    <t>【柳工】右油管\01C0244\装载机\ZL50CN\国产</t>
  </si>
  <si>
    <t>【柳工】后桥总成\01E0348X0\装载机\ZL50CN\国产</t>
  </si>
  <si>
    <t>【柳工】螺栓\02B0012\装载机\ZL50CN\国产</t>
  </si>
  <si>
    <t>【柳工】倒档行星架\62A0571\装载机\CLG855N\国产</t>
  </si>
  <si>
    <t>【柳工】摩擦片隔离架\55A8777\装载机\CLG855N\国产</t>
  </si>
  <si>
    <t>【柳工】密封盖\53A3341\装载机\CLG855N\国产</t>
  </si>
  <si>
    <t>【柳工】防尘盖\53A3092\装载机\CLG855N\国产</t>
  </si>
  <si>
    <t>【柳工】螺栓\01B0043\装载机\CLG856\国产</t>
  </si>
  <si>
    <t>【柳工】蒸发器总成\49C7668\装载机\CLG855N\国产</t>
  </si>
  <si>
    <t>【柳工】钢板螺栓\01B0181\装载机\CLG856\国产</t>
  </si>
  <si>
    <t>【柳工】司机椅\47C4939\装载机\CLG855N\国产</t>
  </si>
  <si>
    <t>【柳工】左油管\01C0243\装载机\ZL50CN\国产</t>
  </si>
  <si>
    <t>【柳工】大驾驶室总成\41Y0764X13\装载机\CLG855N\国产</t>
  </si>
  <si>
    <t>【柳工】前桥总成\01E0347X0\装载机\ZL50CN\国产</t>
  </si>
  <si>
    <t>【柳工】行星轮\41A0857X0\装载机\CLG855N\国产</t>
  </si>
  <si>
    <t>【柳工】螺栓\02B0002\装载机\ZL50CN\国产</t>
  </si>
  <si>
    <t>【柳工】输出轴齿轮\41A0555\装载机\CLG855N\国产</t>
  </si>
  <si>
    <t>【柳工】齿轮\41A0554\装载机\CLG855N\国产</t>
  </si>
  <si>
    <t>【柳工】锁紧螺母\03B1437\装载机\ZL50CN\国产</t>
  </si>
  <si>
    <t>【柳工】尼龙管\03C0040\装载机\ZL50CN\国产</t>
  </si>
  <si>
    <t>【柳工】法兰\04A0012\装载机\ZL50CN\国产</t>
  </si>
  <si>
    <t>【柳工】铰孔螺栓\04B0007\装载机\CLG888\国产</t>
  </si>
  <si>
    <t>【柳工】铰孔螺钉\04B0008\装载机\ZL50CN\国产</t>
  </si>
  <si>
    <t>【柳工】右后挡泥板\40D1936\装载机\CLG855N\国产</t>
  </si>
  <si>
    <t>【柳工】左后挡泥板\40D1935\装载机\CLG855N\国产</t>
  </si>
  <si>
    <t>【柳工】铲斗\38Y0762X0\装载机\CLG855N\国产</t>
  </si>
  <si>
    <t>【柳工】接转斗缸大腔软管\06C0022X0\装载机\ZL50CN\国产</t>
  </si>
  <si>
    <t>【柳工】中梁架\34D0397X6\装载机\CLG855N\国产</t>
  </si>
  <si>
    <t>【柳工】软管总成\06C4565\柳工装载机\ZL50\国产</t>
  </si>
  <si>
    <t>【柳工】软管总成\06C5945\柳工装载机\ZL50\国产</t>
  </si>
  <si>
    <t>【柳工】前车架\30D4147\装载机\CLG855N\国产</t>
  </si>
  <si>
    <t>【柳工】软管总成\06C5946\柳工装载机\ZL50\国产</t>
  </si>
  <si>
    <t>【柳工】操纵杆系\24C3526\装载机\CLG855N\国产</t>
  </si>
  <si>
    <t>【柳工】软管总成\06C5947\柳工装载机\ZL50\国产</t>
  </si>
  <si>
    <t>【柳工】后门\23D4138\装载机\CLG855N\国产</t>
  </si>
  <si>
    <t>【柳工】挡圈\07B0001\装载机\CLG856\国产</t>
  </si>
  <si>
    <t>【柳工】缸体组件\13D2199X1\装载机\CLG855N\国产</t>
  </si>
  <si>
    <t>【柳工】挡圈\07B0009\装载机\ZL50C\国产</t>
  </si>
  <si>
    <t>【柳工】挡圈\07B0010\装载机\CLG856\国产</t>
  </si>
  <si>
    <t>【柳工】孔用挡圈\07B0012\装载机\ZL50CN\国产</t>
  </si>
  <si>
    <t>【柳工】轴用挡圈\07B0013\装载机\ZL50CN\国产</t>
  </si>
  <si>
    <t>【柳工】加力器\13C1354\装载机\CLG855N\国产</t>
  </si>
  <si>
    <t>【柳工】挡圈\07B0023\装载机\ZL50CN\国产</t>
  </si>
  <si>
    <t>【柳工】挡圈\07B0038\装载机\CLG856\国产</t>
  </si>
  <si>
    <t>【柳工】分配阀\12C8534\装载机\CLG855N\国产</t>
  </si>
  <si>
    <t>【柳工】软管\07C0001\柳工ZL50C装载机\ZL50C</t>
  </si>
  <si>
    <t>【柳工】溢流阀\12C7792\装载机\CLG855N\国产</t>
  </si>
  <si>
    <t>【柳工】接转斗缸小腔软管\07C0007X0\装载机\ZL50CN\国产</t>
  </si>
  <si>
    <t>【柳工】转斗油缸\10C5157X0\装载机\CLG855N\国产</t>
  </si>
  <si>
    <t>【柳工】分配阀进油软管\07C0009X0\装载机\ZL50CN\国产</t>
  </si>
  <si>
    <t>【柳工】转向油泵连接法兰\04A4142\装载机\CLG855N\国产</t>
  </si>
  <si>
    <t>【柳工】吸油软管\07C0012\装载机\ZL50CN\国产</t>
  </si>
  <si>
    <t>【柳工】柴油机\60C0304\挖掘机\CLG926E\国产</t>
  </si>
  <si>
    <t>【柳工】软管总成\07C1584\装载机\ZL50CN\国产</t>
  </si>
  <si>
    <t>【柳工】导风罩总成\48C3567\挖掘机\CLG926E\国产</t>
  </si>
  <si>
    <t>【柳工】钢管总成\09D0251\装载机\ZL50CN\国产</t>
  </si>
  <si>
    <t>【柳工】钢管总成\09D0252\装载机\ZL50CN\国产</t>
  </si>
  <si>
    <t>【柳工】司机椅总成\47C3121\挖掘机\CLG926E\国产</t>
  </si>
  <si>
    <t>【柳工】钢管总成\09D0253\装载机\ZL50CN\国产</t>
  </si>
  <si>
    <t>【柳工】驾驶室总成\47C1897X8\挖掘机\CLG926E\国产</t>
  </si>
  <si>
    <t>【柳工】钢管总成\09D0254\装载机\ZL50CN\国产</t>
  </si>
  <si>
    <t>【柳工】弹性板\10A1501\装载机\ZL50CN\国产</t>
  </si>
  <si>
    <t>【柳工】继电器总成\46C6549\挖掘机\CLG926E\国产</t>
  </si>
  <si>
    <t>【柳工】调整垫\10A7121\装载机\ZL50CN\国产</t>
  </si>
  <si>
    <t>【柳工】转斗油缸\10C1259X0\装载机\ZL50CN\国产</t>
  </si>
  <si>
    <t>【柳工】涨紧轮总成\46C0754\挖掘机\CLG926E\国产</t>
  </si>
  <si>
    <t>【柳工】转向油缸\10C2311X0\装载机\ZL50CN\国产</t>
  </si>
  <si>
    <t>【柳工】压缩机\46C0752\挖掘机\CLG926E\国产</t>
  </si>
  <si>
    <t>【柳工】钢管总成\10D7420X0\装载机\ZL50CN\国产</t>
  </si>
  <si>
    <t>【柳工】钢管总成\10D7434X0\装载机\ZL50CN\国产</t>
  </si>
  <si>
    <t>【柳工】钢管总成\10D8747\装载机\ZL50CN\国产</t>
  </si>
  <si>
    <t>【柳工】张紧装置\44C0643\挖掘机\CLG926E\国产</t>
  </si>
  <si>
    <t>【柳工】钢管总成\10D8981\装载机\ZL50CN\国产</t>
  </si>
  <si>
    <t>【柳工】铲斗\43C4342\挖掘机\CLG926E\国产</t>
  </si>
  <si>
    <t>【柳工】钢管总成\10D8983\装载机\ZL50CN\国产</t>
  </si>
  <si>
    <t>【柳工】风扇\40C9419\挖掘机\CLG926E\国产</t>
  </si>
  <si>
    <t>【柳工】钢管总成\10D9483\装载机\ZL50CN\国产</t>
  </si>
  <si>
    <t>【柳工】钢管总成\10D9959\装载机\ZL50CN\国产</t>
  </si>
  <si>
    <t>【柳工】钢管总成\10D9960\装载机\ZL50CN\国产</t>
  </si>
  <si>
    <t>【柳工】钢管总成\10D9964\装载机\ZL50CN\国产</t>
  </si>
  <si>
    <t>【柳工】钢管总成\10D9965\装载机\ZL50CN\国产</t>
  </si>
  <si>
    <t>【柳工】止动板\11A0043\装载机\ZL50CN\国产</t>
  </si>
  <si>
    <t>【柳工】显示器\35B0395\挖掘机\CLG926E\国产</t>
  </si>
  <si>
    <t>【柳工】铲斗上销轴\11D0001X0\装载机\ZL50CN\国产</t>
  </si>
  <si>
    <t>【柳工】压力开关\34B1071\挖掘机\CLG926E\国产</t>
  </si>
  <si>
    <t>【柳工】中摇臂销\11D0002X0\装载机\ZL50CN\国产</t>
  </si>
  <si>
    <t>【柳工】摇臂销\11D0003X0\装载机\ZL50CN\国产</t>
  </si>
  <si>
    <t>【柳工】开关\34B0761\挖掘机\CLG926E\国产</t>
  </si>
  <si>
    <t>【柳工】铲斗下销轴\11D0004X0\装载机\ZL50CN\国产</t>
  </si>
  <si>
    <t>【柳工】转向销\11D0007\装载机\CLG856\国产</t>
  </si>
  <si>
    <t>【柳工】付车架销\11D0009\装载机\柳工ZL50C\国产</t>
  </si>
  <si>
    <t>【柳工】回转支承\26B0437\挖掘机\CLG926E\国产</t>
  </si>
  <si>
    <t>【柳工】付车架销\11D0011\装载机\ZL50C\国产</t>
  </si>
  <si>
    <t>【柳工】履带总成\25C1453\挖掘机\CLG926E\国产</t>
  </si>
  <si>
    <t>【柳工】销轴总成\11D0012X0\装载机\ZL50CN\国产</t>
  </si>
  <si>
    <t>【柳工】燃油散热器\20C2089\挖掘机\CLG926E\国产</t>
  </si>
  <si>
    <t>【柳工】动臂缸销轴\11D0793X0\装载机\ZL50CN\国产</t>
  </si>
  <si>
    <t>【柳工】转斗大腔双作用安全阀\12C0011Y20MPA\装载机\ZL50CN\国产</t>
  </si>
  <si>
    <t>【柳工】转斗小腔双作用安全阀\12C0013Y12MPA\装载机\ZL50CN\国产</t>
  </si>
  <si>
    <t>【柳工】减压阀\12C0014X0\装载机\ZL50C\国产</t>
  </si>
  <si>
    <t>【柳工】减震器\17B0090\挖掘机\CLG926E\国产</t>
  </si>
  <si>
    <t>【柳工】主安全阀\12C0017\装载机\ZL50CN\国产</t>
  </si>
  <si>
    <t>【柳工】单向阀\12C1008\装载机\ZL50CN\国产</t>
  </si>
  <si>
    <t>【柳工】支重轮\14C0270\挖掘机\CLG926E\国产</t>
  </si>
  <si>
    <t>【柳工】变速控制阀\12C2363\装载机\柳工ZL50\国产</t>
  </si>
  <si>
    <t>【柳工】单向阀总成\12C2377\装载机\ZL50CN\国产</t>
  </si>
  <si>
    <t>【柳工】托链轮\14C0269\挖掘机\CLG926E\国产</t>
  </si>
  <si>
    <t>【柳工】流量放大阀总成\12C2394Y12MPA\装载机\ZL50CN\国产</t>
  </si>
  <si>
    <t>【柳工】行走先导阀\12C8419\挖掘机\CLG926E\国产</t>
  </si>
  <si>
    <t>【柳工】分配阀总成\12C3016\装载机\ZL50CN\国产</t>
  </si>
  <si>
    <t>【柳工】输入法兰\12D0032\装载机\ZL50CN\国产</t>
  </si>
  <si>
    <t>【柳工】主控阀\12C8302\挖掘机\CLG926E\国产</t>
  </si>
  <si>
    <t>【柳工】压板\13A0011\装载机\ZL50CN\国产</t>
  </si>
  <si>
    <t>【柳工】防尘圈\13B0010\装载机\ZL50CN\国产</t>
  </si>
  <si>
    <t>【柳工】电磁阀\12C7754\挖掘机\CLG926E\国产</t>
  </si>
  <si>
    <t>【柳工】油封\13B0169\炮孔填塞机\CLG842\国产</t>
  </si>
  <si>
    <t>【柳工】前轮毂油封\13B0887\装载机\柳工ZL50C\国产</t>
  </si>
  <si>
    <t>【柳工】手先导阀\12C7750\挖掘机\CLG926E\国产</t>
  </si>
  <si>
    <t>【柳工】密封环\13B0922\装载机\ZL50CN\国产</t>
  </si>
  <si>
    <t>【柳工】制动器\13C0008X0\装载机\ZL50CN\国产</t>
  </si>
  <si>
    <t>【柳工】电磁阀\12C7719\挖掘机\CLG926E\国产</t>
  </si>
  <si>
    <t>【柳工】制动气塞\13C0009\装载机\CLG856\国产</t>
  </si>
  <si>
    <t>【柳工】快放阀\13C0012\柳工ZL50C装载机\ZL50C\国产</t>
  </si>
  <si>
    <t>【柳工】单向节流阀\12C1900\挖掘机\CLG926E\国产</t>
  </si>
  <si>
    <t>【柳工】排气阀\13C0026\炮孔填塞机\CLG842\国产</t>
  </si>
  <si>
    <t>【柳工】手动放水阀\13C0109\装载机\CLG835\国产</t>
  </si>
  <si>
    <t>【柳工】销轴\11D0922\挖掘机\CLG926E\国产</t>
  </si>
  <si>
    <t>【柳工】刀板\17A1044\装载机\ZL50CN\国产</t>
  </si>
  <si>
    <t>【柳工】变速箱胶垫\17B0017\装载机\ZL50C\国产</t>
  </si>
  <si>
    <t>【柳工】下减震垫\17B0019\装载机\CLG842\国产</t>
  </si>
  <si>
    <t>【柳工】滚针\20B0001\装载机\ZL50C\国产</t>
  </si>
  <si>
    <t>【柳工】钢球\20B0026\装载机\ZL50C\国产</t>
  </si>
  <si>
    <t>【柳工】球轴承\21B0001\装载机\CLG842\国产</t>
  </si>
  <si>
    <t>【柳工】导向轮轴承\21B0002\装载机\柳工ZL50C\国产</t>
  </si>
  <si>
    <t>【柳工】轴承\21B0005JK\装载机\ZL50CN\国产</t>
  </si>
  <si>
    <t>【柳工】球轴承\21B0006\装蒜机\柳工ZL50C\国产</t>
  </si>
  <si>
    <t>【柳工】销轴\11D0921\挖掘机\CLG926E\国产</t>
  </si>
  <si>
    <t>【柳工】轴承\21B0007JK\装载机\ZL50CN\国产</t>
  </si>
  <si>
    <t>【柳工】球轴承\21B0008\装载机\柳工ZL50C\国产</t>
  </si>
  <si>
    <t>【柳工】泵\11C3341\挖掘机\CLG926E\国产</t>
  </si>
  <si>
    <t>【柳工】球轴承\21B0009\装载机\ZL50CN\国产</t>
  </si>
  <si>
    <t>【柳工】球轴承\21B0010\装载机\ZL50CN\国产</t>
  </si>
  <si>
    <t>【柳工】球轴承\21B0011\装载机\CLG842\国产</t>
  </si>
  <si>
    <t>【柳工】回转马达及减速机\11C3170\挖掘机\CLG926E\国产</t>
  </si>
  <si>
    <t>【柳工】向心球轴承\21B0012\装载机\CLG842\国产</t>
  </si>
  <si>
    <t>【柳工】行走马达及减速机\11C1157\挖掘机\CLG926E\国产</t>
  </si>
  <si>
    <t>【柳工】球轴承6010\21B0013\装载机\柳工ZL50C\国产</t>
  </si>
  <si>
    <t>【柳工】铲斗油缸总成\10C3338\挖掘机\CLG926E\国产</t>
  </si>
  <si>
    <t>【柳工】轴承\21B0013JK\装载机\ZL50CN\国产</t>
  </si>
  <si>
    <t>【柳工】轴承\21B0015\装载机\CLG842\国产</t>
  </si>
  <si>
    <t>【柳工】轴承\21B0023 6023\装载机\柳工ZL50C\国产</t>
  </si>
  <si>
    <t>【柳工】斗杆油缸总成\10C3336\挖掘机\CLG926E\国产</t>
  </si>
  <si>
    <t>【柳工】铲斗\22D0113X0\装载机\ZL50CN\国产</t>
  </si>
  <si>
    <t>【柳工】右动臂油缸总成\10C3270\挖掘机\CLG926E\国产</t>
  </si>
  <si>
    <t>【SEVA尚为】矿用隔爆型LED巷道灯\DGS18/127L(C)\AC127V\18W\壁装式\ExdⅠMb\IP66</t>
  </si>
  <si>
    <t>深圳市尚为照明有限公司</t>
  </si>
  <si>
    <t>SEVA尚为</t>
  </si>
  <si>
    <t>GNWZBP(TH)ZYCG2020-221</t>
  </si>
  <si>
    <t>国家能源e购商城尚为照明产品商城铺货长协采购框架合同</t>
  </si>
  <si>
    <t>【柳工】轮毂轴承\23B0010\装载机\柳工ZL50C\国产</t>
  </si>
  <si>
    <t>【柳工】前桥轮毂轴承\23B0152\装载机\柳工ZL50C\国产</t>
  </si>
  <si>
    <t>【柳工】左动臂油缸总成\10C3268\挖掘机\CLG926E\国产</t>
  </si>
  <si>
    <t>【柳工】油门拉线\23C0039\装载机\CLG856\国产</t>
  </si>
  <si>
    <t>【柳工】柴油精滤芯\SP133752\挖掘机\CLG922E\国产</t>
  </si>
  <si>
    <t>【柳工】关节轴承\25B0001\装载机\CLG856\国产</t>
  </si>
  <si>
    <t>【柳工】关节轴承\25B0091\装载机\柳工ZL50\国产</t>
  </si>
  <si>
    <t>【柳工】柴油机\60C0303\挖掘机\CLG922E\国产</t>
  </si>
  <si>
    <t>【柳工】推力轴承\26B0002\装载机\柳工ZL50C\国产</t>
  </si>
  <si>
    <t>【柳工】下水管\30A2044\装载机\ZL50CN\国产</t>
  </si>
  <si>
    <t>【柳工】销轴\60A5542\挖掘机\CLG922E\国产</t>
  </si>
  <si>
    <t>【柳工】温度传感器\30B0065\装载机\CLG888\国产</t>
  </si>
  <si>
    <t>【柳工】柴油滤芯\53C0945\挖掘机\CLG922E\国产</t>
  </si>
  <si>
    <t>【柳工】左后小灯\32B0037\装载机\CLG835\国产</t>
  </si>
  <si>
    <t>【柳工】右后小灯\32B0038\装载机\CLG835\国产</t>
  </si>
  <si>
    <t>【柳工】滤芯\53C0837\挖掘机\CLG922E\国产</t>
  </si>
  <si>
    <t>【柳工】左前大灯\32B0098\装载机\ZL50C\国产</t>
  </si>
  <si>
    <t>【柳工】右前大灯\32B0099\装载机\ZL50C\国产</t>
  </si>
  <si>
    <t>【柳工】轮胎\34C0037P01\装载机\ZL50CN\国产</t>
  </si>
  <si>
    <t>【柳工】吸油软管\35C0800\装载机\ZL50CN\国产</t>
  </si>
  <si>
    <t>【柳工】吸油滤芯\53C0616\挖掘机\CLG922E\国产</t>
  </si>
  <si>
    <t>【柳工】蓄电池\37B0108\装载机\ZL50C\国产</t>
  </si>
  <si>
    <t>【柳工】喇叭\38B0187\装载机\ZL50CN\国产</t>
  </si>
  <si>
    <t>【柳工】回油滤芯\53C0515\挖掘机\CLG922E\国产</t>
  </si>
  <si>
    <t>【柳工】一档油缸总成\39A0006\柳工ZL50C装载机\ZL50C</t>
  </si>
  <si>
    <t>【柳工】输出轴齿轮\40A0006\装载机\ZL50C\国产</t>
  </si>
  <si>
    <t>【柳工】轴齿轮\50C.1.6-1A//40A0027\装载机\ZL50C\国产</t>
  </si>
  <si>
    <t>【柳工】吸油滤芯\53C0500\挖掘机\CLG922E\国产</t>
  </si>
  <si>
    <t>【柳工】转向油泵驱动轴齿轮\40A0032\装载机\柳工ZL50C\国产</t>
  </si>
  <si>
    <t>【SEVA尚为】矿用隔爆型LED支架灯\DGC40/127L\AC127V\40W\壁装式\ExdⅠMb\IP66</t>
  </si>
  <si>
    <t>【柳工】输入二级齿轮\40A0183\装载机\ZL50CN\国产</t>
  </si>
  <si>
    <t>【柳工】先导滤芯\53C0083\挖掘机\CLG922E\国产</t>
  </si>
  <si>
    <t>【柳工】风扇\40C2109\装载机\ZL50CN\国产</t>
  </si>
  <si>
    <t>【柳工】托链轮\51C0427\挖掘机\CLG922E\国产</t>
  </si>
  <si>
    <t>【柳工】油水分离器\40C2403\装载机\CLG856\国产</t>
  </si>
  <si>
    <t>【柳工】空气滤清器\40C3739\装载机\ZL50CN\国产</t>
  </si>
  <si>
    <t>【柳工】消声器总成\40C5126\装载机\ZL50CN\国产</t>
  </si>
  <si>
    <t>【柳工】发动机罩\48C2999\挖掘机\CLG922E\国产</t>
  </si>
  <si>
    <t>【SEVA尚为】矿用隔爆型LED巷道灯\DGS40/127L(B)\AC127V\40W\壁装式\ExdⅠMb\IP66</t>
  </si>
  <si>
    <t>【柳工】空滤滤芯\40C5856\装载机\ZL50CN\国产</t>
  </si>
  <si>
    <t>【柳工】柴油滤清器\40C6996\装载机\ZL50CN\国产</t>
  </si>
  <si>
    <t>【柳工】左前挡泥板\40D0232\装载机\CLG856\国产</t>
  </si>
  <si>
    <t>【柳工】司机椅\47C2606\挖掘机\CLG922E\国产</t>
  </si>
  <si>
    <t>【SEVA尚为】矿用隔爆型LED巷道灯\DGS45/127L\AC127V\45W\壁装式\ExdⅠMb\IP66</t>
  </si>
  <si>
    <t>【柳工】右前挡泥板\40D0233\装载机\CLG856\国产</t>
  </si>
  <si>
    <t>【柳工】驾驶室\47C1897\挖掘机\CLG922E\国产</t>
  </si>
  <si>
    <t>【SEVA尚为】矿用隔爆型LED巷道灯\DGS50/127L(E)\AC127V\50W\吸顶式\ExdⅠMb\IP65</t>
  </si>
  <si>
    <t>【柳工】左挡泥板\40D0610\装载机\ZL50CN\国产</t>
  </si>
  <si>
    <t>【柳工】右挡泥板\40D0611\装载机\ZL50CN\国产</t>
  </si>
  <si>
    <t>【柳工】齿轮\41A0001\装载机\XG953H\国产</t>
  </si>
  <si>
    <t>【柳工】后视镜\47C0612\挖掘机\CLG922E\国产</t>
  </si>
  <si>
    <t>【柳工】齿轮\41A0002\装载机\XG953H\国产</t>
  </si>
  <si>
    <t>【SEVA尚为】矿用隔爆型LED巷道灯\DGS60/127L(C)\AC127V\60W\壁装式\ExdⅠMb\IP66</t>
  </si>
  <si>
    <t>【柳工】齿轮\41A0003\装载机\XG953H\国产</t>
  </si>
  <si>
    <t>【柳工】太阳轮\41A0009\装载机\ZL50C\国产</t>
  </si>
  <si>
    <t>【柳工】后视镜\47C0110\装载机\CLG842\国产</t>
  </si>
  <si>
    <t>【柳工】倒档内齿圈\41A0010\装载机\ZL50CN\国产</t>
  </si>
  <si>
    <t>【SEVA尚为】矿用隔爆型LED巷道灯\DGS70/127L(C)\AC127V\70W\壁装式\ExdⅠMb\IP66</t>
  </si>
  <si>
    <t>【柳工】中间输出轴齿轮\41A0011\装载机\ZL50CN\国产</t>
  </si>
  <si>
    <t>【柳工】一档内齿圈\41A0013\装载机\ZL50C\国产</t>
  </si>
  <si>
    <t>【柳工】驱动轮\46A0140\挖掘机\CLG922E\国产</t>
  </si>
  <si>
    <t>【柳工】行星轮\41A0104\装载机\ZL50CN\国产</t>
  </si>
  <si>
    <t>【柳工】行星轮架\41A0352\装载机\ZL50CN\国产</t>
  </si>
  <si>
    <t>【柳工】张紧装置\44C0640\挖掘机\CLG922E\国产</t>
  </si>
  <si>
    <t>【SEVA尚为】矿用隔爆型LED巷道灯\DGS80/127L(C)\AC127V\80W\壁装式\ExdⅠMb\IP66</t>
  </si>
  <si>
    <t>【柳工】齿轮\41A0363\装载机\ZL50CN\国产</t>
  </si>
  <si>
    <t>【柳工】液力传动油\41B0013Y18L\装载机\ZL50CN\国产</t>
  </si>
  <si>
    <t>【柳工】铲斗\43C4096\挖掘机\CLG922E\国产</t>
  </si>
  <si>
    <t>【柳工】前传动轴\41C0001\装载机\ZL50C\国产</t>
  </si>
  <si>
    <t>【柳工】锥齿轮\43A0002\装载机\ZL50C\国产</t>
  </si>
  <si>
    <t>【柳工】连杆\43C3737\挖掘机\CLG922E\国产</t>
  </si>
  <si>
    <t>【SEVA尚为】矿用隔爆兼本质安全型LED巷道灯\DJS36/127L\AC220V\36W\壁装式\ExdIⅠMb\IP66</t>
  </si>
  <si>
    <t>【柳工】半轴齿轮\43A0170\装载机\ZL50CN\国产</t>
  </si>
  <si>
    <t>【柳工】转向器\44C0173\装载机\CLG856\国产</t>
  </si>
  <si>
    <t>【柳工】动臂\43C3699\挖掘机\CLG922E\国产</t>
  </si>
  <si>
    <t>【柳工】方向机总成\44C0668X0\装载机\ZL50CN\国产</t>
  </si>
  <si>
    <t>【柳工】暖风机总成\46C3545X3\装载机\ZL50CN\国产</t>
  </si>
  <si>
    <t>【SEVA尚为】LED工作灯\SZSW7155\AC220V\100W\壁装式</t>
  </si>
  <si>
    <t>【柳工】斗杆\43C3698\挖掘机\CLG922E\国产</t>
  </si>
  <si>
    <t>【柳工】暖风进水阀\46C8131\装载机\ZL50CN\国产</t>
  </si>
  <si>
    <t>【柳工】涡轮\47A0002\装载机\XG953H\国产</t>
  </si>
  <si>
    <t>【柳工】回转马达及减速机\42C1006\挖掘机\CLG922E\国产</t>
  </si>
  <si>
    <t>【柳工】涡轮\47A0003\装载机\XG953H\国产</t>
  </si>
  <si>
    <t>【柳工】泵轮\47A0212\装载机\ZL50CN\国产</t>
  </si>
  <si>
    <t>【柳工】后罩总成\48C2570X0\装载机\ZL50CN\国产</t>
  </si>
  <si>
    <t>【柳工】活塞\50A0003\装载机\XG953H\国产</t>
  </si>
  <si>
    <t>【柳工】消音器\40C8131\挖掘机\CLG922E\国产</t>
  </si>
  <si>
    <t>【柳工】活塞体\50A0004\装载机\CLG856\国产</t>
  </si>
  <si>
    <t>【柳工】倒档活塞体\50A0005\装载机\ZL50C\国产</t>
  </si>
  <si>
    <t>【柳工】柴油滤芯\40C7018\挖掘机\CLG922E\国产</t>
  </si>
  <si>
    <t>【柳工】后传动轴\51C0054\装载机\ZL50C\国产</t>
  </si>
  <si>
    <t>【柳工】直接挡受压盘\52A0017\装载机\ZL50CN\国产</t>
  </si>
  <si>
    <t>【柳工】边减盖\53A0009\装载机\CLG856\国产</t>
  </si>
  <si>
    <t>【柳工】燃油过滤器\40C7017\挖掘机\CLG922E\国产</t>
  </si>
  <si>
    <t>【柳工】中盖\53A0029\装载机\ZL50CN\国产</t>
  </si>
  <si>
    <t>【柳工】压盖\53A0393\装载机\ZL50CN\国产</t>
  </si>
  <si>
    <t>【柳工】密封压盖\53A0930\装载机\ZL50CN\国产</t>
  </si>
  <si>
    <t>【柳工】空气预滤器\40C5960\挖掘机\CLG922E\国产</t>
  </si>
  <si>
    <t>【柳工】上端盖\53A1035\装载机\柳工ZL50\国产</t>
  </si>
  <si>
    <t>【SEVA尚为】LED泛光灯\SZSW7180\AC220V\200W\壁装式</t>
  </si>
  <si>
    <t>【柳工】直接档连接盘\53A1160\装载机\ZL50CN\国产</t>
  </si>
  <si>
    <t>【柳工】挡油盖\53A1169\装载机\ZL50CN\国产</t>
  </si>
  <si>
    <t>【柳工】滤油器\53C0027\装载机\柳工ZL50C\国产</t>
  </si>
  <si>
    <t>【柳工】机油滤芯\53C0053\装载机\ZL50CN\国产</t>
  </si>
  <si>
    <t>【柳工】动臂缸套\54A0006\装载机\柳工ZL50C\国产</t>
  </si>
  <si>
    <t>【柳工】套\54A0007\装载机\ZL50C\国产</t>
  </si>
  <si>
    <t>【柳工】铲斗轴套\54A0008\装载机\ZL50C\国产</t>
  </si>
  <si>
    <t>【柳工】软轴\54C0449\装载机\ZL50CN\国产</t>
  </si>
  <si>
    <t>【柳工】滤芯总成\40C4077\挖掘机\CLG922E\国产</t>
  </si>
  <si>
    <t>【柳工】摩擦片隔离架\CLG55A0065\装载机\CLG856\国产</t>
  </si>
  <si>
    <t>【柳工】轴承套\55A0077\装载机\ZL50CN\国产</t>
  </si>
  <si>
    <t>【柳工】间隔套\55A4478\装载机\柳工ZL50\国产</t>
  </si>
  <si>
    <t>【柳工】衬套\55A4780\装载机\ZL50CN\国产</t>
  </si>
  <si>
    <t>【柳工】制动盘\56A0007\装载机\CLG888\国产</t>
  </si>
  <si>
    <t>【SEVA尚为】LED工作灯\SZSW7215\AC220V\60W\壁装式</t>
  </si>
  <si>
    <t>【柳工】风扇\40C1900\挖掘机\CLG922E\国产</t>
  </si>
  <si>
    <t>【柳工】锥齿轮垫片\56A0378\装载机\ZL50CN\国产</t>
  </si>
  <si>
    <t>【柳工】行星齿轮轴\60A0007\装载机\ZL50C\国产</t>
  </si>
  <si>
    <t>【柳工】上铰接销\60A0014\装载机\柳工ZL50C\国产</t>
  </si>
  <si>
    <t>【柳工】联轴器\40C1891\挖掘机\CLG922E\国产</t>
  </si>
  <si>
    <t>【柳工】弹簧销轴\60A0036\装载机\ZL50C\国产</t>
  </si>
  <si>
    <t>【柳工】圆柱销\60A0045\装载机\ZL50CN\国产</t>
  </si>
  <si>
    <t>【柳工】圆柱销\60A0046\装载机\ZL50CN\国产</t>
  </si>
  <si>
    <t>【柳工】右操纵手柄总成\34C5439\挖掘机\CLG922E\国产</t>
  </si>
  <si>
    <t>【柳工】销轴\60A0051\装载机\CLG856\国产</t>
  </si>
  <si>
    <t>【柳工】倒挡行星轴\60A0415\装载机\ZL50CN\国产</t>
  </si>
  <si>
    <t>【SEVA尚为】LED泛光灯\SZSW7250\AC220V\80W\壁装式</t>
  </si>
  <si>
    <t>【柳工】一挡行星轴\60A0416\装载机\ZL50CN\国产</t>
  </si>
  <si>
    <t>【柳工】左操纵手柄总成\34C5438\挖掘机\CLG922E\国产</t>
  </si>
  <si>
    <t>【柳工】下铰接销\60A2726\装载机\柳工ZL50\国产</t>
  </si>
  <si>
    <t>【柳工】直接档轴\62A0010\装载机\ZL50CN\国产</t>
  </si>
  <si>
    <t>【柳工】喷水器开关\34B0743\挖掘机\CLG922E\国产</t>
  </si>
  <si>
    <t>【SEVA尚为】LED 泛光灯\SZSW7260\AC220V\100W\支架上安装</t>
  </si>
  <si>
    <t>【柳工】输出轴\62A0011\装载机\ZL50C\国产</t>
  </si>
  <si>
    <t>【柳工】雨刮开关\34B0742\挖掘机\CLG922E\国产</t>
  </si>
  <si>
    <t>【柳工】半轴\62A0286\装载机\CLG856\国产</t>
  </si>
  <si>
    <t>【柳工】十字轴\63A0005\装载机\CLG856\国产</t>
  </si>
  <si>
    <t>【SEVA尚为】LED投光灯\SZSW7261\AC220V\120W\壁装式</t>
  </si>
  <si>
    <t>【柳工】油封座\71A0117\装载机\ZL50C\国产</t>
  </si>
  <si>
    <t>【柳工】副车架\72A0009X0\装载机\ZL50CN\国产</t>
  </si>
  <si>
    <t>【柳工】过渡套\72A1954\装载机\ZL50CN\国产</t>
  </si>
  <si>
    <t>【柳工】负极开关\34B0297\挖掘机\CLG922E\国产</t>
  </si>
  <si>
    <t>【柳工】卡环\76A0002\装载机\柳工ZL50C\国产</t>
  </si>
  <si>
    <t>【柳工】挡圈\76A0009\装载机\ZL50CN\国产</t>
  </si>
  <si>
    <t>【柳工】锁紧片\76A0011\柳工ZL50C装载机\ZL50C\国产</t>
  </si>
  <si>
    <t>【柳工】挡圈\76A0040\装载机\ZL50CN\国产</t>
  </si>
  <si>
    <t>【SEVA尚为】LED泛光灯\SZSW7270\AC220V\150W\壁装式</t>
  </si>
  <si>
    <t>【柳工】螺栓\77A1172\装载机\ZL50CN\国产</t>
  </si>
  <si>
    <t>【柳工】密封环\80A0006\装载机\柳工ZL50C\国产</t>
  </si>
  <si>
    <t>【柳工】大灯\32B0583\挖掘机\CLG922E\国产</t>
  </si>
  <si>
    <t>【柳工】密封纸垫\80A0009\装载机\ZL50CN\国产</t>
  </si>
  <si>
    <t>【柳工】继电器\31B0536\挖掘机\CLG922E\国产</t>
  </si>
  <si>
    <t>【柳工】矩形圈\80A0016\装载机\CLG856\国产</t>
  </si>
  <si>
    <t>【柳工】变速箱密封环\80A0019\装载机\CLG856\国产</t>
  </si>
  <si>
    <t>【柳工】密封环\80A0020\装载机\ZL50C\国产</t>
  </si>
  <si>
    <t>【柳工】继电器\31B0042\挖掘机\CLG922E\国产</t>
  </si>
  <si>
    <t>【柳工】油封\80A0023\装载机\CLG842\国产</t>
  </si>
  <si>
    <t>【柳工】密封圈\80A0024X0\装载机\ZL50CN\国产</t>
  </si>
  <si>
    <t>【柳工】柴油机油\SP103997\装载机\ZL50CN\国产</t>
  </si>
  <si>
    <t>【柳工】柴油机油\SP103998\装载机\ZL50CN\国产</t>
  </si>
  <si>
    <t>【柳工】油水分离器\SP160254\装载机\ZL50CN\国产</t>
  </si>
  <si>
    <t>【柳工】倾斜油缸\10C2897\推土机\CLGB160C\国产</t>
  </si>
  <si>
    <t>【柳工】工作泵\11C0765\推土机\CLGB160C\国产</t>
  </si>
  <si>
    <t>【柳工】变速泵\11C0798\推土机\CLGB160C\国产</t>
  </si>
  <si>
    <t>【柳工】转向阀总成\12C1885X0\推土机\CLGB160C\国产</t>
  </si>
  <si>
    <t>【柳工】压力开关\30B0897\挖掘机\CLG922E\国产</t>
  </si>
  <si>
    <t>【柳工】油封\13B0777\推土机\CLGB160C\国产</t>
  </si>
  <si>
    <t>【柳工】油封\13B0783\推土机\CLGB160C\国产</t>
  </si>
  <si>
    <t>【柳工】燃油油位传感器\30B0632\挖掘机\CLG922E\国产</t>
  </si>
  <si>
    <t>【柳工】温度传感器\30B0496\挖掘机\CLG922E\国产</t>
  </si>
  <si>
    <t>【柳工】滚动轴承\20B0186\推土机\CLGB160C\国产</t>
  </si>
  <si>
    <t>【柳工】滚动轴承\20B0187\推土机\CLGB160C\国产</t>
  </si>
  <si>
    <t>【柳工】滚动轴承\20B0190\推土机\CLGB160C\国产</t>
  </si>
  <si>
    <t>【柳工】回转支承\26B0436\挖掘机\CLG922E\国产</t>
  </si>
  <si>
    <t>【柳工】张紧弹簧\24C2870\推土机\CLGB160C\国产</t>
  </si>
  <si>
    <t>【柳工】万向节\26E0100\推土机\CLGB160C\国产</t>
  </si>
  <si>
    <t>【SEVA尚为】LED工作灯\SZSW7215\AC220V\80W\壁装式</t>
  </si>
  <si>
    <t>【柳工】温度传感器\30B0392\推土机\CLGB160C\国产</t>
  </si>
  <si>
    <t>【柳工】动臂缸销\11L0016\装载机\CLG820C\国产</t>
  </si>
  <si>
    <t>【SEVA尚为】LED工作灯\SZSW7215\AC220V\100W\壁装式</t>
  </si>
  <si>
    <t>【柳工】履带总成\25C1596\挖掘机\CLG922E\国产</t>
  </si>
  <si>
    <t>【柳工】转向器\12C2655\装载机\CLG820C\国产</t>
  </si>
  <si>
    <t>【柳工】优先阀\12K0007\装载机\CLG820C\国产</t>
  </si>
  <si>
    <t>【柳工】多路阀\12K0028\装载机\CLG820C\国产</t>
  </si>
  <si>
    <t>【柳工】气制动阀总成\13C0004P02\装载机\CLG820C\国产</t>
  </si>
  <si>
    <t>【柳工】摇杆\21D1149\挖掘机\CLG922E\国产</t>
  </si>
  <si>
    <t>【柳工】手刹总成\13C0058\装载机\CLG820C\国产</t>
  </si>
  <si>
    <t>【柳工】按钮阀\13C0059\装载机\CLG820C\国产</t>
  </si>
  <si>
    <t>【SEVA尚为】LED工作灯\SZSW7290\AC220V\100W\壁装式</t>
  </si>
  <si>
    <t>【柳工】单向阀\13C0613\装载机\CLG820C\国产</t>
  </si>
  <si>
    <t>【柳工】加力器\13C0915\装载机\CLG820C\国产</t>
  </si>
  <si>
    <t>【柳工】散热器组件\20C2139\挖掘机\CLG922E\国产</t>
  </si>
  <si>
    <t>【柳工】切断阀\13C1122\装载机\CLG820C\国产</t>
  </si>
  <si>
    <t>【柳工】调压阀\13K0002\装载机\CLG820C\国产</t>
  </si>
  <si>
    <t>【SEVA尚为】LED工作灯\SZSW7290\AC220V\200W\壁装式</t>
  </si>
  <si>
    <t>【柳工】安全阀\13K0003\装载机\CLG820C\国产</t>
  </si>
  <si>
    <t>【柳工】空调皮带\46C9193\推土机\CLGB160C\国产</t>
  </si>
  <si>
    <t>【柳工】柴油机\60C2043\推土机\CLGB160C\国产</t>
  </si>
  <si>
    <t>【柳工】操纵杆\16D0914\挖掘机\CLG922E\国产</t>
  </si>
  <si>
    <t>【柳工】散热器组件\40C9612\推土机\CLGB160C\国产</t>
  </si>
  <si>
    <t>【柳工】起升油缸\10C3092\推土机\CLGB160C\国产</t>
  </si>
  <si>
    <t>【柳工】起升油缸\10C3093\推土机\CLGB160C\国产</t>
  </si>
  <si>
    <t>【柳工】导向滚轮\14C0234\挖掘机\CLG922E\国产</t>
  </si>
  <si>
    <t>【柳工】驾驶室总成\41Y0227X2\推土机\CLGB160C\国产</t>
  </si>
  <si>
    <t>【柳工】左制动器总成\20E0272X0\推土机\CLGB160C\国产</t>
  </si>
  <si>
    <t>【柳工】右制动器总成\20E0272X1\推土机\CLGB160C\国产</t>
  </si>
  <si>
    <t>【柳工】支重轮\14C0233\挖掘机\CLG922E\国产</t>
  </si>
  <si>
    <t>【柳工】滚动轴承\20B0166\推土机\CLGB160C\国产</t>
  </si>
  <si>
    <t>【柳工】滚动轴承\20B0188\推土机\CLGB160C\国产</t>
  </si>
  <si>
    <t>【柳工】湿地齿轮毂\70A0498\推土机\CLGB160C\国产</t>
  </si>
  <si>
    <t>【SEVA尚为】LED低顶灯\SZSW7340\AC220V\18W</t>
  </si>
  <si>
    <t>【柳工】行走先导阀\12C4904\挖掘机\CLG922E\国产</t>
  </si>
  <si>
    <t>【柳工】油门踏板\34C6728\推土机\CLGB160C\国产</t>
  </si>
  <si>
    <t>【柳工】安全阀\12C1896X0\推土机\CLGB160C\国产</t>
  </si>
  <si>
    <t>【柳工】主控阀\12C4144\挖掘机\CLG922E\国产</t>
  </si>
  <si>
    <t>【柳工】油缸总成\13D0548X3\推土机\CLGB160C\国产</t>
  </si>
  <si>
    <t>【SEVA尚为】LED低顶灯\SZSW7340\AC220V\24W</t>
  </si>
  <si>
    <t>【柳工】制动带\45C0269\推土机\CLGB160C\国产</t>
  </si>
  <si>
    <t>【柳工】单向阀\12C2153\挖掘机\CLG922E\国产</t>
  </si>
  <si>
    <t>【柳工】司机椅\47C1262\推土机\CLGB160C\国产</t>
  </si>
  <si>
    <t>【柳工】引导轮\43C7395\推土机\CLGB160C\国产</t>
  </si>
  <si>
    <t>【柳工】液压油箱\21C0910\推土机\CLGB160C\国产</t>
  </si>
  <si>
    <t>【柳工】单向阀\12C2152\挖掘机\CLG922E\国产</t>
  </si>
  <si>
    <t>【柳工】半轴\62A0318\推土机\CLGB160C\国产</t>
  </si>
  <si>
    <t>【柳工】轮毂\71A0634\推土机\CLGB160C\国产</t>
  </si>
  <si>
    <t>【柳工】中心接头\12C0240\挖掘机\CLG922E\国产</t>
  </si>
  <si>
    <t>【柳工】精滤器\53C0396\推土机\CLGB160C\国产</t>
  </si>
  <si>
    <t>【SEVA尚为】LED高顶灯\SZSW7450\AC220V\100W</t>
  </si>
  <si>
    <t>【柳工】滤油器\53C0393\推土机\CLGB160C\国产</t>
  </si>
  <si>
    <t>【SEVA尚为】LED高顶灯\SZSW7450\AC220V\150W</t>
  </si>
  <si>
    <t>【柳工】链轮毂\63A0234\推土机\CLGB160C\国产</t>
  </si>
  <si>
    <t>【柳工】单向节流阀\12C0163\挖掘机\CLG922E\国产</t>
  </si>
  <si>
    <t>【柳工】右减速箱\70A0437\推土机\CLGB160C\国产</t>
  </si>
  <si>
    <t>【柳工】离合器\45C0232\推土机\CLGB160C\国产</t>
  </si>
  <si>
    <t>【柳工】行走马达及减速机\11C0887\挖掘机\CLG922E\国产</t>
  </si>
  <si>
    <t>【SEVA尚为】LED高顶灯\SZSW7450\AC220V\200W</t>
  </si>
  <si>
    <t>【柳工】齿圈\41A0246\推土机\CLGB160C\国产</t>
  </si>
  <si>
    <t>【柳工】中间轴\62A0267\推土机\CLGB160C\国产</t>
  </si>
  <si>
    <t>【柳工】左减速箱\70A0436\推土机\CLGB160C\国产</t>
  </si>
  <si>
    <t>【柳工】斗杆油缸总成\10C3719\挖掘机\CLG922E\国产</t>
  </si>
  <si>
    <t>【SEVA尚为】LED高顶灯\SZSW7450\AC220V\300W</t>
  </si>
  <si>
    <t>【柳工】转向泵\11C0799\推土机\CLGB160C\国产</t>
  </si>
  <si>
    <t>【柳工】履带总成\33E0094\推土机\CLGB160C\国产</t>
  </si>
  <si>
    <t>【柳工】铲斗油缸总成\10C3717\挖掘机\CLG922E\国产</t>
  </si>
  <si>
    <t>【柳工】喇叭\38B0304\推土机\CLGB160C\国产</t>
  </si>
  <si>
    <t>【柳工】倾斜油缸\10C0752\推土机\CLGB230C\国产</t>
  </si>
  <si>
    <t>【柳工】铲刀举升油缸\10C2073\推土机\CLGB230C\国产</t>
  </si>
  <si>
    <t>【SEVA尚为】LED工作灯\SZSW7550\AC220V\1000W\壁装式</t>
  </si>
  <si>
    <t>【柳工】铲刀举升油缸\10C2077\推土机\CLGB230C\国产</t>
  </si>
  <si>
    <t>【柳工】右动臂油缸总成\10C3282\挖掘机\CLG922E\国产</t>
  </si>
  <si>
    <t>【柳工】风扇皮带\11B0669\推土机\CLGB230C\国产</t>
  </si>
  <si>
    <t>【柳工】变速泵\11C0654\推土机\CLGB230C\国产</t>
  </si>
  <si>
    <t>【柳工】齿轮泵\11C0655\推土机\CLGB230C\国产</t>
  </si>
  <si>
    <t>【柳工】转向泵\11C0664\推土机\CLGB230C\国产</t>
  </si>
  <si>
    <t>【柳工】左动臂油缸总成\10C3281\挖掘机\CLG922E\国产</t>
  </si>
  <si>
    <t>【柳工】调压阀\12C1525\推土机\CLGB230C\国产</t>
  </si>
  <si>
    <t>【柳工】铲刀控制阀\12C1527\推土机\CLGB230C\国产</t>
  </si>
  <si>
    <t>【柳工】滤油器\53C0541\装载机\CLG856H\国产</t>
  </si>
  <si>
    <t>【柳工】转向阀总成\12C1529X0\推土机\CLGB230C\国产</t>
  </si>
  <si>
    <t>【柳工】阀\12C1575\推土机\CLGB230C\国产</t>
  </si>
  <si>
    <t>【柳工】溢流阀\12C1872\推土机\CLGB230C\国产</t>
  </si>
  <si>
    <t>【柳工】铲斗\38Y0335X0\装载机\CLG856H\国产</t>
  </si>
  <si>
    <t>【柳工】衬套\12D0537\推土机\CLGB230C\国产</t>
  </si>
  <si>
    <t>【SEVA尚为】LED工作灯\SZSW7163\AC220V\18W\壁装式</t>
  </si>
  <si>
    <t>【柳工】衬套\12D0538\推土机\CLGB230C\国产</t>
  </si>
  <si>
    <t>【柳工】油封\13B0672\推土机\CLGB230C\国产</t>
  </si>
  <si>
    <t>【柳工】油封\13B0673\推土机\CLGB230C\国产</t>
  </si>
  <si>
    <t>【柳工】减压阀\12C1412\装载机\CLG856H\国产</t>
  </si>
  <si>
    <t>【柳工】缸体组件\13D0447X1\推土机\CLGB230C\国产</t>
  </si>
  <si>
    <t>【柳工】广康柴油机\40C9826\装载机\CLG856H\国产</t>
  </si>
  <si>
    <t>【柳工】油缸总成\13D0454X0\推土机\CLGB230C\国产</t>
  </si>
  <si>
    <t>【SEVA尚为】LED面板灯\SW1155\AC220V\36W</t>
  </si>
  <si>
    <t>【柳工】液位计\15C0221\推土机\CLGB230C\国产</t>
  </si>
  <si>
    <t>【柳工】空气滤清器\16C0042\推土机\CLGB230C\国产</t>
  </si>
  <si>
    <t>【柳工】散热器组件\20C2917\装载机\CLG856H\国产</t>
  </si>
  <si>
    <t>【柳工】空气预滤器\20C0822\推土机\CLGB230C\国产</t>
  </si>
  <si>
    <t>【柳工】散热器组件\20C2615\推土机\CLGB230C\国产</t>
  </si>
  <si>
    <t>【柳工】轮辋总成\41C1744\装载机\CLG856H\国产</t>
  </si>
  <si>
    <t>【柳工】球轴承\21B0028\推土机\CLGB230C\国产</t>
  </si>
  <si>
    <t>【柳工】球轴承\21B0193\推土机\CLGB230C\国产</t>
  </si>
  <si>
    <t>【柳工】分配阀\12C0278\装载机\CLG856H\国产</t>
  </si>
  <si>
    <t>【柳工】圆柱滚子轴承\22B0046\推土机\CLGB230C\国产</t>
  </si>
  <si>
    <t>【柳工】圆柱滚子轴承\22B0047\推土机\CLGB230C\国产</t>
  </si>
  <si>
    <t>【柳工】轴承\22B0048\推土机\CLGB230C\国产</t>
  </si>
  <si>
    <t>【柳工】蒸发器\49C5608\装载机\CLG856H\国产</t>
  </si>
  <si>
    <t>【SEVA尚为】LED面板灯\SZSW1160\AC220V\48W</t>
  </si>
  <si>
    <t>【柳工】圆柱滚子轴承\22B0049\推土机\CLGB230C\国产</t>
  </si>
  <si>
    <t>【柳工】引导轮\22C0313\推土机\CLGB230C\国产</t>
  </si>
  <si>
    <t>【柳工】前车架\30D2993X0\装载机\CLG856H\国产</t>
  </si>
  <si>
    <t>【柳工】托链轮\22C0340\推土机\CLGB230C\国产</t>
  </si>
  <si>
    <t>【SEVA尚为】LED照明灯\SZSW1160\AC220V\36W\嵌入式</t>
  </si>
  <si>
    <t>【柳工】右前挡泥板\40D1072\装载机\CLG856H\国产</t>
  </si>
  <si>
    <t>【柳工】双边支重轮总成\22C0341\推土机\CLGB230C\国产</t>
  </si>
  <si>
    <t>【柳工】单边支重轮总成\22C0342\推土机\CLGB230C\国产</t>
  </si>
  <si>
    <t>【柳工】左后挡泥板\40D1450\装载机\CLG856H\国产</t>
  </si>
  <si>
    <t>【柳工】引导轮\22C7323\推土机\CLGB230C\国产</t>
  </si>
  <si>
    <t>【柳工】万向节总成\26E0053\推土机\CLGB230C\国产</t>
  </si>
  <si>
    <t>【柳工】大驾驶室总成\41Y0329X12\装载机\CLG856H\国产</t>
  </si>
  <si>
    <t>【柳工】大灯\32B0252\推土机\CLGB230C\国产</t>
  </si>
  <si>
    <t>【柳工】工作灯\32B0595\推土机\CLGB230C\国产</t>
  </si>
  <si>
    <t>【柳工】后桥总成\01Y0430X0\装载机\CLG856H\国产</t>
  </si>
  <si>
    <t>【柳工】按钮\34B0581\推土机\CLGB230C\国产</t>
  </si>
  <si>
    <t>【柳工】前桥总成\01Y0429X0\装载机\CLG856H\国产</t>
  </si>
  <si>
    <t>【柳工】圆柱滚子轴承\34C1137\推土机\CLGB230C\国产</t>
  </si>
  <si>
    <t>【柳工】制动鼓\34C1146\推土机\CLGB230C\国产</t>
  </si>
  <si>
    <t>【SEVA尚为】LED吸顶灯\SZSW1260\AC220V\36W</t>
  </si>
  <si>
    <t>【柳工】右后挡泥板\40D1338\装载机\CLG856H\国产</t>
  </si>
  <si>
    <t>【柳工】散热器安装总成\40C8224X0\装载机\CLG856H\国产</t>
  </si>
  <si>
    <t>【柳工】左前挡泥板\40D1071\装载机\CLG856H\国产</t>
  </si>
  <si>
    <t>【柳工】滤网\37C0569\推土机\CLGB230C\国产</t>
  </si>
  <si>
    <t>【柳工】风扇\40C1186\推土机\CLGB230C\国产</t>
  </si>
  <si>
    <t>【柳工】柴油机\40C9592\推土机\CLGB230C\国产</t>
  </si>
  <si>
    <t>【柳工】前组合大灯\46C9944\装载机\CLG856H\国产</t>
  </si>
  <si>
    <t>【柳工】齿轮\41A0209\推土机\CLGB230C\国产</t>
  </si>
  <si>
    <t>【柳工】前组合大灯\46C9945\装载机\CLG856H\国产</t>
  </si>
  <si>
    <t>【SEVA尚为】消防应急标志灯\SW-BLZD-ILROEI3W-7244\AC220V\3W\≥1.5h</t>
  </si>
  <si>
    <t>【柳工】齿圈\41A0211\推土机\CLGB230C\国产</t>
  </si>
  <si>
    <t>【柳工】发动机罩\48C5057X0\装载机\CLG856H\国产</t>
  </si>
  <si>
    <t>【柳工】下铰接销\60A0090\装载机\CLG856\国产</t>
  </si>
  <si>
    <t>【SEVA尚为】消防应急标志灯\SW-ZFZD-E3W-7243B\AC220V\3W\2h</t>
  </si>
  <si>
    <t>【柳工】上铰接销\60A0087\装载机\CLG856\国产</t>
  </si>
  <si>
    <t>【柳工】轴衬\55A0341\装载机\CLG856\国产</t>
  </si>
  <si>
    <t>【SEVA尚为】LED三防灯\SZSW1240\AC220V\40W</t>
  </si>
  <si>
    <t>【柳工】齿轮\41A0210\推土机\CLGB230C\国产</t>
  </si>
  <si>
    <t>【柳工】隔套\55A0340\装载机\CLG856\国产</t>
  </si>
  <si>
    <t>【SEVA尚为】LED点光源\SZSW3404\AC220V\5W\壁装式</t>
  </si>
  <si>
    <t>【柳工】轴承\55A0338\装载机\CLG856\国产</t>
  </si>
  <si>
    <t>【SEVA尚为】投光灯\SZSW3108\AC220V\30W\壁装式</t>
  </si>
  <si>
    <t>【柳工】隔套\55A0141\装载机\CLG856\国产</t>
  </si>
  <si>
    <t>【柳工】粗滤芯\34C1223\推土机\CLGB230C\国产</t>
  </si>
  <si>
    <t>【柳工】上盖\53A0155\装载机\CLG856H\国产</t>
  </si>
  <si>
    <t>【柳工】下盖\53A0060\装载机\CLG856H\国产</t>
  </si>
  <si>
    <t>【柳工】驾驶室总成\41Y0227X4\推土机\CLGB230C\国产</t>
  </si>
  <si>
    <t>【柳工】前传动轴及支承总成\51C0679\装载机\CLG856H\国产</t>
  </si>
  <si>
    <t>【SEVA尚为】LED工作灯\SZSW7290\AC220V\300W\座装</t>
  </si>
  <si>
    <t>【柳工】变矩器\42C0213X0\推土机\CLGB230C\国产</t>
  </si>
  <si>
    <t>【柳工】变速箱\42C0214X1\推土机\CLGB230C\国产</t>
  </si>
  <si>
    <t>【柳工】中间传动轴\51C0432\装载机\CLG856H\国产</t>
  </si>
  <si>
    <t>【柳工】离合器\45C0209\推土机\CLGB230C\国产</t>
  </si>
  <si>
    <t>【柳工】暖风进水阀\46C0486\装载机\CLG856\国产</t>
  </si>
  <si>
    <t>【SEVA尚为】LED工作灯\SZSW7290\AC220V\400W\座装</t>
  </si>
  <si>
    <t>【柳工】冷凝器总成\46C0881\推土机\CLGB230C\国产</t>
  </si>
  <si>
    <t>【柳工】空调皮带\46C3054\推土机\CLGB230C\国产</t>
  </si>
  <si>
    <t>【柳工】张紧轮\49C0450\装载机\CLG856H\国产</t>
  </si>
  <si>
    <t>【柳工】齿轮毂\52A0462\推土机\CLGB230C\国产</t>
  </si>
  <si>
    <t>【柳工】滤油器\53C0321\推土机\CLGB230C\国产</t>
  </si>
  <si>
    <t>【柳工】司机椅\47C3588\装载机\CLG856H\国产</t>
  </si>
  <si>
    <t>【SEVA尚为】LED面板灯\SZSW1161\AC220V\48W</t>
  </si>
  <si>
    <t>【柳工】滤油器\53C0323\推土机\CLGB230C\国产</t>
  </si>
  <si>
    <t>【柳工】滤油器\53C1119\推土机\CLGB230C\国产</t>
  </si>
  <si>
    <t>【柳工】滤油器\53C1266\推土机\CLGB230C\国产</t>
  </si>
  <si>
    <t>【柳工】回转支承\55A2118\推土机\CLGB230C\国产</t>
  </si>
  <si>
    <t>【柳工】隔套\55A2124\推土机\CLGB230C\国产</t>
  </si>
  <si>
    <t>【柳工】间隔套\55A2132\推土机\CLGB230C\国产</t>
  </si>
  <si>
    <t>【柳工】刮水器组件\46C8997\装载机\CLG856H\国产</t>
  </si>
  <si>
    <t>【柳工】中间轴\62A0214\推土机\CLGB230C\国产</t>
  </si>
  <si>
    <t>【SEVA尚为】洗墙灯\SZSW3203\AC220V\36W\壁装式</t>
  </si>
  <si>
    <t>【柳工】半轴\62A0217\推土机\CLGB230C\国产</t>
  </si>
  <si>
    <t>【柳工】压缩机\46C8291\装载机\CLG856H\国产</t>
  </si>
  <si>
    <t>【柳工】灯箱\04D2681\装载机\CLG820C\国产</t>
  </si>
  <si>
    <t>【SEVA尚为】庭院灯\SZSW4114\AC220V\30W\支架上安装</t>
  </si>
  <si>
    <t>【柳工】转斗油缸\10C2417\装载机\CLG820C\国产</t>
  </si>
  <si>
    <t>【SEVA尚为】LED壁灯\SZSW3506-36\AC220V\36W\壁装式</t>
  </si>
  <si>
    <t>【柳工】动臂油缸\10C2418\装载机\CLG820C\国产</t>
  </si>
  <si>
    <t>【柳工】转向油缸\10C4418\装载机\CLG820C\国产</t>
  </si>
  <si>
    <t>【SEVA尚为】LED球泡灯\SVA60-5W\AC220V\5W\E27\座装</t>
  </si>
  <si>
    <t>【柳工】齿轮泵\11C0020\装载机\CLG820C\国产</t>
  </si>
  <si>
    <t>【柳工】压力开关\30B0542\装载机\CLG856H\国产</t>
  </si>
  <si>
    <t>【柳工】压力开关\30B0541\装载机\CLG856H\国产</t>
  </si>
  <si>
    <t>【柳工】销轴\11D1811\装载机\CLG820C\国产</t>
  </si>
  <si>
    <t>【柳工】压力开关\30B0540\装载机\CLG856H\国产</t>
  </si>
  <si>
    <t>【柳工】销轴\11D1812\装载机\CLG820C\国产</t>
  </si>
  <si>
    <t>【SEVA尚为】LED面板灯\SW1156\AC220V\36W</t>
  </si>
  <si>
    <t>【柳工】销轴\11D1813\装载机\CLG820C\国产</t>
  </si>
  <si>
    <t>【柳工】拉杆\24C1988\装载机\CLG856H\国产</t>
  </si>
  <si>
    <t>【柳工】摇臂\24C1987\装载机\CLG856H\国产</t>
  </si>
  <si>
    <t>【柳工】销轴\11D1814\装载机\CLG820C\国产</t>
  </si>
  <si>
    <t>【柳工】圆锥滚子轴承合件\23B0023\装载机\CLG856\国产</t>
  </si>
  <si>
    <t>【SEVA尚为】LED三防支架灯\SW1232\AC220V\40W</t>
  </si>
  <si>
    <t>【柳工】销轴\11D1815\装载机\CLG816C\国产</t>
  </si>
  <si>
    <t>【柳工】拉杆\16D0001\装载机\CLG820C\国产</t>
  </si>
  <si>
    <t>【SEVA尚为】LED工作灯\SZSW7130\AC220V\80W\壁装式</t>
  </si>
  <si>
    <t>【柳工】圆锥滚子轴承合件\23B0022\装载机\CLG856\国产</t>
  </si>
  <si>
    <t>【柳工】拉杆\16D1684X1\装载机\CLG820C\国产</t>
  </si>
  <si>
    <t>【柳工】散热器总成\20C2760X0\装载机\CLG820C\国产</t>
  </si>
  <si>
    <t>【SEVA尚为】LED工作灯\SZSW7130\AC220V\100W\壁装式</t>
  </si>
  <si>
    <t>【柳工】摇臂\21D1870X1\装载机\CLG820C\国产</t>
  </si>
  <si>
    <t>【柳工】动臂\21D1871X1\装载机\CLG820C\国产</t>
  </si>
  <si>
    <t>【柳工】铲斗\22D0279X0\装载机\CLG820C\国产</t>
  </si>
  <si>
    <t>【SEVA尚为】LED工作灯\SZSW7135\AC220V\50W\壁装式</t>
  </si>
  <si>
    <t>【柳工】驾驶室\23D4675XJ1\装载机\CLG820C\国产</t>
  </si>
  <si>
    <t>【柳工】关节轴承\25B0011\装载机\CLG816C\国产</t>
  </si>
  <si>
    <t>【柳工】压力开关\30B0121\装载机\CLG820C\国产</t>
  </si>
  <si>
    <t>【SEVA尚为】LED工作灯\SZSW7135\AC220V\40W\壁装式</t>
  </si>
  <si>
    <t>【柳工】气压传感器\30B0261\装载机\CLG820C\国产</t>
  </si>
  <si>
    <t>【柳工】蓄能器\15C0015\装载机\CLG856H\国产</t>
  </si>
  <si>
    <t>【柳工】油门踏板\30B1370\装载机\CLG820C\国产</t>
  </si>
  <si>
    <t>【柳工】后车架\30D3026X1\装载机\CLG820C\国产</t>
  </si>
  <si>
    <t>【柳工】压力开关\30J0007\装载机\CLG820C\国产</t>
  </si>
  <si>
    <t>【SEVA尚为】LED泛光灯\SZSW7140\AC220V\30W\壁装式</t>
  </si>
  <si>
    <t>【柳工】充液阀\13C0218\装载机\CLG856H\国产</t>
  </si>
  <si>
    <t>【柳工】闪光继电器\31b0005\装载机\ZL50C\国产</t>
  </si>
  <si>
    <t>【柳工】继电器\31B0006\炮孔填塞机\CLG842\国产</t>
  </si>
  <si>
    <t>【柳工】制动油缸\13C0189\装载机\CLG856H\国产</t>
  </si>
  <si>
    <t>【柳工】继电器\31B0011\装载机\CLG888\国产</t>
  </si>
  <si>
    <t>【SEVA尚为】LED工作灯\SZSW7140\AC220V\50W\壁装式</t>
  </si>
  <si>
    <t>【柳工】转换继电器\31J0007\装载机\CLG820C\国产</t>
  </si>
  <si>
    <t>【柳工】左前组合灯\32B0075\装载机\CLG816C\国产</t>
  </si>
  <si>
    <t>【柳工】后组合灯\32B0259\装载机\CLG816C\国产</t>
  </si>
  <si>
    <t>【柳工】后组合灯\32B0260\装载机\CLG820C\国产</t>
  </si>
  <si>
    <t>【SEVA尚为】LED工作灯\SZSW7162\AC220V\24W\壁装式</t>
  </si>
  <si>
    <t>【柳工】工作灯\32B0617\装载机\CLG816C\国产</t>
  </si>
  <si>
    <t>【柳工】方向盘\35C0087\装载机\CLG835\国产</t>
  </si>
  <si>
    <t>【柳工】卸荷阀\12C4177\装载机\CLG856H\国产</t>
  </si>
  <si>
    <t>【柳工】蓄电池\37B0384\装载机\CLG820C\国产</t>
  </si>
  <si>
    <t>【SEVA尚为】LED工作灯\SZSW7170\AC220V\150W\支架上安装</t>
  </si>
  <si>
    <t>【柳工】电风扇\37J0008\装载机\CLG820C\国产</t>
  </si>
  <si>
    <t>【柳工】流量放大阀\12C3034\装载机\CLG856H\国产</t>
  </si>
  <si>
    <t>【柳工】喇叭\38V0001\装载机\CLG820C\国产</t>
  </si>
  <si>
    <t>【柳工】轮辋螺母\40B0174\装载机\CLG820C\国产</t>
  </si>
  <si>
    <t>【SEVA尚为】LED泛光灯\SZSW7180\AC220V\180W\壁装式</t>
  </si>
  <si>
    <t>【柳工】减压阀\12C0438X0\装载机\CLG856H\国产</t>
  </si>
  <si>
    <t>【柳工】右后挡泥板\40D1329\装载机\CLG820C\国产</t>
  </si>
  <si>
    <t>【柳工】左前挡泥板\40D1750\装载机\CLG820C\国产</t>
  </si>
  <si>
    <t>【柳工】转向销\11D1751\装载机\CLG856H\国产</t>
  </si>
  <si>
    <t>【柳工】右前挡泥板\40D1751\装载机\CLG820C\国产</t>
  </si>
  <si>
    <t>【SEVA尚为】LED投光灯\SZSW7181\AC220V\150W\壁装式</t>
  </si>
  <si>
    <t>【柳工】轮胎\41C0148\装载机\CLG820C\国产</t>
  </si>
  <si>
    <t>【柳工】传动轴\41C1360\装载机\CLG820C\国产</t>
  </si>
  <si>
    <t>【柳工】前传动轴\41C1361\装载机\CLG820C\国产</t>
  </si>
  <si>
    <t>【柳工】转向销\11D1750\装载机\CLG856H\国产</t>
  </si>
  <si>
    <t>【柳工】前桥\41C2373X1\装载机\CLG820C\国产</t>
  </si>
  <si>
    <t>【SEVA尚为】LED泛光灯\SZSW7250\AC220V\60W\壁装式</t>
  </si>
  <si>
    <t>【柳工】后桥\41C2374X1\装载机\CLG820C\国产</t>
  </si>
  <si>
    <t>【柳工】转斗缸销轴\11D0982X0\装载机\CLG856H\国产</t>
  </si>
  <si>
    <t>【柳工】空调压缩机\46C3130\装载机\CLG820C\国产</t>
  </si>
  <si>
    <t>【柳工】动臂销轴\11D0981X0\装载机\CLG856H\国产</t>
  </si>
  <si>
    <t>【SEVA尚为】LED工作灯\SZSW7330\AC220V\100W\壁装式</t>
  </si>
  <si>
    <t>【柳工】座椅总成\47C0219\装载机\ZL50C\国产</t>
  </si>
  <si>
    <t>【柳工】工作泵\11C1494\装载机\CLG856H\国产</t>
  </si>
  <si>
    <t>【柳工】后罩\48C5138X0\装载机\CLG820C\国产</t>
  </si>
  <si>
    <t>【柳工】方向机\49C2360X1\装载机\CLG820C\国产</t>
  </si>
  <si>
    <t>【柳工】动臂油缸\10C4412X0\装载机\CLG856H\国产</t>
  </si>
  <si>
    <t>【SEVA尚为】LED工作灯\SZSW7330\AC220V\80W\壁装式</t>
  </si>
  <si>
    <t>【柳工】后传动轴\51C0376\装载机\CLG820C\国产</t>
  </si>
  <si>
    <t>【柳工】转斗油缸\10C2928X0\装载机\CLG856H\国产</t>
  </si>
  <si>
    <t>【柳工】合套传动轴\51K0013\装载机\CLG820C\国产</t>
  </si>
  <si>
    <t>【柳工】轴承盖\52A2952\装载机\CLG820C\国产</t>
  </si>
  <si>
    <t>【柳工】转向油缸\10C1768\装载机\CLG856H\国产</t>
  </si>
  <si>
    <t>【SEVA尚为】LED道路灯\SZSW7700\AC220V\100W\支架上安装</t>
  </si>
  <si>
    <t>【柳工】变速箱油滤芯\53K0002\装载机\CLG820C\国产</t>
  </si>
  <si>
    <t>【SEVA尚为】LED道路灯\SZSW7720\AC220V\150W\支架上安装</t>
  </si>
  <si>
    <t>【柳工】软轴\54C0418\装载机\CLG820C\国产</t>
  </si>
  <si>
    <t>【柳工】弹簧\75A0009\装载机\ZL50C\国产</t>
  </si>
  <si>
    <t>【柳工】推拉软轴\54K0009\装载机\CLG820C\国产</t>
  </si>
  <si>
    <t>【柳工】柴油机\60C0078X1\装载机\CLG820C\国产</t>
  </si>
  <si>
    <t>【柳工】蝶形弹簧\75A0008\装载机\柳工ZL50C\国产</t>
  </si>
  <si>
    <t>【柳工】风扇\60C0242\装载机\CLG820C\国产</t>
  </si>
  <si>
    <t>【柳工】直接档油缸\39A2678\装载机\CLG850H\国产</t>
  </si>
  <si>
    <t>【柳工】倒档行星架\62A0007\装载机\CLG855\国产</t>
  </si>
  <si>
    <t>【柳工】钢管总成\01C1714\装载机\CLG850H\国产</t>
  </si>
  <si>
    <t>【柳工】钢管总成\01C1715\装载机\CLG850H\国产</t>
  </si>
  <si>
    <t>【柳工】前转向销\60A0067\装载机\CLG855\国产</t>
  </si>
  <si>
    <t>【柳工】钢管总成\01C1716\装载机\CLG850H\国产</t>
  </si>
  <si>
    <t>【柳工】下铰接销轴\60A0015\装载机\柳工ZL50C\国产</t>
  </si>
  <si>
    <t>【柳工】钢管总成\01C1758\装载机\CLG850H\国产</t>
  </si>
  <si>
    <t>【柳工】钢管总成\01C1759\装载机\CLG850H\国产</t>
  </si>
  <si>
    <t>【SEVA尚为】LED面板灯\SZSW1154\AC220V\24W</t>
  </si>
  <si>
    <t>【柳工】衬套\55A0027\装载机\柳工ZL50C\国产</t>
  </si>
  <si>
    <t>【柳工】钢管总成\01C1761\装载机\CLG850H\国产</t>
  </si>
  <si>
    <t>【柳工】弹性板\10A7541\装载机\CLG850H\国产</t>
  </si>
  <si>
    <t>【柳工】操纵杆总成\54C0096\装载机\CLG855\国产</t>
  </si>
  <si>
    <t>【柳工】转斗油缸\10C4659X1\装载机\CLG850H\国产</t>
  </si>
  <si>
    <t>【柳工】拉伸软轴\54C0024\装载机\CLG855\国产</t>
  </si>
  <si>
    <t>【柳工】齿轮泵\11C2308\装载机\CLG850H\国产</t>
  </si>
  <si>
    <t>【SEVA尚为】LED嵌入式筒灯\SZSW1257\AC220V\4W</t>
  </si>
  <si>
    <t>【柳工】齿轮泵\11C3063\装载机\CLG850H\国产</t>
  </si>
  <si>
    <t>【柳工】密封盖\53A0307\装载机\ZL50C\国产</t>
  </si>
  <si>
    <t>【柳工】底端盖\53A0241\装载机\柳工ZL50C\国产</t>
  </si>
  <si>
    <t>【SEVA尚为】LED吸顶灯\SZSW1270\AC220V\12W</t>
  </si>
  <si>
    <t>【柳工】动臂缸销轴\11D0980X0\装载机\CLG850H\国产</t>
  </si>
  <si>
    <t>【柳工】左门锁\47C0432\装载机\CLG855\国产</t>
  </si>
  <si>
    <t>【柳工】铲斗上销轴\11D0993X0\装载机\CLG850H\国产</t>
  </si>
  <si>
    <t>【SEVA尚为】LED吸顶灯\SZSW1270\AC220V\24W</t>
  </si>
  <si>
    <t>【柳工】前刮水器总成\46C3731\装载机\CLG855\国产</t>
  </si>
  <si>
    <t>【柳工】摇臂销\11D0998X0\装载机\CLG850H\国产</t>
  </si>
  <si>
    <t>【SEVA尚为】LED吸顶灯\SZSW1270\AC220V\32W</t>
  </si>
  <si>
    <t>【柳工】转向器\44C0005\装载机\CLG888\国产</t>
  </si>
  <si>
    <t>【柳工】大驾驶室总成\41E0279X9\装载机\CLG855\国产</t>
  </si>
  <si>
    <t>【SEVA尚为】全方位防眩泛光工作灯\SW7100\AC220V\70W\壁装式</t>
  </si>
  <si>
    <t>【柳工】铲斗下销轴\11D1309X0\装载机\CLG850H\国产</t>
  </si>
  <si>
    <t>【柳工】外环齿轮\41A0122\装载机\CLG855\国产</t>
  </si>
  <si>
    <t>【柳工】轴销\11D1615X0\装载机\CLG850H\国产</t>
  </si>
  <si>
    <t>【柳工】中间轴输出齿轮\41A0045\装载机\CLG855\国产</t>
  </si>
  <si>
    <t>【柳工】销轴\11D1705\装载机\CLG850H\国产</t>
  </si>
  <si>
    <t>【SEVA尚为】全方位防眩泛光工作灯\SW7100\AC220V\100W\壁装式</t>
  </si>
  <si>
    <t>【柳工】输出轴齿轮\41A0044\装载机\CLG855\国产</t>
  </si>
  <si>
    <t>【柳工】右后挡泥板\40D0161\装载机\CLG855\国产</t>
  </si>
  <si>
    <t>【SEVA尚为】全方位防眩泛光工作灯\SW7100\AC220V\150W\壁装式</t>
  </si>
  <si>
    <t>【柳工】柴油机\40C2379\装载机\CLG855\国产</t>
  </si>
  <si>
    <t>【柳工】输入一级齿轮\40A0182\装载机\CLG855\国产</t>
  </si>
  <si>
    <t>【柳工】销轴\11D1820X0\装载机\CLG850H\国产</t>
  </si>
  <si>
    <t>【柳工】铲斗\38Y0081X0\装载机\CLG855\国产</t>
  </si>
  <si>
    <t>【柳工】溢流阀\12C2051\装载机\CLG850H\国产</t>
  </si>
  <si>
    <t>【柳工】安全阀\12C2755\装载机\CLG850H\国产</t>
  </si>
  <si>
    <t>【柳工】先导阀\12C4724\装载机\CLG850H\国产</t>
  </si>
  <si>
    <t>【柳工】中梁架\34D0211X1\装载机\CLG855\国产</t>
  </si>
  <si>
    <t>【柳工】溢流阀\12C4914\装载机\CLG850H\国产</t>
  </si>
  <si>
    <t>【柳工】后车架\30D0301X0\装载机\CLG855\国产</t>
  </si>
  <si>
    <t>【柳工】安全阀\12C5644\装载机\CLG850H\国产</t>
  </si>
  <si>
    <t>【柳工】前车架\30D0209\装载机\CLG855\国产</t>
  </si>
  <si>
    <t>【柳工】流量放大阀\12C8274\装载机\CLG850H\国产</t>
  </si>
  <si>
    <t>【柳工】先导供油阀\12C8575\装载机\CLG850H\国产</t>
  </si>
  <si>
    <t>【柳工】后门\27A1482\装载机\CLG855\国产</t>
  </si>
  <si>
    <t>【柳工】弹性板组件\12D1093\装载机\CLG850H\国产</t>
  </si>
  <si>
    <t>【柳工】摇臂\21D0815X1\装载机\CLG855\国产</t>
  </si>
  <si>
    <t>【柳工】油封\13B1153\装载机\CLG850H\国产</t>
  </si>
  <si>
    <t>【柳工】制动阀\13C0770\装载机\CLG850H\国产</t>
  </si>
  <si>
    <t>【柳工】水箱\20C0044\装载机\ZL50C\国产</t>
  </si>
  <si>
    <t>【柳工】卡板\16A7224\装载机\柳工ZL50\国产</t>
  </si>
  <si>
    <t>【SEVA尚为】防爆LED应急灯\SZSW7153\AC220V\12W\壁装式\ExdⅡCT6Gb\IP66</t>
  </si>
  <si>
    <t>【柳工】空气罐\13C1363X0\装载机\CLG850H\国产</t>
  </si>
  <si>
    <t>【柳工】三通接头\16A1000\装载机\ZL50C\国产</t>
  </si>
  <si>
    <t>【柳工】球轴承\21B0005\装载机\柳工ZL50C\国产</t>
  </si>
  <si>
    <t>【柳工】弹性板总成\12D0002\装载机\ZL50C\国产</t>
  </si>
  <si>
    <t>【柳工】圆柱磙子轴承\22B0003\装载机\CLG856\国产</t>
  </si>
  <si>
    <t>【SEVA尚为】防爆LED泛光灯\SZSW7350\AC220V\480W\壁装式\ExdembⅡCT6Gb\IP66</t>
  </si>
  <si>
    <t>【柳工】分配阀\12C0016X9Y17MPA\装载机\CLG855\国产</t>
  </si>
  <si>
    <t>【柳工】圆柱滚子轴承\22B0124\装载机\CLG850H\国产</t>
  </si>
  <si>
    <t>【柳工】圆锥磙子轴承\23B0012\装载机\CLG856\国产</t>
  </si>
  <si>
    <t>【柳工】减压阀\CLG-12C0015X0\装载机\CLG856\国产</t>
  </si>
  <si>
    <t>【SEVA尚为】防爆LED投光灯\SZSW7351\AC220V\480W\壁装式\ExdembⅡCT5Gb\IP66</t>
  </si>
  <si>
    <t>【柳工】轴承\23B0018\装载机\CLG856\国产</t>
  </si>
  <si>
    <t>【柳工】轴承\23B0019\装载机\CLG856\国产</t>
  </si>
  <si>
    <t>【柳工】变速操纵系统\24Y0019\装载机\CLG850H\国产</t>
  </si>
  <si>
    <t>【柳工】方向盘\34C5864\装载机\CLG850H\国产</t>
  </si>
  <si>
    <t>【SEVA尚为】防爆LED道路灯\SZSW7352\AC220V\150W\支架上安装\ExdembⅡCT6Gb\IP66</t>
  </si>
  <si>
    <t>【柳工】摩擦片\37C1093\装载机\CLG850H\国产</t>
  </si>
  <si>
    <t>【柳工】钢管总成\10D5950X0\装载机\CLG855\国产</t>
  </si>
  <si>
    <t>【柳工】摩擦片\37C1556\装载机\CLG850H\国产</t>
  </si>
  <si>
    <t>【柳工】油缸\39A2760\装载机\CLG850H\国产</t>
  </si>
  <si>
    <t>【柳工】转斗油缸\10C0208X0\装载机\CLG855\国产</t>
  </si>
  <si>
    <t>【柳工】转向泵驱动轴齿轮\40A0198\装载机\CLG850H\国产</t>
  </si>
  <si>
    <t>【柳工】动臂油缸\10C0207X0\装载机\CLG855\国产</t>
  </si>
  <si>
    <t>【柳工】齿轮\40A0250\装载机\CLG850H\国产</t>
  </si>
  <si>
    <t>【柳工】右前挡泥板\40D1276\装载机\CLG850H\国产</t>
  </si>
  <si>
    <t>【柳工】转向油缸\10C0125\装载机\CLG855\国产</t>
  </si>
  <si>
    <t>【柳工】左后挡泥板\40D1764\装载机\CLG850H\国产</t>
  </si>
  <si>
    <t>【柳工】右后挡泥板\40D1765\装载机\CLG850H\国产</t>
  </si>
  <si>
    <t>【柳工】弹性板\10A0010\装载机\柳工ZL50C\国产</t>
  </si>
  <si>
    <t>【SEVA尚为】防爆LED泛光灯\SZSW8120\AC220V\200W\壁装式\ExdⅡCT6(H2)Gb\IP66</t>
  </si>
  <si>
    <t>【柳工】齿圈\41A0453\装载机\CLG850H\国产</t>
  </si>
  <si>
    <t>【柳工】后桥右端管总成\05C0825\装载机\CLG855\国产</t>
  </si>
  <si>
    <t>【柳工】齿轮\41A0556\装载机\CLG850H\国产</t>
  </si>
  <si>
    <t>【柳工】后桥左端管总成\05C0824\装载机\CLG855\国产</t>
  </si>
  <si>
    <t>【柳工】输入法兰\41C3211\装载机\CLG850H\国产</t>
  </si>
  <si>
    <t>【柳工】导轮\47A0368\装载机\CLG850H\国产</t>
  </si>
  <si>
    <t>【柳工】转向油泵连接法兰\03A0002\装载机\CLG855\国产</t>
  </si>
  <si>
    <t>【SEVA尚为】防爆LED投光灯\SZSW8121\AC220V\150W\壁装式\ExdⅡCT6(H2)Gb\IP66</t>
  </si>
  <si>
    <t>【柳工】罩轮\47A0469\装载机\CLG850H\国产</t>
  </si>
  <si>
    <t>【柳工】后桥总成\01E0376X0\装载机\CLG855\国产</t>
  </si>
  <si>
    <t>【柳工】左门锁\47C3889\装载机\CLG850H\国产</t>
  </si>
  <si>
    <t>【柳工】钢管总成\01C0749\装载机\CLG855\国产</t>
  </si>
  <si>
    <t>【柳工】司机椅\47C4940\装载机\CLG850H\国产</t>
  </si>
  <si>
    <t>【柳工】中诚压缩机\49C9469\装载机\CLG850H\国产</t>
  </si>
  <si>
    <t>【柳工】制动管路\01C0532\装载机\CLG855\国产</t>
  </si>
  <si>
    <t>【SEVA尚为】防爆LED平台工作灯\SZSW8136\AC220V\50W\壁装式\ExdⅡCT6Gb\IP66</t>
  </si>
  <si>
    <t>【柳工】传动轴\51C0102\装载机\CLG850H\国产</t>
  </si>
  <si>
    <t>【柳工】制动管路\01C0531\装载机\CLG855\国产</t>
  </si>
  <si>
    <t>【柳工】前传动轴及支承总成\51C0848\装载机\CLG850H\国产</t>
  </si>
  <si>
    <t>【柳工】制动管路\01C0530\装载机\CLG855\国产</t>
  </si>
  <si>
    <t>【柳工】中间传动轴\51C0849\装载机\CLG850H\国产</t>
  </si>
  <si>
    <t>【柳工】制动管路\01C0528\装载机\CLG855\国产</t>
  </si>
  <si>
    <t>【柳工】涡轮组\52C0402\装载机\CLG850H\国产</t>
  </si>
  <si>
    <t>【柳工】盖\53A0959\装载机\CLG850H\国产</t>
  </si>
  <si>
    <t>【SEVA尚为】防爆LED平台工作灯\SZSW8155\AC220V\100W\壁装式\ExdⅡCT6Gb\IP66</t>
  </si>
  <si>
    <t>【柳工】端盖\53A2216\装载机\CLG850H\国产</t>
  </si>
  <si>
    <t>【柳工】法兰\53A3090\装载机\CLG850H\国产</t>
  </si>
  <si>
    <t>【柳工】过渡套\70A0648\装载机\CLG855H\国产</t>
  </si>
  <si>
    <t>【柳工】隔套含滚针\55A0064X0\装载机\CLG850H\国产</t>
  </si>
  <si>
    <t>【SEVA尚为】防爆LED投光灯\SZSW8121\AC220V\200W\壁装式\ExdⅡCT6(H2)Gb\IP66</t>
  </si>
  <si>
    <t>【柳工】活塞杆\61A3356\装载机\CLG855H\国产</t>
  </si>
  <si>
    <t>【柳工】轴衬\55A0089\装载机\ZL50C\国产</t>
  </si>
  <si>
    <t>【柳工】车架轴套\55A4775\装载机\CLG850H\国产</t>
  </si>
  <si>
    <t>【柳工】柴油机\60C2187\装载机\CLG855H\国产</t>
  </si>
  <si>
    <t>【柳工】动臂轴套\55A4779\装载机\CLG850H\国产</t>
  </si>
  <si>
    <t>【柳工】空气预滤器\60C1305\装载机\CLG855H\国产</t>
  </si>
  <si>
    <t>【柳工】风扇\60C0019\装载机\CLG855H\国产</t>
  </si>
  <si>
    <t>【柳工】销轴\60A5927\装载机\CLG855H\国产</t>
  </si>
  <si>
    <t>【柳工】端盖\54A0024\装载机\CLG855H\国产</t>
  </si>
  <si>
    <t>【SEVA尚为】防爆LED平台工作灯\SZSW8135\AC220V\50W\壁装式\ExdⅡCT6Gb\IP66</t>
  </si>
  <si>
    <t>【柳工】端盖\54A0023\装载机\CLG855H\国产</t>
  </si>
  <si>
    <t>【柳工】轴套\55A6031\装载机\CLG850H\国产</t>
  </si>
  <si>
    <t>【柳工】缸盖\53A2736\装载机\CLG855H\国产</t>
  </si>
  <si>
    <t>【柳工】中间传动轴\51C0733\装载机\CLG855H\国产</t>
  </si>
  <si>
    <t>【柳工】轴套\55A6452\装载机\CLG850H\国产</t>
  </si>
  <si>
    <t>【柳工】前传动轴及支承总成\51C0732\装载机\CLG855H\国产</t>
  </si>
  <si>
    <t>【SEVA尚为】防爆LED平台工作灯\SZSW8136\AC220V\30W\壁装式\ExdⅡCT6Gb\IP66</t>
  </si>
  <si>
    <t>【柳工】间隔套\55A6482\装载机\CLG850H\国产</t>
  </si>
  <si>
    <t>【柳工】后传动轴\51C0038\装载机\CLG842\国产</t>
  </si>
  <si>
    <t>【柳工】半轴\62A0606\装载机\CLG850H\国产</t>
  </si>
  <si>
    <t>【柳工】空调压缩机\49C5930\装载机\CLG855H\国产</t>
  </si>
  <si>
    <t>【柳工】输出轴\62A1060\装载机\CLG850H\国产</t>
  </si>
  <si>
    <t>【柳工】壳体\70A1644\装载机\CLG850H\国产</t>
  </si>
  <si>
    <t>【柳工】电器集中控制盒\49C5132\装载机\CLG855H\国产</t>
  </si>
  <si>
    <t>【SEVA尚为】防爆航空障碍灯\SZSW8901\AC220V\8W\壁装式\ExdibⅡCT4Gb\IP66</t>
  </si>
  <si>
    <t>【柳工】导轮座\71A2268\装载机\CLG850H\国产</t>
  </si>
  <si>
    <t>【柳工】保险盒\49C4788\装载机\CLG855H\国产</t>
  </si>
  <si>
    <t>【柳工】副车架\72A2164X9\装载机\CLG850H\国产</t>
  </si>
  <si>
    <t>【柳工】蒸发器总成\49C2151\装载机\CLG855H\国产</t>
  </si>
  <si>
    <t>【柳工】滤油器\53C0549\装载机\CLG850H\国产</t>
  </si>
  <si>
    <t>【柳工】左前挡泥板\40D1275\装载机\CLG850H\国产</t>
  </si>
  <si>
    <t>【柳工】刮水器组件\49C2016\装载机\CLG855H\国产</t>
  </si>
  <si>
    <t>【柳工】先导油滤\53C0167\装载机\CLG856\国产</t>
  </si>
  <si>
    <t>【SEVA尚为】防爆LED工作灯\SZSW8162\AC220V\24W\壁装式\ExnRⅡCT6GC\IP67</t>
  </si>
  <si>
    <t>【柳工】发动机罩\48C5289X0\装载机\CLG855H\国产</t>
  </si>
  <si>
    <t>【柳工】缸盖\53A2734\装载机\CLG850H\国产</t>
  </si>
  <si>
    <t>【柳工】司机椅\47C3591\装载机\CLG855H\国产</t>
  </si>
  <si>
    <t>【柳工】活塞\50A1277\装载机\CLG850H\国产</t>
  </si>
  <si>
    <t>【柳工】活塞杆\61A3818\装载机\CLG850H\国产</t>
  </si>
  <si>
    <t>【柳工】方向机总成\47C3257X0\装载机\CLG855H\国产</t>
  </si>
  <si>
    <t>【柳工】轮辋总成\41C1176\装载机\CLG850H\国产</t>
  </si>
  <si>
    <t>【柳工】大驾驶室总成\41Y0534X3\装载机\CLG855H\国产</t>
  </si>
  <si>
    <t>【柳工】轮毂\70A0649\装载机\CLG850H\国产</t>
  </si>
  <si>
    <t>【SEVA尚为】防爆LED工作灯\SZSW8220\AC220V\100W\支架上安装\ExnRⅡCT6GC\IP66</t>
  </si>
  <si>
    <t>【柳工】冷气三角皮带\84A0221\装载机\CLG850H\国产</t>
  </si>
  <si>
    <t>【柳工】夹钳总成\41C0492X1\装载机\CLG855H\国产</t>
  </si>
  <si>
    <t>【柳工】球轴承\21B0007\装载机\CLG842\国产</t>
  </si>
  <si>
    <t>【柳工】右后挡泥板\40D1267\装载机\CLG855H\国产</t>
  </si>
  <si>
    <t>【柳工】温度传感器\30B0831\装载机\CLG850H\国产</t>
  </si>
  <si>
    <t>【柳工】左后挡泥板\40D1266\装载机\CLG855H\国产</t>
  </si>
  <si>
    <t>【柳工】转向销\11D2057\装载机\CLG850H\国产</t>
  </si>
  <si>
    <t>【柳工】泵轮\47A1015\装载机\CLG850H\国产</t>
  </si>
  <si>
    <t>【柳工】关节轴承\25B0176\装载机\CLG850H\国产</t>
  </si>
  <si>
    <t>【柳工】消音器\40C5929\装载机\CLG855H\国产</t>
  </si>
  <si>
    <t>【SEVA尚为】防爆LED工作灯\SZSW8220\AC220V\150W\支架上安装\ExnRⅡCT6GC\IP66</t>
  </si>
  <si>
    <t>【柳工】圆锥滚子轴承\23B0350\装载机\CLG850H\国产</t>
  </si>
  <si>
    <t>【柳工】夹钳总成\41C0492X2\装载机\CLG850H\国产</t>
  </si>
  <si>
    <t>【柳工】空气滤清器\40C5853\装载机\CLG855H\国产</t>
  </si>
  <si>
    <t>【柳工】转向油缸\10C1575X5\装载机\CLG850H\国产</t>
  </si>
  <si>
    <t>【柳工】太阳轮\41A0852X0\装载机\CLG850H\国产</t>
  </si>
  <si>
    <t>【柳工】电子式保养指示器\40C1000\装载机\CLG855H\国产</t>
  </si>
  <si>
    <t>【柳工】变速泵\11C2756\装载机\CLG850H\国产</t>
  </si>
  <si>
    <t>【柳工】保险丝\37B0776\装载机\CLG855H\国产</t>
  </si>
  <si>
    <t>【柳工】关节轴承\25B0002\装载机\ZL50C\国产</t>
  </si>
  <si>
    <t>【柳工】保险丝\37B0710\装载机\CLG855H\国产</t>
  </si>
  <si>
    <t>【柳工】发动机罩\48C6351\装载机\CLG850H\国产</t>
  </si>
  <si>
    <t>【柳工】保险丝\37B0709\装载机\CLG855H\国产</t>
  </si>
  <si>
    <t>【SEVA尚为】防爆平台灯\SZSW8310\AC220V\150W\壁装式\ExDⅡCT4Gb\IP66</t>
  </si>
  <si>
    <t>【柳工】中梁架\34D0397X3\装载机\CLG850H\国产</t>
  </si>
  <si>
    <t>【柳工】活塞杆\14D0983\装载机\CLG850H\国产</t>
  </si>
  <si>
    <t>【柳工】后车架\30D4334\装载机\CLG850H\国产</t>
  </si>
  <si>
    <t>【SEVA尚为】防爆LED工作灯\SZSW8410\AC220V\100W\支架上安装\ExdembⅡCT6Gb\IP66</t>
  </si>
  <si>
    <t>【柳工】保险丝\37B0708\装载机\CLG855H\国产</t>
  </si>
  <si>
    <t>【柳工】前桥总成\01Y0413X0\装载机\CLG850H\国产</t>
  </si>
  <si>
    <t>【柳工】后桥总成\01Y0414X0\装载机\CLG850H\国产</t>
  </si>
  <si>
    <t>【柳工】防尘圈\35C1199\装载机\CLG855H\国产</t>
  </si>
  <si>
    <t>【柳工】动臂油缸\10C5098X0\装载机\CLG850H\国产</t>
  </si>
  <si>
    <t>【SEVA尚为】防爆LED工作灯\SZSW8420\AC220V\150W\支架上安装\ExdembⅡCT6Gb\IP66</t>
  </si>
  <si>
    <t>【柳工】铲斗3方\32E1378X0\装载机\CLG855H\国产</t>
  </si>
  <si>
    <t>【柳工】冷凝器总成\49C7881\装载机\CLG850H\国产</t>
  </si>
  <si>
    <t>【柳工】输入一级齿轮\40A0327\装载机\CLG850H\国产</t>
  </si>
  <si>
    <t>【柳工】输入二级齿轮\40A0329\装载机\CLG850H\国产</t>
  </si>
  <si>
    <t>【SEVA尚为】防爆LED泛光灯\SZSW7350\AC220V\400W\壁装式\ExdembⅡCT6Gb\IP66</t>
  </si>
  <si>
    <t>【柳工】后车架\30D3647\装载机\CLG855H\国产</t>
  </si>
  <si>
    <t>【柳工】输入齿轮\40A0330\装载机\CLG850H\国产</t>
  </si>
  <si>
    <t>【柳工】前车架\30D3645\装载机\CLG855H\国产</t>
  </si>
  <si>
    <t>【柳工】外环齿轮\41A0866\装载机\CLG850H\国产</t>
  </si>
  <si>
    <t>【柳工】拉杆\24C3510\装载机\CLG850H\国产</t>
  </si>
  <si>
    <t>【SEVA尚为】防爆LED泛光灯\SZSW7152\AC220V\20W\壁装式\ExdⅡCT6Gb\IP66</t>
  </si>
  <si>
    <t>【柳工】摇臂\24C3509\装载机\CLG850H\国产</t>
  </si>
  <si>
    <t>【柳工】大驾驶室总成\41Y0764X3\装载机\CLG850H\国产</t>
  </si>
  <si>
    <t>【柳工】压力开关\30B0864\装载机\CLG855H\国产</t>
  </si>
  <si>
    <t>【柳工】活塞\50A1198\装载机\CLG850H\国产</t>
  </si>
  <si>
    <t>【柳工】拉杆\24C2530\装载机\CLG855H\国产</t>
  </si>
  <si>
    <t>【柳工】摇臂\24C2529\装载机\CLG855H\国产</t>
  </si>
  <si>
    <t>【柳工】活塞杆\14D0901\装载机\CLG855H\国产</t>
  </si>
  <si>
    <t>【柳工】缸盖\53A1380\装载机\CLG850H\国产</t>
  </si>
  <si>
    <t>【柳工】缸体\13D0774\装载机\CLG855H\国产</t>
  </si>
  <si>
    <t>【柳工】缸体组件\13D2201X1\装载机\CLG850H\国产</t>
  </si>
  <si>
    <t>【柳工】分配阀\12C6933\装载机\CLG855H\国产</t>
  </si>
  <si>
    <t>【柳工】分配阀\12C8054\装载机\CLG850H\国产</t>
  </si>
  <si>
    <t>【柳工】流量放大阀总成\12C2391Y14MPA\装载机\CLG855H\国产</t>
  </si>
  <si>
    <t>【柳工】制动鼓\70A0012\装载机\CLG850H\国产</t>
  </si>
  <si>
    <t>【柳工】单向阀\12C0400\装载机\CLG855H\国产</t>
  </si>
  <si>
    <t>【柳工】柴油机\60C0915\装载机\CLG850H\国产</t>
  </si>
  <si>
    <t>【柳工】轮辋总成\41C3487\装载机\CLG850H\国产</t>
  </si>
  <si>
    <t>【柳工】组合阀\12C0037X0\装载机\CLG855H\国产</t>
  </si>
  <si>
    <t>【柳工】风扇\60C3453\装载机\CLG850H\国产</t>
  </si>
  <si>
    <t>【柳工】齿轮泵\11C2365\装载机\CLG855H\国产</t>
  </si>
  <si>
    <t>【柳工】转向泵\11C1061\装载机\CLG856\国产</t>
  </si>
  <si>
    <t>【柳工】动臂油缸\10C4622X0\装载机\CLG855H\国产</t>
  </si>
  <si>
    <t>【SEVA尚为】多功能便携工作灯\SZSW2186</t>
  </si>
  <si>
    <t>【柳工】油杯\10B0051\装载机\柳工ZL50\国产</t>
  </si>
  <si>
    <t>【柳工】黄油嘴\10B0014\装载机\ZL50C\国产</t>
  </si>
  <si>
    <t>【柳工】轮辋螺母\03B2016\装载机\CLG855H\国产</t>
  </si>
  <si>
    <t>【柳工】后桥总成\01Y0396X0\装载机\CLG855H\国产</t>
  </si>
  <si>
    <t>【柳工】轮辋螺栓\01B1521\装载机\CLG855H\国产</t>
  </si>
  <si>
    <t>【柳工】轮辋螺栓\01B1516\装载机\CLG855H\国产</t>
  </si>
  <si>
    <t>【柳工】管接头\00A1965\装载机\CLG855H\国产</t>
  </si>
  <si>
    <t>【柳工】左后挡泥板\40D1292\装载机\CLG853\国产</t>
  </si>
  <si>
    <t>【柳工】管接头螺栓\00A0356\装载机\ZL50C\国产</t>
  </si>
  <si>
    <t>【柳工】右后挡泥板\40D1293\装载机\CLG853\国产</t>
  </si>
  <si>
    <t>【柳工】后传动轴\51C0653\装载机\CLG853\国产</t>
  </si>
  <si>
    <t>【柳工】接头\00A0224\装载机\CLG856\国产</t>
  </si>
  <si>
    <t>【柳工】动臂缸销轴\11D0005X0\装载机\CLG853\国产</t>
  </si>
  <si>
    <t>【柳工】柴油机\40C9903\装载机\CLG853\国产</t>
  </si>
  <si>
    <t>【柳工】转向油缸\10C3637\装载机\CLG853\国产</t>
  </si>
  <si>
    <t>【柳工】动臂销轴\11D0008X0\装载机\CLG853\国产</t>
  </si>
  <si>
    <t>【柳工】多路阀\12C6060\装载机\CLG853\国产</t>
  </si>
  <si>
    <t>【柳工】铲斗上销轴\11D0858X0\装载机\CLG853\国产</t>
  </si>
  <si>
    <t>【柳工】前传动轴\41C0190\装载机\CLG853\国产</t>
  </si>
  <si>
    <t>【柳工】变速箱变矩器总成\04E0094X4T2\装载机\CLG853\国产</t>
  </si>
  <si>
    <t>【SEVA尚为】防爆强光工作灯\SW2600\DC25.9V\30W\便携式\ExnCnRⅡCT6Gc\IP65</t>
  </si>
  <si>
    <t>【柳工】铲斗下销轴\11D0859X0\装载机\CLG853\国产</t>
  </si>
  <si>
    <t>【柳工】拉伸软轴\54C0024X1\装载机\CLG853\国产</t>
  </si>
  <si>
    <t>【柳工】加力器总成\13C0067P02\装载机\CLG853\国产</t>
  </si>
  <si>
    <t>【柳工】操纵杆总成\54C0096X1\装载机\CLG853\国产</t>
  </si>
  <si>
    <t>【柳工】卡板\16A0012\装载机\柳工ZL50C\国产</t>
  </si>
  <si>
    <t>【柳工】后车架\30D2978\装载机\CLG853\国产</t>
  </si>
  <si>
    <t>【柳工】前车架\30D2977\装载机\CLG853\国产</t>
  </si>
  <si>
    <t>【柳工】卡板\16A3247\装载机\CLG853\国产</t>
  </si>
  <si>
    <t>【柳工】拉杆\16D0262X1\装载机\CLG853\国产</t>
  </si>
  <si>
    <t>【柳工】摇臂\21D0813X1\装载机\CLG853\国产</t>
  </si>
  <si>
    <t>【柳工】关节轴承\25B0178\装载机\CLG853\国产</t>
  </si>
  <si>
    <t>【柳工】动臂油缸\10C3636\装载机\CLG853\国产</t>
  </si>
  <si>
    <t>【SEVA尚为】LED球泡灯\SVA60-9W\AC220V\9W\E27\座装</t>
  </si>
  <si>
    <t>【SEVA尚为】LED三防支架灯\SW1230\AC220V\20W</t>
  </si>
  <si>
    <t>【柳工】转斗油缸\10C3635\装载机\CLG853\国产</t>
  </si>
  <si>
    <t>【柳工】低压软管\30A0072\装载机\CLG856\国产</t>
  </si>
  <si>
    <t>【柳工】前桥总成\01E0375X0\装载机\CLG853\国产</t>
  </si>
  <si>
    <t>【柳工】吸油软管\30A0598\装载机\CLG853\国产</t>
  </si>
  <si>
    <t>【柳工】压力开关\30B0133P01\装载机\CLG853\国产</t>
  </si>
  <si>
    <t>【柳工】压力开关\30B0135P01\装载机\CLG853\国产</t>
  </si>
  <si>
    <t>【柳工】优先阀\12C6173\装载机\CLG853\国产</t>
  </si>
  <si>
    <t>【SEVA尚为】LED道路灯\SZSW7720\AC220V\210W\支架上安装</t>
  </si>
  <si>
    <t>【柳工】温度传感器\30B0849\装载机\CLG853\国产</t>
  </si>
  <si>
    <t>【SEVA尚为】泛光工作灯\SW7200\AC220V\250W\壁装式</t>
  </si>
  <si>
    <t>【柳工】大灯\32B0026\装载机\CLG853\国产</t>
  </si>
  <si>
    <t>【柳工】散热器总成\00Y0880X0\装载机\CLG853\国产</t>
  </si>
  <si>
    <t>【柳工】工作灯\32B0077\装载机\ZL50C\国产</t>
  </si>
  <si>
    <t>【柳工】右工作灯总成\32B0078\装载机\CLG853\国产</t>
  </si>
  <si>
    <t>【柳工】方向机\49C3604X1\装载机\CLG853\国产</t>
  </si>
  <si>
    <t>【柳工】右前挡泥板\40D0022\装载机\CLG853\国产</t>
  </si>
  <si>
    <t>【SEVA尚为】强光泛光工作灯\SW7200\AC220V\400W\座装</t>
  </si>
  <si>
    <t>【柳工】右门\42D2595X1\装载机\CLG853\国产</t>
  </si>
  <si>
    <t>【柳工】动臂\21D0812X1\装载机\CLG853\国产</t>
  </si>
  <si>
    <t>【柳工】铲斗\22D1264\装载机\CLG853\国产</t>
  </si>
  <si>
    <t>【柳工】左侧门\42D2594X1\装载机\CLG853\国产</t>
  </si>
  <si>
    <t>【柳工】后转向销\60A0068\装载机\CLG853\国产</t>
  </si>
  <si>
    <t>【柳工】下铰接销\60A5177\装载机\CLG853\国产</t>
  </si>
  <si>
    <t>【柳工】驾驶室\41Y0420X0\装载机\CLG853\国产</t>
  </si>
  <si>
    <t>【柳工】转向销\60A5579\装载机\CLG853\国产</t>
  </si>
  <si>
    <t>【柳工】蓄电池\37B0077\装载机\CLG853\国产</t>
  </si>
  <si>
    <t>【SEVA尚为】防爆泛光灯\SW8110\AC220V\70W\壁装式\ExdⅡCT6Gb\IP66</t>
  </si>
  <si>
    <t>【SEVA尚为】防爆泛光灯\SW8110\AC220V\150W\壁装式\ExdⅡCT6Gb\IP66</t>
  </si>
  <si>
    <t>【柳工】油水分离器\40C8247\装载机\CLG855H\国产</t>
  </si>
  <si>
    <t>【柳工】车身螺栓\77A1918\装载机\CLG855H\国产</t>
  </si>
  <si>
    <t>【SEVA尚为】应急升降工作灯\SW2910D\AC220V\4×150W\≥22h</t>
  </si>
  <si>
    <t>【柳工】车身螺栓\77A1932\装载机\CLG855H\国产</t>
  </si>
  <si>
    <t>【SEVA尚为】防爆电筒\SW2104\DC3.7V\5W\移动式\ExibⅡCT4Gb\IP67</t>
  </si>
  <si>
    <t>【柳工】转斗缸销\11D0006X0\装载机\CLG855\国产</t>
  </si>
  <si>
    <t>【柳工】固定螺栓\77A1934\装载机\CLG855\国产</t>
  </si>
  <si>
    <t>【SEVA尚为】蓄电池\SW2130\DC5V\10AH\141×69×12mm</t>
  </si>
  <si>
    <t>【柳工】后组合灯\46C9651\装载机\CLG856H\国产</t>
  </si>
  <si>
    <t>【柳工】风扇\40C8292\装载机\CLG856H\国产</t>
  </si>
  <si>
    <t>【柳工】后组合灯\46C9652\装载机\CLG856H\国产</t>
  </si>
  <si>
    <t>【SEVA尚为】蓄电池\SZSW2131\DC15V\32AH\235×225×80mm</t>
  </si>
  <si>
    <t>【柳工】压力变送器\30B1036\挖掘机\CLG922E\国产</t>
  </si>
  <si>
    <t>【SEVA尚为】便携LED棒管灯\SZSW2185</t>
  </si>
  <si>
    <t>【柳工】压力变送器\30B1042\挖掘机\CLG922E\国产</t>
  </si>
  <si>
    <t>【柳工】工作灯\32B0588\挖掘机\CLG922E\国产</t>
  </si>
  <si>
    <t>【柳工】机油滤芯\40C2182\挖掘机\CLG922E\国产</t>
  </si>
  <si>
    <t>【SEVA尚为】防爆固态手提探照灯\SW2300\DC11.1V\9W\便携式\ExdibⅡCT6Gb\IP68</t>
  </si>
  <si>
    <t>【柳工】空气滤清器\40C5488\挖掘机\CLG922E\国产</t>
  </si>
  <si>
    <t>【柳工】燃油过滤器\40C5789\挖掘机\CLG922E\国产</t>
  </si>
  <si>
    <t>【柳工】联轴器\40C1929\挖掘机\CLG926E\国产</t>
  </si>
  <si>
    <t>【SEVA尚为】防爆强光调光电筒\SZSW2105\DC3.7V\5W\移动式\ExibⅡCT4Gb\IP67</t>
  </si>
  <si>
    <t>【SEVA尚为】防爆微型头灯\SZSW2220\DC3.7V\3W\帽扣式\ExibⅡCT4Gb\IP66</t>
  </si>
  <si>
    <t>【SEVA尚为】防爆微型头灯\SZSW2221\DC3.7V\3W\便携式\ExibⅡCT4Gb\IP66</t>
  </si>
  <si>
    <t>【SEVA尚为】便携LED棒管灯\SW2180</t>
  </si>
  <si>
    <t>【SEVA尚为】手提巡检灯\SZSW2520</t>
  </si>
  <si>
    <t>【SEVA尚为】多功能便携发电灯\SW2400</t>
  </si>
  <si>
    <t>【SEVA尚为】防爆微型电筒\SZSW2103\DC3.7V\3W\移动式\ExibⅡCT4Gb\IP67</t>
  </si>
  <si>
    <t>【SEVA尚为】多功能手提巡检灯\SW2501</t>
  </si>
  <si>
    <t>【SEVA尚为】蓄电池\SZSW2650\AC220V\29AH\300×195×241mm</t>
  </si>
  <si>
    <t>【SEVA尚为】4G工作记录仪\SZSW2842</t>
  </si>
  <si>
    <t>【SEVA尚为】太阳能警示灯\SZSW2730\DC1.2V\0.3W</t>
  </si>
  <si>
    <t>【SEVA尚为】便携照明灯\SZSW2951</t>
  </si>
  <si>
    <t>【SEVA尚为】微型工作记录仪\SZSW2843</t>
  </si>
  <si>
    <t>【SEVA尚为】摄像手电\SZSW2861</t>
  </si>
  <si>
    <t>【SEVA尚为】智能护眼台灯\SZSW1301\AC220V\8W</t>
  </si>
  <si>
    <t>【SEVA尚为】防爆LED通路灯\SZSW8171\AC220V\30W\壁装式\ExnRⅡCT6GC\IP66</t>
  </si>
  <si>
    <t>【SEVA尚为】照明布控一体机\SZSW2880</t>
  </si>
  <si>
    <t>【SEVA尚为】防爆LED工作灯\SZSW8130\AC220V\60W\支架上安装\ExdⅡCT6Gb\IP66</t>
  </si>
  <si>
    <t>【SEVA尚为】防爆LED工作灯\SZSW2420\DC11.1V\5W\便携式\ExdⅡCT6Gb\IP66</t>
  </si>
  <si>
    <t>【SEVA尚为】防爆LED工作灯\SZSW8151\AC220V\100W\座装\ExdmbⅡCT6Gb\IP66</t>
  </si>
  <si>
    <t>【SEVA尚为】防爆泛光节能灯\SW8131-50W\AC220V\50W\支架上安装\ExdⅡCT6Gb\IP66</t>
  </si>
  <si>
    <t>【SEVA尚为】便携LED工作灯\SZSW2410</t>
  </si>
  <si>
    <t>【龙日】夏季半袖工作服\G-XZ-BX110</t>
  </si>
  <si>
    <t>吉林市龙电（集团）实业有限公司</t>
  </si>
  <si>
    <t>龙日</t>
  </si>
  <si>
    <t>GNWZBP(TH)ZECG2020-240</t>
  </si>
  <si>
    <t>国家能源e购商城龙日工装长协采购铺货采购合同</t>
  </si>
  <si>
    <t>吉林市龙电(集团)实业有限公司</t>
  </si>
  <si>
    <t>【龙日】工作服-G-XQ-NZ1</t>
  </si>
  <si>
    <t>【龙日】棉服\G-MF-1</t>
  </si>
  <si>
    <t>【龙日】夏季长袖工作服\G-XZ-HN24</t>
  </si>
  <si>
    <t>【龙日】夏季长袖工作服\G-XZ-CX143</t>
  </si>
  <si>
    <t>【龙日】工作服\G-XQ-NZ24</t>
  </si>
  <si>
    <t>【龙日】秋季工作服\G-QZ-LHQ34</t>
  </si>
  <si>
    <t>【龙日】秋季工作服\G-QZ-Q29-4</t>
  </si>
  <si>
    <t>【龙日】夏季半袖工作服\G-XZ-BXkQ</t>
  </si>
  <si>
    <t>【龙日】夏季长袖工作服\G-XZ-CXKQ</t>
  </si>
  <si>
    <t>【龙日】夏季长袖工作服\G-XZ-CXNZ</t>
  </si>
  <si>
    <t>【龙日】夏季半袖工作服\G-XZ-BXNZ</t>
  </si>
  <si>
    <t>【龙日】秋季工作服\G-QZ-X133</t>
  </si>
  <si>
    <t>【龙日】秋季工作服\G-QZ-Q41</t>
  </si>
  <si>
    <t>【龙日】棉服\G-MF-2-3</t>
  </si>
  <si>
    <t>【龙日】夏季长袖工作服\G-XZ-GM24-1</t>
  </si>
  <si>
    <t>【龙日】秋季工作服\G-QZ-X133BL</t>
  </si>
  <si>
    <t>【龙日】秋季工作服\G-QZ-X133-3GL</t>
  </si>
  <si>
    <t>【龙日】秋季工作服\G-QZ-Q11-1</t>
  </si>
  <si>
    <t>【龙日】秋季工作服\G-QZ-Q35</t>
  </si>
  <si>
    <t>【龙日】夏季长袖工作服\G-XZ-X45</t>
  </si>
  <si>
    <t>【龙日】夏季长袖工作服\G-XZ-JTX</t>
  </si>
  <si>
    <t>【龙日】秋季工作服\G-QZ-JTX</t>
  </si>
  <si>
    <t>【龙日】衬衫\G-XZ-BX-KP</t>
  </si>
  <si>
    <t>【龙日】衬衫\G-XZ-CX-KP-1</t>
  </si>
  <si>
    <t>【龙日】夏季长袖工作服\G-XZ-X104-2</t>
  </si>
  <si>
    <t>【龙日】夏季长袖工作服\G-XZ-CX-YR</t>
  </si>
  <si>
    <t>【龙日】白围裙\G-BWQ</t>
  </si>
  <si>
    <t>【龙日】白套袖\G-BTX</t>
  </si>
  <si>
    <t>【龙日】白帽子\G-BMZ</t>
  </si>
  <si>
    <t>【龙日】白上衣\G-BSY</t>
  </si>
  <si>
    <t>【龙日】半袖T恤\G-XZ-BXTX</t>
  </si>
  <si>
    <t>【龙日】长袖T恤\G-XZ-CXTX</t>
  </si>
  <si>
    <t>【龙日】衬衫\G-XZ-CX-KP-2</t>
  </si>
  <si>
    <t>【龙日】夏季半袖工作服\G-XZ-BXJN</t>
  </si>
  <si>
    <t>【龙日】连体服\G-XQ-LTNZ-6</t>
  </si>
  <si>
    <t>【龙日】棉服\G-MF-2-4</t>
  </si>
  <si>
    <t>【龙日】马甲\G-XQ-MJ-1</t>
  </si>
  <si>
    <t>【龙日】夏季半袖工作服\G-XZ-BX94-1</t>
  </si>
  <si>
    <t>【龙日】风帽\G-FM-164</t>
  </si>
  <si>
    <t>【龙日】夏季长袖工作服\G-XZ-CX24-6-BC</t>
  </si>
  <si>
    <t>【龙日】棉服\G-MF-3-2</t>
  </si>
  <si>
    <t>【龙日】夏季半袖工作服\G-XZ-BX152</t>
  </si>
  <si>
    <t>【龙日】羽绒服\G-MF28-1</t>
  </si>
  <si>
    <t>【龙日】夏季半袖工作服\G-XZ-BXYJ</t>
  </si>
  <si>
    <t>【龙日】秋季工作服\G-QZ-Q39</t>
  </si>
  <si>
    <t>【龙日】棉服\G-MF-48-1</t>
  </si>
  <si>
    <t>【龙日】夏季长袖工作服\G-XZ-X148</t>
  </si>
  <si>
    <t>【龙日】衬衫\G-XZ-X155</t>
  </si>
  <si>
    <t>【龙日】棉裤\G-MK-16</t>
  </si>
  <si>
    <t>【龙日】棉服\G-MF-6-1</t>
  </si>
  <si>
    <t>【龙日】夏季长袖工作服\G-XZ-X124-1</t>
  </si>
  <si>
    <t>【龙日】秋季工作服\G-QZ-N25GL</t>
  </si>
  <si>
    <t>【龙日】夏季半袖工作服\G-XZ-BX154</t>
  </si>
  <si>
    <t>【龙日】秋季工作服\G-XZ-N133</t>
  </si>
  <si>
    <t>【龙日】夏季长袖工作服\G-XZ-DLTF</t>
  </si>
  <si>
    <t>【龙日】秋季工作服\G-QZ-Q24GL</t>
  </si>
  <si>
    <t>【龙日】棉服\G-MF-MLYK-2</t>
  </si>
  <si>
    <t>【龙日】夏季半袖工作服\G-XZ-BX24-5</t>
  </si>
  <si>
    <t>【龙日】夏季长袖工作服\G-XZ-X124-2</t>
  </si>
  <si>
    <t>【龙日】夏季半袖工作服\G-XZ-BX24-4</t>
  </si>
  <si>
    <t>【龙日】秋季工作服\G-QZ-Q34-1</t>
  </si>
  <si>
    <t>【龙日】夏季长袖工作服\G-XZ-X24-4</t>
  </si>
  <si>
    <t>【龙日】工作服\G-YWF-9</t>
  </si>
  <si>
    <t>【龙日】秋季工作服\G-XZ-X31</t>
  </si>
  <si>
    <t>【龙日】棉裤\G-MK-17-1</t>
  </si>
  <si>
    <t>【龙日】皮夹克\G-MF-M20</t>
  </si>
  <si>
    <t>【龙日】夏季半袖工作服\G-XZ-BX88</t>
  </si>
  <si>
    <t>【龙日】棉裤\G-MK-M17-2</t>
  </si>
  <si>
    <t>【龙日】马甲\G-XZ-MJ26</t>
  </si>
  <si>
    <t>【龙日】衬衫\G-XZ-BX-YGE</t>
  </si>
  <si>
    <t>【龙日】衬衫\G-XZ-CX-YGE</t>
  </si>
  <si>
    <t>【龙日】夏季长袖工作服\G-XZ-N133</t>
  </si>
  <si>
    <t>【龙日】衬衫\G-XZ-BX-KP-3</t>
  </si>
  <si>
    <t>【红豆】春秋工作服套装</t>
  </si>
  <si>
    <t>【红豆】春秋牛仔工作服套装</t>
  </si>
  <si>
    <t>【红豆】夏季牛仔工作套装</t>
  </si>
  <si>
    <t>【红豆】裤子</t>
  </si>
  <si>
    <t>【红豆】羽绒裤（可脱卸内胆）</t>
  </si>
  <si>
    <t>【红豆】中长款羽绒服（可脱卸内胆）</t>
  </si>
  <si>
    <t>【红豆】医用一次性防护服（无菌）(不含脚套）</t>
  </si>
  <si>
    <t>【红豆】高支长袖衬衫</t>
  </si>
  <si>
    <t>【红豆】长袖衬衫</t>
  </si>
  <si>
    <t>【红豆】短袖衬衫</t>
  </si>
  <si>
    <t>【红豆】中长款棉衣（可脱卸内胆）</t>
  </si>
  <si>
    <t>【华荣】固定式LED灯具\GC203\AC220V\50W\壁装式</t>
  </si>
  <si>
    <t>华荣科技股份有限公司</t>
  </si>
  <si>
    <t>华荣</t>
  </si>
  <si>
    <t>GNWZBP(TH)ZYCG2020-223</t>
  </si>
  <si>
    <t>国家能源e购商城华荣照明产品商城铺货长协采购框架合同</t>
  </si>
  <si>
    <t>【华荣】LED灯\GC301-XL36\AC220V\36W</t>
  </si>
  <si>
    <t>【华荣】LED灯\GC301-XL50\AC220V\50W</t>
  </si>
  <si>
    <t>【华荣】LED灯\GFD102-Ⅱ\AC220V\24W</t>
  </si>
  <si>
    <t>【华荣】LED灯\GFD6010-XL2×18Ⅱ\AC220V\36W</t>
  </si>
  <si>
    <t>【华荣】应急LED照明灯\GC203-XL50Ⅱ J\AC220V\50W\1.5h</t>
  </si>
  <si>
    <t>【华荣】LED灯\GFD6010-XL2×9Ⅱ\AC220V\18W</t>
  </si>
  <si>
    <t>【华荣】LED投光泛光灯\HRZM GT313-XL350\AC220V\350W\壁装式</t>
  </si>
  <si>
    <t>【华荣】LED灯\HRZM-GFD5165-XL45Ⅱ\AC220V\45W</t>
  </si>
  <si>
    <t>【华荣】投光灯\HRZM-GT313-XL120\AC220V\120W\壁装式</t>
  </si>
  <si>
    <t>【华荣】投光灯\HRZM-GT313-XL150\AC220V\150W\壁装式</t>
  </si>
  <si>
    <t>【华荣】投光灯\HRZM-GT313-XL240\AC220V\240W\壁装式</t>
  </si>
  <si>
    <t>【华荣】LED投光灯\RLEFL319-XL150\AC220V\150W\壁装式</t>
  </si>
  <si>
    <t>【华荣】固定式LED灯具\RLEHB301-Ⅱ\AC220V\100W\嵌入式</t>
  </si>
  <si>
    <t>【华荣】LED灯\RLEHB301-XL80Ⅱ\AC220V\80W</t>
  </si>
  <si>
    <t>【华荣】LED灯\RLELB607\AC220V\15W\壁装式</t>
  </si>
  <si>
    <t>【华荣】LED灯具\RLEOL112-II\AC220V\20W\嵌入式</t>
  </si>
  <si>
    <t>【华荣】固定式LED灯具\RLERT006\AC220V\30W\壁装式</t>
  </si>
  <si>
    <t>【华荣】LED灯\GAD606-12\AC220V\12W\壁装式</t>
  </si>
  <si>
    <t>【华荣】LED灯具\GFD5165-GT\AC220V\18W</t>
  </si>
  <si>
    <t>【华荣】庭院灯\TY-XL36\AC220V\36W\座装</t>
  </si>
  <si>
    <t>【华荣】灯具应急装置\FBJ5165</t>
  </si>
  <si>
    <t>【华荣】消防应急照明灯\HR-ZLZD-E30W/GT316\AC220V\36W\1.5h</t>
  </si>
  <si>
    <t>【华荣】路灯具\ZD003-XL60Ⅲ\AC220V\60W\支架上安装</t>
  </si>
  <si>
    <t>【华荣】道路灯\ZD003-XL90Ⅱ\AC220V\90W\支架上安装</t>
  </si>
  <si>
    <t>【华荣】防水防尘防震投光灯\GT302\AC220V\400W\线吊式</t>
  </si>
  <si>
    <t>【华荣】投光灯\GT311-XL30II\AC220V\30W\壁装式</t>
  </si>
  <si>
    <t>【华荣】投光灯\GT311-XL48A\AC240V\48W\壁装式</t>
  </si>
  <si>
    <t>【华荣】投光灯\GT311-XL60II\AC220V\60W\壁装式</t>
  </si>
  <si>
    <t>【华荣】投光灯\GT311-XL80A\AC240V\80W\壁装式</t>
  </si>
  <si>
    <t>【华荣】投光灯\GT311-XL100A\AC220V\100W\壁装式</t>
  </si>
  <si>
    <t>【华荣】矿用本质安全型信号灯\DHX3LA华荣\3V\0.2W\插口\Exia I Ma\IP65</t>
  </si>
  <si>
    <t>【华荣】矿用隔爆型LED巷道灯\DGS50/127L(Q)\AC127V\50W\壁装式\ExdⅠMb\IP65</t>
  </si>
  <si>
    <t>【华荣】防爆标志灯\DGS9/127L (A) 华荣\AC127V\9W\螺旋口\1类防爆\IP65</t>
  </si>
  <si>
    <t>【华荣】矿用隔爆型LED巷道灯\DGS24/127L(A)</t>
  </si>
  <si>
    <t>【华荣】矿用隔爆型LED照明信号灯\DGE18/36LX A\AC127V\18W\座装\ExdⅠMb\IP65</t>
  </si>
  <si>
    <t>【华荣】矿用隔爆型LED巷道灯\DGS50/127L(F)\AC127V\50W\壁装式\ExdⅠMb\IP65</t>
  </si>
  <si>
    <t>【华荣】矿用隔爆型LED巷道灯\DGS70/127L(Q)\AC127V\70W\壁装式\ExdⅠMb\IP65</t>
  </si>
  <si>
    <t>【华荣】矿用隔爆型LED巷道灯\DGS100/127L(K)\AC127V\100W\壁装式\ExdⅠMb\IP65</t>
  </si>
  <si>
    <t>【华荣】矿用隔爆型LED巷道灯\DGS50/127L(D)\AC127V\50W\壁装式\ExdⅠMb\IP65</t>
  </si>
  <si>
    <t>【华荣】LED灯\HRZM-GFD5165-XL72\AC220V\72W</t>
  </si>
  <si>
    <t>【华荣】消防应急照明灯\HR-ZFZD-E5W\AC220V\5W\5h</t>
  </si>
  <si>
    <t>【华荣】LED投光灯\RLEFL319-XL200\AC220V\200W\壁装式</t>
  </si>
  <si>
    <t>【华荣】LED灯\RLEHB0011-XL120Ⅲ\AC220V\120W\链吊式</t>
  </si>
  <si>
    <t>【华荣】固定式LED灯具\RLEHB0011\AC220V\100W\壁装式</t>
  </si>
  <si>
    <t>【华荣】LED灯\RLEHB0011-XL80Ⅲ\AC220V\80W\链吊式</t>
  </si>
  <si>
    <t>【华荣】固定式LED灯具\RLEHB0012\AC220V\150W\壁装式</t>
  </si>
  <si>
    <t>【华荣】LED灯\RLEHB0012-XL300Ⅲ\AC220V\300W</t>
  </si>
  <si>
    <t>【华荣】防爆消防应急标志灯\HR-BLZD-1LROE I 3.5W-Ex\AC220V\3.5W\壁装式\ExdⅡBT6Gb/ExtDA21IP65T80℃\IP65</t>
  </si>
  <si>
    <t>【华荣】防爆灯\GCD516-XL50\AC220V\50W\链吊式\ExdⅡBT5Gb/ExtDA21IP65T98℃\IP65</t>
  </si>
  <si>
    <t>【华荣】防爆灯\GCD516-XL70\AC220V\70W\链吊式\ExdⅡBT5Gb/ExtDA21IP65T99℃\IP65</t>
  </si>
  <si>
    <t>【华荣】防爆固态照明灯\GCD616-XL36\AC220V\36W\壁装式\ExnRdⅡCT5Gb/ExtDA21IP66T95℃\IP65</t>
  </si>
  <si>
    <t>【华荣】投光灯\HRZM-GT313-XL200\AC220V\200W\壁装式</t>
  </si>
  <si>
    <t>【华荣】网关\HRA/TB.100</t>
  </si>
  <si>
    <t>【华荣】滤波器\HRA/NF.10</t>
  </si>
  <si>
    <t>【华荣】开关量控制模块\HR/SW.8.20</t>
  </si>
  <si>
    <t>【华荣】开关量控制模块\HR/SW.4.20</t>
  </si>
  <si>
    <t>【华荣】彩色触控屏\HR/MB.T.1</t>
  </si>
  <si>
    <t>【华荣】场景面板\HR/MB.6.10</t>
  </si>
  <si>
    <t>【华荣】感应器\HR/IR.01</t>
  </si>
  <si>
    <t>【华荣】防爆应急灯\HR-ZFZD-E6W\AC220V\6W\侧壁式\ExdeqibⅡCT4 Gb\IP65</t>
  </si>
  <si>
    <t>【华荣】防爆灯\RLEEXL316-XL50\AC220V\50W\链吊式\ExdⅡBT5Gb/ExtDA21IP65T101℃\IP66</t>
  </si>
  <si>
    <t>【华荣】干接点模块\HR/DPS.8</t>
  </si>
  <si>
    <t>【华荣】LED灯具\GFD5165-GT35/45 300×600\AC220V\45W</t>
  </si>
  <si>
    <t>【华荣】防爆灯\RLEEXL5016-XL150\AC220V\150W\链吊式\ExdⅡBT6Gb/ExtDA21IP65T80℃\IP65</t>
  </si>
  <si>
    <t>【华荣】LED灯\GC203-XL50Ⅱ\AC220V\50W</t>
  </si>
  <si>
    <t>【华荣】LED灯具\GC203-XL80\AC220V\80W\支架上安装</t>
  </si>
  <si>
    <t>【华荣】防爆高顶灯\RLEEXL5016-XL200\AC220V\200W\链吊式\ExdembⅡCT4Gb\IP65</t>
  </si>
  <si>
    <t>【华荣】多功能便携摄像手电\RLESL216S-4G</t>
  </si>
  <si>
    <t>【华荣】多功能便携强光巡检电筒\RLEHL211-J</t>
  </si>
  <si>
    <t>【华荣】防爆灯\RLEEXL5330-XL150\AC220V\150W\壁装式\ExdⅡBT5Gb/ExtDA21IP65T95℃\IP65</t>
  </si>
  <si>
    <t>【华荣】防爆灯\RLEEXL5331-XL60\AC220V\60W\支架上安装\ExdⅡBT5Gb/ExtDA21IP65T95℃\IP65</t>
  </si>
  <si>
    <t>【华荣】便携应急工作灯\RLEPL511</t>
  </si>
  <si>
    <t>【华荣】防爆路灯\RLEEXL5331-XL90\AC220V\90W\壁装式\ExdembⅡBT5Gb/ExtDA21IP65T95℃\IP65</t>
  </si>
  <si>
    <t>【华荣】防爆灯\RLESL101\DC3.7V\1W\便携式\ExbⅡCT4Gb\IP68</t>
  </si>
  <si>
    <t>【华荣】升降式照明装置\GAD505H-Ⅲ-F\AC220V\2×60W</t>
  </si>
  <si>
    <t>【华荣】便携式移动照明灯\GAD510 DC14.4V 24W 8h IP66</t>
  </si>
  <si>
    <t>【华荣】便携移动照明灯\GAD512</t>
  </si>
  <si>
    <t>【华荣】升降照明灯\GAD515-IV\DC16V\2×48W</t>
  </si>
  <si>
    <t>【华荣】充电型照明装置\GAD515-F\AC36V\50W\移动式</t>
  </si>
  <si>
    <t>【华荣】移动照明灯\GAD806-XL6X240/Z\AC220V\6×240W</t>
  </si>
  <si>
    <t>【华荣】升降式照明灯\RLEIE505-XL300Y</t>
  </si>
  <si>
    <t>【华荣】大型升降灯\RLEIE506-XL400\AC220V\400W</t>
  </si>
  <si>
    <t>【华荣】消防员照明灯\FD-FBP240/BAD202E</t>
  </si>
  <si>
    <t>【华荣】手提式防爆探照灯\BAD305</t>
  </si>
  <si>
    <t>【华荣】多功能手持防爆强光工作灯\BAD208</t>
  </si>
  <si>
    <t>【华荣】防爆应急装置\BJ\AC220V</t>
  </si>
  <si>
    <t>【华荣】防爆头灯\BAD308E-T</t>
  </si>
  <si>
    <t>【华荣】多功能防爆工作灯\BAD329\DC3.7V\6W\便携式\ExbⅡCT4Gb\IP65</t>
  </si>
  <si>
    <t>【华荣】消防员照明灯\FD-FBP240/HR308E-T</t>
  </si>
  <si>
    <t>【华荣】消防员照明灯\FD-FBSⅠ300/RLEHL206</t>
  </si>
  <si>
    <t>【华荣】消防员应急照明灯\FD-FBSⅡ560/HR503\DC14.4V\8W\14h</t>
  </si>
  <si>
    <t>【华荣】方位灯\GAD101</t>
  </si>
  <si>
    <t>【华荣】多功能便携强光巡检电筒\GAD203-J</t>
  </si>
  <si>
    <t>【华荣】手持强光工作灯\GAD208</t>
  </si>
  <si>
    <t>【华荣】消防员照明灯\FD-FBSⅠ300/HR309E</t>
  </si>
  <si>
    <t>【华荣】手摇发电灯\GAD313</t>
  </si>
  <si>
    <t>【华荣】防爆强光工作灯\RLEHL205\DC14.8V\12W\便携式\ExbⅡCT6Gb\IP68</t>
  </si>
  <si>
    <t>【华荣】防爆固态照明灯\RLEEXL6120-XL18\AC220V\18W\壁装式\ExnAmbⅡT5Gc/EXIDA21IP65T95℃\IP65</t>
  </si>
  <si>
    <t>【华荣】防水防尘防震投光灯\GT101\220V\400W</t>
  </si>
  <si>
    <t>【华荣】强光工作灯\GAD503C</t>
  </si>
  <si>
    <t>【华荣】矿用隔爆型LED巷道灯\DGS60/127L(E)\AC127V\60W\吸顶式\ExdⅠMb\IP65</t>
  </si>
  <si>
    <t>【华荣】矿用隔爆型LED巷道灯\DGS70 127L(E)\AC127V\70W\壁式\ExdⅠMb\IP65</t>
  </si>
  <si>
    <t>【华荣】矿用隔爆型LED巷道灯\DGS36/127L(E)\AC127V\36W\链吊式\ExdIMb\IP65</t>
  </si>
  <si>
    <t>【华荣】矿用隔爆型LED投光灯\DGS50/127L(G)\AC127V\50W\壁装式\ExdⅠMb\IP65</t>
  </si>
  <si>
    <t>【华荣】矿用隔爆型LED巷道灯\DGS50/127L(E)\AC127V\50W\吸顶式\ExdⅠMb\IP65</t>
  </si>
  <si>
    <t>【华荣】矿用隔爆型LED巷道灯\DGS70/127L(D)\127V\70W\线吊式\ExdⅠMb\IP65</t>
  </si>
  <si>
    <t>【贺德克】油位计\FSA 254-2.0/-/12-SO52\贺德克</t>
  </si>
  <si>
    <t>贺德克液压技术（上海）有限公司</t>
  </si>
  <si>
    <t>GNWZBP(TH)ZYCG2020-227</t>
  </si>
  <si>
    <t>国家能源e购商城贺德克液压润滑系统备件铺货采购合同</t>
  </si>
  <si>
    <t>快备新能源科技（上海）有限公司</t>
  </si>
  <si>
    <t>【贺德克】梅花弹性垫\3EAR RIM-28-PUR-98Sh RED\国产</t>
  </si>
  <si>
    <t>【贺德克】污染发讯器\VM3D.0/L24-SO135\贺德克</t>
  </si>
  <si>
    <t>【贺德克】滤芯\1300 R 010 BN4HC/-V-B4-KE50\进口\贺德克</t>
  </si>
  <si>
    <t>【贺德克】蓄能器\336A4940DNP588TX-C\进口</t>
  </si>
  <si>
    <t>【贺德克】散热板\OK-EL10/2.0 SPESS.94mm\WAERMETAU贺德克</t>
  </si>
  <si>
    <t>【贺德克】齿轮箱润滑油泵\KF80 RF23-GJS\贺德克</t>
  </si>
  <si>
    <t>【贺德克】压力传感器\EDS410-0016-0-051F1\贺德克</t>
  </si>
  <si>
    <t>【贺德克】O型密封圈\O-Ring 189,87×5,33-NBR-70Sh\贺德克</t>
  </si>
  <si>
    <t>【贺德克】花键\KUPPLING 28/38-38/24 A/B\进口</t>
  </si>
  <si>
    <t>【贺德克】电动机\MOTOR,PUMP,3.5kW/6kW,690V\贺德克</t>
  </si>
  <si>
    <t>【贺德克】滤芯\2600R 010 BN4HX/-KE50-SO562\国产\贺德克</t>
  </si>
  <si>
    <t>【贺德克】多级清水离心泵\CRI5-4A-FGJ-A-E-HQQE\5.8m3/h\28.3m\2856r/min\0.55kW\380V\进口</t>
  </si>
  <si>
    <t>【贺德克】电动机\UPS 40-185 F\贺德克</t>
  </si>
  <si>
    <t>【贺德克】油压传感器\HDA4745-A-010-000\Electronicon</t>
  </si>
  <si>
    <t>【贺德克】压力开关\0166-40341-1-105/0,6bar\Drucksch贺德克</t>
  </si>
  <si>
    <t>【贺德克】溢流阀\RUECKSCHLAGVENTIL RV 30 10bar\贺德克\进口</t>
  </si>
  <si>
    <t>【贺德克】散热板\SS/SPES.94mm/IBT-IBP OXID\OK-EL10贺德克</t>
  </si>
  <si>
    <t>【贺德克】散热板\OK-EL10/2.1/SPES.82mm/IBP DHI\贺德克</t>
  </si>
  <si>
    <t>【贺德克】电动机\132M8/4B/B35/3.6kW/6kW/10.3A\M2QA贺德克</t>
  </si>
  <si>
    <t>【贺德克】油位传感器\FSK-176-2.5/O/-/12\贺德克</t>
  </si>
  <si>
    <t>【贺德克】电动机\112M6/4B/B5/1.6kW/3.2kW/4.16A\M2QA贺德克</t>
  </si>
  <si>
    <t>【贺德克】齿轮泵\KF80RF23FKMGJL(G1-1/2)\14.4m3/h\45m\3000r/min\3kW\进口</t>
  </si>
  <si>
    <t>【贺德克】胶管总成\ST506210/DHI</t>
  </si>
  <si>
    <t>【贺德克】胶管总成\ST506230/DHI</t>
  </si>
  <si>
    <t>【贺德克】胶管总成\ST506240/DHI</t>
  </si>
  <si>
    <t>【贺德克】胶管总成\ST458250/DHI</t>
  </si>
  <si>
    <t>【贺德克】安全阀\Membranventil 1/2"×3/4" 6bar\贺德克</t>
  </si>
  <si>
    <t>【贺德克】堵头\AN33-43 G1-FormE-St/C3\Verschl.Shr贺德克</t>
  </si>
  <si>
    <t>【贺德克】球阀\KUGELHAHN SIMPLEX FE 1/2"</t>
  </si>
  <si>
    <t>【贺德克】排气阀\Schnellentluefter 3/8" 10bar</t>
  </si>
  <si>
    <t>【贺德克】蓄能器\Ausdehnung35l/p0=2,5bar\pmax=10bar贺德克\进口</t>
  </si>
  <si>
    <t>【贺德克】单级清水离心泵\CRI15-3X-FGJ-I-E-HQQE\17m3/h\33.2m\2900r/min\3kW\380V\进口</t>
  </si>
  <si>
    <t>【贺德克】压力传感器\HDA4345-A-04 0-000-F1\贺德克</t>
  </si>
  <si>
    <t>【贺德克】散热板\RADIATOR OK-EL14(1990×980×94)\贺德克</t>
  </si>
  <si>
    <t>【贺德克】电动机\M2QA100L4A-WW 1.8kW\贺德克</t>
  </si>
  <si>
    <t>【贺德克】电动机\132S6A-W/3.0kW/B5/400V/50Hz\M2QA贺德克</t>
  </si>
  <si>
    <t>【贺德克】散热风扇\1000/12-12/35BD/PAG/S/FM38/L82\贺德克</t>
  </si>
  <si>
    <t>【贺德克】单级清水离心泵\CRI15-4X-FGJ-I-EHQQE400V\17m3/h\44.08m\2900r/min\4kW\380V\进口</t>
  </si>
  <si>
    <t>【贺德克】压力传感器\HDA 4745-A-016-000\贺德克\进口</t>
  </si>
  <si>
    <t>【贺德克】蓄能器\SB0210-0,75E1/112A9-210AK\P0=125bar贺德克\进口</t>
  </si>
  <si>
    <t>【贺德克】电磁阀\WSED08130-04x-G24-Z4-N\PT1/8\DC24V\0-8MPa</t>
  </si>
  <si>
    <t>【贺德克】电磁换向阀\WSM06020Y-01M-C-N-24DG\贺德克</t>
  </si>
  <si>
    <t>【贺德克】爆破片\BT/ST-G 3/8\液压站\FD183110\进口</t>
  </si>
  <si>
    <t>【贺德克】蓄能器\SB0210-0,75E1/112A9-210AK\Po=90bar贺德克\进口</t>
  </si>
  <si>
    <t>【贺德克】压力传感器\HDA4745-A-250-000\贺德克</t>
  </si>
  <si>
    <t>【贺德克】液压泵\SNP1NN/2.2DC001F\进口</t>
  </si>
  <si>
    <t>【贺德克】电动机\M2QA90S4A/B5/1.1kW/690V/50Hz\1.1kW\690V\4A\1250r/min\B5\B\IP60</t>
  </si>
  <si>
    <t>【贺德克】散热器电机\M2QA90L6A/B5/1.1kW/690V/50Hz\贺德克</t>
  </si>
  <si>
    <t>【贺德克】电动机\112M6B/B35/4kW/400V/690V/5.65A\M2QA贺德克</t>
  </si>
  <si>
    <t>【贺德克】散热板\RADIATOR OK-EL8/2.0/IBP ZH\贺德克</t>
  </si>
  <si>
    <t>【贺德克】空气过滤器\BDE400G2W1.0\进口\贺德克</t>
  </si>
  <si>
    <t>【贺德克】滤芯\2600 R 010 BN4HC/-B4-KE50\进口\贺德克</t>
  </si>
  <si>
    <t>【贺德克】滤芯\0015D010BN4HC\国产\贺德克</t>
  </si>
  <si>
    <t>【贺德克】温控阀阀芯\TB25/DHI\贺德克</t>
  </si>
  <si>
    <t>【贺德克】蓄能器\SB0210-0.75E1/663U-210AK\贺德克\进口</t>
  </si>
  <si>
    <t>【贺德克】压力传感器\EDS 3346-1-0010-000-F1\HYDAC</t>
  </si>
  <si>
    <t>【贺德克】散热板\EL10L-S/2.1/SPES.94mm/IBT-IBP\贺德克</t>
  </si>
  <si>
    <t>【贺德克】滤油机油泵\KF80RF2-D15\进口\HCP</t>
  </si>
  <si>
    <t>【贺德克】电动机\132M8/4B-3.6/6kWX8/4PB35690V\M2QA贺德克</t>
  </si>
  <si>
    <t>【贺德克】O型密封圈\O-Ring 96x6-NBR-80Sh\贺德克</t>
  </si>
  <si>
    <t>【贺德克】散热板\OK-EL10/2.0 SERIAL NO\贺德克</t>
  </si>
  <si>
    <t>【贺德克】电动机\WF1-112M6/4A-1.6/3.2KWX6/4PB5\M2QA贺德克</t>
  </si>
  <si>
    <t>【贺德克】电动机\112M6/4A-1.6/3.2kWB5690V50HZ\WDS贺德克</t>
  </si>
  <si>
    <t>【贺德克】电动机\132M8/4B-3.6/6kW B35 690V50Hz\WDS贺德克</t>
  </si>
  <si>
    <t>【贺德克】压力传感器\VD3D.0/-V-L24-S0408\进口</t>
  </si>
  <si>
    <t>【贺德克】电动机\112M/12/6L-11L 0.5/2.5kW 690V\3-Mot AF贺德克</t>
  </si>
  <si>
    <t>【贺德克】花键\KUPPLUNG 28/38-38/19\进口</t>
  </si>
  <si>
    <t>【贺德克】油位计\FSA 262,5-2.0/-/12-SO52\贺德克</t>
  </si>
  <si>
    <t>【贺德克】蓄能器\SB0210-0,75E1/663U-210AK\P0=50bar贺德克\进口</t>
  </si>
  <si>
    <t>【贺德克】蓄能器\SB0210-0,75E1/663U-210AK\90bar贺德克\进口</t>
  </si>
  <si>
    <t>【贺德克】蓄能器\SB0210-0,75E1/663U-210AK\(P0=120bar)贺德克\进口</t>
  </si>
  <si>
    <t>【贺德克】齿轮箱滤芯\0250 DN 050 W/HC/-V\进口\贺德克</t>
  </si>
  <si>
    <t>【贺德克】齿轮箱滤芯\1300R03ON\进口\贺德克</t>
  </si>
  <si>
    <t>【贺德克】联轴器\KUPPLUNG 28/38-38/24\进口</t>
  </si>
  <si>
    <t>【贺德克】电动机\IMB14 BG112M-C160-2,5kW-1000U\贺德克</t>
  </si>
  <si>
    <t>【贺德克】传感器\EDS3346-3-0010-F1-ZBE06\贺德克</t>
  </si>
  <si>
    <t>【贺德克】温控阀阀芯\X1.326.45.100(Da=45)\贺德克</t>
  </si>
  <si>
    <t>【贺德克】压力传感器\VM 3 D.0/-L24-SO135\贺德克</t>
  </si>
  <si>
    <t>【贺德克】电动机\IMB14size132L-1,10kW-750rpm\E-Mot贺德克</t>
  </si>
  <si>
    <t>【贺德克】散热板\2.0/IBP-IBTSPES.94MM OXID\OK-EL10贺德克</t>
  </si>
  <si>
    <t>【贺德克】油位计\FSK-127-2.5/O/-/12\贺德克</t>
  </si>
  <si>
    <t>【贺德克】电动机\M2QA-WF1-112M6/4A-1.8/3.6kW×6\贺德克</t>
  </si>
  <si>
    <t>【贺德克】油位计\FSK-254-2.5/O/-/12\贺德克</t>
  </si>
  <si>
    <t>【贺德克】蓄能器\SB0210-0.75E1/112A9-210AK\贺德克</t>
  </si>
  <si>
    <t>【贺德克】温控阀阀芯\TB45(DA=45)\贺德克</t>
  </si>
  <si>
    <t>【贺德克】液压站滤芯\0180 MA 010 BN /-HYDAC\进口\贺德克</t>
  </si>
  <si>
    <t>【贺德克】滤芯\0330R010ON\国产\贺德克</t>
  </si>
  <si>
    <t>【贺德克】滤芯\0030D010ON\进口\贺德克</t>
  </si>
  <si>
    <t>【贺德克】滤芯\0060D010ON\国产\贺德克</t>
  </si>
  <si>
    <t>【贺德克】滤芯\0060R010ON\进口\贺德克</t>
  </si>
  <si>
    <t>【贺德克】胶管总成\11221-32329-11401-32329-1640</t>
  </si>
  <si>
    <t>【贺德克】胶管总成\11401-32329-21401-3240-1420</t>
  </si>
  <si>
    <t>【贺德克】胶管总成\1SN32-21401-32409-1800/-135</t>
  </si>
  <si>
    <t>【贺德克】胶管总成\1SN50-21401-5040-11401-50-560</t>
  </si>
  <si>
    <t>【贺德克】散热板\OK-EL8S/2.0/M690/50/1\贺德克</t>
  </si>
  <si>
    <t>【贺德克】比例阀\PWK08120D-12-C-N-24PG-Z4\贺德克</t>
  </si>
  <si>
    <t>【贺德克】溢流阀\DB4E-062-200P200\贺德克</t>
  </si>
  <si>
    <t>【贺德克】齿轮箱油滤芯\0660 D 020 ON\进口\贺德克</t>
  </si>
  <si>
    <t>【贺德克】压力表\HM63-250-B-G1/4\贺德克</t>
  </si>
  <si>
    <t>【贺德克】液压站滤芯\0250 RN 006 BN4HC\进口\贺德克</t>
  </si>
  <si>
    <t>【贺德克】滤芯\0250DN006BN4HC\进口\贺德克</t>
  </si>
  <si>
    <t>【贺德克】安全阀\DB4E-06X-100V TT\贺德克</t>
  </si>
  <si>
    <t>【贺德克】安全阀\DB4E-06X-250V TT\贺德克</t>
  </si>
  <si>
    <t>【贺德克】滤芯\0240D010ON\国产\贺德克</t>
  </si>
  <si>
    <t>【贺德克】安全阀\Membranventil 1/2"×3/4" 3bar\贺德克</t>
  </si>
  <si>
    <t>【贺德克】胶管总成\ST506220/DHI</t>
  </si>
  <si>
    <t>【贺德克】压力开关\EDS 344-2-016-000+ZBE03\IP67</t>
  </si>
  <si>
    <t>【上海电气】异型钢管\520451-B1-03014\上锅\国产</t>
  </si>
  <si>
    <t>【上海电气】异型钢管\520451-B1-03015\上锅\国产</t>
  </si>
  <si>
    <t>【上海电气】异型钢管\520451-B1-03016\上锅\国产</t>
  </si>
  <si>
    <t>【上海电气】异型钢管\520451-B1-03017\上锅\国产</t>
  </si>
  <si>
    <t>【上海电气】屏式过热器让管\520451-A1-12002\上锅\国产</t>
  </si>
  <si>
    <t>【上海电气】前墙膜式水冷壁\520451-D1-10 φ60×6.5 SA210C\上锅</t>
  </si>
  <si>
    <t>【上海电气】斜键\L160.02 Q234-A\上锅</t>
  </si>
  <si>
    <t>【上海电气】开口销\L160.04 Q234-A\上锅</t>
  </si>
  <si>
    <t>【上海电气】垫片\510451-A1-03029 石墨橡胶板\上锅</t>
  </si>
  <si>
    <t>【上海电气】带孔斜键\L160.05 Q234-A\上锅</t>
  </si>
  <si>
    <t>【上海电气】手孔端盖\SG5119-91 103/80-84 20G\上锅厂</t>
  </si>
  <si>
    <t>【上海电气】膜式过热屏\547451-E1-02\上锅\国产</t>
  </si>
  <si>
    <t>【上海电气】屏式过热器弯管\547451-A1-02036\上锅\国产</t>
  </si>
  <si>
    <t>【上海电气】接管座\DN300\DN25\15mm\BW\12Cr1MoVG\SG5012</t>
  </si>
  <si>
    <t>【上海电气】接管座\DN300\DN25\15mm\BW\20G\SG5012</t>
  </si>
  <si>
    <t>【上海电气】接管座\DN300\DN20\12mm\BW\20G\SG5012</t>
  </si>
  <si>
    <t>【上海电气】接管座\DN300\DN50\19mm\BW\20G\SG5012</t>
  </si>
  <si>
    <t>【上海电气】弯管\5206007-A1-12009 35×7 12Cr1MoV\上锅\国产</t>
  </si>
  <si>
    <t>【上海电气】弯管\5206007-A1-12008 35×7 12Cr1MoV\上锅\国产</t>
  </si>
  <si>
    <t>【上海电气】弯管\5206007A112020 38×6.5 12Cr1MoV\上锅\国产</t>
  </si>
  <si>
    <t>【上海电气】主汽门油动机进油滤芯\QTL-6021A\上汽\国产</t>
  </si>
  <si>
    <t>上汽</t>
  </si>
  <si>
    <t>【上海电气】皮囊\MS2217-003-004\上汽\国产</t>
  </si>
  <si>
    <t>【上海电气】垂帘管固卡\5206009-A1-04015\上锅\国产</t>
  </si>
  <si>
    <t>上锅</t>
  </si>
  <si>
    <t>【上海电气】垂帘管固卡\5206009-A1-04016\上锅\国产</t>
  </si>
  <si>
    <t>【上海电气】防磨罩\5444422-A1-03025\上电\国产</t>
  </si>
  <si>
    <t>【上海电气】防磨罩\5444422-A1-03051\上电\国产</t>
  </si>
  <si>
    <t>【上海电气】防磨罩\7444422-A1-03013\上电\国产</t>
  </si>
  <si>
    <t>【上海电气】防磨罩\5444422-A1-03026\上电\国产</t>
  </si>
  <si>
    <t>【上海电气】防磨罩\5444422-A1-03047\上电\国产</t>
  </si>
  <si>
    <t>【上海电气】防磨罩\7444420-A1-03079\上电\国产</t>
  </si>
  <si>
    <t>【上海电气】防磨罩\7444422-A1-03028\上电\国产</t>
  </si>
  <si>
    <t>【上海电气】防磨罩\5444422-A1-03016\上电\国产</t>
  </si>
  <si>
    <t>【上海电气】防磨罩\5444422-A1-03034\上电\国产</t>
  </si>
  <si>
    <t>【上海电气】防磨罩\5444422-A1-03043\上电\国产</t>
  </si>
  <si>
    <t>【上海电气】防磨罩\7444422-A1-03030\上电\国产</t>
  </si>
  <si>
    <t>【上海电气】防磨罩\5444422-A1-03013\上电\国产</t>
  </si>
  <si>
    <t>【上海电气】防磨罩\5444422-A1-03023\上电\国产</t>
  </si>
  <si>
    <t>【上海电气】防磨罩\7444422-A1-03007\上电\国产</t>
  </si>
  <si>
    <t>【上海电气】防磨罩\7444422-A1-03033\上电\国产</t>
  </si>
  <si>
    <t>【上海电气】防磨罩\5444422-A1-03011\上电\国产</t>
  </si>
  <si>
    <t>【上海电气】防磨罩\5444422-A1-03062\上电\国产</t>
  </si>
  <si>
    <t>【上海电气】防磨罩\5444422-A1-03046\上电\国产</t>
  </si>
  <si>
    <t>【上海电气】防磨罩\7444420-A1-03037\上电\国产</t>
  </si>
  <si>
    <t>【上海电气】防磨罩\5444422-A1-03009\上电\国产</t>
  </si>
  <si>
    <t>【上海电气】防磨罩\5444422-A1-03044\上电\国产</t>
  </si>
  <si>
    <t>【上海电气】防磨罩\5444422-A1-03050\上电\国产</t>
  </si>
  <si>
    <t>【上海电气】防磨罩\7444420-A1-03039\上电\国产</t>
  </si>
  <si>
    <t>【上海电气】防磨罩\5444422-A1-03006\上电\国产</t>
  </si>
  <si>
    <t>【上海电气】防磨罩\5444422-A1-03029\上电\国产</t>
  </si>
  <si>
    <t>【上海电气】防磨罩\5444422-A1-03054\上电\国产</t>
  </si>
  <si>
    <t>【上海电气】防磨罩\7444420-A1-03042\上电\国产</t>
  </si>
  <si>
    <t>【上海电气】防磨罩\5444422-A1-03005\上电\国产</t>
  </si>
  <si>
    <t>【上海电气】防磨罩\5444422-A1-03038\上电\国产</t>
  </si>
  <si>
    <t>【上海电气】防磨罩\7444420-A1-03012\上电\国产</t>
  </si>
  <si>
    <t>【上海电气】防磨罩\7444422-A1-03034\上电\国产</t>
  </si>
  <si>
    <t>【上海电气】防磨罩\5444422-A1-03003\上电\国产</t>
  </si>
  <si>
    <t>【上海电气】防磨罩\5444422-A1-03045\上电\国产</t>
  </si>
  <si>
    <t>【上海电气】防磨罩\7444422-A1-03012\上电\国产</t>
  </si>
  <si>
    <t>【上海电气】防磨罩\7444422-A1-03036\上电\国产</t>
  </si>
  <si>
    <t>【上海电气】防磨罩\5444422-A1-03002\上电\国产</t>
  </si>
  <si>
    <t>【上海电气】防磨罩\5444422-A1-03037\上电\国产</t>
  </si>
  <si>
    <t>【上海电气】防磨罩\7444422-A1-03027\上电\国产</t>
  </si>
  <si>
    <t>【上海电气】防磨罩\7444422-A1-03037\上电\国产</t>
  </si>
  <si>
    <t>【上海电气】防磨罩\5604422-A1-03019\上电\国产</t>
  </si>
  <si>
    <t>【上海电气】防磨罩\5444422-A1-03010\上电\国产</t>
  </si>
  <si>
    <t>【上海电气】防磨罩\5444420-A1-03057\上电\国产</t>
  </si>
  <si>
    <t>【上海电气】防磨罩\7444420-A1-03053\上电\国产</t>
  </si>
  <si>
    <t>【上海电气】防磨罩\7444420-A1-03008\上电\国产</t>
  </si>
  <si>
    <t>【上海电气】防磨罩\7444420-A1-03054\上电\国产</t>
  </si>
  <si>
    <t>【上海电气】防磨罩\5444422-A1-03021\上电\国产</t>
  </si>
  <si>
    <t>【上海电气】防磨罩\7444422-A1-03004\上电\国产</t>
  </si>
  <si>
    <t>【上海电气】防磨罩\7444420-A1-03049\上电\国产</t>
  </si>
  <si>
    <t>【上海电气】防磨罩\5604422-A1-03016\上电\国产</t>
  </si>
  <si>
    <t>【上海电气】防磨罩\5444422-A1-03028\上电\国产</t>
  </si>
  <si>
    <t>【上海电气】防磨罩\7444422-A1-03038\上电\国产</t>
  </si>
  <si>
    <t>【上海电气】防磨罩\7444420-A1-03032\上电\国产</t>
  </si>
  <si>
    <t>【上海电气】防磨罩\5604420-A1-02031\上电\国产</t>
  </si>
  <si>
    <t>【上海电气】防磨罩\5444422-A1-03031\上电\国产</t>
  </si>
  <si>
    <t>【上海电气】防磨罩\7444422-A1-03039\上电\国产</t>
  </si>
  <si>
    <t>【上海电气】防磨罩\5604420-A1-02068\上电\国产</t>
  </si>
  <si>
    <t>【上海电气】防磨罩\7444422-A1-03025\上电\国产</t>
  </si>
  <si>
    <t>【上海电气】防磨罩\5444422-A1-03008\上电\国产</t>
  </si>
  <si>
    <t>【上海电气】防磨罩\7444422-A1-03040\上电\国产</t>
  </si>
  <si>
    <t>【上海电气】防磨罩\5604420-A1-02067\上电\国产</t>
  </si>
  <si>
    <t>【上海电气】防磨罩\7444420-A1-03006\上电\国产</t>
  </si>
  <si>
    <t>【上海电气】防磨罩\5444422-A1-03012\上电\国产</t>
  </si>
  <si>
    <t>【上海电气】防磨罩\7444422-A1-03041\上电\国产</t>
  </si>
  <si>
    <t>【上海电气】防磨罩\5604420-A1-02066\上电\国产</t>
  </si>
  <si>
    <t>【上海电气】防磨罩\7444420-A1-03007\上电\国产</t>
  </si>
  <si>
    <t>【上海电气】防磨罩\5444422-A1-03018\上电\国产</t>
  </si>
  <si>
    <t>【上海电气】防磨罩\7444422-A1-03035\上电\国产</t>
  </si>
  <si>
    <t>【上海电气】防磨罩\5604420-A1-02065\上电\国产</t>
  </si>
  <si>
    <t>【上海电气】防磨罩\7444420-A1-03011\上电\国产</t>
  </si>
  <si>
    <t>【上海电气】防磨罩\5444422-A1-03024\上电\国产</t>
  </si>
  <si>
    <t>【上海电气】防磨罩\7444422-A1-03043\上电\国产</t>
  </si>
  <si>
    <t>【上海电气】防磨罩\5604420-A1-02064\上电\国产</t>
  </si>
  <si>
    <t>【上海电气】防磨罩\7444420-A1-03016\上电\国产</t>
  </si>
  <si>
    <t>【上海电气】防磨罩\5444422-A1-03027\上电\国产</t>
  </si>
  <si>
    <t>【上海电气】防磨罩\5604420-A1-02063\上电\国产</t>
  </si>
  <si>
    <t>【上海电气】防磨罩\7444422-A1-03045\上电\国产</t>
  </si>
  <si>
    <t>【上海电气】防磨罩\7444420-A1-03022\上电\国产</t>
  </si>
  <si>
    <t>【上海电气】防磨罩\5444422-A1-03061\上电\国产</t>
  </si>
  <si>
    <t>【上海电气】防磨罩\5604422-A1-01023\上电\国产</t>
  </si>
  <si>
    <t>【上海电气】防磨罩\7444420-A1-03059\上电\国产</t>
  </si>
  <si>
    <t>【上海电气】防磨罩\7444420-A1-03026\上电\国产</t>
  </si>
  <si>
    <t>【上海电气】防磨罩\5444422-A1-03032\上电\国产</t>
  </si>
  <si>
    <t>【上海电气】防磨罩\5604422-A1-01022\上电\国产</t>
  </si>
  <si>
    <t>【上海电气】防磨罩\7444420-A1-03061\上电\国产</t>
  </si>
  <si>
    <t>【上海电气】防磨罩\7444420-A1-03028\上电\国产</t>
  </si>
  <si>
    <t>【上海电气】防磨罩\5444422-A1-03039\上电\国产</t>
  </si>
  <si>
    <t>【上海电气】防磨罩\5604422-A1-01021\上电\国产</t>
  </si>
  <si>
    <t>【上海电气】防磨罩\7444422-A1-03047\上电\国产</t>
  </si>
  <si>
    <t>【上海电气】防磨罩\7444420-A1-03030\上电\国产</t>
  </si>
  <si>
    <t>【上海电气】防磨罩\5444422-A1-03030\上电\国产</t>
  </si>
  <si>
    <t>【上海电气】防磨罩\5604420-A1-02020\上电\国产</t>
  </si>
  <si>
    <t>【上海电气】防磨罩\5444422-A1-03033\上电\国产</t>
  </si>
  <si>
    <t>【上海电气】防磨罩\7444420-A1-03038\上电\国产</t>
  </si>
  <si>
    <t>【上海电气】防磨罩\7444420-A1-03064\上电\国产</t>
  </si>
  <si>
    <t>【上海电气】防磨罩\5604420-A1-02062\上电\国产</t>
  </si>
  <si>
    <t>【上海电气】防磨罩\5444422-A1-03040\上电\国产</t>
  </si>
  <si>
    <t>【上海电气】防磨罩\7444420-A1-03040\上电\国产</t>
  </si>
  <si>
    <t>【上海电气】防磨罩\7444422-A1-03048\上电\国产</t>
  </si>
  <si>
    <t>【上海电气】防磨罩\5444422-A1-03017\上电\国产</t>
  </si>
  <si>
    <t>【上海电气】防磨罩\7444420-A1-03009\上电\国产</t>
  </si>
  <si>
    <t>【上海电气】防磨罩\7444422-A1-03050\上电\国产</t>
  </si>
  <si>
    <t>【上海电气】防磨罩\5604422-A1-01020\上电\国产</t>
  </si>
  <si>
    <t>【上海电气】防磨罩\5444422-A1-03022\上电\国产</t>
  </si>
  <si>
    <t>【上海电气】防磨罩\7444422-A1-03002\上电\国产</t>
  </si>
  <si>
    <t>【上海电气】防磨罩\7444420-A1-03002\上电\国产</t>
  </si>
  <si>
    <t>【上海电气】防磨罩\5604420-A1-02061\上电\国产</t>
  </si>
  <si>
    <t>【上海电气】防磨罩\5604420-A1-02022\上电\国产</t>
  </si>
  <si>
    <t>【上海电气】防磨罩\7444422-A1-03003\上电\国产</t>
  </si>
  <si>
    <t>【上海电气】防磨罩\7444420-A1-03072\上电\国产</t>
  </si>
  <si>
    <t>【上海电气】防磨罩\5604422-A1-03017\上电\国产</t>
  </si>
  <si>
    <t>【上海电气】防磨罩\7444420-A1-03018\上电\国产</t>
  </si>
  <si>
    <t>【上海电气】防磨罩\7444420-A1-03004\上电\国产</t>
  </si>
  <si>
    <t>【上海电气】防磨罩\5604422-A1-03020\上电\国产</t>
  </si>
  <si>
    <t>【上海电气】防磨罩\7444422-A1-03005\上电\国产</t>
  </si>
  <si>
    <t>【上海电气】防磨罩\5444422-A1-03004\上电\国产</t>
  </si>
  <si>
    <t>【上海电气】防磨罩\7444422-A1-03006\上电\国产</t>
  </si>
  <si>
    <t>【上海电气】防磨罩\5444422-A1-03007\上电\国产</t>
  </si>
  <si>
    <t>【上海电气】防磨罩\7444422-A1-03009\上电\国产</t>
  </si>
  <si>
    <t>【上海电气】防磨罩夹板\5604422-A1-03018\上电\国产</t>
  </si>
  <si>
    <t>【上海电气】分隔屏叉形管\540314-B1-06003\上锅\国产</t>
  </si>
  <si>
    <t>【上海电气】高再弯管\740834-A1-04011 φ63×4 102\上锅\国产</t>
  </si>
  <si>
    <t>【上海电气】管接头端盖\5806009-A1-04018 12Cr1MoV\上锅\国产</t>
  </si>
  <si>
    <t>【上海电气】管接头端盖\5806009-A1-01010 12Cr1MoV\上锅\国产</t>
  </si>
  <si>
    <t>【上海电气】管接头端盖\5806009-A1-03011 SA182-F91\上锅\国产</t>
  </si>
  <si>
    <t>【上海电气】集箱\9201977-E1-01-1\上电\国产</t>
  </si>
  <si>
    <t>【上海电气】集箱\9201977-E1-01-2\上电\国产</t>
  </si>
  <si>
    <t>【上海电气】集箱\9201977-E1-01-3\上电\国产</t>
  </si>
  <si>
    <t>【上海电气】冷端补隙片+2.6\770060-A1-40006 corten-A\上锅</t>
  </si>
  <si>
    <t>【上海电气】冷端压板+2.6\770060-A1-40005 corten-A\上锅</t>
  </si>
  <si>
    <t>【上海电气】冷端轴向密封片+2.6\770060-A1-40004 corten-A\上锅</t>
  </si>
  <si>
    <t>【上海电气】连接块\5236009-A1-01003\上锅\国产</t>
  </si>
  <si>
    <t>【上海电气】煤粉喷口\6806009-D1-07002\上锅\国产</t>
  </si>
  <si>
    <t>【上海电气】密封片\770060-A1-40002\上电\国产</t>
  </si>
  <si>
    <t>【上海电气】密封片\770045-B1-41004\上锅\国产</t>
  </si>
  <si>
    <t>【上海电气】密封片\770045-B1-41001\上锅\国产</t>
  </si>
  <si>
    <t>【上海电气】密封罩\5206009-A1-04013\上锅\国产</t>
  </si>
  <si>
    <t>【上海电气】密封罩\5206009-A1-04014\上锅\国产</t>
  </si>
  <si>
    <t>【上海电气】喷水装置\5806009-C1-04004\上锅\国产</t>
  </si>
  <si>
    <t>【上海电气】平端盖\5226009-A1-09004 SA105\上锅\国产</t>
  </si>
  <si>
    <t>【上海电气】平端盖\5626009-A1-01006 SA105\上锅\国产</t>
  </si>
  <si>
    <t>【上海电气】球形铰链\HY-600\调整范围0-150mm\上锅\国产</t>
  </si>
  <si>
    <t>【上海电气】热端补隙片+2.6\770060-A1-40001 corten-A\上锅</t>
  </si>
  <si>
    <t>【上海电气】水冷壁弯管\520830-A1-12006 φ45×6 20G 人孔\上锅\国产</t>
  </si>
  <si>
    <t>【上海电气】水冷壁弯管\520830-A1-12005 φ45×6 20G 人孔\上锅\国产</t>
  </si>
  <si>
    <t>【上海电气】水冷壁弯管\520830-A1-12004 φ45×6 20G 人孔\上锅\国产</t>
  </si>
  <si>
    <t>【上海电气】水冷壁弯管\520830-A1-12003 φ45×6 20G 人孔\上锅\国产</t>
  </si>
  <si>
    <t>【上海电气】水冷壁弯管\520830-A1-12002 φ45×6 20G 人孔\上锅\国产</t>
  </si>
  <si>
    <t>【上海电气】水冷壁弯管\520834-A1-05002 φ45×6 20G 人孔\上锅\国产</t>
  </si>
  <si>
    <t>【上海电气】弯管\540834-A1-02009 φ54×8 180°\上锅\国产</t>
  </si>
  <si>
    <t>【上海电气】弯管\540834-A1-02004 φ60×9mm\上锅\国产</t>
  </si>
  <si>
    <t>【上海电气】弯管\540830-B1-02016 φ51×7 180° R51\上锅\国产</t>
  </si>
  <si>
    <t>【上海电气】弯管\540830-B1-02013 φ51×7 180°R153\上锅\国产</t>
  </si>
  <si>
    <t>【上海电气】弯管\540834-A1-06004\上锅\国产</t>
  </si>
  <si>
    <t>【上海电气】弯管\740834-A1-04017 φ63×4 102\上锅\国产</t>
  </si>
  <si>
    <t>【上海电气】弯管\540830-A1-02003 φ51×7.5 180°\上锅\国产</t>
  </si>
  <si>
    <t>【上海电气】弯管\740834-A1-04014 φ63×4 102\上锅\国产</t>
  </si>
  <si>
    <t>【上海电气】弯管\540834-B1-04032 φ51×6mm15CrMoV\上锅\国产</t>
  </si>
  <si>
    <t>【上海电气】弯管\φ45×6 R250 90° 20G\上锅\国产</t>
  </si>
  <si>
    <t>【上海电气】弯管\520830-A1-12008 φ45×6 20G\上锅\国产</t>
  </si>
  <si>
    <t>【上海电气】弯管\520830-A1-12007 φ45×6 20G 人孔\上锅\国产</t>
  </si>
  <si>
    <t>【上海电气】弯头\780316-B1-03016 12Cr1MoV\国产</t>
  </si>
  <si>
    <t>【上海电气】压板\770045-B1-41003\上电\国产</t>
  </si>
  <si>
    <t>【上海电气】压板\770045-A1-41005\上电\国产</t>
  </si>
  <si>
    <t>【上海电气】压板\770060-A1-40003\上电\国产</t>
  </si>
  <si>
    <t>【上海电气】一次风室\6806009-E1-07\上锅\国产</t>
  </si>
  <si>
    <t>【上海电气】一次风室\6806009-E1-08\上锅\国产</t>
  </si>
  <si>
    <t>【上海电气】异径三通\780950-B1-03011\上锅\国产</t>
  </si>
  <si>
    <t>【上海电气】氢气冷却器前水室组件\ZLQ0000-10A/B\上电\国产</t>
  </si>
  <si>
    <t>【上海电气】氢气冷却器前水室\ZLQ0000-02\上电\国产</t>
  </si>
  <si>
    <t>【上海电气】氢气冷却器后水室\ZLQ0000-20\上电\国产</t>
  </si>
  <si>
    <t>【上海电气】氢气冷却器封板\ZLQ0000-08\上电\国产</t>
  </si>
  <si>
    <t>【华纳大】75%乙醇消毒液\100ml/瓶/乙醇消毒液属于物流管控物资，现铺货商品包装规格为160瓶/箱，请按箱的整数倍下单，零散无法发货</t>
  </si>
  <si>
    <t>湖南华纳大药厂手性药物有限公司</t>
  </si>
  <si>
    <t>华纳大</t>
  </si>
  <si>
    <t>WZSCCG-2020-BJ-2097</t>
  </si>
  <si>
    <t>国家能源e购商城华纳大日用品长协采购铺货铺货采购合同（原协议拆分）</t>
  </si>
  <si>
    <t>【华纳大】75%乙醇消毒液\500ml/瓶/乙醇消毒液属于物流管控物资，现铺货商品包装规格为20瓶/箱，请按箱的整数倍下单，零散无法发货</t>
  </si>
  <si>
    <t>【美孚】柴油机油\黑霸王1#;5W-40;1×20L\美孚</t>
  </si>
  <si>
    <t>埃克森美孚（中国）投资有限公司</t>
  </si>
  <si>
    <t>美孚</t>
  </si>
  <si>
    <t>GNWZBP(TH)ZYCG2020-192-12</t>
  </si>
  <si>
    <t>美孚润滑油脂商城经营主体铺货长协采购框架合同（银川兴泰商贸）</t>
  </si>
  <si>
    <t>银川兴泰商贸有限公司</t>
  </si>
  <si>
    <t>【美孚】柴油机油\黑霸王1#;5W-40;4×5L\美孚</t>
  </si>
  <si>
    <t>【美孚】柴油机油\多威力 1330;6×4L\美孚</t>
  </si>
  <si>
    <t>【美孚】柴油机油\黑霸王超级 MX;15W-40 CI-4;1×18L\美孚</t>
  </si>
  <si>
    <t>【美孚】柴油机油\黑霸王超级 MX;15W-40;CI-4;1×208L\美孚</t>
  </si>
  <si>
    <t>【美孚】柴油机油\黑霸王超级 MX;15W-40;CI-4;6×4L\美孚</t>
  </si>
  <si>
    <t>【美孚】柴油机油\黑霸王 1300;10W-30;CH-4;1×18L\美孚</t>
  </si>
  <si>
    <t>【美孚】柴油机油\黑霸王 1300;10W-30;CH-4;6×4L\美孚</t>
  </si>
  <si>
    <t>【美孚】柴油机油\黑霸王 1300;15W-40;CH-4;1×18L\美孚</t>
  </si>
  <si>
    <t>【美孚】柴油机油\黑霸王 1300;15W-40;CH-4;1×208L\美孚</t>
  </si>
  <si>
    <t>【美孚】柴油机油\黑霸王 1300;15W-40;CH-4;6×4L\美孚</t>
  </si>
  <si>
    <t>【美孚】柴油机油\黑霸王 1300;20W-50;CH-4;1×18L\美孚</t>
  </si>
  <si>
    <t>【美孚】柴油机油\黑霸王特级 1400;15W-40;CH-4;1×18L\美孚</t>
  </si>
  <si>
    <t>【美孚】柴油机油\黑霸王特级 1400;15W-40;CH-4;1×208L\美孚</t>
  </si>
  <si>
    <t>【美孚】柴油机油\黑霸王特级 1400;20W-50;CH-4;1×18L\美孚</t>
  </si>
  <si>
    <t>【美孚】柴油机油\黑霸王特级 1400;20W-50;CH-4;1×208L\美孚</t>
  </si>
  <si>
    <t>【美孚】汽油机油\超力 2T;12×1L\美孚</t>
  </si>
  <si>
    <t>【美孚】汽油机油\美孚1#;5W-30;4×4L\美孚</t>
  </si>
  <si>
    <t>【美孚】汽油机油\力霸 15W-40;SL;6×4L\美孚</t>
  </si>
  <si>
    <t>【美孚】汽油机油\万能 4T 20w-40;12×1L\美孚</t>
  </si>
  <si>
    <t>【美孚】汽油机油\力霸特级 10W-40 SM;1×208L\美孚</t>
  </si>
  <si>
    <t>【美孚】汽油机油\力霸特级 10W-40 SM;6×4L\美孚</t>
  </si>
  <si>
    <t>【美孚】汽油机油\力霸特级 5W-30 SM;1×208L\美孚</t>
  </si>
  <si>
    <t>【美孚】汽油机油\力霸特级 5W-30 SM;6×4L\美孚</t>
  </si>
  <si>
    <t>【美孚】超级齿轮油\超级 600 XP 100;VG100;1×208L\美孚</t>
  </si>
  <si>
    <t>【美孚】超级齿轮油\超级 600 XP 150;VG150;1×18L\美孚</t>
  </si>
  <si>
    <t>【美孚】超级齿轮油\超级 600 XP 150;VG150;1×208L\美孚</t>
  </si>
  <si>
    <t>【美孚】超级齿轮油\超级 600 XP 220;VG220;1×18L\美孚</t>
  </si>
  <si>
    <t>【美孚】超级齿轮油\超级 600 XP 220;VG220;1×208L\美孚</t>
  </si>
  <si>
    <t>【美孚】超级齿轮油\超级 600 XP 320;VG320;1×18L\美孚</t>
  </si>
  <si>
    <t>【美孚】超级齿轮油\超级 600 XP 320;VG320;1×208L\美孚</t>
  </si>
  <si>
    <t>【美孚】超级齿轮油\超级 600 XP 460;VG460;1×208L\美孚</t>
  </si>
  <si>
    <t>【美孚】超级齿轮油\超级 600 XP 68;VG68;1×18L\美孚</t>
  </si>
  <si>
    <t>【美孚】超级齿轮油\超级 600 XP 68;VG68;1×208L\美孚</t>
  </si>
  <si>
    <t>【美孚】超级齿轮油\超级 600 XP 680;VG680;1×18L\美孚</t>
  </si>
  <si>
    <t>【美孚】超级齿轮油\超级 600 XP 680;VG680;1×208L\美孚</t>
  </si>
  <si>
    <t>【美孚】车用齿轮油\黑霸王 80W-90 GL-5;1×18L\美孚</t>
  </si>
  <si>
    <t>【美孚】车用齿轮油\黑霸王 80W-90 GL-5;1×208L\美孚</t>
  </si>
  <si>
    <t>【美孚】车用齿轮油\黑霸王 80W-90 GL-5;6×4L\美孚</t>
  </si>
  <si>
    <t>【美孚】车用齿轮油\黑霸王 85W-140 GL-5;1×208L\美孚</t>
  </si>
  <si>
    <t>【美孚】车用齿轮油\黑霸王 85W-140 GL-5;6×4L\美孚</t>
  </si>
  <si>
    <t>【美孚】合成齿轮油\路宝1# SHC 75W-90 GL-5;1×208L\美孚</t>
  </si>
  <si>
    <t>【美孚】车用齿轮油\路宝 GX 140 GL-4;6×4L\美孚</t>
  </si>
  <si>
    <t>【美孚】车用齿轮油\路宝 GX 80W-90;GL-4;1×208L\美孚</t>
  </si>
  <si>
    <t>【美孚】车用齿轮油\路宝 HD 80W-90;GL-5;1×208L\美孚</t>
  </si>
  <si>
    <t>【美孚】车用齿轮油\路宝 HD 80W-90 GL-5;6×4L\美孚</t>
  </si>
  <si>
    <t>【美孚】车用齿轮油\路宝 LS 85W-90 GL-5;1×208L\美孚</t>
  </si>
  <si>
    <t>【美孚】合成齿轮油\格高 220;VG220;1×20L\美孚</t>
  </si>
  <si>
    <t>【美孚】合成齿轮油\格高 220;VG220;1×208L\美孚</t>
  </si>
  <si>
    <t>【美孚】合成齿轮油\格高 320;VG320;1×208L\美孚</t>
  </si>
  <si>
    <t>【美孚】合成齿轮油\格高 460;VG460;1×20L\美孚</t>
  </si>
  <si>
    <t>【美孚】合成齿轮油\格高 460;VG460;1×208L\美孚</t>
  </si>
  <si>
    <t>【美孚】合成齿轮油\格高 680;VG680;1×208L\美孚</t>
  </si>
  <si>
    <t>【美孚】合成齿轮油\SHC 624;VG32;1×208L\美孚</t>
  </si>
  <si>
    <t>【美孚】合成齿轮油\SHC 626;VG68;1×208L\美孚</t>
  </si>
  <si>
    <t>【美孚】合成齿轮油\SHC 627;VG100;1×208L\美孚</t>
  </si>
  <si>
    <t>【美孚】合成齿轮油\SHC 629;VG150;1×208L\美孚</t>
  </si>
  <si>
    <t>【美孚】合成齿轮油\SHC 630;VG220;1×208L\美孚</t>
  </si>
  <si>
    <t>【美孚】合成齿轮油\SHC 632;VG320;1×208L\美孚</t>
  </si>
  <si>
    <t>【美孚】合成齿轮油\SHC 634;VG460;1×208L\美孚</t>
  </si>
  <si>
    <t>【美孚】合成齿轮油\SHC 636;VG680;1×208L\美孚</t>
  </si>
  <si>
    <t>【美孚】合成齿轮油\SHC 639;VG1000;1×208L\美孚</t>
  </si>
  <si>
    <t>【美孚】合成齿轮油\SHC Gear 220;VG220;1×208L\美孚</t>
  </si>
  <si>
    <t>【美孚】合成齿轮油\SHC Gear 220;VG220;1×20L\美孚</t>
  </si>
  <si>
    <t>【美孚】合成齿轮油\SHC Gear 320;VG320;1×208L\美孚</t>
  </si>
  <si>
    <t>【美孚】合成齿轮油\SHC Gear 3200;VG3200;1×208L\美孚</t>
  </si>
  <si>
    <t>【美孚】合成齿轮油\SHC Gear 460;VG460;1×208L\美孚</t>
  </si>
  <si>
    <t>【美孚】合成齿轮油\SHC Gear 680;VG680;1×208L\美孚</t>
  </si>
  <si>
    <t>【美孚】合成齿轮油\SHC Gear OH 320;VG320;1×208L\美孚</t>
  </si>
  <si>
    <t>【美孚】合成齿轮油\SHC Gear OH 460;VG460;1×208L\美孚</t>
  </si>
  <si>
    <t>【美孚】合成齿轮油\SHC Gear OH 680;VG680;1×208L\美孚</t>
  </si>
  <si>
    <t>【美孚】合成齿轮油\SHC XMP 320;VG320;1×208L\美孚</t>
  </si>
  <si>
    <t>【美孚】极压齿轮油\事必达 EP150;VG150;1×208L\美孚</t>
  </si>
  <si>
    <t>【美孚】极压齿轮油\事必达 EP220;VG220;1×18L\美孚</t>
  </si>
  <si>
    <t>【美孚】极压齿轮油\事必达 EP220;VG220;1×208L\美孚</t>
  </si>
  <si>
    <t>【美孚】极压齿轮油\事必达 EP320;VG320;1×18L\美孚</t>
  </si>
  <si>
    <t>【美孚】极压齿轮油\事必达 EP320;VG320;1×208L\美孚</t>
  </si>
  <si>
    <t>【美孚】极压齿轮油\事必达 EP460;VG460;1×208L\美孚</t>
  </si>
  <si>
    <t>【美孚】工程液压油\工程液压油 10W;1×208L\美孚</t>
  </si>
  <si>
    <t>【美孚】合成液压油\SHC 525;VG46;1×208L\美孚</t>
  </si>
  <si>
    <t>【美孚】抗磨液压油\DTE 10 超凡 100;VG100;1×208L\美孚</t>
  </si>
  <si>
    <t>【美孚】抗磨液压油\DTE 10 超凡 15;VG15;1×208L\美孚</t>
  </si>
  <si>
    <t>【美孚】抗磨液压油\DTE 10 超凡 150;VG150;1×208L\美孚</t>
  </si>
  <si>
    <t>【美孚】抗磨液压油\DTE 10 超凡 32;VG32;1×208L\美孚</t>
  </si>
  <si>
    <t>【美孚】抗磨液压油\DTE 10 超凡 46;VG46;1×208L\美孚</t>
  </si>
  <si>
    <t>【美孚】抗磨液压油\DTE 10 超凡 68;VG68;1×208L\美孚</t>
  </si>
  <si>
    <t>【美孚】抗磨液压油\力图 H100;VG100;1×208L\美孚</t>
  </si>
  <si>
    <t>【美孚】抗磨液压油\力图 H32 ;VG32;1×208L\美孚</t>
  </si>
  <si>
    <t>【美孚】抗磨液压油\力图 H46 ;VG46;1×208L\美孚</t>
  </si>
  <si>
    <t>【美孚】抗磨液压油\力图 H68 ;VG68;1×208L\美孚</t>
  </si>
  <si>
    <t>【美孚】空压机油\拉力士 424;VG32;1×208L\美孚</t>
  </si>
  <si>
    <t>【美孚】空压机油\拉力士 425;VG46;1×208L\美孚</t>
  </si>
  <si>
    <t>【美孚】空压机油\拉力士 426;VG68;1×208L\美孚</t>
  </si>
  <si>
    <t>【美孚】空压机油\拉力士 427;VG100;1×208L\美孚</t>
  </si>
  <si>
    <t>【美孚】空压机油\拉力士 429;VG150;1×208L\美孚</t>
  </si>
  <si>
    <t>【美孚】空压机油\拉力士 SHC 1024;VG32;1×208L\美孚</t>
  </si>
  <si>
    <t>【美孚】空压机油\拉力士 SHC 1025;VG46;1×208L\美孚</t>
  </si>
  <si>
    <t>【美孚】空压机油\拉力士 SHC 1026;VG68;1×208L\美孚</t>
  </si>
  <si>
    <t>【美孚】导轨油\威达 1#;VG32;1×208L\美孚</t>
  </si>
  <si>
    <t>【美孚】导轨油\威达 2#;VG68;1×208L\美孚</t>
  </si>
  <si>
    <t>【美孚】透平油\DTE 732;VG32;1×208L\美孚</t>
  </si>
  <si>
    <t>【美孚】透平油\DTE 746;VG46;1×208L\美孚</t>
  </si>
  <si>
    <t>【美孚】透平油\DTE 832;VG32;1×208L\美孚</t>
  </si>
  <si>
    <t>【美孚】透平油\DTE 846;VG46;1×208L\美孚</t>
  </si>
  <si>
    <t>【美孚】循环油\DTE 中重级;VG68;1×208L\美孚</t>
  </si>
  <si>
    <t>【美孚】循环油\DTE 轻级;VG32;1×18L\美孚</t>
  </si>
  <si>
    <t>【美孚】循环油\DTE 轻级;VG32;1×208L\美孚</t>
  </si>
  <si>
    <t>【美孚】循环油\DTE 中级;VG46;1×18L\美孚</t>
  </si>
  <si>
    <t>【美孚】循环油\DTE 中级;VG46;1×208L\美孚</t>
  </si>
  <si>
    <t>【美孚】循环油\特力索 T 32;VG32;1×208L\美孚</t>
  </si>
  <si>
    <t>【美孚】循环油\特力索 T 46;VG46;1×208L\美孚</t>
  </si>
  <si>
    <t>【美孚】循环油\威格力 525;VG100;1×208L\美孚</t>
  </si>
  <si>
    <t>【美孚】循环油\威格力 528;VG150;1×208L\美孚</t>
  </si>
  <si>
    <t>【美孚】循环油\威格力 533;VG220;1×208L\美孚</t>
  </si>
  <si>
    <t>【美孚】循环油\威格力 537;VG320;1×208L\美孚</t>
  </si>
  <si>
    <t>【美孚】切削液\克特 100;1×208L\美孚</t>
  </si>
  <si>
    <t>【美孚】切削液\美特 426;1×208L\美孚</t>
  </si>
  <si>
    <t>【美孚】汽缸油\600W汽缸油;1×208L\美孚</t>
  </si>
  <si>
    <t>【美孚】传动油\传动油 424;1×18L\美孚</t>
  </si>
  <si>
    <t>【美孚】传动油\传动油 424;1×208L\美孚</t>
  </si>
  <si>
    <t>【美孚】传动油\传动油 HD 10W;1×208L\美孚</t>
  </si>
  <si>
    <t>【美孚】自动排挡液\ATF 220;1×208L\美孚</t>
  </si>
  <si>
    <t>【美孚】自动排挡液\ATF 220;12×1L\美孚</t>
  </si>
  <si>
    <t>【美孚】自动排挡液\多用途 ATF-德士龙Ⅲ;1×208L\美孚</t>
  </si>
  <si>
    <t>【美孚】自动排挡液\多用途 ATF-德士龙Ⅲ;12×1L\美孚</t>
  </si>
  <si>
    <t>【美孚】制动油\刹车液 DOT3;1×208L\美孚</t>
  </si>
  <si>
    <t>【美孚】制动油\刹车液 DOT3;12×1L\美孚</t>
  </si>
  <si>
    <t>【美孚】制动油\刹车液 DOT4;12×0.5L\美孚</t>
  </si>
  <si>
    <t>【美孚】防锈油\防锈油 798 ;1×18L\美孚</t>
  </si>
  <si>
    <t>【美孚】锭子油\维萝斯10#;VG22;1×208L\美孚</t>
  </si>
  <si>
    <t>【美孚】锭子油\维萝斯6#;VG10;1×208L\美孚</t>
  </si>
  <si>
    <t>【美孚】电商锂基润滑脂\车用滑脂 MP;NLGI 2;1×16kg\美孚</t>
  </si>
  <si>
    <t>【美孚】电商锂基润滑脂\车用滑脂 MP;NLGI 2;6×2kg\美孚</t>
  </si>
  <si>
    <t>【美孚】电商锂基润滑脂\力士 EP 0;NLGI 0;1×16kg\美孚</t>
  </si>
  <si>
    <t>【美孚】电商锂基润滑脂\力士 EP 0;NLGI 0;1×180kg\美孚</t>
  </si>
  <si>
    <t>【美孚】电商锂基润滑脂\力士 EP 004;NLGI 00;1×18kg\美孚</t>
  </si>
  <si>
    <t>【美孚】电商锂基润滑脂\力士 EP 023;NLGI 000;1×16kg\美孚</t>
  </si>
  <si>
    <t>【美孚】电商锂基润滑脂\力士 EP 1;NLGI 1;1×16kg\美孚</t>
  </si>
  <si>
    <t>【美孚】电商锂基润滑脂\力士 EP 1;NLGI 1;1×180kg\美孚</t>
  </si>
  <si>
    <t>【美孚】电商锂基润滑脂\力士 EP 2;NLGI 2;1×16kg\美孚</t>
  </si>
  <si>
    <t>【美孚】电商锂基润滑脂\力士 EP 2;NLGI 2;1×180kg\美孚</t>
  </si>
  <si>
    <t>【美孚】电商锂基润滑脂\力士 EP 3;NLGI 3;1×16kg\美孚</t>
  </si>
  <si>
    <t>【美孚】电商锂基润滑脂\力士 EP 3;NLGI 3;1×180kg\美孚</t>
  </si>
  <si>
    <t>【美孚】电商二硫化钼复合锂基脂\特级 XHP 222;NLGI 2;1×16kg\美孚</t>
  </si>
  <si>
    <t>【美孚】电商二硫化钼复合锂基脂\XHP 320 Mine;NLGI 0;1×180kg\美孚</t>
  </si>
  <si>
    <t>【美孚】电商二硫化钼极压锂基脂\特级 XHP 222;NLGI 2;1×180kg\美孚</t>
  </si>
  <si>
    <t>【美孚】电商复合锂基润滑脂\力富 SHC 007;NLGI 00;1×163kg\美孚</t>
  </si>
  <si>
    <t>【美孚】电商复合锂基润滑脂\力富 SHC 100;NLGI 2;1×16kg\美孚</t>
  </si>
  <si>
    <t>【美孚】电商复合锂基润滑脂\力富 SHC 1500;NLGI 1.5;1×16kg\美孚</t>
  </si>
  <si>
    <t>【美孚】电商复合锂基润滑脂\力富 SHC 220;NLGI 2;1×16kg\美孚</t>
  </si>
  <si>
    <t>【美孚】电商复合锂基润滑脂\力富 SHC 460;NLGI 1.5;1×16kg\美孚</t>
  </si>
  <si>
    <t>【美孚】电商复合锂基润滑脂\优力达 N2;NLGI 2;1×180kg\美孚</t>
  </si>
  <si>
    <t>【美孚】电商复合锂基润滑脂\优力达 N2;NLGI 2;1×18kg\美孚</t>
  </si>
  <si>
    <t>【美孚】电商复合锂基润滑脂\优力达 N3;NLGI 3;1×18kg\美孚</t>
  </si>
  <si>
    <t>【美孚】电商复合锂基润滑脂\XHP 222;NLGI 2;1×16kg\美孚</t>
  </si>
  <si>
    <t>【美孚】电商复合锂基润滑脂\XHP 222;NLGI 2;40×0.39kg\美孚</t>
  </si>
  <si>
    <t>【美孚】电商脲基润滑脂\宝力达 EM;NLGI 2;1×16kg\美孚</t>
  </si>
  <si>
    <t>【美孚】电商高温润滑脂\TEMP SHC 100;NLGI 2;1×180kg\美孚</t>
  </si>
  <si>
    <t>【美孚】电商开式齿轮润滑脂\德耐格800;1×180kg\美孚</t>
  </si>
  <si>
    <t>【美孚】电商开式齿轮润滑脂\德耐格2000;1×180kg\美孚</t>
  </si>
  <si>
    <t>【美孚】电商开式齿轮润滑脂\德耐格600;1×180kg\美孚</t>
  </si>
  <si>
    <t>【美孚】电商开式齿轮润滑脂\OGL 007;NLGI 00#;1×18Kg\美孚</t>
  </si>
  <si>
    <t>【美孚】电商复合锂基润滑脂\力富 SHC 007;NLGI 00;1×16kg\美孚</t>
  </si>
  <si>
    <t>【美孚】导轨油\威达 3#;VG150;1×208L\美孚</t>
  </si>
  <si>
    <t>【美孚】导轨油\威达 4#;VG220;1×208L\美孚</t>
  </si>
  <si>
    <t>【美孚】超级齿轮油\超级 600 XP 460;VG460;1×18L\美孚</t>
  </si>
  <si>
    <t>【美孚】汽油机油\速霸 2000 5W-40 SN;6×4L\美孚</t>
  </si>
  <si>
    <t>【美孚】汽油机油\美孚1# 0W-40;4×4L\美孚</t>
  </si>
  <si>
    <t>【美孚】齿轮油\SHC Gear 460;VG 460;1×20L\美孚</t>
  </si>
  <si>
    <t>【美孚】齿轮油\SHC XMP460;VG460;1×208L\美孚</t>
  </si>
  <si>
    <t>【美孚】汽油机油\美孚1号 5W-40;4×4L\美孚</t>
  </si>
  <si>
    <t>【美孚】循环油\DTE 重级;VG100;1×208L\美孚</t>
  </si>
  <si>
    <t>【美孚】抗磨液压油\力图 H46 VG46;1×18L\美孚</t>
  </si>
  <si>
    <t>【美孚】抗磨液压油\优力威 HVI 26;1×208L\美孚</t>
  </si>
  <si>
    <t>【美孚】柴油机油\黑霸王1# 5W-40;1×208L\美孚</t>
  </si>
  <si>
    <t>【美孚】电商白矿油\MARCOL 82;1×180kg\美孚</t>
  </si>
  <si>
    <t>【美孚】电商高温润滑脂\TEMP SHC 100;NLGI 2;1×18kg\美孚</t>
  </si>
  <si>
    <t>【美孚】合成齿轮油\SHC Gear 150;VG150;1×208L\美孚</t>
  </si>
  <si>
    <t>【美孚】汽油机油\速霸 1000 5W-30 SN;6×4L\美孚</t>
  </si>
  <si>
    <t>【美孚】合成液压油\SHC 524;VG32;1×208L\美孚</t>
  </si>
  <si>
    <t>【美孚】抗磨液压油\DTE 10 超凡 32;VG32;1×18L\美孚</t>
  </si>
  <si>
    <t>【美孚】热传导油\传热油 605;1×208L\美孚</t>
  </si>
  <si>
    <t>【美孚】电商复合锂基润滑脂\XHP 223;NLGI 2;1×180kg\美孚</t>
  </si>
  <si>
    <t>【美孚】电商复合锂基润滑脂\XHP 223;NLGI 3;1×16kg\美孚</t>
  </si>
  <si>
    <t>【美孚】透平油\SHC 824;VG32;1×208L\美孚</t>
  </si>
  <si>
    <t>【美孚】透平油\SHC 825;VG46;1×208L\美孚</t>
  </si>
  <si>
    <t>【美孚】电商抗燃液压油\派路特 HFD 46;1×230kg\美孚</t>
  </si>
  <si>
    <t>【美孚】导轨油\威达 2#;VG68;1×18L\美孚</t>
  </si>
  <si>
    <t>【美孚】合成齿轮油\格高 150;VG150;1×208L\美孚</t>
  </si>
  <si>
    <t>【美孚】齿轮油\GEAR XMP 320;VG320;1×208L\美孚</t>
  </si>
  <si>
    <t>【美孚】透平油\DTE 732M;VG32;1×208L\美孚</t>
  </si>
  <si>
    <t>【美孚】电商复合锂基润滑脂\SHC GREASE 460WT;1×174kg\美孚</t>
  </si>
  <si>
    <t>【美孚】柴油机油\黑霸王 15W-40;CF-4;6×4L\美孚</t>
  </si>
  <si>
    <t>【美孚】柴油机油\黑霸王 15W-40;CF-4;1×208L\美孚</t>
  </si>
  <si>
    <t>【美孚】合成齿轮油\SHC Gear 320;VG320;1×20L\美孚</t>
  </si>
  <si>
    <t>【美孚】空压机油\拉力士 SHC 1024;VG32;1×20L\美孚</t>
  </si>
  <si>
    <t>【美孚】合成齿轮油\SHC 626;VG68;1×20L\美孚</t>
  </si>
  <si>
    <t>【美孚】电商开式齿轮润滑脂\TAC 375 NC;1×54.4kg\美孚</t>
  </si>
  <si>
    <t>【美孚】柴油机油\多威力 1330;1×18L\美孚</t>
  </si>
  <si>
    <t>【美孚】循环油\DTE 中重级;VG68;1×18L\美孚</t>
  </si>
  <si>
    <t>【美孚】抗磨液压油\优力威 HVI 13;1×20L\美孚</t>
  </si>
  <si>
    <t>【美孚】合成齿轮油\SHC 639;VG1000;1×20L\美孚</t>
  </si>
  <si>
    <t>【美孚】锭子油\维萝斯3#;VG10;1×208L\美孚</t>
  </si>
  <si>
    <t>【美孚】电商航空润滑脂\28#;1×16kg\美孚</t>
  </si>
  <si>
    <t>【美孚】合成齿轮油\路宝1# SHC 75W-90 GL-5;1×20L\美孚</t>
  </si>
  <si>
    <t>【美孚】循环油\DTE 重级;VG100;1×18L\美孚</t>
  </si>
  <si>
    <t>【美孚】抗磨液压油\力图 H68;VG68;1×18L\美孚</t>
  </si>
  <si>
    <t>【美孚】车用齿轮油\路宝 HD 80W-90 GL-5;1×18L\美孚</t>
  </si>
  <si>
    <t>【美孚】柴油机油\多威力 1330;1×208L\美孚</t>
  </si>
  <si>
    <t>【美孚】合成液压油\SHC Cibus 32;1×20L\美孚</t>
  </si>
  <si>
    <t>【美孚】汽油机油\速霸1000;5W-30;SN;1×208L\美孚</t>
  </si>
  <si>
    <t>【美孚】汽油机油\速霸1000;10W-40;SN;1×208L\美孚</t>
  </si>
  <si>
    <t>【美孚】汽油机油\速霸 1000 10W-40 SN;6×4L\美孚</t>
  </si>
  <si>
    <t>【美孚】传动油\传动油 HD 30;1×208L\美孚</t>
  </si>
  <si>
    <t>【美孚】汽油机油\美孚1# 0W-40;1×208L\美孚</t>
  </si>
  <si>
    <t>【美孚】合成齿轮油\SHC 629;VG150;1×20L\美孚</t>
  </si>
  <si>
    <t>【美孚】合成齿轮油\SHC 630;VG220;1×20L\美孚</t>
  </si>
  <si>
    <t>【美孚】合成齿轮油\SHC 636;VG680;1×20L\美孚</t>
  </si>
  <si>
    <t>【美孚】合成齿轮油\SHC 634;VG460;1×20L\美孚</t>
  </si>
  <si>
    <t>【美孚】合成齿轮油\SHC 632;VG320;1×20L\美孚</t>
  </si>
  <si>
    <t>【美孚】制动油\刹车液 DOT4;1×208L\美孚</t>
  </si>
  <si>
    <t>【美孚】电商锂基润滑脂\力士 EP 111;NLGI 1;1×181kg\美孚</t>
  </si>
  <si>
    <t>【美孚】电商锂基润滑脂\力士 EP 111;NLGI 1;1×15.8kg\美孚</t>
  </si>
  <si>
    <t>【美孚】抗磨液压油\DTE 10 超凡 150;VG150;1×20L\美孚</t>
  </si>
  <si>
    <t>【美孚】汽油机油\雷霆1# 4T 10W-40;12×1L\美孚</t>
  </si>
  <si>
    <t>【美孚】空压机油\拉力士 SHC 1025;VG46;1×20L\美孚</t>
  </si>
  <si>
    <t>【美孚】汽油机油\小霸王 2T;12×1L\美孚</t>
  </si>
  <si>
    <t>【美孚】电商复合锂基润滑脂\优力达 N3;NLGI 3;1×180kg\美孚</t>
  </si>
  <si>
    <t>【美孚】齿轮油\GEAR XMP 460;VG460;1×208L\美孚</t>
  </si>
  <si>
    <t>【美孚】齿轮油\GEAR XMP 220;VG220;1×208L\美孚</t>
  </si>
  <si>
    <t>【美孚】合成齿轮油\SHC 624;VG32;1×20L\美孚</t>
  </si>
  <si>
    <t>【美孚】空压机油\拉力士 827;VG100;1×208L\美孚</t>
  </si>
  <si>
    <t>【美孚】合成齿轮油\格高 150;VG150;1×20L\美孚</t>
  </si>
  <si>
    <t>【美孚】柴油机油\黑霸王超级 MX 20W-50 CI-4;1×18L\美孚</t>
  </si>
  <si>
    <t>【美孚】柴油机油\黑霸王超级 MX 20W-50 CI-4;1×208L\美孚</t>
  </si>
  <si>
    <t>【美孚】电商复合锂基润滑脂\力富 SHC 100;NLGI 2;40×0.38kg\美孚</t>
  </si>
  <si>
    <t>【美孚】抗磨液压油\优力威 N 32;VG32;1×208L\美孚</t>
  </si>
  <si>
    <t>【美孚】抗磨液压油\优力威 N 46;VG32;1×208L\美孚</t>
  </si>
  <si>
    <t>【美孚】合成齿轮油\SHC Gear 320 WT;VG320;1×208L\美孚</t>
  </si>
  <si>
    <t>【美孚】电商合成齿轮油\黑霸王1# 80W-140;1×15.9kg\美孚</t>
  </si>
  <si>
    <t>【美孚】汽油机油\力霸 5W-30 SL;6×4L\美孚</t>
  </si>
  <si>
    <t>【美孚】电商超级齿轮油\超级 600XP 460;VG460; Bulk\美孚</t>
  </si>
  <si>
    <t>【美孚】电商柴油机油\黑霸王超级MX15W-40 CI-4; Bulk\美孚</t>
  </si>
  <si>
    <t>【美孚】电商超级齿轮油\超级 600XP 320;VG320; Bulk\美孚</t>
  </si>
  <si>
    <t>【美孚】合成齿轮油\SHC Gear 150;VG150;1×20L\美孚</t>
  </si>
  <si>
    <t>【美孚】合成齿轮油\SHC Gear 680;VG680;1×20L\美孚</t>
  </si>
  <si>
    <t>【美孚】电商合成齿轮油\黑霸王1# 75W-90;1×15.9kg\美孚</t>
  </si>
  <si>
    <t>【美孚】电商复合锂基润滑脂\XHP 221;NLGI 1; 1×180kg\美孚</t>
  </si>
  <si>
    <t>【美孚】电商复合锂基润滑脂\力富 SHC 221;NLGI 1;1×16kg\美孚</t>
  </si>
  <si>
    <t>【美孚】电商复合锂基润滑脂\力富 SHC 221;NLGI 1;1×174kg\美孚</t>
  </si>
  <si>
    <t>【美孚】工程液压油\工程液压油 10W;1×18L\美孚</t>
  </si>
  <si>
    <t>【美孚】电商开式齿轮油\TAC 325 NC; 1×17.2kg\美孚</t>
  </si>
  <si>
    <t>【美孚】电商开式齿轮油\TAC 325 NC;1×181.4kg\美孚</t>
  </si>
  <si>
    <t>【美孚】电商开式齿轮油\TAC 375 NC; 1×17.2kg\美孚</t>
  </si>
  <si>
    <t>【美孚】电商开式齿轮润滑脂\德耐格4000;1×180kg\美孚</t>
  </si>
  <si>
    <t>【美孚】循环油\特力索 T 32;VG32;1×18L\美孚</t>
  </si>
  <si>
    <t>【美孚】液压润滑油\DTE 10 超凡 32;VG32;1×20L\美孚</t>
  </si>
  <si>
    <t>【美孚】液压润滑油\DTE 10 超凡 46;VG46;1×20L\美孚</t>
  </si>
  <si>
    <t>【美孚】抗磨液压油\DTE 10 超凡 68;VG68;1×20L\美孚</t>
  </si>
  <si>
    <t>【美孚】抗磨液压油\优力威 HVI 26;1×20L\美孚</t>
  </si>
  <si>
    <t>【美孚】抗磨液压油\力图 H100;VG100;1×18L\美孚</t>
  </si>
  <si>
    <t>【美孚】抗磨液压油\力图 H32;VG32;1×18L\美孚</t>
  </si>
  <si>
    <t>【美孚】极压齿轮油\事必达 EP150;VG150;1×18L\美孚</t>
  </si>
  <si>
    <t>【美孚】柴油机油\黑霸王 1300 C 10W-30 CH-4; 1×208L\美孚</t>
  </si>
  <si>
    <t>【美孚】柴油机油\黑霸王;15W-40 CF-4;1×18L\美孚</t>
  </si>
  <si>
    <t>【美孚】柴油机油\黑霸王 20W-50;CF-4; 1×208L\美孚</t>
  </si>
  <si>
    <t>【美孚】汽油机油\力霸 15W-40 SL; 1×208L\美孚</t>
  </si>
  <si>
    <t>【美孚】汽油机油\力霸 15W-50 SL; 6×4L\美孚</t>
  </si>
  <si>
    <t>【美孚】汽油机油\5W-30 SL;1×208L\美孚</t>
  </si>
  <si>
    <t>【美孚】汽油机油\美孚1# 0W-20;12×1L\美孚</t>
  </si>
  <si>
    <t>【美孚】汽油机油\美孚1# 0W-20;4×4L\美孚</t>
  </si>
  <si>
    <t>【美孚】汽油机油\美孚1# 0W-30;12×1L\美孚</t>
  </si>
  <si>
    <t>【美孚】汽油机油\美孚1# 0W-30;4×4L\美孚</t>
  </si>
  <si>
    <t>【美孚】汽油机油\美孚1# 0W-40;12×1L\美孚</t>
  </si>
  <si>
    <t>【美孚】汽油机油\美孚1# 5W-30;12×1L\美孚</t>
  </si>
  <si>
    <t>【美孚】汽油机油\速霸 1000 10W-30 SN; 1×208L\美孚</t>
  </si>
  <si>
    <t>【美孚】汽油机油\速霸1000 10W-30 SN;6×4L\美孚</t>
  </si>
  <si>
    <t>【美孚】汽油机油\速霸 1000 15W-50 SN; 6×4L\美孚</t>
  </si>
  <si>
    <t>【美孚】空压机油\拉力士 424;VG32; 1×18L\美孚</t>
  </si>
  <si>
    <t>【美孚】空压机油\拉力士 425;VG46;1×18L\美孚</t>
  </si>
  <si>
    <t>【美孚】空压机油\拉力士 426;VG68;1×20L\美孚</t>
  </si>
  <si>
    <t>【美孚】空压机油\拉力士 427;VG100;1×18L\美孚</t>
  </si>
  <si>
    <t>【美孚】空压机油\拉力士 429;VG150;1×20L\美孚</t>
  </si>
  <si>
    <t>【美孚】空压机油\拉力士 829;VG150;1×18.9L\美孚</t>
  </si>
  <si>
    <t>【美孚】空压机油\美孚真空泵油; 1×18L\美孚</t>
  </si>
  <si>
    <t>【美孚】车用齿轮油\路宝 GX 80W-90;GL-4;1×18L\美孚</t>
  </si>
  <si>
    <t>【美孚】车用齿轮油\黑霸王 85W-140 GL-5;1×18L\美孚</t>
  </si>
  <si>
    <t>【美孚】透平油\DTE 732M2;VG32;1×208L\美孚</t>
  </si>
  <si>
    <t>【美孚】长效液压油\DTE 22 UT;VG 22;1×208L\美孚</t>
  </si>
  <si>
    <t>【美孚】长效液压油\DTE 22 UT;VG 22;1×18L\美孚</t>
  </si>
  <si>
    <t>【美孚】长效液压油\DTE 24 UT;VG32;1×208L\美孚</t>
  </si>
  <si>
    <t>【美孚】长效液压油\DTE 24 UT;VG32;1×18L\美孚</t>
  </si>
  <si>
    <t>【美孚】长效液压油\DTE 25 UT;VG46;1×208L\美孚</t>
  </si>
  <si>
    <t>【美孚】长效液压油\DTE 25 UT;VG46;1×18L\美孚</t>
  </si>
  <si>
    <t>【美孚】长效液压油\DTE 26 UT;VG 68;1×208L\美孚</t>
  </si>
  <si>
    <t>【美孚】长效液压油\DTE 26 UT;VG 68;1×18L\美孚</t>
  </si>
  <si>
    <t>【美孚】长效液压油\DTE 27 UT;VG100;1×208L\美孚</t>
  </si>
  <si>
    <t>【美孚】长效液压油\DTE 27 UT;VG100;1×18L\美孚</t>
  </si>
  <si>
    <t>【美孚】防冻液\1×208L\-45℃\美孚</t>
  </si>
  <si>
    <t>【美孚】防冻液\;6×4L\-45℃\美孚</t>
  </si>
  <si>
    <t>【美孚】防冻液\黑霸王;1×208L\-35℃\美孚</t>
  </si>
  <si>
    <t>【美孚】防冻液\黑霸王;1×18L\-35℃\美孚</t>
  </si>
  <si>
    <t>【美孚】防冻液\黑霸王;1×208L\-45℃\美孚</t>
  </si>
  <si>
    <t>【美孚】防冻液\黑霸王;1×18L\-45℃\美孚</t>
  </si>
  <si>
    <t>【美孚】电商高温润滑脂\TEMP SHC 32;NLGI 2;1×15.9kg\美孚</t>
  </si>
  <si>
    <t>【美孚】齿轮油\齿轮油MS 460;1×208L\美孚</t>
  </si>
  <si>
    <t>【美孚】透平油\DTE 768;VG68;1×208L\美孚</t>
  </si>
  <si>
    <t>【美孚】汽油机油\速霸 1000;15W-50 SN;1×208L\美孚</t>
  </si>
  <si>
    <t>【美孚】合成液压油\SHC 526;VG68;1×208L\美孚</t>
  </si>
  <si>
    <t>【美孚】电商白油\PRIMOL 352;1×180kg\美孚</t>
  </si>
  <si>
    <t>【联合利华】清扬植觉净透去屑洗发液\700ml/瓶</t>
  </si>
  <si>
    <t>联合利华（中国）有限公司</t>
  </si>
  <si>
    <t>联合利华</t>
  </si>
  <si>
    <t>WZSCCG-2020-BJ-2080</t>
  </si>
  <si>
    <t>国家能源e购商城联合利华日用品长协采购铺货采购合同</t>
  </si>
  <si>
    <t>江西智上鹏珲贸易有限公司</t>
  </si>
  <si>
    <t>【联合利华】清扬植觉男士净透去屑洗发液\700ml/瓶</t>
  </si>
  <si>
    <t>【联合利华】清扬男士清爽控油型去屑洗发液\450g/瓶</t>
  </si>
  <si>
    <t>【联合利华】清扬男士平衡控油沐浴液\720g/瓶</t>
  </si>
  <si>
    <t>【联合利华】清扬男士平衡控油活力运动沐浴液\720g/瓶</t>
  </si>
  <si>
    <t>【哈锅】水冷壁管屏\D5520B.308 φ51×5.6MWT SA-210A1\哈锅\国产</t>
  </si>
  <si>
    <t>哈锅</t>
  </si>
  <si>
    <t>【哈锅】水冷壁管\φ51×5.6MWT×12000 SA-210A1\哈锅\国产</t>
  </si>
  <si>
    <t>【哈锅】水冷壁鳍片\6×12×6000 20G\哈锅\国产</t>
  </si>
  <si>
    <t>【联合利华】多芬柔肤液霜香皂\100g/块</t>
  </si>
  <si>
    <t>【联合利华】力士精油香氛液幽莲魅肤沐浴\200g/瓶</t>
  </si>
  <si>
    <t>【联合利华】力士娇肤恒久嫩肤沐浴液\200g/瓶</t>
  </si>
  <si>
    <t>【联合利华】金纺薰衣草柔顺剂\1L/瓶</t>
  </si>
  <si>
    <t>【联合利华】奥妙柠檬去油洗洁精\1.49kg/瓶</t>
  </si>
  <si>
    <t>【联合利华】奥妙深层洁净洗衣粉\3.5kg/袋</t>
  </si>
  <si>
    <t>【德施普】防静电袜\DSP-F0332</t>
  </si>
  <si>
    <t>【德施普】多功能矿工袜\阻燃袜\DSP-F0333</t>
  </si>
  <si>
    <t>【德施普】多功能绝缘袜\DSP-F0334</t>
  </si>
  <si>
    <t>【德施普】复合多功能矿袜\DSP-F0335</t>
  </si>
  <si>
    <t>【德施普】矿用牛仔布鞋套\DSP-F0336</t>
  </si>
  <si>
    <t>【德施普】矿用纯棉帆布鞋套\DSP-F0337</t>
  </si>
  <si>
    <t>【德施普】安全绳\DSP-Y0108\国产</t>
  </si>
  <si>
    <t>【德施普】电工皮带\腰带\DSP-Y0102\牛皮</t>
  </si>
  <si>
    <t>【东方发电机】绝缘引水管装配\1Q6374\东方电机\国产</t>
  </si>
  <si>
    <t>【东方发电机】绝缘引水管装配\1Q6375\东方电机\国产</t>
  </si>
  <si>
    <t>【东方发电机】耐油橡皮圆条\1Q2247 φ8\东方电机\国产</t>
  </si>
  <si>
    <t>【东方发电机】电流互感器\1Q9481 TPY\东方电机\国产</t>
  </si>
  <si>
    <t>【东方发电机】电流互感器\1Q9481 5P20\东方电机\国产</t>
  </si>
  <si>
    <t>【东方发电机】电流互感器\1Q9481 0.2S\东方电机\国产</t>
  </si>
  <si>
    <t>【东方发电机】电流互感器\LR11-24\22kV\25000/5\0.2级\75VA\穿心式\国产</t>
  </si>
  <si>
    <t>【东方发电机】冷却器密封垫条\4Q12480 QFSN-1000-27-2\东方电机有限公司</t>
  </si>
  <si>
    <t>【东方发电机】冷却器密封金属压条\QFSN-1000-27-2 3Q7556\东方电机有限公司\国产</t>
  </si>
  <si>
    <t>【东方发电机】电绝缘纸板\1Q4858序38\东方电机\国产</t>
  </si>
  <si>
    <t>【东方发电机】钢板纸一号\1Q4858序40 1×800×1200\东电\国产</t>
  </si>
  <si>
    <t>【东方发电机】自锁螺母\1Q4526序6\东方电机\国产</t>
  </si>
  <si>
    <t>【东方发电机】励端绝缘板\3Q7808\东方电机厂\国产</t>
  </si>
  <si>
    <t>【东方发电机】绝缘板\4Q12863\东方电机厂\国产</t>
  </si>
  <si>
    <t>【东方发电机】绝缘板\4Q12862\东方电机厂\国产</t>
  </si>
  <si>
    <t>【东方发电机】绝缘套管\4Q12695\东方电机厂\国产</t>
  </si>
  <si>
    <t>【东方发电机】绝缘套管\4Q12694\东方电机厂\国产</t>
  </si>
  <si>
    <t>【东方发电机】绝缘垫片\3Q7675\东方电机有限公司\国产</t>
  </si>
  <si>
    <t>【东方发电机】绝缘垫片\3Q7676\东方电机有限公司\国产</t>
  </si>
  <si>
    <t>【东方发电机】绝缘垫片\3Q7677\东方电机有限公司\国产</t>
  </si>
  <si>
    <t>【东方发电机】绝缘垫片\3Q7678\东方电机有限公司\国产</t>
  </si>
  <si>
    <t>【东方发电机】绝缘垫片\3Q7679\东方电机有限公司\国产</t>
  </si>
  <si>
    <t>【东方发电机】绝缘垫片\3Q7680\东方电机有限公司\国产</t>
  </si>
  <si>
    <t>【东方发电机】绝缘垫片\4Q12557\东方电机有限公司\国产</t>
  </si>
  <si>
    <t>【东方发电机】定子出线止动垫圈\4Q7155\东电\国产</t>
  </si>
  <si>
    <t>【东方发电机】环氧涤纶毛毡\1Q1602 序17\东方电机股份有限公司\国产</t>
  </si>
  <si>
    <t>【东方发电机】端头槽楔\2Q2325\东方电机股份有限公司\国产</t>
  </si>
  <si>
    <t>【东方发电机】环氧桐马玻璃粉云母带\1Q3301 序32\东方电机股份有限公司\国产</t>
  </si>
  <si>
    <t>【东方发电机】密封垫圈\3Q7582\东方电机有限公司\国产</t>
  </si>
  <si>
    <t>【东方发电机】密封垫圈\3Q7567\东方电机有限公司\国产</t>
  </si>
  <si>
    <t>【东方发电机】密封垫圈\3Q7569\东方电机有限公司\国产</t>
  </si>
  <si>
    <t>【东方发电机】自锁螺母\1Q4526-6\东电\国产</t>
  </si>
  <si>
    <t>【东方发电机】支撑套管\2Q13058\东电\国产</t>
  </si>
  <si>
    <t>【东方发电机】冷却器密封衬垫\3Q7957 QFSN-1000-27-2\东方电机有限公司</t>
  </si>
  <si>
    <t>【东方发电机】密封条\3Q7511\东方电机有限公司\国产</t>
  </si>
  <si>
    <t>【东方发电机】发电机碳刷刷握手柄\2DQ208\东方电机股份有限公司</t>
  </si>
  <si>
    <t>【德施普】矿工腰带\DSP-Y0103\牛皮</t>
  </si>
  <si>
    <t>【德施普】线手套\DSP-S0101\100%棉</t>
  </si>
  <si>
    <t>【德施普】迷彩鞋\DSP-F0338\橡胶</t>
  </si>
  <si>
    <t>【德施普】线手套\DSP-S0102\100%棉</t>
  </si>
  <si>
    <t>【德施普】线手套\DSP-S0103\涤棉</t>
  </si>
  <si>
    <t>【德施普】尼龙手套\DSP-S0104</t>
  </si>
  <si>
    <t>【德施普】尼龙浸胶手套\DSP-S0105\防酸碱</t>
  </si>
  <si>
    <t>【德施普】点胶手套\DSP-S0106\防滑\防割\纱线</t>
  </si>
  <si>
    <t>【德施普】普通帆布手套\DSP-S0107</t>
  </si>
  <si>
    <t>【德施普】掌部加强帆布手套\DSP-S0108</t>
  </si>
  <si>
    <t>【德施普】掌部皱胶线手套\DSP-S0110\耐磨\纱线</t>
  </si>
  <si>
    <t>【德施普】半浸胶防寒线手套\DSP-S0111\耐磨\纱线</t>
  </si>
  <si>
    <t>【华为】服务器内存\DDR4 2933 32G\32G DDR4 2933MT/s ECC</t>
  </si>
  <si>
    <t>华为技术有限公司（服务器）</t>
  </si>
  <si>
    <t>GNWZBP(TH)ZECG2020-258</t>
  </si>
  <si>
    <t>国家能源e购商城IT专区华为服务器及配件铺货采购合同</t>
  </si>
  <si>
    <t>中建材信息技术股份有限公司</t>
  </si>
  <si>
    <t>【德施普】浸胶手套\DSP-S0112\耐磨\纱线</t>
  </si>
  <si>
    <t>【华为】服务器内存\DDR4 2933 64G\64G DDR4 2933MT/s ECC</t>
  </si>
  <si>
    <t>【华为】服务器网卡\I350\1GE双电口 RJ-45（含线缆） I350</t>
  </si>
  <si>
    <t>【德施普】掌部浸胶线手套\DSP-S0109\耐磨\纱线</t>
  </si>
  <si>
    <t>【华为】服务器网卡\10G 2光口 INTEL 82599\10G 2光口 INTEL 82599-含SFP+光模块（含线缆）</t>
  </si>
  <si>
    <t>【华为】服务器网卡\Mellanox CX4-lx EN\25GE双光口-含SFP28光模块（含线缆）</t>
  </si>
  <si>
    <t>【德施普】花皮短款电焊手套\DSP-S0114\隔热\防割\牛皮</t>
  </si>
  <si>
    <t>【华为】服务器显卡GPU\NVIDIA Tesla V100 PCIe 32G</t>
  </si>
  <si>
    <t>【德施普】反绒皮电焊手套\DSP-S0115\隔热\防割\防寒\反绒皮</t>
  </si>
  <si>
    <t>【德施普】防割手套\DSP-S0116\防滑</t>
  </si>
  <si>
    <t>【华为】服务器硬盘\10K 600G SAS\600GB SAS磁盘-SAS 12Gb/s-10K rpm-2.5英寸（含托架）</t>
  </si>
  <si>
    <t>【深圳紫光】LED防爆平台灯\GB8014\AC220V\10/15W\壁装式\ExdⅡCT6Gb\IP66</t>
  </si>
  <si>
    <t>深圳市紫光照明技术股份有限公司</t>
  </si>
  <si>
    <t>深圳紫光</t>
  </si>
  <si>
    <t>GNWZBP(TH)ZYCG2020-225</t>
  </si>
  <si>
    <t>国家能源e购商城紫光照明产品商城铺货长协采购框架合同</t>
  </si>
  <si>
    <t>【德施普】防震手套\DSP-S0117\防割\纱线</t>
  </si>
  <si>
    <t>【华为】服务器硬盘\10K 1.2T SAS 2.5"\1.2T SAS磁盘-SAS 12Gb/s-10K rpm-2.5英寸（含托架）</t>
  </si>
  <si>
    <t>【华为】服务器硬盘\7.2K 10T SATA\10TB SATA磁盘-SATA 6Gb/s-7.2K rpm-3.5英寸（含托架）</t>
  </si>
  <si>
    <t>【华为】服务器硬盘\480G SSD 2.5"\480G SSD磁盘 2.5英寸 支持RAID1（含托架）</t>
  </si>
  <si>
    <t>【华为】服务器硬盘\960G NVMe SSD\960GB NVMe SSD盘（含托架）</t>
  </si>
  <si>
    <t>【华为】服务器硬盘\10K 2.4T SAS\2.4TB SAS磁盘-SAS 12Gb/s-10K rpm（含托架）</t>
  </si>
  <si>
    <t>【华为】2U2路存储型机架式服务器（含服务包）\2288H V5\Intel Xeon 6248(2.5GHz,20core)*2/内存32GB*4(或64GB*2)/存储600GB*2,10T*6,960GB*1(SSD)/4×1GE电口,2×10GE光口,25GE双端口网卡</t>
  </si>
  <si>
    <t>【华为】2U2路存储型机架式服务器\2288H V5\Intel Xeon 6248(2.5GHz,20core)*2/内存32GB*4(或64GB*2)/存储600GB*2,10T*6,960GB*1(SSD)/4×1GE电口,2×10GE光口,25GE双端口网卡</t>
  </si>
  <si>
    <t>【深圳紫光】LED防爆应急平台灯\GBE8014\AC/DC220V\8W\壁装式\ExdⅡCT6Gb\IP66</t>
  </si>
  <si>
    <t>【深圳紫光】LED智能调光防爆道路灯\GL8082\AC/DC220V\120W\立杆式\ExdⅡCT6Gb\IP66</t>
  </si>
  <si>
    <t>【深圳紫光】LED防爆平台灯\GB8015\AC220V\10W\壁装式\ExdⅡCT6Gb\IP66</t>
  </si>
  <si>
    <t>【深圳紫光】LED防爆平台灯\GB8015\AC220V\20W\壁装式\ExdⅡCT6Gb\IP66</t>
  </si>
  <si>
    <t>【深圳紫光】固态节能智能调光灯\GF9051\AC220V\60W\壁装式</t>
  </si>
  <si>
    <t>【深圳紫光】LED防暴应急平台灯\GB8015\AC220V\10W\壁装式\ExdⅡCT6Gb\IP66</t>
  </si>
  <si>
    <t>【深圳紫光】固态节能智能调光灯\GF9051\AC220V\70W\壁装式</t>
  </si>
  <si>
    <t>【深圳紫光】LED防爆灯\GB8035\AC220V\25W\壁装式\ExdⅡCT6Gb\IP66</t>
  </si>
  <si>
    <t>【深圳紫光】LED防爆智能调光灯\GB8051\AC220V\70W\壁装式\ExdⅡCT6Gb\IP66</t>
  </si>
  <si>
    <t>【深圳紫光】LED防爆灯\GB8035\AC220V\30W\壁装式\ExdⅡCT6Gb\IP66</t>
  </si>
  <si>
    <t>【深圳紫光】LED防爆灯\GB8035\AC/DC220V\35W\壁装式\ExdⅡCT6Gb\IP66</t>
  </si>
  <si>
    <t>【深圳紫光】LED防爆灯\GB8035\AC/DC220V\40W\壁装式\ExdⅡCT6Gb\IP66</t>
  </si>
  <si>
    <t>【深圳紫光】LED防爆泛光灯\GB8040\AC220V\40W\壁装式\ExdⅡBT6Gb\IP66</t>
  </si>
  <si>
    <t>【深圳紫光】LED智能防爆灯\GB8051-1\AC/DC220V\60W\壁装式\ExdⅡCT6\IP66</t>
  </si>
  <si>
    <t>【深圳紫光】LED防爆泛光灯\GB8040\AC220V\80W\壁装式\ExdⅡBT6Gb\IP66</t>
  </si>
  <si>
    <t>【深圳紫光】LED防爆灯\GB8050\AC/DC220V\40W\壁装式\ExdⅡCT6Gb\IP66</t>
  </si>
  <si>
    <t>【深圳紫光】LED防爆灯\GB8050\AC220V\40/48W\壁装式\ExdⅡCT6Gb\IP66</t>
  </si>
  <si>
    <t>【深圳紫光】LED防爆智能调光灯\GB8050\AC220V\48W\壁装式\ExdⅡCT6Gb\IP66</t>
  </si>
  <si>
    <t>【深圳紫光】LED防爆应急灯\GB8050\AC220V\20W\壁装式\ExdⅡCT6Gb\IP66</t>
  </si>
  <si>
    <t>【深圳紫光】LED防爆灯\GB8051\AC/DC220V\60W\壁装式\ExdⅡCT6Gb\IP66</t>
  </si>
  <si>
    <t>【深圳紫光】LED防爆智能调光灯\GB8050\AC220V\40W\壁装式\ExdⅡCT6Gb\IP66</t>
  </si>
  <si>
    <t>【深圳紫光】LED防爆灯\GB8051\AC220V\60/70W\壁装式\ExdⅡCT6Gb\IP66</t>
  </si>
  <si>
    <t>【深圳紫光】LED防爆灯\GB8052\AC/DC220V\100W\壁装式\ExdⅡCT6Gb\IP66</t>
  </si>
  <si>
    <t>【深圳紫光】LED防爆灯\GB8052\AC/DC220V\80W\壁装式\ExdⅡCT6Gb\IP66</t>
  </si>
  <si>
    <t>【深圳紫光】LED防爆灯\GB8052B\AC220V\80W\壁装式\ExdⅡCT6Gb\IP66</t>
  </si>
  <si>
    <t>【深圳紫光】LED智能调光灯\GF9035\AC220V\40W\壁装式</t>
  </si>
  <si>
    <t>【深圳紫光】LED防爆灯\GB8052B\AC220V\100W\壁装式\ExdⅡCT6Gb\IP66</t>
  </si>
  <si>
    <t>【深圳紫光】LED智能调光灯\GF9035\AC220V\30W\壁装式</t>
  </si>
  <si>
    <t>【深圳紫光】LED防爆灯\GB8052B\AC220V\120W\壁装式\ExdⅡCT6Gb\IP66</t>
  </si>
  <si>
    <t>【深圳紫光】LED防爆灯\GB8052B\AC/DC220V\150W\壁装式\ExdⅡCT6Gb\IP66</t>
  </si>
  <si>
    <t>【深圳紫光】LED防爆灯\GB8053\AC/DC220V\100W\壁装式\ExdⅡCT6Gb\IP66</t>
  </si>
  <si>
    <t>【深圳紫光】LED防爆灯\GB8053\AC/DC220V\120W\壁装式\ExdⅡCT6Gb\IP66</t>
  </si>
  <si>
    <t>【深圳紫光】LED防爆灯\GB8053\AC/DC220V\150W\壁装式\ExdⅡCT6Gb\IP66</t>
  </si>
  <si>
    <t>【深圳紫光】LED防爆灯\GB8053\AC220V\200W\壁装式\ExdⅡCT6Gb\IP66</t>
  </si>
  <si>
    <t>【深圳紫光】LED防爆智能调光灯\GB8035\AC220V\40W\壁装式\ExdⅡCT6Gb\IP66</t>
  </si>
  <si>
    <t>【深圳紫光】LED防爆道路灯\GL8082\AC220V\100W\立杆式\ExdⅡCT6Gb\IP66</t>
  </si>
  <si>
    <t>【深圳紫光】LED防爆灯\GB8150B\AC220V\180W\壁装式\ExdⅡCT6Gb\IP66</t>
  </si>
  <si>
    <t>【深圳紫光】LED防爆智能调光灯\GB8035\AC220V\35W\壁装式\ExdⅡCT6Gb\IP66</t>
  </si>
  <si>
    <t>【深圳紫光】LED防爆灯\GB8150B\AC220V\150W\壁装式\ExdⅡCT6Gb\IP66</t>
  </si>
  <si>
    <t>【深圳紫光】LED防爆灯\GB8150B\AC220V\120W\壁装式\ExdⅡCT6Gb\IP66</t>
  </si>
  <si>
    <t>【深圳紫光】LED防爆灯\GB8150B\AC220V\100W\壁装式\ExdⅡCT6Gb\IP66</t>
  </si>
  <si>
    <t>【深圳紫光】LED防爆灯\GB8156\AC/DC220V\250W\支架上安装\ExDⅡCT4Gb\IP66</t>
  </si>
  <si>
    <t>【深圳紫光】LED防爆灯\GB8156\AC/DC220V\300W\支架上安装\ExDⅡCT4Gb\IP66</t>
  </si>
  <si>
    <t>【深圳紫光】LED防爆灯\GB8156\AC/DC220V\400W\支架上安装\ExDⅡCT4Gb\IP66</t>
  </si>
  <si>
    <t>【深圳紫光】防爆警示应急灯\YJ2206\DC7.2V\10W\便携式\ExdⅡCT6Gb\IP66</t>
  </si>
  <si>
    <t>【深圳紫光】矿用隔爆型LED巷道灯\DGS12\127L(A)\AC127V\12W\链吊式\ExdⅠMb\IP66</t>
  </si>
  <si>
    <t>【深圳紫光】便携式多功能强光工作灯\YJ2202</t>
  </si>
  <si>
    <t>【深圳紫光】矿用隔爆型LED巷道灯\DGS18\127L(A)\AC127V\18W\链吊式\ExdⅠMb\IP66</t>
  </si>
  <si>
    <t>【深圳紫光】便携式多功能强光工作灯\YJ2201</t>
  </si>
  <si>
    <t>【深圳紫光】矿用隔爆型LED巷道灯\DGS20\127L(A)\AC127V\20W\链吊式\ExdⅠMb\IP66</t>
  </si>
  <si>
    <t>【深圳紫光】矿用隔爆型LED巷道灯\DGS18\127L(Z)\AC127V\18W\链吊式\ExdⅠMb\IP66</t>
  </si>
  <si>
    <t>【深圳紫光】便携强光探照灯\YQ-1</t>
  </si>
  <si>
    <t>【深圳紫光】矿用隔爆型LED巷道灯\DGS25\127L(Z)\AC127V\25W\链吊式\ExdⅠMb\IP66</t>
  </si>
  <si>
    <t>【深圳紫光】矿用隔爆型LED巷道灯\DGS48\127L(B)\AC127V\48W\链吊式\ExdⅠMb\IP66</t>
  </si>
  <si>
    <t>【深圳紫光】手提式强光探照灯\YJ1205</t>
  </si>
  <si>
    <t>【深圳紫光】矿用隔爆型LED巷道灯\DGS20\127L(T)\AC127V\20W\壁装式\ExdⅠMb\IP66</t>
  </si>
  <si>
    <t>【深圳紫光】固态手提式防爆探照灯\YJ1201</t>
  </si>
  <si>
    <t>【深圳紫光】矿用隔爆型LED巷道灯\DGS40\127L(T)\AC127V\40W\壁装式\ExdⅠMb\IP66</t>
  </si>
  <si>
    <t>【深圳紫光】便携手摇工作灯\YJ1034</t>
  </si>
  <si>
    <t>【深圳紫光】矿用隔爆型LED巷道灯\DGS60\127L(T)\AC127V\60W\壁装式\ExdⅠMb\IP66</t>
  </si>
  <si>
    <t>【深圳紫光】智能巡视仪\YJ1032</t>
  </si>
  <si>
    <t>【深圳紫光】矿用隔爆型LED巷道灯\DGS80\127L(T)\AC127V\80W\壁装式\ExdⅠMb\IP66</t>
  </si>
  <si>
    <t>【深圳紫光】多功能强光防爆灯\YJ1017</t>
  </si>
  <si>
    <t>【深圳紫光】手提式强光巡检工作灯\YJ1016</t>
  </si>
  <si>
    <t>【深圳紫光】LED防爆智能调光巷道灯\DGS80\127L(T)\AC127V\80W\壁装式\ExdⅠMb\IP66</t>
  </si>
  <si>
    <t>【深圳紫光】矿用智能隔爆型LED巷道灯\DGS70/127L(B)\AC127V\70W\链吊式\Exd Ⅰ Mb\IP66</t>
  </si>
  <si>
    <t>【深圳紫光】LED防爆智能调光巷道灯\DGS40\127L(T)\AC127V\40W\壁装式\ExdⅠMb\IP66</t>
  </si>
  <si>
    <t>【深圳紫光】低顶灯\GF9012\AC/DC220V\10W\壁装式</t>
  </si>
  <si>
    <t>【深圳紫光】消防员照明灯\FD-FBP240/10</t>
  </si>
  <si>
    <t>【深圳紫光】LED通道灯\GF9013\AC220V\30W\支架上安装</t>
  </si>
  <si>
    <t>【深圳紫光】LED通道灯\GF9013\AC220V\40W\支架上安装</t>
  </si>
  <si>
    <t>【深圳紫光】通道灯\GF9014\AC/DC220V\10W\壁装式</t>
  </si>
  <si>
    <t>【深圳紫光】通道灯\GF9014\AC/DC220V\15W\壁装式</t>
  </si>
  <si>
    <t>【深圳紫光】便携多功能信号灯\YJ1014</t>
  </si>
  <si>
    <t>【深圳紫光】LED平台灯\GF9015\AC/DC220V\18W\壁装式</t>
  </si>
  <si>
    <t>【深圳紫光】多功能巡检手电\YJ1013</t>
  </si>
  <si>
    <t>【深圳紫光】LED平台灯\GF9015\AC/DC220V\20W\壁装式</t>
  </si>
  <si>
    <t>【深圳紫光】LED泛光灯\GF9015\AC220V\20/25W\壁装式</t>
  </si>
  <si>
    <t>【深圳紫光】便携式头灯\YJ1012</t>
  </si>
  <si>
    <t>【深圳紫光】LED管廊通道灯\GF9016\AC/DC220V\36W\壁装式</t>
  </si>
  <si>
    <t>【深圳紫光】固态强光头灯\YJ1011</t>
  </si>
  <si>
    <t>【深圳紫光】LED泛光灯\GF9035\AC220V\25W\壁装式</t>
  </si>
  <si>
    <t>【深圳紫光】LED泛光灯\GF9035\AC220V\30W\壁装式</t>
  </si>
  <si>
    <t>【深圳紫光】LED泛光灯\GF9035\AC/DC220V\40W\壁装式</t>
  </si>
  <si>
    <t>【深圳紫光】固态强光防爆手电筒\YJ1010</t>
  </si>
  <si>
    <t>【深圳紫光】固态节能泛光灯\GF9050\AC/DC220V\40W\壁装式</t>
  </si>
  <si>
    <t>【深圳紫光】固态节能泛光灯\GF9050\AC220V\40/48/50W\壁装式</t>
  </si>
  <si>
    <t>【深圳紫光】全方位自动泛光工作灯\M2001</t>
  </si>
  <si>
    <t>【深圳紫光】固态节能应急泛光灯\GFE9050\AC/DC220V\20W\2h</t>
  </si>
  <si>
    <t>【深圳紫光】固态节能泛光灯\GF9051\AC/DC220V\60W\壁装式</t>
  </si>
  <si>
    <t>【深圳紫光】便携式全方位自动泛光工作灯\M2000</t>
  </si>
  <si>
    <t>【深圳紫光】固态节能泛光灯\GF9051\AC220V\60/70W\壁装式</t>
  </si>
  <si>
    <t>【深圳紫光】防爆多功能升降工作灯\M1002\AC220V\96W\立杆式\ExdⅡCT6Gb\IP66</t>
  </si>
  <si>
    <t>【深圳紫光】LED应急泛光灯\GF9051\AC/DC220V\20W\2h</t>
  </si>
  <si>
    <t>【深圳紫光】轻型升降泛光灯\M1001</t>
  </si>
  <si>
    <t>【深圳紫光】LED泛光灯\GF9041\AC/DC220V\20W\壁装式</t>
  </si>
  <si>
    <t>【深圳紫光】移动工作灯\YJ2354</t>
  </si>
  <si>
    <t>【深圳紫光】LED泛光灯\GF9041\AC220V\40W\支架上安装</t>
  </si>
  <si>
    <t>【深圳紫光】LED泛光灯\GF9041\AC220V\60W\支架上安装</t>
  </si>
  <si>
    <t>【深圳紫光】便携式强光工作灯\YJ2352</t>
  </si>
  <si>
    <t>【深圳紫光】LED泛光灯\GF9041\AC220V\80W\支架上安装</t>
  </si>
  <si>
    <t>【深圳紫光】LED泛光灯\GF9030\AC/DC220V\50W\支架上安装</t>
  </si>
  <si>
    <t>【深圳紫光】LED泛光灯\GF9030\AC220V\50/60W\支架上安装</t>
  </si>
  <si>
    <t>【深圳紫光】LED智能调光灯\GF9030\AC220V\80W\支架上安装</t>
  </si>
  <si>
    <t>【深圳紫光】LED泛光灯\GF9031\AC/DC220V\100W\支架上安装</t>
  </si>
  <si>
    <t>【深圳紫光】强光防爆泛光工作灯\YF2350\DC24V\36W\立杆式\ExdⅡCT6Gb\IP66</t>
  </si>
  <si>
    <t>【深圳紫光】LED泛光灯\GF9031\AC/DC220V\120W\支架上安装</t>
  </si>
  <si>
    <t>【深圳紫光】LED泛光灯\GF9032\AC/DC220V\100W\支架上安装</t>
  </si>
  <si>
    <t>【深圳紫光】LED泛光灯\GF9032\AC220V\120W\支架上安装</t>
  </si>
  <si>
    <t>【深圳紫光】便携式多功能强光灯\YJ2203</t>
  </si>
  <si>
    <t>【深圳紫光】LED泛光灯\GF9032\AC220V\150W\支架上安装</t>
  </si>
  <si>
    <t>【深圳紫光】LED泛光灯\GF9032\AC220V\180W\支架上安装</t>
  </si>
  <si>
    <t>【深圳紫光】LED泛光灯\GF9032\AC/DC220V\200W\支架上安装</t>
  </si>
  <si>
    <t>【深圳紫光】智能人体感应紫外消毒灯\ZXG208\AC220V\40W</t>
  </si>
  <si>
    <t>【深圳紫光】出口指示灯\GX9011\AC220V\2W\1h</t>
  </si>
  <si>
    <t>【深圳紫光】LED泛光灯\GF9042\AC220V\80W\链吊式</t>
  </si>
  <si>
    <t>【深圳紫光】工业高强度三防灯\ZF400\AC220V\36W</t>
  </si>
  <si>
    <t>【深圳紫光】工业高强度三防灯\ZF400\AC220V\18W</t>
  </si>
  <si>
    <t>【深圳紫光】LED高顶灯\GF9042\AC220V\100W\链吊式</t>
  </si>
  <si>
    <t>【深圳紫光】工业高强度三防灯\ZF400\AC220V\16W</t>
  </si>
  <si>
    <t>【深圳紫光】LED高顶灯\GF9042\AC/DC220V\120W\链吊式</t>
  </si>
  <si>
    <t>【深圳紫光】工业高强度三防灯\ZF400\AC220V\8W</t>
  </si>
  <si>
    <t>【深圳紫光】LED高顶灯\GF9042\AC/DC220V\150W\链吊式</t>
  </si>
  <si>
    <t>【深圳紫光】LED高顶灯\GT9181\AC220V\120W\链吊式</t>
  </si>
  <si>
    <t>【深圳紫光】LED高顶灯\GT9181\AC/DC220V\150W\链吊式</t>
  </si>
  <si>
    <t>【深圳紫光】LED格栅灯\GS4160\AC220V\2×18W</t>
  </si>
  <si>
    <t>【深圳紫光】LED防爆平台灯\GB8014\AC/DC220V\15W\壁装式\ExdⅡCT6Gb\IP66</t>
  </si>
  <si>
    <t>【深圳紫光】LED格栅灯\GS4160\AC220V\3×8W</t>
  </si>
  <si>
    <t>【深圳紫光】LED防爆平台灯\GB8015\AC220V\15W\壁装式\ExdⅡCT6Gb\IP66</t>
  </si>
  <si>
    <t>【包钢（丰镇站）】钢轨\50kg/m\24.96m\U71Mn\有孔</t>
  </si>
  <si>
    <t>GNWZBP(TH)ZECG2020-046</t>
  </si>
  <si>
    <t>国家能源e购商城包钢钢轨配件丰镇站铺货采购合同</t>
  </si>
  <si>
    <t>【包钢（丰镇站）】钢轨\50kg/m\25.00m\U75V\有孔</t>
  </si>
  <si>
    <t>【包钢（丰镇站）】钢轨\50kg/m\24.92m\U75V\有孔</t>
  </si>
  <si>
    <t>【包钢（丰镇站）】钢轨\60kg/m\12.50m\U71Mn\有孔</t>
  </si>
  <si>
    <t>【包钢（丰镇站）】钢轨\50kg/m\12.50m\U71Mn\无孔</t>
  </si>
  <si>
    <t>【包钢（丰镇站）】钢轨\50kg/m\12.50m\U71Mn\有孔</t>
  </si>
  <si>
    <t>【包钢（丰镇站）】淬火钢轨\50kg/m\25.00m\U71Mn\有孔</t>
  </si>
  <si>
    <t>【包钢（丰镇站）】钢轨\50kg/m\25.00m\U71Mn\一端孔</t>
  </si>
  <si>
    <t>【包钢（丰镇站）】钢轨\50kg/m\25.00m\U71Mn\有孔</t>
  </si>
  <si>
    <t>【包钢（丰镇站）】淬火钢轨\60kg/m\25.00m\U75V\有孔</t>
  </si>
  <si>
    <t>【包钢（丰镇站）】钢轨\60kg/m\25.00m\U71Mn\有孔</t>
  </si>
  <si>
    <t>【包钢（丰镇站）】淬火钢轨\50kg/m\25.00m\U71Mn\一端孔</t>
  </si>
  <si>
    <t>【包钢（丰镇站）】淬火钢轨\60kg/m\25.00m\U75V\一端孔</t>
  </si>
  <si>
    <t>【包钢（丰镇站）】钢轨\50kg/m\25.00m\U71Mn\无孔</t>
  </si>
  <si>
    <t>【包钢（丰镇站）】淬火钢轨\75kg/m\25.00m\U75V\无孔</t>
  </si>
  <si>
    <t>【包钢（丰镇站）】钢轨\60kg/m\24.92m\U75V\有孔</t>
  </si>
  <si>
    <t>【包钢（丰镇站）】钢轨\60kg/m\24.96m\U75V\有孔</t>
  </si>
  <si>
    <t>【包钢（丰镇站）】钢轨\60kg/m\25.00m\U75V\无孔</t>
  </si>
  <si>
    <t>【包钢（丰镇站）】钢轨\60kg/m\25.00m\U75V\有孔</t>
  </si>
  <si>
    <t>【包钢（丰镇站）】淬火钢轨\60kg/m\24.92m\U75V\有孔</t>
  </si>
  <si>
    <t>【包钢（丰镇站）】淬火钢轨\60kg/m\25.00m\U75V\无孔</t>
  </si>
  <si>
    <t>【包钢（丰镇站）】钢轨\50kg/m\24.84m\U71Mn\有孔</t>
  </si>
  <si>
    <t>【包钢（丰镇站）】钢轨\50kg/m\24.92m\U71Mn\有孔</t>
  </si>
  <si>
    <t>【包钢（丰镇站）】钢轨\60kg/m\24.84m\U75V\有孔</t>
  </si>
  <si>
    <t>【包钢（丰镇站）】钢轨\75kg/m\12.50m\U75V\有孔</t>
  </si>
  <si>
    <t>【包钢（丰镇站）】钢轨\60kg/m\12.50m\U75V\有孔</t>
  </si>
  <si>
    <t>【包钢（丰镇站）】淬火钢轨\60kg/m\24.96m\U75V\有孔</t>
  </si>
  <si>
    <t>【包钢（丰镇站）】钢轨\75kg/m\25.00m\U75V\有孔</t>
  </si>
  <si>
    <t>【包钢（丰镇站）】淬火钢轨\75kg/m\25.00m\U75V\一端孔</t>
  </si>
  <si>
    <t>【包钢（丰镇站）】钢轨\60kg/m\25.00m\U75V\一端孔</t>
  </si>
  <si>
    <t>【包钢（丰镇站）】钢轨\60kg/m\25.00m\U71Mn\一端孔</t>
  </si>
  <si>
    <t>【包钢（丰镇站）】钢轨\60kg/m\24.84m\U71Mn\有孔</t>
  </si>
  <si>
    <t>【包钢（丰镇站）】钢轨\60kg/m\24.96m\U71Mn\有孔</t>
  </si>
  <si>
    <t>【包钢（丰镇站）】钢轨\60kg/m\25.00m\U71Mn\无孔</t>
  </si>
  <si>
    <t>【包钢（丰镇站）】淬火钢轨\75kg/m\百米轨\U75V\无孔</t>
  </si>
  <si>
    <t>【包钢（丰镇站）】钢轨\75kg/m\25.00m\U75V\无孔</t>
  </si>
  <si>
    <t>【包钢（丰镇站）】钢轨\新廓形60N\25.00m\U75V\无孔</t>
  </si>
  <si>
    <t>【包钢（丰镇站）】钢轨\60kg/m\25.00m\U76CrRe\无孔</t>
  </si>
  <si>
    <t>【包钢（丰镇站）】钢轨\60kg/m\25.00m\U76CrRe\有孔</t>
  </si>
  <si>
    <t>【包钢（丰镇站）】淬火钢轨\60kg/m\500.00m\U75V\无孔</t>
  </si>
  <si>
    <t>【包钢（丰镇站）】淬火钢轨\60kg/m\350.00m\U75V\无孔</t>
  </si>
  <si>
    <t>【包钢（丰镇站）】淬火钢轨\60kg/m\300.00m\U75V\无孔</t>
  </si>
  <si>
    <t>【包钢（丰镇站）】淬火钢轨\60kg/m\400.00m\U75V\无孔</t>
  </si>
  <si>
    <t>【包钢（丰镇站）】淬火钢轨\60kg/m\450.00m\U75V\无孔</t>
  </si>
  <si>
    <t>【包钢（丰镇站）】钢轨\新廓形60N\500.00m\U75V\无孔</t>
  </si>
  <si>
    <t>【包钢（丰镇站）】淬火钢轨\新廓形60N\500.00m\U75V\无孔</t>
  </si>
  <si>
    <t>【包钢（丰镇站）】钢轨\60kg/m\500.00m\U75V\无孔</t>
  </si>
  <si>
    <t>【包钢（丰镇站）】钢轨\新廓形75N\500.00m\U75V\无孔</t>
  </si>
  <si>
    <t>【包钢（丰镇站）】钢轨\60kg/m\500.00m\U76CrRe\无孔</t>
  </si>
  <si>
    <t>【深圳紫光】LED防爆平台灯\GB8015\AC/DC220V\25W\壁装式\ExdⅡCT6Gb\IP66</t>
  </si>
  <si>
    <t>【深圳紫光】LED防爆灯\GB8052\AC220V\120W\壁装式\ExdⅡCT6Gb\IP66</t>
  </si>
  <si>
    <t>【深圳紫光】LED面板灯\GS4260\AC220V\60W</t>
  </si>
  <si>
    <t>【深圳紫光】LED防爆道路灯\GL8082\AC220V\80W\立杆式\ExdⅡCT6Gb\IP66</t>
  </si>
  <si>
    <t>【深圳紫光】LED面板灯\GS4260-6×648\AC220V\48W</t>
  </si>
  <si>
    <t>【深圳紫光】矿用隔爆兼本安型LED巷道灯\DJS37/127L(J)\AC127V\37W\支架上安装\ExdⅠMb\IP66</t>
  </si>
  <si>
    <t>【深圳紫光】LED面板灯\GS4260-6×636\AC220V\36W</t>
  </si>
  <si>
    <t>【深圳紫光】矿用隔爆兼本安型LED巷道灯\DJS18/127L(J)\AC127V\18W\支架上安装\ExdⅠMb\IP66</t>
  </si>
  <si>
    <t>【深圳紫光】LED管廊应急通道灯\GFE9016\AC/DC220V\15W\1.5h</t>
  </si>
  <si>
    <t>【深圳紫光】LED面板灯\GS4260-3×326\AC220V\26W</t>
  </si>
  <si>
    <t>【深圳紫光】LED高顶灯\GT9181\AC220V\180W\链吊式</t>
  </si>
  <si>
    <t>【深圳紫光】LED高顶灯\GT9181\AC220V\200W\链吊式</t>
  </si>
  <si>
    <t>GNWZBP(TH)ZYCG2020-192-11</t>
  </si>
  <si>
    <t>美孚润滑油脂商城经营主体铺货长协采购框架合同（新疆青松石油化工）</t>
  </si>
  <si>
    <t>新疆青松石油化工有限责任公司</t>
  </si>
  <si>
    <t>【深圳紫光】LED面板灯\GS4260-R3020\AC220V\20W</t>
  </si>
  <si>
    <t>GNWZBP(TH)ZYCG2020-192-10</t>
  </si>
  <si>
    <t>美孚润滑油脂商城经营主体铺货长协采购框架合同（武汉市洪椿）</t>
  </si>
  <si>
    <t>武汉市洪椿商贸有限公司</t>
  </si>
  <si>
    <t>【深圳紫光】LED控光式高顶灯\GT9181B\AC/DC220V\150W\链吊式</t>
  </si>
  <si>
    <t>GNWZBP(TH)ZYCG2020-192-09</t>
  </si>
  <si>
    <t>美孚润滑油脂商城经营主体铺货长协采购框架合同（乌鲁木齐荣立）</t>
  </si>
  <si>
    <t>乌鲁木齐荣立商贸有限公司</t>
  </si>
  <si>
    <t>GNWZBP(TH)ZYCG2020-192-08</t>
  </si>
  <si>
    <t>美孚润滑油脂商城经营主体铺货长协采购框架合同（四川鼎力石化）</t>
  </si>
  <si>
    <t>四川鼎力石化有限公司</t>
  </si>
  <si>
    <t>【深圳紫光】LED控光式高顶灯\GT9181B\AC/DC220V\180W\链吊式</t>
  </si>
  <si>
    <t>GNWZBP(TH)ZYCG2020-192-07</t>
  </si>
  <si>
    <t>美孚润滑油脂商城经营主体铺货长协采购框架合同（石家庄市联英商贸）</t>
  </si>
  <si>
    <t>石家庄市联英商贸有限公司</t>
  </si>
  <si>
    <t>GNWZBP(TH)ZYCG2020-192-06</t>
  </si>
  <si>
    <t>美孚润滑油脂商城经营主体铺货长协采购框架合同（汕头市恒孚）</t>
  </si>
  <si>
    <t>汕头市恒孚贸易有限公司</t>
  </si>
  <si>
    <t>【深圳紫光】LED面板灯\GS4260-R2416\AC220V\16W</t>
  </si>
  <si>
    <t>【深圳紫光】LED控光式高顶灯\GT9181B\AC/DC220V\200W\链吊式</t>
  </si>
  <si>
    <t>GNWZBP(TH)ZYCG2020-192-05</t>
  </si>
  <si>
    <t>美孚润滑油脂商城经营主体铺货长协采购框架合同（青凯润滑技术(上海)）</t>
  </si>
  <si>
    <t>青凯润滑技术(上海)有限公司</t>
  </si>
  <si>
    <t>GNWZBP(TH)ZYCG2020-192-04</t>
  </si>
  <si>
    <t>美孚润滑油脂商城经营主体铺货长协采购框架合同（内蒙古海隆）</t>
  </si>
  <si>
    <t>内蒙古海隆润滑技术有限责任公司</t>
  </si>
  <si>
    <t>GNWZBP(TH)ZYCG2020-192-03</t>
  </si>
  <si>
    <t>美孚润滑油脂商城经营主体铺货长协采购框架合同（北京日青科贸）</t>
  </si>
  <si>
    <t>北京日青科贸有限公司</t>
  </si>
  <si>
    <t>【深圳紫光】LED高顶灯\GT9181C\AC220V\120W\链吊式</t>
  </si>
  <si>
    <t>【深圳紫光】LED灯管\GLD-200\AC220V\18W\T8/T5\插口</t>
  </si>
  <si>
    <t>GNWZBP(TH)ZYCG2020-192-01</t>
  </si>
  <si>
    <t>美孚润滑油脂商城经营主体铺货长协采购框架合同（安徽天佰石化）</t>
  </si>
  <si>
    <t>安徽天佰石化有限公司</t>
  </si>
  <si>
    <t>GNWZBP(TH)ZYCG2020-192-02</t>
  </si>
  <si>
    <t>美孚润滑油脂商城经营主体铺货长协采购框架合同（北京比特伟业）</t>
  </si>
  <si>
    <t>北京比特伟业科技有限公司</t>
  </si>
  <si>
    <t>【深圳紫光】LED高顶灯\GT9181C\AC220V\150W\链吊式</t>
  </si>
  <si>
    <t>【深圳紫光】防眩泛光灯\GF9400\AC220V\400W\支架上安装</t>
  </si>
  <si>
    <t>【深圳紫光】防眩泛光灯\GF9150\AC220V\70/150W\支架上安装</t>
  </si>
  <si>
    <t>【深圳紫光】LED高顶灯\GT9181C\AC220V\180W\链吊式</t>
  </si>
  <si>
    <t>【深圳紫光】LED高顶灯\GT9181C\AC220V\200W\链吊式</t>
  </si>
  <si>
    <t>【深圳紫光】LED高顶灯\GT9181C\AC220V\240W\链吊式</t>
  </si>
  <si>
    <t>【深圳紫光】太阳能道路灯\GL9185\DC12V\40W\立杆式</t>
  </si>
  <si>
    <t>【深圳紫光】防眩泛光灯\GF9150\AC220V\100W\链吊式</t>
  </si>
  <si>
    <t>【深圳紫光】防眩泛光灯\GF9150\AC220V\70W\链吊式</t>
  </si>
  <si>
    <t>【深圳紫光】LED道路灯\GL9186\AC/DC220V\150W\立杆式</t>
  </si>
  <si>
    <t>【深圳紫光】LED道路灯\GL9186\AC/DC220V\120W\立杆式</t>
  </si>
  <si>
    <t>【深圳紫光】LED高顶灯\GT9281\AC220V\200W\链吊式</t>
  </si>
  <si>
    <t>【深圳紫光】LED高顶灯\GT9281\AC220V\240W\链吊式</t>
  </si>
  <si>
    <t>【深圳紫光】LED高顶灯\GT9281\AC220V\300W\链吊式</t>
  </si>
  <si>
    <t>【深圳紫光】LED投光灯\GT9282\AC220V\300W\支架上安装</t>
  </si>
  <si>
    <t>【深圳紫光】LED投光灯\GT9282\AC220V\400W\支架上安装</t>
  </si>
  <si>
    <t>【深圳紫光】LED投光灯\GT9282\AC220V\500W\支架上安装</t>
  </si>
  <si>
    <t>【深圳紫光】LED投光灯\GT9282\AC220V\600W\支架上安装</t>
  </si>
  <si>
    <t>【深圳紫光】LED投光灯\GT9283\AC/DC220V\300W\支架上安装</t>
  </si>
  <si>
    <t>【深圳紫光】LED投光灯\GT9283\AC220V\400W\支架上安装</t>
  </si>
  <si>
    <t>【深圳紫光】LED路灯\GL9062\AC220V\40W\立杆式</t>
  </si>
  <si>
    <t>【深圳紫光】LED路灯\GL9062\AC220V\60W\立杆式</t>
  </si>
  <si>
    <t>【深圳紫光】LED道路灯\GL9081\AC220V\60W\立杆式</t>
  </si>
  <si>
    <t>【深圳紫光】LED道路灯\GL9081\AC/DC220V\80W\立杆式</t>
  </si>
  <si>
    <t>【深圳紫光】LED道路灯\GL9064\AC/DC220V\40W\立杆式</t>
  </si>
  <si>
    <t>【深圳紫光】LED道路灯\GL9064\AC/DC220V\50W\立杆式</t>
  </si>
  <si>
    <t>【深圳紫光】LED道路灯\GL9064\AC/DC220V\60W\立杆式</t>
  </si>
  <si>
    <t>【深圳紫光】LED道路灯\GL9185\AC/DC220V\100W\立杆式</t>
  </si>
  <si>
    <t>【深圳紫光】LED道路灯\GL9182\AC/DC220V\120W\立杆式</t>
  </si>
  <si>
    <t>【深圳紫光】LED道路灯\GL9184\AC220V\100/120W\立杆式</t>
  </si>
  <si>
    <t>【深圳紫光】LED道路灯\GL9184\AC220V\150W\立杆式</t>
  </si>
  <si>
    <t>【深圳紫光】多功能强光探照灯\YQ</t>
  </si>
  <si>
    <t>【深圳紫光】LED智能调光防爆道路灯\GL8082\AC220V\100W\立杆式\ExdⅡCT6Gb\IP66</t>
  </si>
  <si>
    <t>【深圳紫光】LED防爆应急智能调光灯\GB8035\AC220V\30W\壁装式\ExdⅡCT6Gb\IP66</t>
  </si>
  <si>
    <t>【深圳紫光】LED应急智能防爆灯\GBE8035\AC/DC220V\30W\壁装式\ExdⅡCT6Gb\IP66</t>
  </si>
  <si>
    <t>【深圳紫光】LED防爆智能调光灯\GB8052\AC220V\80W\壁装式\ExdⅡCT6Gb\IP66</t>
  </si>
  <si>
    <t>【深圳紫光】LED防爆智能调光灯\GB8052\AC220V\100W\壁装式\ExdⅡCT6Gb\IP66</t>
  </si>
  <si>
    <t>【深圳紫光】消防指示灯\YQ-FC</t>
  </si>
  <si>
    <t>【深圳紫光】LED智能防爆灯\GL8082\AC/DC220V\80W\立杆式\ExdⅡCT6Gb\IP66</t>
  </si>
  <si>
    <t>【深圳紫光】强光防爆泛光工作灯\YF2350\DC24V\30W\立杆式\ExdⅡCT6Gb\IP66</t>
  </si>
  <si>
    <t>【深圳紫光】LED智能防爆灯\GB8035\AC/DC220V\26W\壁装式\ExdⅡCT6Gb\IP66</t>
  </si>
  <si>
    <t>【深圳紫光】LED应急智能防爆灯\GBE8051\AC/DC220V\20W\壁装式\ExdⅡCT6Gb\IP66</t>
  </si>
  <si>
    <t>【深圳紫光】LED应急智能防爆灯\GBE8050\AC/DC220V\20W\壁装式\ExdⅡCT6Gb\IP66</t>
  </si>
  <si>
    <t>【深圳紫光】LED应急智能灯\GFE9051\AC/DC220V\20W\2h</t>
  </si>
  <si>
    <t>【深圳紫光】LED应急智能平台灯\GFE9035\AC/DC220V\10W\1.5h</t>
  </si>
  <si>
    <t>【深圳紫光】LED智能平台灯\GF9035\AC/DC220V\25W\壁装式</t>
  </si>
  <si>
    <t>【深圳紫光】LED道路灯\GL9184\AC/DC220V\180W\立杆式</t>
  </si>
  <si>
    <t>【深圳紫光】LED智能调光灯\GF9035\AC220V\35W\壁装式</t>
  </si>
  <si>
    <t>【深圳紫光】LED智能平台灯\GF9035\AC/DC220V\50W\壁装式</t>
  </si>
  <si>
    <t>【深圳紫光】LED智能防爆灯\GB8052\AC/DC220V\120W\壁装式\ExdⅡCT6Gb\IP66</t>
  </si>
  <si>
    <t>【深圳紫光】LED智能防爆灯\GB8150B\AC/DC220V\200W\壁装式\ExdⅡCT6Gb\IP66</t>
  </si>
  <si>
    <t>【浙江涵普】电压变送器\FPVT-V1-F1-P2-O3\国产</t>
  </si>
  <si>
    <t>浙江涵普电力科技有限公司</t>
  </si>
  <si>
    <t>浙江涵普</t>
  </si>
  <si>
    <t>GNWZBP(TH)ZYCG2020-218</t>
  </si>
  <si>
    <t>浙江涵普变送器商城铺货长协采购</t>
  </si>
  <si>
    <t>【浙江涵普】电压变送器\FPV-V2-F1-P2-O2\国产</t>
  </si>
  <si>
    <t>【浙江涵普】隔离变送器\FPD-1-A9-P2-O3\国产</t>
  </si>
  <si>
    <t>【浙江涵普】功率因数变送器\FPPF-V1-A2-F1-P2-O6/D4\国产</t>
  </si>
  <si>
    <t>【浙江涵普】功率因数变送器\FPPF-V1-A1-F1-P2-O3/D3\国产</t>
  </si>
  <si>
    <t>【浙江涵普】频率变送器\FPFT-F1-P2-O3/B4\国产</t>
  </si>
  <si>
    <t>【浙江涵普】频率变送器\FPFT-F1-P2-O3/B3\国产</t>
  </si>
  <si>
    <t>【浙江涵普】电压变送器\FPV-V1-F1-P2-O3\国产</t>
  </si>
  <si>
    <t>【浙江涵普】电流变送器\FPAX-A2-F1-P2-O2\国产</t>
  </si>
  <si>
    <t>【浙江涵普】电流变送器\FPAX-A1-F1-P2-O3\国产</t>
  </si>
  <si>
    <t>【浙江涵普】电流变送器\FPAT-A2-F1-P2-O2\国产</t>
  </si>
  <si>
    <t>【浙江涵普】电流变送器\FPAT-A1-F1-P2-O3\国产</t>
  </si>
  <si>
    <t>【浙江涵普】电流变送器\FPA-A2-F1-PD2-O2\国产</t>
  </si>
  <si>
    <t>【浙江涵普】电流变送器\FPA-A1-F1-P2-O3\国产</t>
  </si>
  <si>
    <t>【浙江涵普】发变组综合电量测量装置\PD6500T\国产</t>
  </si>
  <si>
    <t>【浙江涵普】发变组综合电量测量装置\PD6500\国产</t>
  </si>
  <si>
    <t>【浙江涵普】发电机智能功率变送装置\PD6900A\国产</t>
  </si>
  <si>
    <t>【浙江涵普】隔离变送器\GPDH-2-A9-P2-O2/O8\国产</t>
  </si>
  <si>
    <t>【浙江涵普】隔离变送器\GPDH-2-A9-P2-O2/O3\国产</t>
  </si>
  <si>
    <t>【浙江涵普】隔离变送器\GPDH-1-A5-P2-O2\国产</t>
  </si>
  <si>
    <t>【浙江涵普】隔离变送器\GPDH-1-A9-P2-O3\国产</t>
  </si>
  <si>
    <t>【浙江涵普】隔离变送器\GPD-2-A5-P2-O2\国产</t>
  </si>
  <si>
    <t>【浙江涵普】隔离变送器\GPD-2-A9-P2-O3\国产</t>
  </si>
  <si>
    <t>【浙江涵普】隔离变送器\GPD-1-A5-P2-O2\国产</t>
  </si>
  <si>
    <t>【浙江涵普】隔离变送器\GPD-1-A9-P2-O3\国产</t>
  </si>
  <si>
    <t>【浙江涵普】功率因数变送器\GPPF-V1-A2-F1-P2-O6/D4\国产</t>
  </si>
  <si>
    <t>【浙江涵普】频率变送器\GPFT-F1-P2-O3/B4\国产</t>
  </si>
  <si>
    <t>【浙江涵普】频率变送器\GPFT-F1-P2-O3/B3\国产</t>
  </si>
  <si>
    <t>【浙江涵普】频率变送器\GPFT-F1-P2-O3/B2\国产</t>
  </si>
  <si>
    <t>【浙江涵普】频率变送器\GPFT-F1-P2-O3/B1\国产</t>
  </si>
  <si>
    <t>【浙江涵普】频率变送器\GPF-F1-P2-O3-B4\国产</t>
  </si>
  <si>
    <t>【浙江涵普】频率变送器\GPF-F1-P2-O3/B3\国产</t>
  </si>
  <si>
    <t>【浙江涵普】频率变送器\GPF-F1-P2-O3/B2\国产</t>
  </si>
  <si>
    <t>【浙江涵普】频率变送器\GPF-F1-P2-O3/B1\国产</t>
  </si>
  <si>
    <t>【浙江涵普】功率因数变送器\GPPF-V1-A1-F1-P2-O3/D3\国产</t>
  </si>
  <si>
    <t>【浙江涵普】无功功率变送器\RPK301-V1-A1-F1-P2-O6\国产</t>
  </si>
  <si>
    <t>【浙江涵普】无功功率变送器\RPK301-V1-A1-F1-P2-O3\国产</t>
  </si>
  <si>
    <t>【浙江涵普】有功功率变送器\RPWT301-V1-A1-F1-P2-O3\国产</t>
  </si>
  <si>
    <t>【浙江涵普】有功功率变送器\RPW301-V1-A2-F1-P2-O6\国产</t>
  </si>
  <si>
    <t>【浙江涵普】有功功率变送器\RPW301-V1-A1-F1-P2-O3\国产</t>
  </si>
  <si>
    <t>【浙江涵普】无功功率变送器\RPKT301-V1-A2-F1-P2-O6\国产</t>
  </si>
  <si>
    <t>【浙江涵普】无功功率/电能组合变送器\GPKKH301-V1-A2-F1-P1-O6\国产</t>
  </si>
  <si>
    <t>【浙江涵普】有功功率/电能组合变送器\GPWWH301-V1-A2-F1-P1-O3\国产</t>
  </si>
  <si>
    <t>【浙江涵普】无功功率/电能组合变送器\GPKKH201-V1-A2-F1-P1-O3\国产</t>
  </si>
  <si>
    <t>【浙江涵普】有功功率/电能组合变送器\GPWWH201-V1-A2-F1-P1-O6\国产</t>
  </si>
  <si>
    <t>【浙江涵普】无功电能变送器\GPKH301-V1-A2-F1-P1-O6\国产</t>
  </si>
  <si>
    <t>【浙江涵普】无功电能变送器\GPKH301-V1-A2-F1-P1-O3\国产</t>
  </si>
  <si>
    <t>【浙江涵普】有功电能变送器\GPWH301-V1-A2-F1-P1-O6\国产</t>
  </si>
  <si>
    <t>【浙江涵普】有功电能变送器\GPWH301-V1-A2-F1-P1-O3\国产</t>
  </si>
  <si>
    <t>【浙江涵普】无功电能变送器\GPKH201-V1-A2-F1-P1-O6\国产</t>
  </si>
  <si>
    <t>【浙江涵普】无功功率变送器\RPK201-V2-A1-F1-P2-O6\国产</t>
  </si>
  <si>
    <t>【浙江涵普】无功功率变送器\RPK201-V1-A1-F1-P2-O3\国产</t>
  </si>
  <si>
    <t>【浙江涵普】有功功率变送器\RPWT201-V1-A1-F1-P2-O3/O6\国产</t>
  </si>
  <si>
    <t>【浙江涵普】有功功率变送器\RPW201-V1-A2-F1-P2-O2\国产</t>
  </si>
  <si>
    <t>【浙江涵普】有功功率变送器\RPW201-V1-A1-F1-P2-O3\国产</t>
  </si>
  <si>
    <t>【浙江涵普】有功功率变送器\RPW201-V1-A2-F1-P2-O6\国产</t>
  </si>
  <si>
    <t>【浙江涵普】电压变送器\RPVX-V2-F1-P2-O2\国产</t>
  </si>
  <si>
    <t>【浙江涵普】无功功率变送器\RPKT201-V1-A1-F1-P2-O3\国产</t>
  </si>
  <si>
    <t>【浙江涵普】无功功率变送器\FPKT201-V1-A1-F1-P2-O3/O3\国产</t>
  </si>
  <si>
    <t>【浙江涵普】无功功率变送器\FPK201-V2-A1-F1-P2-O6\国产</t>
  </si>
  <si>
    <t>【浙江涵普】无功功率变送器\FPK201-V1-A1-F1-P2-O3\国产</t>
  </si>
  <si>
    <t>【浙江涵普】有功功率变送器\FPWT201-V1-A1-F1-P2-O3/O6\国产</t>
  </si>
  <si>
    <t>【浙江涵普】有功功率变送器\FPW201-V1-A2-F1-P2-O2\国产</t>
  </si>
  <si>
    <t>【浙江涵普】功率变送器\FPW201-V1-A2-F1-P2-O6\国产</t>
  </si>
  <si>
    <t>【浙江涵普】有功功率变送器\FPW201-V1-A1-F1-P2-O3\国产</t>
  </si>
  <si>
    <t>【浙江涵普】电压变送器\FPVX-V2-F1-P2-O2\国产</t>
  </si>
  <si>
    <t>【浙江涵普】有功功率变送器\FPW301-V1-A1-F1-P2-O3\国产</t>
  </si>
  <si>
    <t>【浙江涵普】无功电能变送器\GPKH201-V1-A2-F1-P1-O3\国产</t>
  </si>
  <si>
    <t>【浙江涵普】有功电能变送器\GPWH201-V1-A2-F1-P1-O6\国产</t>
  </si>
  <si>
    <t>【浙江涵普】有功电能变送器\GPWH201-V1-A1-F1-P1-O3\国产</t>
  </si>
  <si>
    <t>【浙江涵普】有功/无功功率组合变送器\GPWK301-V1-A2-F1-P2-O3/O6\国产</t>
  </si>
  <si>
    <t>【浙江涵普】有功/无功功率组合变送器\GPWK301-V1-A2-F1-P2-O3/O3\国产</t>
  </si>
  <si>
    <t>【浙江涵普】有功/无功功率组合变送器\GPWK201-V1-A2-F1-P2-O6/O6\国产</t>
  </si>
  <si>
    <t>【浙江涵普】有功/无功功率组合变送器\GPWK201-V1-A2-F1-P2-O3/O3\国产</t>
  </si>
  <si>
    <t>【浙江涵普】无功功率变送器\GPKT301-V1-A2-F1-P2-O6\国产</t>
  </si>
  <si>
    <t>【浙江涵普】无功功率变送器\GPK301-V1-A1-F1-P2-O6\国产</t>
  </si>
  <si>
    <t>【浙江涵普】电压变送器\RPVX-V1-F1-P2-O3\国产</t>
  </si>
  <si>
    <t>【浙江涵普】电压变送器\RPVT-V2-F1-P2-O2\国产</t>
  </si>
  <si>
    <t>【浙江涵普】电压变送器\RPVT-V1-F1-P2-O3\国产</t>
  </si>
  <si>
    <t>【浙江涵普】电压变送器\RPV-V2-F1-P2-O2\国产</t>
  </si>
  <si>
    <t>【浙江涵普】电压变送器\RPV-V1-F1-P2-O3\国产</t>
  </si>
  <si>
    <t>【浙江涵普】电流变送器\RPAX-A2-F1-P2-O2\国产</t>
  </si>
  <si>
    <t>【浙江涵普】电流变送器\RPAX-A1-F1-P2-O3\国产</t>
  </si>
  <si>
    <t>【浙江涵普】电流变送器\RPAT-A2-F1-P2-O2\国产</t>
  </si>
  <si>
    <t>【浙江涵普】电流变送器\RPAT-A1-F1-P2-O3\国产</t>
  </si>
  <si>
    <t>【浙江涵普】电压变送器\FPVX-V1-F1-P2-O3\国产</t>
  </si>
  <si>
    <t>【浙江涵普】电压变送器\FPVT-V2-F1-P2-O2\国产</t>
  </si>
  <si>
    <t>【浙江涵普】无功功率变送器\GPK301-V1-A1-F1-P2-O3\国产</t>
  </si>
  <si>
    <t>【浙江涵普】有功功率变送器\GPWT301-V1-A1-F1-P2-O3\国产</t>
  </si>
  <si>
    <t>【浙江涵普】有功功率变送器\GPW301-V1-A2-F1-P2-O6\国产</t>
  </si>
  <si>
    <t>【浙江涵普】有功功率变送器\GPW301-V1-A1-F1-P2-O3\国产</t>
  </si>
  <si>
    <t>【浙江涵普】无功功率变送器\GPKT201-V1-A1-F1-P2-O3/O3\国产</t>
  </si>
  <si>
    <t>【浙江涵普】无功功率变送器\GPK201-V2-A1-F1-P2-O6\国产</t>
  </si>
  <si>
    <t>【浙江涵普】无功功率变送器\GPK201-V1-A1-F1-P2-O3\国产</t>
  </si>
  <si>
    <t>【浙江涵普】有功功率变送器\GPWT201-V1-A1-F1-P2-O3/O6\国产</t>
  </si>
  <si>
    <t>【浙江涵普】有功功率变送器\GPW201-V1-A2-F1-P2-O2\国产</t>
  </si>
  <si>
    <t>【浙江涵普】电流变送器\RPA-A2-F1-PD2-O2\国产</t>
  </si>
  <si>
    <t>【浙江涵普】电流变送器\RPA-A1-F1-P2-O3\国产</t>
  </si>
  <si>
    <t>【浙江涵普】隔离变送器\FPDH-2-A9-P2-O2/O8\国产</t>
  </si>
  <si>
    <t>【浙江涵普】隔离变送器\FPDH-2-A9-P2-O2/O3\国产</t>
  </si>
  <si>
    <t>【浙江涵普】隔离变送器\FPDH-1-A5-P2-O2\国产</t>
  </si>
  <si>
    <t>【浙江涵普】隔离变送器\FPDH-1-A9-P2-O3\国产</t>
  </si>
  <si>
    <t>【浙江涵普】隔离变送器\FPD-2-A5-P2-O2\国产</t>
  </si>
  <si>
    <t>【浙江涵普】隔离变送器\FPD-2-A9-P2-O3\国产</t>
  </si>
  <si>
    <t>【浙江涵普】隔离变送器\FPD-1-A5-P2-O2\国产</t>
  </si>
  <si>
    <t>【浙江涵普】有功功率变送器\GPW201-V1-A2-F1-P2-O6\国产</t>
  </si>
  <si>
    <t>【浙江涵普】有功功率变送器\GPW201-V1-A1-F1-P2-O3\国产</t>
  </si>
  <si>
    <t>【浙江涵普】电压变送器\GPVX-V2-F1-P2-O2\国产</t>
  </si>
  <si>
    <t>【浙江涵普】电压变送器\GPVX-V1-F1-P2-O3\国产</t>
  </si>
  <si>
    <t>【浙江涵普】电压变送器\GPVT-V2-F1-P2-O2\国产</t>
  </si>
  <si>
    <t>【浙江涵普】电压变送器\GPVT-V1-F1-P2-O3\国产</t>
  </si>
  <si>
    <t>【浙江涵普】电压变送器\GPV-V2-F1-P2-O2\国产</t>
  </si>
  <si>
    <t>【浙江涵普】电压变送器\GPV-V1-F1-P2-O3\国产</t>
  </si>
  <si>
    <t>【浙江涵普】电流变送器\GPAX-A2-F1-P2-O2\国产</t>
  </si>
  <si>
    <t>【浙江涵普】频率变送器\FPFT-F1-P2-O3/B2\国产</t>
  </si>
  <si>
    <t>【浙江涵普】频率变送器\FPFT-F1-P2-O3/B1\国产</t>
  </si>
  <si>
    <t>【浙江涵普】频率变送器\FPF-F1-P2-O3-B4\国产</t>
  </si>
  <si>
    <t>【浙江涵普】频率变送器\FPF-F1-P2-O3/B3\国产</t>
  </si>
  <si>
    <t>【浙江涵普】频率变送器\FPF-F1-P2-O3/B2\国产</t>
  </si>
  <si>
    <t>【浙江涵普】频率变送器\FPF-F1-P2-O3/B1\国产</t>
  </si>
  <si>
    <t>【浙江涵普】无功功率/电能组合变送器\FPKKH301-V1-A2-F1-P1-O6\国产</t>
  </si>
  <si>
    <t>【浙江涵普】有功功率/电能组合变送器\FPWWH301-V1-A2-F1-P1-O3\国产</t>
  </si>
  <si>
    <t>【浙江涵普】无功功率/电能组合变送器\FPKKH201-V1-A2-F1-P1-O3\国产</t>
  </si>
  <si>
    <t>【浙江涵普】电流变送器\GPAT-A2-F1-P2-O2\国产</t>
  </si>
  <si>
    <t>【浙江涵普】电流变送器\GPAT-A1-F1-P2-O3\国产</t>
  </si>
  <si>
    <t>【浙江涵普】电流变送器\GPA-A2-F1-PD2-O2\国产</t>
  </si>
  <si>
    <t>【浙江涵普】电流变送器\GPA-A1-F1-P2-O3\国产</t>
  </si>
  <si>
    <t>【浙江涵普】隔离变送器\RPDH-2-A9-P2-O2/O8\国产</t>
  </si>
  <si>
    <t>【浙江涵普】隔离变送器\RPDH-2-A9-P2-O2/O3\国产</t>
  </si>
  <si>
    <t>【浙江涵普】无功电能变送器\RPDH-1-A5-P2-O2\国产</t>
  </si>
  <si>
    <t>【浙江涵普】无功电能变送器\RPDH-1-A9-P2-O3\国产</t>
  </si>
  <si>
    <t>【浙江涵普】电流变送器\GPAX-A1-F1-P2-O3\国产</t>
  </si>
  <si>
    <t>【浙江涵普】有功功率/电能组合变送器\FPWWH201-V1-A2-F1-P1-O6\国产</t>
  </si>
  <si>
    <t>【浙江涵普】无功电能变送器\FPKH301-V1-A2-F1-P1-O3\国产</t>
  </si>
  <si>
    <t>【浙江涵普】有功电能变送器\FPWH301-V1-A2-F1-P1-O6\国产</t>
  </si>
  <si>
    <t>【浙江涵普】有功电能变送器\FPWH301-V1-A2-F1-P1-O3\国产</t>
  </si>
  <si>
    <t>【浙江涵普】无功电能变送器\FPKH201-V1-A2-F1-P1-O6\国产</t>
  </si>
  <si>
    <t>【浙江涵普】无功电能变送器\FPKH201-V1-A2-F1-P1-O3\国产</t>
  </si>
  <si>
    <t>【浙江涵普】有功电能变送器\FPWH201-V1-A2-F1-P1-O6\国产</t>
  </si>
  <si>
    <t>【浙江涵普】有功电能变送器\FPWH201-V1-A1-F1-P1-O3\国产</t>
  </si>
  <si>
    <t>【浙江涵普】隔离变送器\RPD-2-A5-P2-O2\国产</t>
  </si>
  <si>
    <t>【浙江涵普】隔离变送器\RPD-2-A9-P2-O3\国产</t>
  </si>
  <si>
    <t>【浙江涵普】隔离变送器\RPD-1-A5-P2-O2\国产</t>
  </si>
  <si>
    <t>【浙江涵普】隔离变送器\RPD-1-A9-P2-O3\国产</t>
  </si>
  <si>
    <t>【浙江涵普】功率因数变送器\RPPF-V1-A1-F1-P2-O3/D4\国产</t>
  </si>
  <si>
    <t>【浙江涵普】功率因数变送器\RPPF-V1-A1-F1-P2-O3/D3\国产</t>
  </si>
  <si>
    <t>【浙江涵普】频率变送器\RPFT-F1-P2-O3/B4\国产</t>
  </si>
  <si>
    <t>【浙江涵普】频率变送器\RPFT-F1-P2-O3/B3\国产</t>
  </si>
  <si>
    <t>【浙江涵普】频率变送器\RPFT-F1-P2-O3/B2\国产</t>
  </si>
  <si>
    <t>【浙江涵普】有功/无功功率组合变送器\FPWK301D-V1-A2-F1-P2-O3\国产</t>
  </si>
  <si>
    <t>【浙江涵普】无功功率变送器\FPKT301D-V1-A2-F1-P2-O3/O6\国产</t>
  </si>
  <si>
    <t>【浙江涵普】无功功率变送器\FPK301D-V1-A2-F1-P2-O6\国产</t>
  </si>
  <si>
    <t>【浙江涵普】无功功率变送器\FPK301D-V1-A2-F1-P2-O3\国产</t>
  </si>
  <si>
    <t>【浙江涵普】有功功率变送器\FPWT301D-V1-A2-F1-P2-O3/O6\国产</t>
  </si>
  <si>
    <t>【浙江涵普】有功功率变送器\FPW301D-V1-A2-F1-P2-O6\国产</t>
  </si>
  <si>
    <t>【浙江涵普】有功/无功功率组合变送器\FPWK301D-V1-A2-F1-P2-O6\国产</t>
  </si>
  <si>
    <t>【浙江涵普】有功/无功功率组合变送器\FPWK201-V1-A2-F1-P2-O6/O6\国产</t>
  </si>
  <si>
    <t>【浙江涵普】有功/无功功率组合变送器\FPWK201-V1-A2-F1-P2-O3/O3\国产</t>
  </si>
  <si>
    <t>【浙江涵普】无功功率变送器\FPKT301-V1-A2-F1-P2-O6\国产</t>
  </si>
  <si>
    <t>【浙江涵普】无功功率变送器\FPK301-V1-A1-F1-P2-O6\国产</t>
  </si>
  <si>
    <t>【浙江涵普】无功功率变送器\FPK301-V1-A1-F1-P2-O3\国产</t>
  </si>
  <si>
    <t>【浙江涵普】有功功率变送器\FPWT301-V1-A1-F1-P2-O3\国产</t>
  </si>
  <si>
    <t>【浙江涵普】有功功率变送器\FPW301-V1-A2-F1-P2-O6\国产</t>
  </si>
  <si>
    <t>【浙江涵普】有功/无功功率组合变送器\FPWK301-V1-A2-F1-P2-O3/O3\国产</t>
  </si>
  <si>
    <t>【浙江涵普】频率变送器\RPFT-F1-P2-O3/B1\国产</t>
  </si>
  <si>
    <t>【浙江涵普】频率变送器\RPF-F1-P2-O3/B4\国产</t>
  </si>
  <si>
    <t>【浙江涵普】频率变送器\RPF-F1-P2-O3/B3\国产</t>
  </si>
  <si>
    <t>【浙江涵普】频率变送器\RPF-F1-P2-O3/B2\国产</t>
  </si>
  <si>
    <t>【浙江涵普】频率变送器\RPF-F1-P2-O3-B1\国产</t>
  </si>
  <si>
    <t>【浙江涵普】有功/无功功率组合变送器\RPWK301-V1-A2-F1-P2-O3/O6\国产</t>
  </si>
  <si>
    <t>【浙江涵普】有功/无功功率组合变送器\RPWK301-V1-A2-F1-P2-O3/O3\国产</t>
  </si>
  <si>
    <t>【浙江涵普】有功/无功功率组合变送器\RPWK201-V1-A2-F1-P2-O6/O6\国产</t>
  </si>
  <si>
    <t>【浙江涵普】有功/无功功率组合变送器\RPWK201-V1-A2-F1-P2-O3/O3\国产</t>
  </si>
  <si>
    <t>【浙江涵普】有功功率变送器\FPW301D-V1-A2-F1-P2-O3\国产</t>
  </si>
  <si>
    <t>【浙江涵普】有功/无功功率组合变送器\FPWK301-V1-A2-F1-P2-O3/O6\国产</t>
  </si>
  <si>
    <t>【浙江涵普】电压变送器\FPDH-2H-A9-PD2-O2/O3\国产</t>
  </si>
  <si>
    <t>【浙江涵普】电压变送器\FPDH-1H-A5-PD2-O2\国产</t>
  </si>
  <si>
    <t>【浙江涵普】电流变送器\GPAN201-A1-F1-P2-O3\国产</t>
  </si>
  <si>
    <t>【浙江涵普】电流变送器\GPAN301-A2-F1-P2-O3\国产</t>
  </si>
  <si>
    <t>【浙江涵普】电流变送器\GPAN201T-A2-F1-P2-O2\国产</t>
  </si>
  <si>
    <t>【浙江涵普】电流变送器\GPAN301T-A2-F1-P2-O3\国产</t>
  </si>
  <si>
    <t>【浙江涵普】有功功率变送器\FPW201H-V1-A2-F1-PD2-O3\国产</t>
  </si>
  <si>
    <t>【浙江涵普】有功功率变送器\FPWT201H-V1-A1-F1-PD2-O2/O2\国产</t>
  </si>
  <si>
    <t>【浙江涵普】无功功率变送器\FPWK201H-V1-A2-F1-PD2-O3/O6\国产</t>
  </si>
  <si>
    <t>【浙江涵普】有功无功组合式变送器\FPWK201H-V1-A2-F1-PD2-O2/O6\国产</t>
  </si>
  <si>
    <t>【浙江涵普】无功功率变送器\FPK201H-V1-A1-F1-PD2-O6\国产</t>
  </si>
  <si>
    <t>【浙江涵普】无功功率变送器\FPKT201H-V1-A2-F1-PD2-O6/O6\国产</t>
  </si>
  <si>
    <t>【浙江涵普】有功功率变送器\FPW301H-V1-A2-F1-PD2-O3\国产</t>
  </si>
  <si>
    <t>【浙江涵普】有功功率变送器\FPWT301H-V1-A1-F1-PD2-O3/O3\国产</t>
  </si>
  <si>
    <t>【浙江涵普】有功/无功功率组合变送器\FPWK301H-V1-A2-F1-PD2-O3/O6\国产</t>
  </si>
  <si>
    <t>【浙江涵普】无功功率变送器\FPK301H-V1-A2-F1-PD2-O6\国产</t>
  </si>
  <si>
    <t>【浙江涵普】无功功率变送器\FPKT301H-V1-A2-F1-PD2-O3/O3\国产</t>
  </si>
  <si>
    <t>【浙江涵普】有功功率变送器\FPW201P-V1-A2-F1-PD2-O3\国产</t>
  </si>
  <si>
    <t>【浙江涵普】有功功率变送器\FPWT201P-V1-A1-F1-PD2-O3/O3\国产</t>
  </si>
  <si>
    <t>【浙江涵普】有功/无功功率组合变送器\FPWK201P-V1-A2-F1-PD2-O3/O6\国产</t>
  </si>
  <si>
    <t>【浙江涵普】无功功率变送器\FPK201P-V1-A1-F1-PD2-O6\国产</t>
  </si>
  <si>
    <t>【浙江涵普】无功功率变送器\FPKT201P-V1-A2-F1-PD2-O6/O6\国产</t>
  </si>
  <si>
    <t>【浙江涵普】有功功率变送器\FPW301P-V1-A2-F1-PD2-O3\国产</t>
  </si>
  <si>
    <t>【浙江涵普】无功功率变送器\FPK301P-V1-A2-F1-PD2-O6\国产</t>
  </si>
  <si>
    <t>【浙江涵普】无功功率/电能组合变送器\FPKKH301-V1-A1-F1-PD2-O6/X1\国产</t>
  </si>
  <si>
    <t>【浙江涵普】有功功率/电能组合变送器\FPWWH301-V1-A2-F1-PD2-O3/X1\国产</t>
  </si>
  <si>
    <t>【浙江涵普】无功功率/电能组合变送器\FPKKH201-V1-A2-F1-P2-O3/X1\国产</t>
  </si>
  <si>
    <t>【浙江涵普】有功功率/电能组合变送器\FPWWH201-V1-A2-F1-P2-O6/X1\国产</t>
  </si>
  <si>
    <t>【浙江涵普】无功电能变送器\FPKH301-V1-A2-F1-P2-O3/X2\国产</t>
  </si>
  <si>
    <t>【浙江涵普】无功电能变送器\FPKH201-V1-A1-F1-PD2-O3/X2\国产</t>
  </si>
  <si>
    <t>【浙江涵普】有功电能变送器\FPWH301-V1-A1-F1-PD2-O6/X1\国产</t>
  </si>
  <si>
    <t>【浙江涵普】有功电能变送器\FPWH201-VFPWH1-A2-F1-PD2-O3/X1\国产</t>
  </si>
  <si>
    <t>【浙江涵普】无功电能变送器\FPKH201-V1-A2-F1-PD2-O6/Y2\国产</t>
  </si>
  <si>
    <t>【浙江涵普】无功电能变送器\FPKH301-V1-A1-F1-PD2-O3/Y1\国产</t>
  </si>
  <si>
    <t>【浙江涵普】有功电能变送器\FPWH201-V1-A2-F1-P2-O6/Y1\国产</t>
  </si>
  <si>
    <t>【浙江涵普】有功电能变送器\FPWH301-V1-A1-F1-P2-O3/Y2\国产</t>
  </si>
  <si>
    <t>【浙江涵普】功率因数变送器\FPPF-V1-A2-F1-PD2-O6/D4\国产</t>
  </si>
  <si>
    <t>【浙江涵普】功率因数变送器\FPPF-V1-A1-F1-PD2-O6/D3\国产</t>
  </si>
  <si>
    <t>【浙江涵普】相位角变送器\FPPL-V1-A2-F1-PD2-O6/D4\国产</t>
  </si>
  <si>
    <t>【浙江涵普】相位角变送器\FPPL-V1-A1-F1-PD2-O6/D4\国产</t>
  </si>
  <si>
    <t>【浙江涵普】相位角变送器\FPPL-V1-A2-F1-PD2-O2/D3\国产</t>
  </si>
  <si>
    <t>【浙江涵普】相位角变送器\FPPL-V1-A2-F1-PD2-O6/D3\国产</t>
  </si>
  <si>
    <t>【浙江涵普】功率电能转换器\FPH-I1-P1-X1\国产</t>
  </si>
  <si>
    <t>【浙江涵普】功率电能转换器\FPH-I2-P2-X1\国产</t>
  </si>
  <si>
    <t>【浙江涵普】功率电能转换器\FPH-I3-P2-X2\国产</t>
  </si>
  <si>
    <t>【浙江涵普】功率电能转换器\FPH-I4-P1-X2\国产</t>
  </si>
  <si>
    <t>【浙江涵普】功率电能转换器\FPH-I5-P2-Y1\国产</t>
  </si>
  <si>
    <t>【浙江涵普】功率电能转换器\FPH-I6-P2-Y1\国产</t>
  </si>
  <si>
    <t>【浙江涵普】温度变送器\FPT-1-T1-R1-P2-O1\0-100℃\0-1 0-20 4-20mA\非防爆</t>
  </si>
  <si>
    <t>【浙江涵普】温度变送器\FPT-1-T3-R2-P2-O2\0-100℃\0-1 0-20 4-20mA\非防爆</t>
  </si>
  <si>
    <t>【浙江涵普】温度变送器\FPT-2-T1-R1-P2-O3\0-200℃\0-5 0-20 4-20mA\非防爆</t>
  </si>
  <si>
    <t>【浙江涵普】温度变送器\FPT-2-T3-R4-P2-O9\0-200℃\0-1 0-20 4-20mA\非防爆</t>
  </si>
  <si>
    <t>【浙江涵普】温度变送器\FT2-T1-R1-P2-O3\0-200℃\0-10 0-20 4-20mA\非防爆</t>
  </si>
  <si>
    <t>【浙江涵普】温度变送器\FT2-T1-R4-P2-O9\0-200℃\0-5 0-20 4-20mA\非防爆</t>
  </si>
  <si>
    <t>【浙江涵普】频率变送器\FPF-W-V1-F1-P2-O3/Dy\国产</t>
  </si>
  <si>
    <t>【浙江涵普】频率变送器\FPF-W-V1-F2-P2-O6/Dy\国产</t>
  </si>
  <si>
    <t>【浙江涵普】频率变送器\FPF-W-V2-F1-PD2-O2/Dy\国产</t>
  </si>
  <si>
    <t>【浙江涵普】频率变送器\FPF-W-V2-F1-PD2-O3/Dy\国产</t>
  </si>
  <si>
    <t>【浙江涵普】频率变送器\FPF-W-V2-F1-PD2-O6/Dy\国产</t>
  </si>
  <si>
    <t>【浙江涵普】有功功率变送器\FPW301-V1-A2-F1-PD2-O2\国产</t>
  </si>
  <si>
    <t>【浙江涵普】有功功率变送器\FPW301-V1-A1-F1-PD2-O3 0-150W\国产</t>
  </si>
  <si>
    <t>【浙江涵普】无功功率变送器\FPK301-V1-A2-F1-PD2-O6\国产</t>
  </si>
  <si>
    <t>【浙江涵普】无功功率变送器\FPK301-V1-A2-F1-PD2-O3\国产</t>
  </si>
  <si>
    <t>【浙江涵普】有功/无功功率组合变送器\FPWK301-V1-A2-F1-PD2-O6/O6\国产</t>
  </si>
  <si>
    <t>【浙江涵普】有功/无功功率组合变送器\FPWK301-V1-A1-F1-PD2-O3/O3\国产</t>
  </si>
  <si>
    <t>【浙江涵普】有功功率变送器\FPWT301-V1-A2-F1-PD2-O3/O3\国产</t>
  </si>
  <si>
    <t>【浙江涵普】无功功率变送器\FPKT301-V1-A1-F1-PD2-O3/O3\国产</t>
  </si>
  <si>
    <t>【浙江涵普】有功功率变送器\FPW201-V1-A2-F1-PD2-O2\国产</t>
  </si>
  <si>
    <t>【浙江涵普】有功功率变送器\FPW201-V1-A1-F1-PD2-O3\国产</t>
  </si>
  <si>
    <t>【浙江涵普】无功功率变送器\FPK201-V1-A2-F1-PD2-O6\国产</t>
  </si>
  <si>
    <t>【浙江涵普】无功功率变送器\FPK201-V1-A2-F1-PD2-O3\国产</t>
  </si>
  <si>
    <t>【浙江涵普】有功/无功功率组合变送器\FPWK201-V1-A2-F1-PD2-O6/O6\国产</t>
  </si>
  <si>
    <t>【浙江涵普】有功/无功功率组合变送器\FPWK201-V1-A1-F1-PD2-O3/O3\国产</t>
  </si>
  <si>
    <t>【浙江涵普】有功功率变送器\FPWT201-V1-A2-F1-PD2-O6/O6\国产</t>
  </si>
  <si>
    <t>【浙江涵普】无功功率变送器\FPKT201-V1-A1-F1-PD2-O3/O3\国产</t>
  </si>
  <si>
    <t>【浙江涵普】电压变送器\FPVX-V1-F1-PD2-O3\国产</t>
  </si>
  <si>
    <t>【浙江涵普】电压变送器\FPVX-V2-F1-PD2-O3\国产</t>
  </si>
  <si>
    <t>【浙江涵普】电流变送器\FPAX-V1-F1-PD2-O3\国产</t>
  </si>
  <si>
    <t>【浙江涵普】电流变送器\FPAX-V2-F1-PD2-O3\国产</t>
  </si>
  <si>
    <t>【浙江涵普】电压变送器\GPVX-V1-F1-PD2-O3\国产</t>
  </si>
  <si>
    <t>【浙江涵普】电压变送器\GPVX-V2-F1-PD2-O3\国产</t>
  </si>
  <si>
    <t>【浙江涵普】电流变送器\GPAX-A1-F1-PD2-O3\国产</t>
  </si>
  <si>
    <t>【浙江涵普】电流变送器\GPAX-A2-F1-PD2-O3\国产</t>
  </si>
  <si>
    <t>【浙江涵普】电压变送器\FPVT-V1-F1-PD2-O3\国产</t>
  </si>
  <si>
    <t>【浙江涵普】电压变送器\FPVT-V2-F1-PD2-O3\国产</t>
  </si>
  <si>
    <t>【浙江涵普】电流变送器\FPAT-A1-F1-PD2-O3\国产</t>
  </si>
  <si>
    <t>【浙江涵普】电流变送器\FPAT-A2-F1-PD2-O3\国产</t>
  </si>
  <si>
    <t>【浙江涵普】电压变送器\GPVT-V2-F1-PD2-O3\国产</t>
  </si>
  <si>
    <t>【浙江涵普】电流变送器\GPAT-A1-F1-PD2-O3\国产</t>
  </si>
  <si>
    <t>【浙江涵普】电流变送器\FPA2-A2-F1-PD2-O3\国产</t>
  </si>
  <si>
    <t>【浙江涵普】电压变送器\FPV2-V1-F1-PD2-O3\国产</t>
  </si>
  <si>
    <t>【浙江涵普】有功功率/电流组合变送器\FPWA201-V1-A2-F1-PD2-O6/O3\国产</t>
  </si>
  <si>
    <t>【浙江涵普】三相三线有功功率/电流组合变送器\FPKA201-V1-A2-F1-PD2-O6/O4\国产</t>
  </si>
  <si>
    <t>【浙江涵普】有功/无功功率组合变送器\FPWKA201-V1-A2-F1-PD2-O3/O3/O3\国产</t>
  </si>
  <si>
    <t>【浙江涵普】发电机智能功率变送装置\PD6900A1\国产</t>
  </si>
  <si>
    <t>【浙江涵普】有功电能变送器\GPWH201-V1-A2-F1-P1-O6X1\国产</t>
  </si>
  <si>
    <t>【浙江涵普】无功功率/电能组合变送器\GPKKH301-V1-A1-F1-PD2-O6/X1\国产</t>
  </si>
  <si>
    <t>【浙江涵普】有功功率/电能组合变送器\GPWWH301-V1-A2-F1-PD2-O3/X1\国产</t>
  </si>
  <si>
    <t>【浙江涵普】无功功率/电能组合变送器\GPKKH201-V1-A2-F1-P2-O3/X1\国产</t>
  </si>
  <si>
    <t>【浙江涵普】有功功率/电能组合变送器\GPWWH201-V1-A2-F1-P2-O6/X1\国产</t>
  </si>
  <si>
    <t>【浙江涵普】无功电能变送器\GPKH301-V1-A2-F1-P2-O3/X2\国产</t>
  </si>
  <si>
    <t>【浙江涵普】无功电能变送器\GPKH201-V1-A1-F1-PD2-O3/X2\国产</t>
  </si>
  <si>
    <t>【浙江涵普】有功电能变送器\GPWH301-V1-A1-F1-PD2-O6/X1\国产</t>
  </si>
  <si>
    <t>【浙江涵普】有功电能变送器\GPWH201-V1-A2-F1-PD2-O3/X1\国产</t>
  </si>
  <si>
    <t>【浙江涵普】无功电能变送器\GPKH201-V1-A2-F1-PD2-O6/Y2\国产</t>
  </si>
  <si>
    <t>【浙江涵普】无功电能变送器\GPKH301-V1-A1-F1-PD2-O3/Y1\国产</t>
  </si>
  <si>
    <t>【浙江涵普】有功电能变送器\GPWH201-V1-A2-F1-P2-O6/Y1\国产</t>
  </si>
  <si>
    <t>【浙江涵普】有功电能变送器\GPWH301-V1-A1-F1-P2-O3/Y2\国产</t>
  </si>
  <si>
    <t>【浙江涵普】有功功率变送器\GPW301-V1-A2-F1-PD2-O2\国产</t>
  </si>
  <si>
    <t>【浙江涵普】有功功率变送器\GPW301-V1-A1-F1-PD2-O3\国产</t>
  </si>
  <si>
    <t>【浙江涵普】无功功率变送器\GPK301-V1-A2-F1-PD2-O6\国产</t>
  </si>
  <si>
    <t>【浙江涵普】无功功率变送器\GPK301-V1-A2-F1-PD2-O3\国产</t>
  </si>
  <si>
    <t>【浙江涵普】有功/无功功率组合变送器\GPWK301-V1-A2-F1-PD2-O6/O6\国产</t>
  </si>
  <si>
    <t>【浙江涵普】有功/无功功率组合变送器\GPWK301-V1-A1-F1-PD2-O3/O3\国产</t>
  </si>
  <si>
    <t>【浙江涵普】有功功率变送器\GPWT301-V1-A2-F1-PD2-O3/O3\国产</t>
  </si>
  <si>
    <t>【浙江涵普】无功功率变送器\GPKT301-V1-A1-F1-PD2-O3/O3\国产</t>
  </si>
  <si>
    <t>【浙江涵普】有功功率变送器\GPW201-V1-A2-F1-PD2-O2\国产</t>
  </si>
  <si>
    <t>【浙江涵普】无功功率变送器\GPK201-V1-A2-F1-PD2-O3\国产</t>
  </si>
  <si>
    <t>【浙江涵普】有功/无功功率组合变送器\GPWK201-V1-A2-F1-PD2-O6/O6\国产</t>
  </si>
  <si>
    <t>【浙江涵普】有功/无功功率组合变送器\GPWK201-V1-A1-F1-PD2-O3/O3\国产</t>
  </si>
  <si>
    <t>【浙江涵普】有功功率变送器\GPWT201-V1-A2-F1-PD2-O6/O6\国产</t>
  </si>
  <si>
    <t>【浙江涵普】无功功率变送器\GPKT201-V1-A1-F1-PD2-O3/O3\国产</t>
  </si>
  <si>
    <t>【浙江莱梦德】运转螺母\H04-22\浙江莱梦德电力设备有限公司\国产</t>
  </si>
  <si>
    <t>浙江莱梦德电力设备有限公司</t>
  </si>
  <si>
    <t>浙江莱梦德</t>
  </si>
  <si>
    <t>GNWZBP(TH)ZYCG2020-219</t>
  </si>
  <si>
    <t>浙江莱梦德吹灰器备件商城铺货长协采购</t>
  </si>
  <si>
    <t>【浙江莱梦德】导向销组件\H04-360\浙江莱梦德电力设备有限公司\国产</t>
  </si>
  <si>
    <t>【浙江莱梦德】轴承销组件\H04361\浙江莱梦德电力设备有限公司\国产</t>
  </si>
  <si>
    <t>【浙江莱梦德】运转螺母座\H0431\浙江莱梦德电力设备有限公司\国产</t>
  </si>
  <si>
    <t>【浙江莱梦德】大链轮\H0432\浙江莱梦德电力设备有限公司\国产</t>
  </si>
  <si>
    <t>【浙江莱梦德】垫片\H0433\浙江莱梦德电力设备有限公司\国产</t>
  </si>
  <si>
    <t>【浙江莱梦德】单排滚子链\10A-1×96 GB/T10857\国产</t>
  </si>
  <si>
    <t>【浙江莱梦德】链条接头\H0475\浙江莱梦德电力设备有限公司\国产</t>
  </si>
  <si>
    <t>【浙江莱梦德】小链轮\H045819\浙江莱梦德电力设备有限公司\国产</t>
  </si>
  <si>
    <t>【浙江莱梦德】键\H047A27111\浙江莱梦德电力设备有限公司\国产</t>
  </si>
  <si>
    <t>【浙江莱梦德】油杯\GB1152-10×1\浙江莱梦德电力设备有限公司\国产</t>
  </si>
  <si>
    <t>【浙江莱梦德】凸轮盘\H0441\浙江莱梦德电力设备有限公司\国产</t>
  </si>
  <si>
    <t>【浙江莱梦德】内六角沉头螺钉\M10\20mm\8.8\GB/T70.3</t>
  </si>
  <si>
    <t>【浙江莱梦德】内六角圆柱头螺钉\M10\40mm\8.8\GB/T70.1</t>
  </si>
  <si>
    <t>【浙江莱梦德】开阀机构\H0460\浙江莱梦德电力设备有限公司\国产</t>
  </si>
  <si>
    <t>【浙江莱梦德】内六角圆柱端紧定螺钉\M8\8mm\8.8级\GB/T79</t>
  </si>
  <si>
    <t>【浙江莱梦德】导向装置\H04112\浙江莱梦德电力设备有限公司\国产</t>
  </si>
  <si>
    <t>【浙江莱梦德】行程开关\H04267\IP65</t>
  </si>
  <si>
    <t>【浙江莱梦德】行程开关\H04266\IP65</t>
  </si>
  <si>
    <t>【浙江莱梦德】限位开关曲柄组件\H04150\浙江莱梦德电力设备有限公司\国产</t>
  </si>
  <si>
    <t>【浙江莱梦德】按钮\H04025\IP54</t>
  </si>
  <si>
    <t>【浙江莱梦德】缠绕式垫片\H04629S\浙江莱梦德电力设备有限公司\国产</t>
  </si>
  <si>
    <t>【浙江莱梦德】带内环缠绕垫片\GB4622-D2222-80-63\浙江莱梦德电力设备有限公司\国产</t>
  </si>
  <si>
    <t>【浙江莱梦德】等长双头螺柱\M20×120mm\35#\GB/T901</t>
  </si>
  <si>
    <t>【浙江莱梦德】链轮\LMD-0487374\浙江莱梦德电力设备有限公司\国产</t>
  </si>
  <si>
    <t>【浙江莱梦德】动力电缆\LMD-04049\380kV\4×1.5mm2</t>
  </si>
  <si>
    <t>【浙江莱梦德】滚轮轴组件\LMD-04355\浙江莱梦德电力设备有限公司\国产</t>
  </si>
  <si>
    <t>【浙江莱梦德】撞销组件\LMD-0003155\浙江莱梦德电力设备有限公司\国产</t>
  </si>
  <si>
    <t>【浙江莱梦德】压轮组件\LMD-0003156\浙江莱梦德电力设备有限公司\国产</t>
  </si>
  <si>
    <t>【浙江莱梦德】齿轮\H/47328G\浙江莱梦德电力设备有限公司\国产</t>
  </si>
  <si>
    <t>【浙江莱梦德】开阀机构\H/8460E\浙江莱梦德电力设备有限公司\国产</t>
  </si>
  <si>
    <t>【浙江莱梦德】齿条\LMD/63035C\浙江莱梦德电力设备有限公司\国产</t>
  </si>
  <si>
    <t>【浙江莱梦德】垫片\LMD/48C/151\浙江莱梦德电力设备有限公司\国产</t>
  </si>
  <si>
    <t>【浙江莱梦德】对开环\LMD/61743\浙江莱梦德电力设备有限公司\国产</t>
  </si>
  <si>
    <t>【浙江莱梦德】双头螺柱\20×60\45#\GB898</t>
  </si>
  <si>
    <t>【浙江莱梦德】缠绕式垫片\H000414\浙江莱梦德电力设备有限公司\国产</t>
  </si>
  <si>
    <t>【浙江莱梦德】控制电缆\H000314\380kV\4×1.5mm2</t>
  </si>
  <si>
    <t>【浙江莱梦德】拖链接头\H0000118\浙江莱梦德电力设备有限公司\国产</t>
  </si>
  <si>
    <t>【浙江莱梦德】单排滚子链\12A-1×80 GB/T10857\国产</t>
  </si>
  <si>
    <t>【浙江莱梦德】链条接头\H0000717\浙江莱梦德电力设备有限公司\国产</t>
  </si>
  <si>
    <t>【浙江莱梦德】双头螺柱\M12×80mm\35#\GB898</t>
  </si>
  <si>
    <t>【浙江莱梦德】开阀机构\LMD/7906E\浙江莱梦德电力设备有限公司\国产</t>
  </si>
  <si>
    <t>【浙江莱梦德】链轮\LMD/45846\浙江莱梦德电力设备有限公司\国产</t>
  </si>
  <si>
    <t>【浙江莱梦德】链条张紧机构\LMD/674C21\浙江莱梦德电力设备有限公司\国产</t>
  </si>
  <si>
    <t>【浙江莱梦德】开阀杠杆\LMD/74535\浙江莱梦德电力设备有限公司\国产</t>
  </si>
  <si>
    <t>【浙江莱梦德】套筒组件\H0003157\浙江莱梦德电力设备有限公司\国产</t>
  </si>
  <si>
    <t>【浙江莱梦德】滚轮组件\H0003158\浙江莱梦德电力设备有限公司\国产</t>
  </si>
  <si>
    <t>【浙江莱梦德】双头螺柱\M6×22mm\35#\GB/T898</t>
  </si>
  <si>
    <t>【浙江莱梦德】拨叉组件\LMD-17-13-10\浙江莱梦德电力设备有限公司\国产</t>
  </si>
  <si>
    <t>【浙江莱梦德】拉伸弹簧\H04-1180\浙江莱梦德电力设备有限公司\国产</t>
  </si>
  <si>
    <t>【浙江莱梦德】转柄组件\LMD-18-4-24-0\浙江莱梦德电力设备有限公司\国产</t>
  </si>
  <si>
    <t>【浙江莱梦德】行程开关\H0002168\IP65</t>
  </si>
  <si>
    <t>【浙江莱梦德】平键\GB1096-6X18\国产</t>
  </si>
  <si>
    <t>【浙江莱梦德】连接螺母\H04A474\浙江莱梦德电力设备有限公司\国产</t>
  </si>
  <si>
    <t>【浙江莱梦德】销紧垫片\H04A478\浙江莱梦德电力设备有限公司\国产</t>
  </si>
  <si>
    <t>【浙江莱梦德】弹簧\H04-5833\浙江莱梦德电力设备有限公司\国产</t>
  </si>
  <si>
    <t>【浙江莱梦德】弹簧压盖\H04-7833\浙江莱梦德电力设备有限公司\国产</t>
  </si>
  <si>
    <t>【浙江莱梦德】滚轮轴\H04-4337\浙江莱梦德电力设备有限公司\国产</t>
  </si>
  <si>
    <t>【浙江莱梦德】深沟球轴承\6024-2RS</t>
  </si>
  <si>
    <t>【浙江莱梦德】链条张紧机构\L-5128D\浙江莱梦德电力设备有限公司\国产</t>
  </si>
  <si>
    <t>【浙江莱梦德】深沟球轴承\6208-2Z</t>
  </si>
  <si>
    <t>【浙江莱梦德】拖链\E000LL53\浙江莱梦德电力设备有限公司\国产</t>
  </si>
  <si>
    <t>【浙江莱梦德】深沟球轴承\6206-2RS</t>
  </si>
  <si>
    <t>【浙江莱梦德】深沟球轴承\6006-2RS</t>
  </si>
  <si>
    <t>【浙江莱梦德】深沟球轴承\62206-2RS</t>
  </si>
  <si>
    <t>【浙江莱梦德】带轮\L-37701\浙江莱梦德电力设备有限公司\国产</t>
  </si>
  <si>
    <t>【浙江莱梦德】同步带\E000LL71\浙江莱梦德电力设备有限公司\国产</t>
  </si>
  <si>
    <t>【浙江莱梦德】带轮\L-668\浙江莱梦德电力设备有限公司\国产</t>
  </si>
  <si>
    <t>【浙江莱梦德】电位器\ELL00056\浙江莱梦德电力设备有限公司\国产</t>
  </si>
  <si>
    <t>【浙江莱梦德】行程开关\ELL00093\IP65</t>
  </si>
  <si>
    <t>【浙江莱梦德】拖链\ILL00070\浙江莱梦德电力设备有限公司\国产</t>
  </si>
  <si>
    <t>【浙江莱梦德】拖链接头\ILL00071\浙江莱梦德电力设备有限公司\国产</t>
  </si>
  <si>
    <t>【浙江莱梦德】温度变送器\ELL00343\0-500℃\4-20mA\非防爆</t>
  </si>
  <si>
    <t>【浙江莱梦德】位置变送器\ELL00342\国产</t>
  </si>
  <si>
    <t>【浙江莱梦德】外管连接垫片\L/4438B\浙江莱梦德电力设备有限公司\国产</t>
  </si>
  <si>
    <t>【浙江莱梦德】内管铜垫片\L/86123\浙江莱梦德电力设备有限公司\国产</t>
  </si>
  <si>
    <t>【浙江莱梦德】导轨\L/17352\浙江莱梦德电力设备有限公司\国产</t>
  </si>
  <si>
    <t>【浙江莱梦德】墙吹离合器\D84.10-18 15-41\浙江莱梦德电力设备有限公司\国产</t>
  </si>
  <si>
    <t>【浙江莱梦德】电机连接轴\N1/3750\浙江莱梦德电力设备有限公司\国产</t>
  </si>
  <si>
    <t>【浙江莱梦德】单排滚子链\12A-1×1500 GB/T10857\国产</t>
  </si>
  <si>
    <t>【浙江莱梦德】转动链条导轨\72314-0-0\浙江莱梦德电力设备有限公司\国产</t>
  </si>
  <si>
    <t>【浙江莱梦德】端链轮组\D84.09-0A\浙江莱梦德电力设备有限公司\国产</t>
  </si>
  <si>
    <t>【浙江莱梦德】齿轮箱组件\H04-10-0GB\浙江莱梦德电力设备有限公司\国产</t>
  </si>
  <si>
    <t>【浙江莱梦德】齿轮箱\H/4/92GB\浙江莱梦德电力设备有限公司\国产</t>
  </si>
  <si>
    <t>【浙江莱梦德】电动机\ELL00050\250W\380V\0.5A\1400r/min\B5\F\IP55</t>
  </si>
  <si>
    <t>【浙江莱梦德】齿轮箱组件\LMD-SLGB-L\浙江莱梦德电力设备有限公司\国产</t>
  </si>
  <si>
    <t>【浙江莱梦德】齿轮箱组件\LMD-SLGB-R\浙江莱梦德电力设备有限公司\国产</t>
  </si>
  <si>
    <t>【浙江莱梦德】齿轮箱\LMDSL/LGB\浙江莱梦德电力设备有限公司\国产</t>
  </si>
  <si>
    <t>【浙江莱梦德】齿轮箱\LMDSL/RGB\浙江莱梦德电力设备有限公司\国产</t>
  </si>
  <si>
    <t>【浙江莱梦德】电动机\ELL00042\370W\380V\0.6A\1400r/min\B5\F\IP55</t>
  </si>
  <si>
    <t>【浙江莱梦德】齿轮箱组件\LMDATGB\浙江莱梦德电力设备有限公司\国产</t>
  </si>
  <si>
    <t>【浙江莱梦德】齿轮箱\LMDATGB/1\浙江莱梦德电力设备有限公司\国产</t>
  </si>
  <si>
    <t>【浙江莱梦德】齿轮箱组件\LMDLLTGB\浙江莱梦德电力设备有限公司\国产</t>
  </si>
  <si>
    <t>【浙江莱梦德】齿轮箱\LMDLLT/LGB\浙江莱梦德电力设备有限公司\国产</t>
  </si>
  <si>
    <t>【浙江莱梦德】电动机\ELL00058\550W\380V\1.1A\1400r/min\B5\F\IP55</t>
  </si>
  <si>
    <t>【浙江莱梦德】齿轮箱组件\LMDSL1100GB\浙江莱梦德电力设备有限公司\国产</t>
  </si>
  <si>
    <t>【浙江莱梦德】齿轮箱\LMDSL1100GB/1\浙江莱梦德电力设备有限公司\国产</t>
  </si>
  <si>
    <t>【浙江莱梦德】电动机\ELL00178\750W\380V\1.5A\1400r/min\B5\F\IP55</t>
  </si>
  <si>
    <t>【浙江莱梦德】齿轮箱组件\LMDSB1100GB\浙江莱梦德电力设备有限公司\国产</t>
  </si>
  <si>
    <t>【浙江莱梦德】齿轮箱\LMDSB1100GB/1\浙江莱梦德电力设备有限公司\国产</t>
  </si>
  <si>
    <t>【浙江莱梦德】电动机\ELL00080\1100W\380V\2.2A\1400r/min\B5\F\IP55</t>
  </si>
  <si>
    <t>【浙江莱梦德】行走箱\LMD/10705A\浙江莱梦德电力设备有限公司\国产</t>
  </si>
  <si>
    <t>【浙江莱梦德】变速箱\LMD-AL NO:SCG1351HT-LMDAL\浙江莱梦德电力设备有限公司\国产</t>
  </si>
  <si>
    <t>【浙江莱梦德】电动机\ELL00077\1500W\380V\3A\1400r/min\B5\F\IP55</t>
  </si>
  <si>
    <t>【浙江莱梦德】齿轮箱组件\LMDSBGB\浙江莱梦德电力设备有限公司\国产</t>
  </si>
  <si>
    <t>【浙江莱梦德】行走箱\LMD/10673B\浙江莱梦德电力设备有限公司\国产</t>
  </si>
  <si>
    <t>【浙江莱梦德】齿轮箱组件\LMDSGB\浙江莱梦德电力设备有限公司\国产</t>
  </si>
  <si>
    <t>【浙江莱梦德】行走填料箱\D84.14-0\浙江莱梦德电力设备有限公司\国产</t>
  </si>
  <si>
    <t>【浙江莱梦德】移动齿轮箱\D84-12-0\浙江莱梦德电力设备有限公司\国产</t>
  </si>
  <si>
    <t>【浙江莱梦德】行走齿轮箱\D84.10-0\浙江莱梦德电力设备有限公司\国产</t>
  </si>
  <si>
    <t>【浙江莱梦德】移动齿轮箱\D84.11-0\浙江莱梦德电力设备有限公司\国产</t>
  </si>
  <si>
    <t>【浙江莱梦德】减速箱\349649-0040\浙江莱梦德电力设备有限公司\国产</t>
  </si>
  <si>
    <t>【浙江莱梦德】行走箱\LMD/01685B\浙江莱梦德电力设备有限公司\国产</t>
  </si>
  <si>
    <t>【浙江莱梦德】行走箱\LMDLL/4L\浙江莱梦德电力设备有限公司\国产</t>
  </si>
  <si>
    <t>【浙江莱梦德】行走箱\N1/11219D\浙江莱梦德电力设备有限公司\国产</t>
  </si>
  <si>
    <t>【浙江莱梦德】行走箱\LMD/07167\浙江莱梦德电力设备有限公司\国产</t>
  </si>
  <si>
    <t>【浙江莱梦德】墙吹齿轮箱\LMD-D84.10JW71234-W-550W\浙江莱梦德电力设备有限公司\国产</t>
  </si>
  <si>
    <t>【浙江莱梦德】阀门组件\LMD/361104\浙江莱梦德电力设备有限公司\国产</t>
  </si>
  <si>
    <t>【浙江莱梦德】阀杆阀瓣组件\LL000373\浙江莱梦德电力设备有限公司\国产</t>
  </si>
  <si>
    <t>【浙江莱梦德】阀瓣\LM/471409C\浙江莱梦德电力设备有限公司\国产</t>
  </si>
  <si>
    <t>【浙江莱梦德】阀杆\LM/471346D\浙江莱梦德电力设备有限公司\国产</t>
  </si>
  <si>
    <t>【浙江莱梦德】阀座\LM/441576C\浙江莱梦德电力设备有限公司\国产</t>
  </si>
  <si>
    <t>【浙江莱梦德】空气阀\LM/471424B\浙江莱梦德电力设备有限公司\国产</t>
  </si>
  <si>
    <t>【浙江莱梦德】阀门组件\SSB9002-0\浙江莱梦德电力设备有限公司\国产</t>
  </si>
  <si>
    <t>【浙江莱梦德】阀门组件\SSB9001-0\浙江莱梦德电力设备有限公司\国产</t>
  </si>
  <si>
    <t>【浙江莱梦德】提升阀\D80.04-0</t>
  </si>
  <si>
    <t>【浙江莱梦德】提升阀\D80.05-0</t>
  </si>
  <si>
    <t>【浙江莱梦德】墙箱密封装置\LMD-MF-76\浙江莱梦德电力设备有限公司\国产</t>
  </si>
  <si>
    <t>【浙江莱梦德】短吹填料\LM60-15S\浙江莱梦德电力设备有限公司\国产</t>
  </si>
  <si>
    <t>【浙江莱梦德】阀门填料\LM/61181\浙江莱梦德电力设备有限公司\国产</t>
  </si>
  <si>
    <t>【浙江莱梦德】填料压盖\LM/321251B\浙江莱梦德电力设备有限公司\国产</t>
  </si>
  <si>
    <t>【浙江莱梦德】填料组\LM6O-02SA\浙江莱梦德电力设备有限公司\国产</t>
  </si>
  <si>
    <t>【浙江莱梦德】填料压盖\LM/431382A\浙江莱梦德电力设备有限公司\国产</t>
  </si>
  <si>
    <t>【浙江莱梦德】填料组\SC06-30\浙江莱梦德电力设备有限公司\国产</t>
  </si>
  <si>
    <t>【浙江莱梦德】填料组\SC6-43\浙江莱梦德电力设备有限公司\国产</t>
  </si>
  <si>
    <t>【浙江莱梦德】压盖\H04-H4-4\浙江莱梦德电力设备有限公司\国产</t>
  </si>
  <si>
    <t>【浙江莱梦德】压环\H04-H4-5\浙江莱梦德电力设备有限公司\国产</t>
  </si>
  <si>
    <t>【浙江莱梦德】负压炉墙接口箱\LM/10266D\浙江莱梦德电力设备有限公司\国产</t>
  </si>
  <si>
    <t>【浙江莱梦德】衬套\H04-H4-7\浙江莱梦德电力设备有限公司\国产</t>
  </si>
  <si>
    <t>【浙江莱梦德】铜衬\LM/441522D\浙江莱梦德电力设备有限公司\国产</t>
  </si>
  <si>
    <t>【浙江莱梦德】铜衬\LM/451094C\浙江莱梦德电力设备有限公司\国产</t>
  </si>
  <si>
    <t>【浙江莱梦德】衬套\LM/491474\浙江莱梦德电力设备有限公司\国产</t>
  </si>
  <si>
    <t>【浙江莱梦德】主轴\H04-H2-H1-0\浙江莱梦德电力设备有限公司\国产</t>
  </si>
  <si>
    <t>【浙江莱梦德】内管组件\H04-H5-0\浙江莱梦德电力设备有限公司\国产</t>
  </si>
  <si>
    <t>【浙江莱梦德】喷嘴头\H04-H9-1\浙江莱梦德电力设备有限公司\国产</t>
  </si>
  <si>
    <t>【浙江莱梦德】外管组件\LM/T89II\浙江莱梦德电力设备有限公司\国产</t>
  </si>
  <si>
    <t>【浙江莱梦德】外管\LM/07M01B/1M\浙江莱梦德电力设备有限公司\国产</t>
  </si>
  <si>
    <t>【浙江莱梦德】喷嘴管\LMDATPZGJ\浙江莱梦德电力设备有限公司\国产</t>
  </si>
  <si>
    <t>【浙江莱梦德】外管组件\LMT102III\浙江莱梦德电力设备有限公司\国产</t>
  </si>
  <si>
    <t>【浙江莱梦德】喷嘴管\LMDSBPZG\浙江莱梦德电力设备有限公司\国产</t>
  </si>
  <si>
    <t>【浙江莱梦德】内管\LM/351631B/1\浙江莱梦德电力设备有限公司\国产</t>
  </si>
  <si>
    <t>【浙江莱梦德】吹灰管组件\LMALPZGJ\浙江莱梦德电力设备有限公司\国产</t>
  </si>
  <si>
    <t>【浙江莱梦德】水管组件\LM/221916A\浙江莱梦德电力设备有限公司\国产</t>
  </si>
  <si>
    <t>【浙江莱梦德】水喷嘴管组件\LMALPZGWJ\浙江莱梦德电力设备有限公司\国产</t>
  </si>
  <si>
    <t>【浙江莱梦德】内管\LM-PSSB/351631B/1\浙江莱梦德电力设备有限公司\国产</t>
  </si>
  <si>
    <t>【浙江莱梦德】外管含炉内喷嘴管\LM-PSSBφ89ii\浙江莱梦德电力设备有限公司\国产</t>
  </si>
  <si>
    <t>【浙江莱梦德】内管\76203-10-0\浙江莱梦德电力设备有限公司\国产</t>
  </si>
  <si>
    <t>【浙江莱梦德】外管\76203-9-0\浙江莱梦德电力设备有限公司\国产</t>
  </si>
  <si>
    <t>【浙江莱梦德】内管\D83.69-0\浙江莱梦德电力设备有限公司\国产</t>
  </si>
  <si>
    <t>【浙江莱梦德】墙吹枪管\72122-4-1-0 72122-4-20\浙江莱梦德电力设备有限公司\国产</t>
  </si>
  <si>
    <t>【浙江莱梦德】喷嘴管组件\SSB9003-1-0\浙江莱梦德电力设备有限公司\国产</t>
  </si>
  <si>
    <t>【浙江莱梦德】长吹灰管\SSB9016-2-0\浙江莱梦德电力设备有限公司\国产</t>
  </si>
  <si>
    <t>【浙江莱梦德】前部托轮组\LM/221995\浙江莱梦德电力设备有限公司\国产</t>
  </si>
  <si>
    <t>【浙江莱梦德】前部托轮组\LM/221743B\浙江莱梦德电力设备有限公司\国产</t>
  </si>
  <si>
    <t>【浙江莱梦德】前部托轮组\LMLL/8QT\浙江莱梦德电力设备有限公司\国产</t>
  </si>
  <si>
    <t>【浙江莱梦德】内外管托架\LMLL/10NB\浙江莱梦德电力设备有限公司\国产</t>
  </si>
  <si>
    <t>【浙江莱梦德】前部托轮组\LM/221721B\浙江莱梦德电力设备有限公司\国产</t>
  </si>
  <si>
    <t>【浙江莱梦德】内外管托架组件\LM/111215B\浙江莱梦德电力设备有限公司\国产</t>
  </si>
  <si>
    <t>【浙江莱梦德】前部托轮组\LM/07179TL\浙江莱梦德电力设备有限公司\国产</t>
  </si>
  <si>
    <t>【浙江莱梦德】前部托轮组\LM221692\浙江莱梦德电力设备有限公司\国产</t>
  </si>
  <si>
    <t>【浙江莱梦德】炉内外支撑\LMATZCH\浙江莱梦德电力设备有限公司\国产</t>
  </si>
  <si>
    <t>【浙江莱梦德】吹灰器\LMD-04\L=255mm\国产</t>
  </si>
  <si>
    <t>【浙江莱梦德】吹灰器\LMD-PS-AL\L=3500mm\国产</t>
  </si>
  <si>
    <t>【浙江莱梦德】吹灰器\LMD-PSAT\L=2500mm\国产</t>
  </si>
  <si>
    <t>【浙江莱梦德】吹灰器\LMD-PS-LL\L=9000mm\国产</t>
  </si>
  <si>
    <t>【浙江莱梦德】吹灰器\LMD-PS-SL\L=7000mm\国产</t>
  </si>
  <si>
    <t>【浙江莱梦德】吹灰器\LMD-RK-SL\L=11000mm\国产</t>
  </si>
  <si>
    <t>【浙江莱梦德】吹灰器\LMD-RK-SB\L=5000mm\国产</t>
  </si>
  <si>
    <t>【浙江莱梦德】吹灰器\LMD-TS-0\L=6000mm\国产</t>
  </si>
  <si>
    <t>【浙江莱梦德】吹灰器\SSB9000/722122-0-0\L=6000mm\国产</t>
  </si>
  <si>
    <t>【宝鸡航天泵业】压紧环\PZNB180/4-13-10/G\柱塞泵\PZNB-160/4\国产</t>
  </si>
  <si>
    <t>宝鸡航天动力泵业有限公司</t>
  </si>
  <si>
    <t>宝鸡航天泵业</t>
  </si>
  <si>
    <t>GNWZBP(TH)ZYCG2020-217</t>
  </si>
  <si>
    <t>宝鸡航天喷水式柱塞泥浆泵（PZNB）备件商城铺货长协采购</t>
  </si>
  <si>
    <t>【宝鸡航天泵业】压紧环\PZNB130/8-13-10\柱塞泵\PZNB-130/6\国产</t>
  </si>
  <si>
    <t>【宝鸡航天泵业】法兰\PZNB180/4-15-2\柱塞泵\PZNB-160/4\国产</t>
  </si>
  <si>
    <t>【宝鸡航天泵业】法兰\PZNB130/8-15-2\柱塞泵\PZNB130/8\国产</t>
  </si>
  <si>
    <t>【宝鸡航天泵业】上紧法兰\PZNB180/4-15-3\柱塞泵\PZNB-160/4\国产</t>
  </si>
  <si>
    <t>【宝鸡航天泵业】上紧法兰\PZNB130/8-15-3\柱塞泵\PZNB-130/6\国产</t>
  </si>
  <si>
    <t>【宝鸡航天泵业】防爆片\LCA50-6.4-60\柱塞泵\PZNB-130/6\国产</t>
  </si>
  <si>
    <t>【宝鸡航天泵业】防爆片\LCA50-7.2-60\柱塞泵\PZNB130/8\国产</t>
  </si>
  <si>
    <t>【宝鸡航天泵业】防爆片\LCA50-4.8-60\柱塞泵\PZNB-160/4\国产</t>
  </si>
  <si>
    <t>【宝鸡航天泵业】出口管组件\PZNB130/8-18\柱塞泵\PZNB-130/6\国产</t>
  </si>
  <si>
    <t>【宝鸡航天泵业】出口管组件\PZNB180/4-18-0\柱塞泵\PZNB-160/4\国产</t>
  </si>
  <si>
    <t>【宝鸡航天泵业】导向套\PNB-03-1/B\柱塞泵\PZNB-130/6\国产</t>
  </si>
  <si>
    <t>【宝鸡航天泵业】阀压盖\PZNB130/8-15-1\柱塞泵\PZNB130/8\国产</t>
  </si>
  <si>
    <t>【宝鸡航天泵业】阀压盖\PZNB180/8-15-1\柱塞泵\PZNB-160/4\国产</t>
  </si>
  <si>
    <t>【宝鸡航天泵业】卡头\PZNB130/8-11\柱塞泵\PZNB130/8\国产</t>
  </si>
  <si>
    <t>【宝鸡航天泵业】O型密封圈\φ73×3.55mm\丁基橡胶</t>
  </si>
  <si>
    <t>【宝鸡航天泵业】O型密封圈\φ118×3.55mm\丁基橡胶</t>
  </si>
  <si>
    <t>【宝鸡航天泵业】O型密封圈\φ270×5.7mm GB1235\丁基橡胶</t>
  </si>
  <si>
    <t>【宝鸡航天泵业】O型密封圈\φ205×5.7mm GB1235\丁基橡胶</t>
  </si>
  <si>
    <t>【宝鸡航天泵业】O型密封圈\φ275×8.6mm GB1235\丁基橡胶</t>
  </si>
  <si>
    <t>【宝鸡航天泵业】O型密封圈\φ245×8.6mm GB1235\丁基橡胶</t>
  </si>
  <si>
    <t>【宝鸡航天泵业】O型密封圈\φ260×5.7mm GB1235\丁基橡胶</t>
  </si>
  <si>
    <t>【宝鸡航天泵业】齿轮\PZNB130/8-4-5\柱塞泵\PZNB130/8\国产</t>
  </si>
  <si>
    <t>【宝鸡航天泵业】齿轮\PZNB130/8-4-6\柱塞泵\PZNB130/8\国产</t>
  </si>
  <si>
    <t>【宝鸡航天泵业】齿轮\PZNB130/8-4-19\柱塞泵\PZNB130/8\国产</t>
  </si>
  <si>
    <t>【宝鸡航天泵业】齿轮\PZNB130/8-4-20\柱塞泵\PZNB130/8\国产</t>
  </si>
  <si>
    <t>【宝鸡航天泵业】窄V带\2×5ZV25-10160\柱塞泵\PZNB-130/6\国产</t>
  </si>
  <si>
    <t>【宝鸡航天泵业】螺母\PZNB130/8-34\柱塞泵\PZNB-130/6\国产</t>
  </si>
  <si>
    <t>【宝鸡航天泵业】单耳止动垫圈\PZNB130/8-35\柱塞泵\PZNB-130/6\国产</t>
  </si>
  <si>
    <t>【宝鸡航天泵业】六角槽形螺母\PZNB130/8-36\柱塞泵\PZNB-130/6\国产</t>
  </si>
  <si>
    <t>【宝鸡航天泵业】双头螺栓\PZNB130/8-38\柱塞泵\PZNB-130/6\国产</t>
  </si>
  <si>
    <t>【宝鸡航天泵业】高压胶管\GB/T3683-92\柱塞泵\PZNB-130/6\国产</t>
  </si>
  <si>
    <t>【宝鸡航天泵业】截止阀\J21W160P\柱塞泵\PZNB-130/6\国产</t>
  </si>
  <si>
    <t>【宝鸡航天泵业】YX型密封圈\PZNB130/8-9\柱塞泵\PZNB130/8\国产</t>
  </si>
  <si>
    <t>【宝鸡航天泵业】胶套\PNB03-2/B\柱塞泵\PZNB-130/6\国产</t>
  </si>
  <si>
    <t>【宝鸡航天泵业】阀组件\PZNB180/4-03-00\柱塞泵\PZNB-160/4\国产</t>
  </si>
  <si>
    <t>【宝鸡航天泵业】阀座\PZNB180/4-03-5\柱塞泵\PZNB-160/4\国产</t>
  </si>
  <si>
    <t>【宝鸡航天泵业】阀组件\PNB03-0/C\柱塞泵\PZNB-130/6\国产</t>
  </si>
  <si>
    <t>【宝鸡航天泵业】阀座\PNB03-7/B\柱塞泵\PZNB-130/6\国产</t>
  </si>
  <si>
    <t>【宝鸡航天泵业】柱塞\PZNB130/8-13-1(P)\柱塞泵\PZNB130/8\国产</t>
  </si>
  <si>
    <t>【宝鸡航天泵业】填料箱体甲\3DS3/50/001-09\柱塞泵\3DS3/50-10/8\国产</t>
  </si>
  <si>
    <t>【宝鸡航天泵业】填料箱体乙\3DS3/50/001-10\柱塞泵\3DS3/50-10/8\国产</t>
  </si>
  <si>
    <t>【宝鸡航天泵业】上阀罩\3DS3(85)001-13\高压柱塞泵\3DS3(85)\国产</t>
  </si>
  <si>
    <t>【宝鸡航天泵业】下阀罩\3DS3(85)001-19\高压柱塞泵\3DS3(85)\国产</t>
  </si>
  <si>
    <t>【宝鸡航天泵业】柱塞\PZNB160/4-13-1/P/G\柱塞泵\PZNB-160/4\国产</t>
  </si>
  <si>
    <t>【宝鸡航天泵业】填料盒\PZNB130/8-13-4\柱塞泵\PZNB130/8\国产</t>
  </si>
  <si>
    <t>【宝鸡航天泵业】密封填料盒\PZNB180/4-13-4\柱塞泵\PZNB180/4\国产</t>
  </si>
  <si>
    <t>【宝鸡航天泵业】柱塞套\PZNB130/8-13-2\柱塞泵\PZNB130/8\国产</t>
  </si>
  <si>
    <t>【宝鸡航天泵业】柱塞套\PZNB180/4-13-2\柱塞泵\PZNB-160/4\国产</t>
  </si>
  <si>
    <t>【宝鸡航天泵业】喷水环\PZNB130/8-13-3\柱塞泵\PZNB130/8\国产</t>
  </si>
  <si>
    <t>【宝鸡航天泵业】喷水环\PZNB180/4-13-3\柱塞泵\PZNB-160/4\国产</t>
  </si>
  <si>
    <t>【宝鸡航天泵业】中缸体\3DS3/60/001-11\柱塞泵\3DS3/60-12/6\国产</t>
  </si>
  <si>
    <t>【宝鸡航天泵业】中体\3DS3/50/001-11A\柱塞泵\3DS3/50-10/8\国产</t>
  </si>
  <si>
    <t>【宝鸡航天泵业】导向套\3DS3(50)001-03\柱塞泵\3DS3-10/8\国产</t>
  </si>
  <si>
    <t>【宝鸡航天泵业】导向套\3DS3(50)001-08\柱塞泵\3DS3-10/8\国产</t>
  </si>
  <si>
    <t>【宝鸡航天泵业】导向套乙\3DS3/60/001-08\柱塞泵\3DS3/60-12/6\国产</t>
  </si>
  <si>
    <t>【宝鸡航天泵业】导向套甲\3DS3/60/001-03\柱塞泵\3DS3/60-12/6\国产</t>
  </si>
  <si>
    <t>【宝鸡航天泵业】填料压紧螺母\3DS3/50/001-02\柱塞泵\3DS3/50-10/8\国产</t>
  </si>
  <si>
    <t>【宝鸡航天泵业】填料压紧螺母\3DS3/60/001-02\柱塞泵\3DS3/60-12/6\国产</t>
  </si>
  <si>
    <t>【宝鸡航天泵业】V型压环\3DS3(50)001-04\柱塞泵\3DS3-10/8\国产</t>
  </si>
  <si>
    <t>【宝鸡航天泵业】V型密封环\3DS3(50)001-05\柱塞泵\3DS3-10/8\国产</t>
  </si>
  <si>
    <t>【宝鸡航天泵业】V型密封环\3DS3(50)001-06\柱塞泵\3DS3-10/8\国产</t>
  </si>
  <si>
    <t>【宝鸡航天泵业】挡油套\3DS3.004-06\高压柱塞泵\3DS3(85)\国产</t>
  </si>
  <si>
    <t>【宝鸡航天泵业】V型压环\3DS3/60/001-04\柱塞泵\3DS3/60-12/6\国产</t>
  </si>
  <si>
    <t>【宝鸡航天泵业】V型密封环\3DS3/60/001-05\柱塞泵\3DS3/60-12/6\国产</t>
  </si>
  <si>
    <t>【宝鸡航天泵业】V型密封环\3DS3/60/001-06\柱塞泵\3DS3/60-12/6\国产</t>
  </si>
  <si>
    <t>【宝鸡航天泵业】外六角螺塞\3DS3/85/001-22\柱塞泵\3DS3-12/6\国产</t>
  </si>
  <si>
    <t>【宝鸡航天泵业】连接螺栓\3DS3.004-03\高压柱塞泵\3DS3(85)\国产</t>
  </si>
  <si>
    <t>【宝鸡航天泵业】挡环\3DS3.004-04\高压柱塞泵\3DS3(85)\国产</t>
  </si>
  <si>
    <t>【宝鸡航天泵业】泵体总成\3DS3/50/001-00\柱塞泵\3DS3/50-10/8\国产</t>
  </si>
  <si>
    <t>【宝鸡航天泵业】油封\GB9877.1-88 PG200×240×18\柱塞泵\3DS3-12/6\国产</t>
  </si>
  <si>
    <t>【宝鸡航天泵业】油封\GB9877.1-88 B85×110×12\柱塞泵\3DS3-12/6\国产</t>
  </si>
  <si>
    <t>【宝鸡航天泵业】高压胶管\QB2271-81\柱塞泵\3DS3-12/6\国产</t>
  </si>
  <si>
    <t>【宝鸡航天泵业】吸入阀簧\3DS3/85/001-14-X\柱塞泵\3DS3-12/6\国产</t>
  </si>
  <si>
    <t>【宝鸡航天泵业】排出阀簧\3DS3\85\001-14-P\柱塞泵\3DS3-12/6\国产</t>
  </si>
  <si>
    <t>【宝鸡航天泵业】安全阀组件\3DS3(85)003-00\高压柱塞泵\3DS3(85)\国产</t>
  </si>
  <si>
    <t>【宝鸡航天泵业】锥阀\3DS3(85)001-15\高压柱塞泵\3DS3(85)\国产</t>
  </si>
  <si>
    <t>【宝鸡航天泵业】阀座\3DS3(85)001-16\柱塞泵\3DS3-10/8\国产</t>
  </si>
  <si>
    <t>【宝鸡航天泵业】卡环\3DS3.004-05\柱塞泵\3DS3-12/6\国产</t>
  </si>
  <si>
    <t>【宝鸡航天泵业】压套\3DS3/60/001-13\柱塞泵\3DS3/60-12/6\国产</t>
  </si>
  <si>
    <t>【宝鸡航天泵业】泵体部件\3DS3/60/001-00A\柱塞泵\3DS3/60-12/6\国产</t>
  </si>
  <si>
    <t>【宝鸡航天泵业】挡水板\3DS3.004-36\柱塞泵\3DS3-12/6\国产</t>
  </si>
  <si>
    <t>【宝鸡航天泵业】连杆\3DS3.004-13\高压柱塞泵\3DS3(85)\国产</t>
  </si>
  <si>
    <t>【宝鸡航天泵业】连杆瓦\160-67\柱塞泵\3DS3-12/6\国产</t>
  </si>
  <si>
    <t>【宝鸡航天泵业】曲轴\3DS3.004-17B\柱塞泵\3DS3-12/6\国产</t>
  </si>
  <si>
    <t>【宝鸡航天泵业】柱塞\3DS3(50)001-01\柱塞泵\3DS3-10/8\国产</t>
  </si>
  <si>
    <t>【宝鸡航天泵业】柱塞\3DS3/60/001-01\柱塞泵\3DS3/60-12/6\国产</t>
  </si>
  <si>
    <t>【宝鸡航天泵业】连接杆\3DS3.004-08\柱塞泵\3DS3-10/8\国产</t>
  </si>
  <si>
    <t>【宝鸡航天泵业】十字头\3DS3.004-09\高压柱塞泵\3DS3(85)\国产</t>
  </si>
  <si>
    <t>【宝鸡航天泵业】衬套\3DS3.004-10\高压柱塞泵\3DS3(85)\国产</t>
  </si>
  <si>
    <t>【宝鸡航天泵业】销轴\3DS3.004-11\柱塞泵\3DS3-10/8\国产</t>
  </si>
  <si>
    <t>【宝鸡航天泵业】连杆小头衬套\3DS3.004-12\柱塞泵\3DS3-12/6\国产</t>
  </si>
  <si>
    <t>【宝鸡航天泵业】孔用弹性挡圈\GB893-76φ48\柱塞泵\PZNB-130/6\国产</t>
  </si>
  <si>
    <t>【宝鸡航天泵业】密封函体带填料\PZNB180/4\柱塞泵\PZNB-160/4\国产</t>
  </si>
  <si>
    <t>【宝鸡航天泵业】密封函体带填料\PZNB130/8\柱塞泵\PZNB-130/6\国产</t>
  </si>
  <si>
    <t>【宝鸡航天泵业】阀箱\PZNB130/8-15-3A\柱塞泵\PZNB-130/6\国产</t>
  </si>
  <si>
    <t>【宝鸡航天泵业】胶管接头\PNB03-9-4\柱塞泵\PZNB-130/6\国产</t>
  </si>
  <si>
    <t>【宝鸡航天泵业】密封支承环\PZNB180/4-13-5\柱塞泵\PZNB-160/4\国产</t>
  </si>
  <si>
    <t>【宝鸡航天泵业】支撑环\PZNB130/8-13-5\柱塞泵\PZNB130/8\国产</t>
  </si>
  <si>
    <t>【宝鸡航天泵业】密封圈隔环\PZNB180/4-13-7\柱塞泵\PZNB-160/4\国产</t>
  </si>
  <si>
    <t>【宝鸡航天泵业】隔环\PZNB130/8-13-7\柱塞泵\PZNB130/8\国产</t>
  </si>
  <si>
    <t>【宝鸡航天泵业】V型密封\PZNB130/8-13-6\柱塞泵\PZNB130/8\国产</t>
  </si>
  <si>
    <t>【宝鸡航天泵业】V型密封圈\PZNB160/4-13-6/G φ220\柱塞泵\PZNB-160/4\国产</t>
  </si>
  <si>
    <t>【宝鸡航天泵业】V型橡胶密封圈\PZNB180/4-13-6\柱塞泵\PZNB-160/4\国产</t>
  </si>
  <si>
    <t>【宝鸡航天泵业】压环\PZNB130/8-13-8\柱塞泵\PZNB130/8\国产</t>
  </si>
  <si>
    <t>【宝鸡航天泵业】密封圈压环\PZNB180/4-13-8\柱塞泵\PZNB-160/4\国产</t>
  </si>
  <si>
    <t>【宝鸡航天泵业】B型单向阀\PZNB03-9-2\柱塞泵\PZNB-130/6\国产</t>
  </si>
  <si>
    <t>【宝鸡航天泵业】A型单向阀\PZNB03-9-5\柱塞泵\PZNB-130/6\国产</t>
  </si>
  <si>
    <t>【宝鸡航天泵业】YX型密封圈\PZNB130/8-13-9\柱塞泵\PZNB130/8\国产</t>
  </si>
  <si>
    <t>【宝鸡航天泵业】YX型密封圈\PZNB180/4-13-9\柱塞泵\PZNB180/4\国产</t>
  </si>
  <si>
    <t>【宝鸡航天泵业】吸入阀簧\PNB03-2-X\柱塞泵\PZNB-130/6\国产</t>
  </si>
  <si>
    <t>【宝鸡航天泵业】排出阀簧\PNB03-2-P\柱塞泵\PZNB-130/6\国产</t>
  </si>
  <si>
    <t>【宝鸡航天泵业】挡污环\PZNB130/8-10\柱塞泵\PZNB-130/6\国产</t>
  </si>
  <si>
    <t>【宝鸡航天泵业】挺杆卡头\PZNB180/8-11\柱塞泵\PZNB-160/4\国产</t>
  </si>
  <si>
    <t>【宝鸡航天泵业】焊接接头体组件\PNB03-7-6-0\柱塞泵\PZNB-130/6\国产</t>
  </si>
  <si>
    <t>【宝鸡航天泵业】垫\PNB03-7-6-3\柱塞泵\PZNB-130/6\国产</t>
  </si>
  <si>
    <t>【德施普】安全带\DSP-Y0104\国产</t>
  </si>
  <si>
    <t>【德施普】安全带\DSP-Y0106\国产</t>
  </si>
  <si>
    <t>【德施普】安全绳\DSP-Y0107\国产</t>
  </si>
  <si>
    <t>【德施普】安全带\DSP-Y0105\国产</t>
  </si>
  <si>
    <t>【德施普】防撞手套\DSP-S0118\防割\防撞\纱线</t>
  </si>
  <si>
    <t>【德施普】耐酸碱手套\300mm\DSP-S0119\防酸碱\PVC</t>
  </si>
  <si>
    <t>【德施普】耐酸碱手套\450mm\DSP-S0120\防酸碱\PVC</t>
  </si>
  <si>
    <t>【德施普】耐酸碱手套\600mm\DSP-S0121\防酸碱\PVC</t>
  </si>
  <si>
    <t>【德施普】乳胶手套\DSP-S0122\防酸碱\乳胶</t>
  </si>
  <si>
    <t>【德施普】一次性手套\DSP-S0123\防酸碱\丁腈橡胶</t>
  </si>
  <si>
    <t>【德施普】耳塞\DSP-T0101\防噪音</t>
  </si>
  <si>
    <t>【德施普】耳罩\DSP-T0102\防噪音</t>
  </si>
  <si>
    <t>【德施普】挂安全帽式防护耳罩\DSP-T0103\防噪音</t>
  </si>
  <si>
    <t>【德施普】毛巾\110×34cm\全棉</t>
  </si>
  <si>
    <t>【德施普】毛巾\110×34cm\涤棉</t>
  </si>
  <si>
    <t>【德施普】安全帽\Y类\白色\ABS</t>
  </si>
  <si>
    <t>【德施普】安全帽\Y类\通用\玻璃钢</t>
  </si>
  <si>
    <t>【德施普】安全帽\Y类\DSP-H0510\白色\ABS</t>
  </si>
  <si>
    <t>【德施普】牛仔防尘披肩帽\DSP-H0511\棉涤</t>
  </si>
  <si>
    <t>【德施普】防护眼镜\DSP-E0101\国产</t>
  </si>
  <si>
    <t>【德施普】防护眼罩\DSP-E0102\国产</t>
  </si>
  <si>
    <t>【德施普】PVC防护面屏\DSP-E0103\国产</t>
  </si>
  <si>
    <t>【德施普】电焊眼罩\DSP-E0104\国产</t>
  </si>
  <si>
    <t>【德施普】电焊面罩\DSP-E0105\国产</t>
  </si>
  <si>
    <t>【德施普】手持式电焊面罩\DSP-E0106\国产</t>
  </si>
  <si>
    <t>【德施普】全皮电焊手套\DSP-S0113\隔热 防割\牛皮</t>
  </si>
  <si>
    <t>【华为】2U2路高性能存储型机架式服务器\2288H V5\Intel Xeon 5218R(2.1GHz,20core)*2/内存32GB*8(或64GB*4)/存储480GB*2(SSD),2.4T*6,960TB*1(SSD)/4×1GE电口,4×10GE光口,25GE双端口网卡</t>
  </si>
  <si>
    <t>【华为】1U1路计算型服务器\FusionServerPro 1288H V5\Intel Xeon 4214R(2.4GHz,12core)*1/内存32GB*2/存储1.2TB*2/2×1GE电口, 2×10GE光口</t>
  </si>
  <si>
    <t>【华为】1U1路计算型服务器（含服务包）\FusionServerPro 1288H V5\Intel Xeon 4214R(2.4GHz,12core)*1/内存32GB*2/存储1.2TB*2/2×1GE电口, 2×10GE光口</t>
  </si>
  <si>
    <t>【华为】1U2路计算型服务器\FusionServerPro 1288H V5\Intel Xeon 6230N(2.3GHz,20core)*2/内存32GB*8(或64GB*4)/存储600GB*2/2×1GE电口, 2×10GE光口</t>
  </si>
  <si>
    <t>【华为】1U2路计算型服务器（含服务包）\FusionServerPro 1288H V5\Intel Xeon 6230N(2.3GHz,20core)*2/内存32GB*8(或64GB*4)/存储600GB*2/2×1GE电口, 2×10GE光口</t>
  </si>
  <si>
    <t>【华为】2U2路虚拟化计算型机架式机架式服务器\2288H V5\Intel Xeon 4208(2.1GHz,8core)*2/内存32GB*16(或64GB*8)/存储1.2TB*4/4×1GE电口, 2×10GE光口</t>
  </si>
  <si>
    <t>【华为】2U2路虚拟化计算型机架式机架式服务器（含服务包）\2288H V5\Intel Xeon 4208(2.1GHz,8core)*2/内存32GB*16(或64GB*8)/存储1.2TB*4/4×1GE电口, 2×10GE光口</t>
  </si>
  <si>
    <t>【沈阳远大】接筒部件\JS/YB5105.6.00-2012-16F-0\往复式压缩机\4M16(Y11)\国产</t>
  </si>
  <si>
    <t>沈阳远大压缩机有限公司</t>
  </si>
  <si>
    <t>沈阳远大</t>
  </si>
  <si>
    <t>GNWZBP(TH)ZECG2020-281</t>
  </si>
  <si>
    <t>国家能源e购商城沈阳远大压缩机备件长协铺货采购合同</t>
  </si>
  <si>
    <t>【沈阳远大】直通终端锥管接头\JS/YB5105.6.00-2012-16F-1\往复式压缩机\4M16(Y11)\国产</t>
  </si>
  <si>
    <t>【沈阳远大】直通终端接头\JS/YB5105.6.00-2012-16F-2\往复式压缩机\4M16(Y11)\国产</t>
  </si>
  <si>
    <t>【沈阳远大】直通终端接头\JS/YB5105.6.00-2012-16F-3\往复式压缩机\4M16(Y11)\国产</t>
  </si>
  <si>
    <t>【沈阳远大】直通终端接头\JS/YB5105.6.00-2012-16F-4\往复式压缩机\4M16(Y11)\国产</t>
  </si>
  <si>
    <t>【沈阳远大】直通终端接头\JS/YB5105.6.00-2012-16F-5\往复式压缩机\4M16(Y11)\国产</t>
  </si>
  <si>
    <t>【沈阳远大】不锈钢金属软管\JS/YB5105.6.00-2012-16F-6\往复式压缩机\4M16(Y11)\国产</t>
  </si>
  <si>
    <t>【沈阳远大】不锈钢耐压软管\JS/YB5105.6.00-2012-16F-7\往复式压缩机\4M16(Y11)\国产</t>
  </si>
  <si>
    <t>【沈阳远大】不锈钢耐压软管\JS/YB5105.6.00-2012-16F-8\往复式压缩机\4M16(Y11)\国产</t>
  </si>
  <si>
    <t>【沈阳远大】不锈钢球阀\JS/YB5105.6.00-2012-16F-9\往复式压缩机\4M16(Y11)\国产</t>
  </si>
  <si>
    <t>【沈阳远大】接头\JS/YB5105.6.00-2012-16F-10\往复式压缩机\4M16(Y11)\国产</t>
  </si>
  <si>
    <t>【沈阳远大】中间填料\JS/YB5105.6.00-2012-16F-11\往复式压缩机\4M16(Y11)\国产</t>
  </si>
  <si>
    <t>【沈阳远大】弹簧\JS/YB5316.00-2012-1\往复式压缩机\4M16(Y11)\国产</t>
  </si>
  <si>
    <t>【沈阳远大】切向环\JS/YB5316.00-2012-2\往复式压缩机\4M16(Y11)\国产</t>
  </si>
  <si>
    <t>【沈阳远大】垫\JS/YB5316.00-2012-3\往复式压缩机\4M16(Y11)\国产</t>
  </si>
  <si>
    <t>【沈阳远大】垫\JS/YB5316.00-2012-4\往复式压缩机\4M16(Y11)\国产</t>
  </si>
  <si>
    <t>【沈阳远大】螺堵\JS/YB5316.00-2012-5\往复式压缩机\4M16(Y11)\国产</t>
  </si>
  <si>
    <t>【沈阳远大】O型圈\JS/YB5316.00-2012-6\往复式压缩机\4M16(Y11)\国产</t>
  </si>
  <si>
    <t>【沈阳远大】压盖\JS/YB5316.00-2012-7\往复式压缩机\4M16(Y11)\国产</t>
  </si>
  <si>
    <t>【沈阳远大】弹簧\JS/YB5316.00-2012-8\往复式压缩机\4M16(Y11)\国产</t>
  </si>
  <si>
    <t>【沈阳远大】弹簧垫\JS/YB5316.00-2012-9\往复式压缩机\4M16(Y11)\国产</t>
  </si>
  <si>
    <t>【沈阳远大】法兰\JS/YB5316.00-2012-10\往复式压缩机\4M16(Y11)\国产</t>
  </si>
  <si>
    <t>【沈阳远大】压盖\JS/YB5316.00-2012-11\往复式压缩机\4M16(Y11)\国产</t>
  </si>
  <si>
    <t>【沈阳远大】圆柱销N\JS/YB5316.00-2012-12\往复式压缩机\4M16(Y11)\国产</t>
  </si>
  <si>
    <t>【沈阳远大】螺栓\JS/YB5316.00-2012-13\往复式压缩机\4M16(Y11)\国产</t>
  </si>
  <si>
    <t>【沈阳远大】螺栓\JS/YB5316.00-2012-14\往复式压缩机\4M16(Y11)\国产</t>
  </si>
  <si>
    <t>【沈阳远大】圆柱销\JS/YB5316.00-2012-15\往复式压缩机\4M16(Y11)\国产</t>
  </si>
  <si>
    <t>【沈阳远大】刮油器\JS/YB5105.6.00-2012-16F-12\往复式压缩机\4M16(Y11)\国产</t>
  </si>
  <si>
    <t>【沈阳远大】刮油法兰\JS/YB5216.00-2012-1\往复式压缩机\4M16(Y11)\国产</t>
  </si>
  <si>
    <t>【沈阳远大】刮油环\JS/YB5216.00-2012-2\往复式压缩机\4M16(Y11)\国产</t>
  </si>
  <si>
    <t>【沈阳远大】弹簧\JS/YB5216.00-2012-3\往复式压缩机\4M16(Y11)\国产</t>
  </si>
  <si>
    <t>【沈阳远大】阻油环\JS/YB5216.00-2012-4\往复式压缩机\4M16(Y11)\国产</t>
  </si>
  <si>
    <t>【沈阳远大】刮油盒\JS/YB5216.00-2012-5\往复式压缩机\4M16(Y11)\国产</t>
  </si>
  <si>
    <t>【沈阳远大】垫\JS/YB5216.00-2012-6\往复式压缩机\4M16(Y11)\国产</t>
  </si>
  <si>
    <t>【沈阳远大】螺柱\JS/YB5216.00-2012-7\往复式压缩机\4M16(Y11)\国产</t>
  </si>
  <si>
    <t>【沈阳远大】螺母\JS/YB5216.00-2012-8\往复式压缩机\4M16(Y11)\国产</t>
  </si>
  <si>
    <t>【沈阳远大】O形圈\JS/YB5216.00-2012-9\往复式压缩机\4M16(Y11)\国产</t>
  </si>
  <si>
    <t>【沈阳远大】O形圈\JS/YB5216.00-2012-10\往复式压缩机\4M16(Y11)\国产</t>
  </si>
  <si>
    <t>【沈阳远大】盖板\JS/YB5105.6.00-2012-16F-13\往复式压缩机\4M16(Y11)\国产</t>
  </si>
  <si>
    <t>【沈阳远大】弯手柄\JS/YB5105.6.00-2012-16F-14\往复式压缩机\4M16(Y11)\国产</t>
  </si>
  <si>
    <t>【沈阳远大】封堵\JS/YB5105.6.00-2012-16F-15\往复式压缩机\4M16(Y11)\国产</t>
  </si>
  <si>
    <t>【沈阳远大】O形圈\JS/YB5105.6.00-2012-16F-16\往复式压缩机\4M16(Y11)\国产</t>
  </si>
  <si>
    <t>【沈阳远大】O形圈\JS/YB5105.6.00-2012-16F-17\往复式压缩机\4M16(Y11)\国产</t>
  </si>
  <si>
    <t>【沈阳远大】垫\JS/YB5105.6.00-2012-16F-18\往复式压缩机\4M16(Y11)\国产</t>
  </si>
  <si>
    <t>【沈阳远大】垫\JS/YB5105.6.00-2012-16F-19\往复式压缩机\4M16(Y11)\国产</t>
  </si>
  <si>
    <t>【沈阳远大】下接头体\JS/YB5105.6.00-2012-16F-20\往复式压缩机\4M16(Y11)\国产</t>
  </si>
  <si>
    <t>【沈阳远大】上接头体\JS/YB5105.6.00-2012-16F-21\往复式压缩机\4M16(Y11)\国产</t>
  </si>
  <si>
    <t>【沈阳远大】螺栓\JS/YB5105.6.00-2012-16F-22\往复式压缩机\4M16(Y11)\国产</t>
  </si>
  <si>
    <t>【沈阳远大】接头体\JS/YB5105.6.00-2012-16F-23\往复式压缩机\4M16(Y11)\国产</t>
  </si>
  <si>
    <t>【沈阳远大】垫\JS/YB5105.6.00-2012-16F-24\往复式压缩机\4M16(Y11)\国产</t>
  </si>
  <si>
    <t>【沈阳远大】垫\JS/YB5105.6.00-2012-16F-25\往复式压缩机\4M16(Y11)\国产</t>
  </si>
  <si>
    <t>【沈阳远大】接筒\JS/YB5105.6.00-2012-16F-26\往复式压缩机\4M16(Y11)\国产</t>
  </si>
  <si>
    <t>【沈阳远大】接线座\JS/YB5105.6.00-2012-16F-27\往复式压缩机\4M16(Y11)\国产</t>
  </si>
  <si>
    <t>【沈阳远大】垫\JS/YB5105.6.00-2012-16F-28\往复式压缩机\4M16(Y11)\国产</t>
  </si>
  <si>
    <t>【沈阳远大】垫\JS/YB5105.6.00-2012-16F-29\往复式压缩机\4M16(Y11)\国产</t>
  </si>
  <si>
    <t>【沈阳远大】螺栓\JS/YB5105.6.00-2012-16F-30\往复式压缩机\4M16(Y11)\国产</t>
  </si>
  <si>
    <t>【沈阳远大】外螺纹直通管接头\JS/YB5105.6.00-2012-16F-31\往复式压缩机\4M16(Y11)\国产</t>
  </si>
  <si>
    <t>【沈阳远大】螺母\JS/YB5105.6.00-2012-16F-32\往复式压缩机\4M16(Y11)\国产</t>
  </si>
  <si>
    <t>【沈阳远大】螺栓\JS/YB5105.6.00-2012-16F-33\往复式压缩机\4M16(Y11)\国产</t>
  </si>
  <si>
    <t>【沈阳远大】标牌\JS/YB5105.6.00-2012-16F-34\往复式压缩机\4M16(Y11)\国产</t>
  </si>
  <si>
    <t>【沈阳远大】双头螺柱\JS/YB5105.6.00-2012-16F-35\往复式压缩机\4M16(Y11)\国产</t>
  </si>
  <si>
    <t>【沈阳远大】螺母\JS/YB5105.6.00-2012-16F-36\往复式压缩机\4M16(Y11)\国产</t>
  </si>
  <si>
    <t>【沈阳远大】垫圈\JS/YB5105.6.00-2012-16F-37\往复式压缩机\4M16(Y11)\国产</t>
  </si>
  <si>
    <t>【沈阳远大】减速机\K107-YB2.2-8P-141.93-M4-0\往复式压缩机\4M16(Y11)\国产</t>
  </si>
  <si>
    <t>【沈阳远大】铆钉\K107-YB2.2-8P-141.93-M4-1\往复式压缩机\4M16(Y11)\国产</t>
  </si>
  <si>
    <t>【沈阳远大】螺栓\K107-YB2.2-8P-141.93-M4-2\往复式压缩机\4M16(Y11)\国产</t>
  </si>
  <si>
    <t>【沈阳远大】螺钉\K107-YB2.2-8P-141.93-M4-3\往复式压缩机\4M16(Y11)\国产</t>
  </si>
  <si>
    <t>【沈阳远大】螺母\K107-YB2.2-8P-141.93-M4-4\往复式压缩机\4M16(Y11)\国产</t>
  </si>
  <si>
    <t>【沈阳远大】螺栓\K107-YB2.2-8P-141.93-M4-5\往复式压缩机\4M16(Y11)\国产</t>
  </si>
  <si>
    <t>【沈阳远大】齿轮\4M8(Y).69-05-0\往复式压缩机\4M16(Y11)\国产</t>
  </si>
  <si>
    <t>【沈阳远大】开关托架\4M20(Y4).69-04-0\往复式压缩机\4M16(Y11)\国产</t>
  </si>
  <si>
    <t>【沈阳远大】定位盘\4M20(Y16).69-02-0\往复式压缩机\4M16(Y11)\国产</t>
  </si>
  <si>
    <t>【沈阳远大】联轴器\4M16(Y11).69-01-0\往复式压缩机\4M16(Y11)\国产</t>
  </si>
  <si>
    <t>【沈阳远大】飞轮\2D16(Y32).69-01-0\往复式压缩机\4M16(Y11)\国产</t>
  </si>
  <si>
    <t>【沈阳远大】垫圈\4M8(Y).69-05-1\往复式压缩机\4M16(Y11)\国产</t>
  </si>
  <si>
    <t>【沈阳远大】螺钉\4M8(Y).69-05-2\往复式压缩机\4M16(Y11)\国产</t>
  </si>
  <si>
    <t>【沈阳远大】底板\JS/YB5105.6.00-2012-16F-38\往复式压缩机\4M16(Y11)\国产</t>
  </si>
  <si>
    <t>【沈阳远大】顶板\JS/YB5105.6.00-2012-16F-39\往复式压缩机\4M16(Y11)\国产</t>
  </si>
  <si>
    <t>【沈阳远大】行程开关托板\JS/YB5105.6.00-2012-16F-40\往复式压缩机\4M16(Y11)\国产</t>
  </si>
  <si>
    <t>【沈阳远大】筋板\JS/YB5105.6.00-2012-16F-41\往复式压缩机\4M16(Y11)\国产</t>
  </si>
  <si>
    <t>【沈阳远大】筋板\JS/YB5105.6.00-2012-16F-42\往复式压缩机\4M16(Y11)\国产</t>
  </si>
  <si>
    <t>【沈阳远大】立板\JS/YB5105.6.00-2012-16F-43\往复式压缩机\4M16(Y11)\国产</t>
  </si>
  <si>
    <t>【沈阳远大】螺堵\JS/YB5105.6.00-2012-16F-44\往复式压缩机\4M16(Y11)\国产</t>
  </si>
  <si>
    <t>【沈阳远大】O形圈\4M16(Y11).31-00-1\往复式压缩机\4M16(Y11)\国产</t>
  </si>
  <si>
    <t>【沈阳远大】O形圈\4M16(Y11).31-00-2\往复式压缩机\4M16(Y11)\国产</t>
  </si>
  <si>
    <t>【沈阳远大】填料盒\4M16(Y11).31-00-3\往复式压缩机\4M16(Y11)\国产</t>
  </si>
  <si>
    <t>【沈阳远大】填料盒\4M16(Y11).31-00-4\往复式压缩机\4M16(Y11)\国产</t>
  </si>
  <si>
    <t>【沈阳远大】排气阀组件\4M16(Y11).52-00\往复式压缩机\4M16-129/2.56\国产</t>
  </si>
  <si>
    <t>【沈阳远大】排气阀组件\4M16(Y11).51-00\往复式压缩机\4M16-129/2.56\国产</t>
  </si>
  <si>
    <t>【沈阳远大】进气阀组件\4M16(Y11).42-00\往复式压缩机\4M16-129/2.56\国产</t>
  </si>
  <si>
    <t>【沈阳远大】进气阀组件\4M16(Y11).41-00\往复式压缩机\4M16-129/2.56\国产</t>
  </si>
  <si>
    <t>【沈阳远大】填料部件\4M16(Y11).31-00-0\往复式压缩机\4M16(Y11)\国产</t>
  </si>
  <si>
    <t>【沈阳远大】接头\4M16(Y11).31-00-23\往复式压缩机\4M16(Y11)\国产</t>
  </si>
  <si>
    <t>【沈阳远大】填料盒\4M16(Y11).31-00-5\往复式压缩机\4M16(Y11)\国产</t>
  </si>
  <si>
    <t>【沈阳远大】法兰\4M16(Y11).31-00-6\往复式压缩机\4M16(Y11)\国产</t>
  </si>
  <si>
    <t>【沈阳远大】端盖\4M16(Y11).31-00-7\往复式压缩机\4M16(Y11)\国产</t>
  </si>
  <si>
    <t>【沈阳远大】螺母\4M16(Y11).31-00-8\往复式压缩机\4M16(Y11)\国产</t>
  </si>
  <si>
    <t>【沈阳远大】垫\4M16(Y11).31-00-9\往复式压缩机\4M16(Y11)\国产</t>
  </si>
  <si>
    <t>【沈阳远大】水套\4M16(Y11).31-00-10\往复式压缩机\4M16(Y11)\国产</t>
  </si>
  <si>
    <t>【沈阳远大】填料盒\4M16(Y11).31-00-11\往复式压缩机\4M16(Y11)\国产</t>
  </si>
  <si>
    <t>【沈阳远大】锥尾管接头\4M16(Y11).31-00-12\往复式压缩机\4M16(Y11)\国产</t>
  </si>
  <si>
    <t>【沈阳远大】垫\4M16(Y11).31-00-13\往复式压缩机\4M16(Y11)\国产</t>
  </si>
  <si>
    <t>【沈阳远大】螺栓\4M16(Y11).31-00-14\往复式压缩机\4M16(Y11)\国产</t>
  </si>
  <si>
    <t>【沈阳远大】定位杆\4M16(Y11).31-00-15\往复式压缩机\4M16(Y11)\国产</t>
  </si>
  <si>
    <t>【沈阳远大】支承环\4M16(Y11).22-00-1\往复式压缩机\4M16(Y11)\国产</t>
  </si>
  <si>
    <t>【沈阳远大】活塞环\4M16(Y11).22-00-2\往复式压缩机\4M16(Y11)\国产</t>
  </si>
  <si>
    <t>【沈阳远大】垫片\4M16(Y11).31-00-16\往复式压缩机\4M16(Y11)\国产</t>
  </si>
  <si>
    <t>【沈阳远大】螺钉\4M16(Y11).31-00-17\往复式压缩机\4M16(Y11)\国产</t>
  </si>
  <si>
    <t>【沈阳远大】垫\4M16(Y11).31-00-18\往复式压缩机\4M16(Y11)\国产</t>
  </si>
  <si>
    <t>【沈阳远大】螺母\4M16(Y11).31-00-19\往复式压缩机\4M16(Y11)\国产</t>
  </si>
  <si>
    <t>【沈阳远大】氮气/漏气密封环\4M16(Y11).31-00-20\往复式压缩机\4M16(Y11)\国产</t>
  </si>
  <si>
    <t>【沈阳远大】主密封环\4M16(Y11).31-00-21\往复式压缩机\4M16(Y11)\国产</t>
  </si>
  <si>
    <t>【沈阳远大】减压环\4M16(Y11).31-00-22\往复式压缩机\4M16(Y11)\国产</t>
  </si>
  <si>
    <t>【沈阳远大】活塞杆\4M16(Y11).22-00-3\往复式压缩机\4M16(Y11)\国产</t>
  </si>
  <si>
    <t>【沈阳远大】后半活塞体\4M16(Y11).22-00-4\往复式压缩机\4M16(Y11)\国产</t>
  </si>
  <si>
    <t>【沈阳远大】前半活塞体\4M16(Y11).22-00-5\往复式压缩机\4M16(Y11)\国产</t>
  </si>
  <si>
    <t>【沈阳远大】超级螺母部件\4M16(Y11).22-00-6\往复式压缩机\4M16(Y11)\国产</t>
  </si>
  <si>
    <t>【沈阳远大】承压块\4M16(Y11).22-00-7\往复式压缩机\4M16(Y11)\国产</t>
  </si>
  <si>
    <t>【沈阳远大】承压块\4M16(Y11).22-00-8\往复式压缩机\4M16(Y11)\国产</t>
  </si>
  <si>
    <t>【沈阳远大】定位环\4M16(Y11).22-00-9\往复式压缩机\4M16(Y11)\国产</t>
  </si>
  <si>
    <t>【沈阳远大】垫圈\4M16(Y11).12-00-1\往复式压缩机\4M16(Y11)\国产</t>
  </si>
  <si>
    <t>【沈阳远大】螺钉\4M16(Y11).12-00-2\往复式压缩机\4M16(Y11)\国产</t>
  </si>
  <si>
    <t>【沈阳远大】螺母\4M16(Y11).12-00-3\往复式压缩机\4M16(Y11)\国产</t>
  </si>
  <si>
    <t>【沈阳远大】圆柱销\4M16(Y11).12-00-4\往复式压缩机\4M16(Y11)\国产</t>
  </si>
  <si>
    <t>【沈阳远大】支承环\4M16(Y11).21-00-1\往复式压缩机\4M16(Y11)\国产</t>
  </si>
  <si>
    <t>【沈阳远大】活塞环\4M16(Y11).21-00-2\往复式压缩机\4M16(Y11)\国产</t>
  </si>
  <si>
    <t>【沈阳远大】后半活塞体\4M16(Y11).21-00-3\往复式压缩机\4M16(Y11)\国产</t>
  </si>
  <si>
    <t>【沈阳远大】前半活塞体\4M16(Y11).21-00-4\往复式压缩机\4M16(Y11)\国产</t>
  </si>
  <si>
    <t>【沈阳远大】垫片\4M16(Y11).12-00-48\往复式压缩机\4M16(Y11)\国产</t>
  </si>
  <si>
    <t>【沈阳远大】阀孔盖\4M16(Y11).12-00-5\往复式压缩机\4M16(Y11)\国产</t>
  </si>
  <si>
    <t>【沈阳远大】筋板\4M16(Y11).12-00-6\往复式压缩机\4M16(Y11)\国产</t>
  </si>
  <si>
    <t>【沈阳远大】支承板\4M16(Y11).12-00-7\往复式压缩机\4M16(Y11)\国产</t>
  </si>
  <si>
    <t>【沈阳远大】底板\4M16(Y11).12-00-8\往复式压缩机\4M16(Y11)\国产</t>
  </si>
  <si>
    <t>【沈阳远大】活塞杆\4M16(Y11).21-00-5\往复式压缩机\4M16(Y11)\国产</t>
  </si>
  <si>
    <t>【沈阳远大】垫板\4M16(Y11).12-00-9\往复式压缩机\4M16(Y11)\国产</t>
  </si>
  <si>
    <t>【沈阳远大】托板\4M16(Y11).12-00-10\往复式压缩机\4M16(Y11)\国产</t>
  </si>
  <si>
    <t>【沈阳远大】螺钉\4M16(Y11).12-00-11\往复式压缩机\4M16(Y11)\国产</t>
  </si>
  <si>
    <t>【沈阳远大】垫圈\4M16(Y11).12-00-12\往复式压缩机\4M16(Y11)\国产</t>
  </si>
  <si>
    <t>【沈阳远大】螺母\4M16(Y11).12-00-13\往复式压缩机\4M16(Y11)\国产</t>
  </si>
  <si>
    <t>【沈阳远大】螺栓\4M16(Y11).12-00-14\往复式压缩机\4M16(Y11)\国产</t>
  </si>
  <si>
    <t>【沈阳远大】O形圈\4M16(Y11).12-00-15\往复式压缩机\4M16(Y11)\国产</t>
  </si>
  <si>
    <t>【沈阳远大】垫\4M16(Y11).12-00-16\往复式压缩机\4M16(Y11)\国产</t>
  </si>
  <si>
    <t>【沈阳远大】方头螺堵\4M16(Y11).12-00-17\往复式压缩机\4M16(Y11)\国产</t>
  </si>
  <si>
    <t>【沈阳远大】螺母\4M16(Y11).12-00-18\往复式压缩机\4M16(Y11)\国产</t>
  </si>
  <si>
    <t>【沈阳远大】阶端双头螺柱\4M16(Y11).12-00-19\往复式压缩机\4M16(Y11)\国产</t>
  </si>
  <si>
    <t>【沈阳远大】缠绕垫\4M16(Y11).12-00-20\往复式压缩机\4M16(Y11)\国产</t>
  </si>
  <si>
    <t>【沈阳远大】螺柱\4M16(Y11).12-00-21\往复式压缩机\4M16(Y11)\国产</t>
  </si>
  <si>
    <t>【沈阳远大】螺柱\4M16(Y11).12-00-22\往复式压缩机\4M16(Y11)\国产</t>
  </si>
  <si>
    <t>【沈阳远大】螺柱\4M16(Y11).12-00-23\往复式压缩机\4M16(Y11)\国产</t>
  </si>
  <si>
    <t>【沈阳远大】螺柱\4M16(Y11).12-00-24\往复式压缩机\4M16(Y11)\国产</t>
  </si>
  <si>
    <t>【沈阳远大】螺柱\4M16(Y11).12-00-25\往复式压缩机\4M16(Y11)\国产</t>
  </si>
  <si>
    <t>【沈阳远大】螺母\4M16(Y11).12-00-26\往复式压缩机\4M16(Y11)\国产</t>
  </si>
  <si>
    <t>【沈阳远大】螺母\4M16(Y11).12-00-27\往复式压缩机\4M16(Y11)\国产</t>
  </si>
  <si>
    <t>【沈阳远大】螺钉\4M16(Y11).12-00-28\往复式压缩机\4M16(Y11)\国产</t>
  </si>
  <si>
    <t>【沈阳远大】螺母\4M16(Y11).12-00-29\往复式压缩机\4M16(Y11)\国产</t>
  </si>
  <si>
    <t>【沈阳远大】螺栓\4M16(Y11).12-00-30\往复式压缩机\4M16(Y11)\国产</t>
  </si>
  <si>
    <t>【沈阳远大】圆柱销\4M16(Y11).12-00-31\往复式压缩机\4M16(Y11)\国产</t>
  </si>
  <si>
    <t>【沈阳远大】圆柱销\4M16(Y11).12-00-32\往复式压缩机\4M16(Y11)\国产</t>
  </si>
  <si>
    <t>【沈阳远大】垫片\4M16(Y11).12-00-33\往复式压缩机\4M16(Y11)\国产</t>
  </si>
  <si>
    <t>【沈阳远大】盖板\4M16(Y11).12-00-34\往复式压缩机\4M16(Y11)\国产</t>
  </si>
  <si>
    <t>【沈阳远大】缸盖\4M16(Y11).12-00-35\往复式压缩机\4M16(Y11)\国产</t>
  </si>
  <si>
    <t>【沈阳远大】缸座\4M16(Y11).12-00-36\往复式压缩机\4M16(Y11)\国产</t>
  </si>
  <si>
    <t>【沈阳远大】缸体\4M16(Y11).12-00-37\往复式压缩机\4M16(Y11)\国产</t>
  </si>
  <si>
    <t>【沈阳远大】缸套\4M16(Y11).12-00-38\往复式压缩机\4M16(Y11)\国产</t>
  </si>
  <si>
    <t>【沈阳远大】压阀罩\4M16(Y11).12-00-39\往复式压缩机\4M16(Y11)\国产</t>
  </si>
  <si>
    <t>【沈阳远大】O形圈\4M16(Y11).12-00-40\往复式压缩机\4M16(Y11)\国产</t>
  </si>
  <si>
    <t>【沈阳远大】垫\4M16(Y11).12-00-41\往复式压缩机\4M16(Y11)\国产</t>
  </si>
  <si>
    <t>【沈阳远大】垫\4M16(Y11).12-00-42\往复式压缩机\4M16(Y11)\国产</t>
  </si>
  <si>
    <t>【沈阳远大】压阀罩\4M16(Y11).12-00-43\往复式压缩机\4M16(Y11)\国产</t>
  </si>
  <si>
    <t>【沈阳远大】压阀罩\4M16(Y11).12-00-44\往复式压缩机\4M16(Y11)\国产</t>
  </si>
  <si>
    <t>【沈阳远大】压阀罩\4M16(Y11).12-00-45\往复式压缩机\4M16(Y11)\国产</t>
  </si>
  <si>
    <t>【沈阳远大】垫片\4M16(Y11).11-00-1\往复式压缩机\4M16(Y11)\国产</t>
  </si>
  <si>
    <t>【沈阳远大】阀孔盖\4M16(Y11).11-00-2\往复式压缩机\4M16(Y11)\国产</t>
  </si>
  <si>
    <t>【沈阳远大】筋板\4M16(Y11).11-00-3\往复式压缩机\4M16(Y11)\国产</t>
  </si>
  <si>
    <t>【沈阳远大】支承板\4M16(Y11).11-00-4\往复式压缩机\4M16(Y11)\国产</t>
  </si>
  <si>
    <t>【沈阳远大】O形圈\4M16(Y11).11-00-5\往复式压缩机\4M16(Y11)\国产</t>
  </si>
  <si>
    <t>【沈阳远大】阶端双头螺柱\4M16(Y11).11-00-6\往复式压缩机\4M16(Y11)\国产</t>
  </si>
  <si>
    <t>【沈阳远大】缠绕垫\4M16(Y11).11-00-7\往复式压缩机\4M16(Y11)\国产</t>
  </si>
  <si>
    <t>【沈阳远大】螺柱\4M16(Y11).11-00-8\往复式压缩机\4M16(Y11)\国产</t>
  </si>
  <si>
    <t>【沈阳远大】螺柱\4M16(Y11).11-00-9\往复式压缩机\4M16(Y11)\国产</t>
  </si>
  <si>
    <t>【沈阳远大】螺柱\4M16(Y11).11-00-10\往复式压缩机\4M16(Y11)\国产</t>
  </si>
  <si>
    <t>【沈阳远大】螺柱\4M16(Y11).11-00-11\往复式压缩机\4M16(Y11)\国产</t>
  </si>
  <si>
    <t>【沈阳远大】螺柱\4M16(Y11).11-00-12\往复式压缩机\4M16(Y11)\国产</t>
  </si>
  <si>
    <t>【沈阳远大】螺母\4M16(Y11).11-00-13\往复式压缩机\4M16(Y11)\国产</t>
  </si>
  <si>
    <t>【沈阳远大】螺栓\4M16(Y11).11-00-14\往复式压缩机\4M16(Y11)\国产</t>
  </si>
  <si>
    <t>【沈阳远大】O形圈\4M16(Y11).11-00-15\往复式压缩机\4M16(Y11)\国产</t>
  </si>
  <si>
    <t>【沈阳远大】盖板\4M16(Y11).11-00-16\往复式压缩机\4M16(Y11)\国产</t>
  </si>
  <si>
    <t>【沈阳远大】垫\4M16(Y11).11-00-17\往复式压缩机\4M16(Y11)\国产</t>
  </si>
  <si>
    <t>【沈阳远大】O形圈\4M16(Y11).11-00-18\往复式压缩机\4M16(Y11)\国产</t>
  </si>
  <si>
    <t>【沈阳远大】接管\4M16(Y11).11-00-19\往复式压缩机\4M16(Y11)\国产</t>
  </si>
  <si>
    <t>【沈阳远大】缸体\4M16(Y11).11-00-20\往复式压缩机\4M16(Y11)\国产</t>
  </si>
  <si>
    <t>【沈阳远大】缸座\4M16(Y11).11-00-21\往复式压缩机\4M16(Y11)\国产</t>
  </si>
  <si>
    <t>【沈阳远大】缸套\4M16(Y11).11-00-22\往复式压缩机\4M16(Y11)\国产</t>
  </si>
  <si>
    <t>【沈阳远大】缸盖\4M16(Y11).11-00-23\往复式压缩机\4M16(Y11)\国产</t>
  </si>
  <si>
    <t>【沈阳远大】垫\4M16(Y11).11-00-24\往复式压缩机\4M16(Y11)\国产</t>
  </si>
  <si>
    <t>【沈阳远大】盖板\4M16(Y11).11-00-25\往复式压缩机\4M16(Y11)\国产</t>
  </si>
  <si>
    <t>【沈阳远大】不锈钢耐压软管\4M16(Y11).051-00-1\往复式压缩机\4M16(Y11)\国产</t>
  </si>
  <si>
    <t>【沈阳远大】不锈钢耐压软管\4M16(Y11).051-00-2\往复式压缩机\4M16(Y11)\国产</t>
  </si>
  <si>
    <t>【沈阳远大】不锈钢耐压软管\4M16(Y11).051-00-3\往复式压缩机\4M16(Y11)\国产</t>
  </si>
  <si>
    <t>【沈阳远大】O形圈\4M16(Y11).051-00-4\往复式压缩机\4M16(Y11)\国产</t>
  </si>
  <si>
    <t>【沈阳远大】O形圈\4M16(Y11).051-00-5\往复式压缩机\4M16(Y11)\国产</t>
  </si>
  <si>
    <t>【沈阳远大】垫\4M16(Y11).051-00-6\往复式压缩机\4M16(Y11)\国产</t>
  </si>
  <si>
    <t>【沈阳远大】螺柱\4M16(Y11).051-00-7\往复式压缩机\4M16(Y11)\国产</t>
  </si>
  <si>
    <t>【沈阳远大】螺母\4M16(Y11).051-00-8\往复式压缩机\4M16(Y11)\国产</t>
  </si>
  <si>
    <t>【沈阳远大】螺栓\4M16(Y11).051-00-9\往复式压缩机\4M16(Y11)\国产</t>
  </si>
  <si>
    <t>【沈阳远大】直通终端锥管接头\4M16(Y11).051-00-10\往复式压缩机\4M16(Y11)\国产</t>
  </si>
  <si>
    <t>【沈阳远大】直通终端锥管接头\4M16(Y11).051-00-11\往复式压缩机\4M16(Y11)\国产</t>
  </si>
  <si>
    <t>【沈阳远大】法兰\4M16(Y11).051-00-12\往复式压缩机\4M16(Y11)\国产</t>
  </si>
  <si>
    <t>【沈阳远大】垫\4M16(Y11).051-00-13\往复式压缩机\4M16(Y11)\国产</t>
  </si>
  <si>
    <t>【沈阳远大】接筒\4M16(Y11).051-00-14\往复式压缩机\4M16(Y11)\国产</t>
  </si>
  <si>
    <t>【沈阳远大】曲轴\4M16(Y11).02-00-1\往复式压缩机\4M16(Y11)\国产</t>
  </si>
  <si>
    <t>【沈阳远大】堵头\4M16(Y11).02-00-2\往复式压缩机\4M16(Y11)\国产</t>
  </si>
  <si>
    <t>【沈阳远大】内螺纹球阀\4M16(Y11).01-00-1\往复式压缩机\4M16(Y11)\国产</t>
  </si>
  <si>
    <t>【沈阳远大】垫\4M16(Y11).01-00-2\往复式压缩机\4M16(Y11)\国产</t>
  </si>
  <si>
    <t>【沈阳远大】油标板\4M16(Y11).01-00-3\往复式压缩机\4M16(Y11)\国产</t>
  </si>
  <si>
    <t>【沈阳远大】压框\4M16(Y11).01-00-4\往复式压缩机\4M16(Y11)\国产</t>
  </si>
  <si>
    <t>【沈阳远大】螺栓\4M16(Y11).01-00-5\往复式压缩机\4M16(Y11)\国产</t>
  </si>
  <si>
    <t>【沈阳远大】垫\4M16(Y11).01-00-6\往复式压缩机\4M16(Y11)\国产</t>
  </si>
  <si>
    <t>【沈阳远大】垫\4M16(Y11).01-00-7\往复式压缩机\4M16(Y11)\国产</t>
  </si>
  <si>
    <t>【沈阳远大】螺堵\4M16(Y11).01-00-8\往复式压缩机\4M16(Y11)\国产</t>
  </si>
  <si>
    <t>【沈阳远大】螺堵\4M16(Y11).01-00-9\往复式压缩机\4M16(Y11)\国产</t>
  </si>
  <si>
    <t>【沈阳远大】螺母\4M16(Y11).01-00-10\往复式压缩机\4M16(Y11)\国产</t>
  </si>
  <si>
    <t>【沈阳远大】阶端双头螺柱\4M16(Y11).01-00-11\往复式压缩机\4M16(Y11)\国产</t>
  </si>
  <si>
    <t>【沈阳远大】螺母\4M16(Y11).01-00-12\往复式压缩机\4M16(Y11)\国产</t>
  </si>
  <si>
    <t>【沈阳远大】阶端双头螺柱\4M16(Y11).01-00-13\往复式压缩机\4M16(Y11)\国产</t>
  </si>
  <si>
    <t>【沈阳远大】垫片\4M16(Y11).01-00-14\往复式压缩机\4M16(Y11)\国产</t>
  </si>
  <si>
    <t>【沈阳远大】垫片\4M16(Y11).01-00-15\往复式压缩机\4M16(Y11)\国产</t>
  </si>
  <si>
    <t>【沈阳远大】法兰\4M16(Y11).01-00-16\往复式压缩机\4M16(Y11)\国产</t>
  </si>
  <si>
    <t>【沈阳远大】法兰\4M16(Y11).01-00-17\往复式压缩机\4M16(Y11)\国产</t>
  </si>
  <si>
    <t>【沈阳远大】油标\4M16(Y11).01-00-18\往复式压缩机\4M16(Y11)\国产</t>
  </si>
  <si>
    <t>【沈阳远大】螺柱\4M16(Y11).01-00-19\往复式压缩机\4M16(Y11)\国产</t>
  </si>
  <si>
    <t>【沈阳远大】螺柱\4M16(Y11).01-00-20\往复式压缩机\4M16(Y11)\国产</t>
  </si>
  <si>
    <t>【沈阳远大】螺母\4M16(Y11).01-00-21\往复式压缩机\4M16(Y11)\国产</t>
  </si>
  <si>
    <t>【沈阳远大】螺母\4M16(Y11).01-00-22\往复式压缩机\4M16(Y11)\国产</t>
  </si>
  <si>
    <t>【沈阳远大】螺栓\4M16(Y11).01-00-23\往复式压缩机\4M16(Y11)\国产</t>
  </si>
  <si>
    <t>【沈阳远大】螺栓\4M16(Y11).01-00-24\往复式压缩机\4M16(Y11)\国产</t>
  </si>
  <si>
    <t>【沈阳远大】螺栓\4M16(Y11).01-00-25\往复式压缩机\4M16(Y11)\国产</t>
  </si>
  <si>
    <t>【沈阳远大】螺栓\4M16(Y11).01-00-26\往复式压缩机\4M16(Y11)\国产</t>
  </si>
  <si>
    <t>【沈阳远大】螺栓\4M16(Y11).01-00-27\往复式压缩机\4M16(Y11)\国产</t>
  </si>
  <si>
    <t>【沈阳远大】O形圈胶条\4M16(Y11).01-00-28\往复式压缩机\4M16(Y11)\国产</t>
  </si>
  <si>
    <t>【沈阳远大】接线座\4M16(Y11).01-00-29\往复式压缩机\4M16(Y11)\国产</t>
  </si>
  <si>
    <t>【沈阳远大】导线管\4M16(Y11).01-00-30\往复式压缩机\4M16(Y11)\国产</t>
  </si>
  <si>
    <t>【沈阳远大】垫\4M16(Y11).01-00-31\往复式压缩机\4M16(Y11)\国产</t>
  </si>
  <si>
    <t>【沈阳远大】螺堵\4M16(Y11).01-00-32\往复式压缩机\4M16(Y11)\国产</t>
  </si>
  <si>
    <t>【沈阳远大】堵头\4M16(Y11).01-00-33\往复式压缩机\4M16(Y11)\国产</t>
  </si>
  <si>
    <t>【沈阳远大】挡板\4M16(Y11).01-00-34\往复式压缩机\4M16(Y11)\国产</t>
  </si>
  <si>
    <t>【沈阳远大】垫\4M16(Y11).01-00-35\往复式压缩机\4M16(Y11)\国产</t>
  </si>
  <si>
    <t>【沈阳远大】垫\4M16(Y11).01-00-36\往复式压缩机\4M16(Y11)\国产</t>
  </si>
  <si>
    <t>【沈阳远大】垫\4M16(Y11).01-00-37\往复式压缩机\4M16(Y11)\国产</t>
  </si>
  <si>
    <t>【沈阳远大】接头体\4M16(Y11).01-00-38\往复式压缩机\4M16(Y11)\国产</t>
  </si>
  <si>
    <t>【沈阳远大】连接螺母\4M16(Y11).01-00-39\往复式压缩机\4M16(Y11)\国产</t>
  </si>
  <si>
    <t>【沈阳远大】管套\4M16(Y11).01-00-40\往复式压缩机\4M16(Y11)\国产</t>
  </si>
  <si>
    <t>【沈阳远大】焊接管接头\4M16(Y11).01-00-41\往复式压缩机\4M16(Y11)\国产</t>
  </si>
  <si>
    <t>【沈阳远大】分油管\4M16(Y11).01-00-42\往复式压缩机\4M16(Y11)\国产</t>
  </si>
  <si>
    <t>【沈阳远大】焊接管接头\4M16(Y11).01-00-43\往复式压缩机\4M16(Y11)\国产</t>
  </si>
  <si>
    <t>【沈阳远大】进油管\4M16(Y11).01-00-44\往复式压缩机\4M16(Y11)\国产</t>
  </si>
  <si>
    <t>【沈阳远大】垫\4M16(Y11).01-00-45\往复式压缩机\4M16(Y11)\国产</t>
  </si>
  <si>
    <t>【沈阳远大】焊板\4M16(Y11).01-00-46\往复式压缩机\4M16(Y11)\国产</t>
  </si>
  <si>
    <t>【沈阳远大】分油管\4M16(Y11).01-00-47\往复式压缩机\4M16(Y11)\国产</t>
  </si>
  <si>
    <t>【沈阳远大】分油管\4M16(Y11).01-00-48\往复式压缩机\4M16(Y11)\国产</t>
  </si>
  <si>
    <t>【沈阳远大】螺栓\4M16(Y11).01-00-49\往复式压缩机\4M16(Y11)\国产</t>
  </si>
  <si>
    <t>【沈阳远大】管袖\4M16(Y11).01-00-50\往复式压缩机\4M16(Y11)\国产</t>
  </si>
  <si>
    <t>【沈阳远大】垫\4M16(Y11).01-00-51\往复式压缩机\4M16(Y11)\国产</t>
  </si>
  <si>
    <t>【沈阳远大】螺堵\4M16(Y11).01-00-52\往复式压缩机\4M16(Y11)\国产</t>
  </si>
  <si>
    <t>【沈阳远大】堵头\4M16(Y11).01-00-53\往复式压缩机\4M16(Y11)\国产</t>
  </si>
  <si>
    <t>【沈阳远大】垫\4M16(Y11).01-00-54\往复式压缩机\4M16(Y11)\国产</t>
  </si>
  <si>
    <t>【沈阳远大】顶盖\4M16(Y11).01-00-55\往复式压缩机\4M16(Y11)\国产</t>
  </si>
  <si>
    <t>【沈阳远大】垫\4M16(Y11).01-00-56\往复式压缩机\4M16(Y11)\国产</t>
  </si>
  <si>
    <t>【沈阳远大】顶盖\4M16(Y11).01-00-57\往复式压缩机\4M16(Y11)\国产</t>
  </si>
  <si>
    <t>【沈阳远大】垫\4M16(Y11).01-00-58\往复式压缩机\4M16(Y11)\国产</t>
  </si>
  <si>
    <t>【沈阳远大】顶盖\4M16(Y11).01-00-59\往复式压缩机\4M16(Y11)\国产</t>
  </si>
  <si>
    <t>【沈阳远大】机身\4M16(Y11).01-00-60\往复式压缩机\4M16(Y11)\国产</t>
  </si>
  <si>
    <t>【沈阳远大】撑梁\4M16(Y11).01-00-61\往复式压缩机\4M16(Y11)\国产</t>
  </si>
  <si>
    <t>【沈阳远大】端面支承\4M16(Y11).01-00-62\往复式压缩机\4M16(Y11)\国产</t>
  </si>
  <si>
    <t>【沈阳远大】支撑梁\4M16(Y11).01-00-63\往复式压缩机\4M16(Y11)\国产</t>
  </si>
  <si>
    <t>【沈阳远大】盲法兰\4M16(Y11).01-00-64\往复式压缩机\4M16(Y11)\国产</t>
  </si>
  <si>
    <t>【沈阳远大】油封\4M16(Y11).01-00-65\往复式压缩机\4M16(Y11)\国产</t>
  </si>
  <si>
    <t>【沈阳远大】螺尾锥销\4M16(Y11).01-00-66\往复式压缩机\4M16(Y11)\国产</t>
  </si>
  <si>
    <t>【沈阳远大】螺母\4M16(Y11).01-00-67\往复式压缩机\4M16(Y11)\国产</t>
  </si>
  <si>
    <t>【沈阳远大】螺栓\4M16(Y11).01-00-68\往复式压缩机\4M16(Y11)\国产</t>
  </si>
  <si>
    <t>【沈阳远大】销\4M16(Y11).01-00-69\往复式压缩机\4M16(Y11)\国产</t>
  </si>
  <si>
    <t>【沈阳远大】盖板\4M16(Y11).01-00-70\往复式压缩机\4M16(Y11)\国产</t>
  </si>
  <si>
    <t>【沈阳远大】挡油上盖\4M16(Y11).01-00-71\往复式压缩机\4M16(Y11)\国产</t>
  </si>
  <si>
    <t>【沈阳远大】挡油下盖\4M16(Y11).01-00-72\往复式压缩机\4M16(Y11)\国产</t>
  </si>
  <si>
    <t>【沈阳远大】拉杆\4M16(Y11).01-00-73\往复式压缩机\4M16(Y11)\国产</t>
  </si>
  <si>
    <t>【沈阳远大】盖\4M16(Y11).01-00-74\往复式压缩机\4M16(Y11)\国产</t>
  </si>
  <si>
    <t>【沈阳远大】盖形螺母\4M16(Y11).01-00-75\往复式压缩机\4M16(Y11)\国产</t>
  </si>
  <si>
    <t>【沈阳远大】销套\4M16(Y11).01-00-76\往复式压缩机\4M16(Y11)\国产</t>
  </si>
  <si>
    <t>【沈阳远大】主轴瓦\4M16(Y11).01-00-77\往复式压缩机\4M16(Y11)\国产</t>
  </si>
  <si>
    <t>【沈阳远大】轴承盖\4M16(Y11).01-00-78\往复式压缩机\4M16(Y11)\国产</t>
  </si>
  <si>
    <t>【沈阳远大】轴承盖\4M16(Y11).01-00-79\往复式压缩机\4M16(Y11)\国产</t>
  </si>
  <si>
    <t>【沈阳远大】螺堵\4M16(Y11).01-00-80\往复式压缩机\4M16(Y11)\国产</t>
  </si>
  <si>
    <t>【沈阳远大】呼吸器部件\4M16(Y11).01-00-81\往复式压缩机\4M16(Y11)\国产</t>
  </si>
  <si>
    <t>【沈阳远大】呼吸器底座垫\4M16(Y11).01-00-82\往复式压缩机\4M16(Y11)\国产</t>
  </si>
  <si>
    <t>【沈阳远大】空气滤清器\4M16(Y11).01-00-83\往复式压缩机\4M16(Y11)\国产</t>
  </si>
  <si>
    <t>【沈阳远大】垫\4M16(Y11).01-00-84\往复式压缩机\4M16(Y11)\国产</t>
  </si>
  <si>
    <t>【沈阳远大】底板\4M16(Y11).01-00-85\往复式压缩机\4M16(Y11)\国产</t>
  </si>
  <si>
    <t>【沈阳远大】接管\4M16(Y11).01-00-86\往复式压缩机\4M16(Y11)\国产</t>
  </si>
  <si>
    <t>【沈阳远大】垫\4M16(Y11).01-00-87\往复式压缩机\4M16(Y11)\国产</t>
  </si>
  <si>
    <t>【沈阳远大】垫圈\4M16(Y11).01-00-88\往复式压缩机\4M16(Y11)\国产</t>
  </si>
  <si>
    <t>【沈阳远大】螺栓\4M16(Y11).01-00-89\往复式压缩机\4M16(Y11)\国产</t>
  </si>
  <si>
    <t>【沈阳远大】铝角\4M16(Y11).01-00-90\往复式压缩机\4M16(Y11)\国产</t>
  </si>
  <si>
    <t>【沈阳远大】铝角\4M16(Y11).01-00-91\往复式压缩机\4M16(Y11)\国产</t>
  </si>
  <si>
    <t>【沈阳远大】铝板\4M16(Y11).01-00-92\往复式压缩机\4M16(Y11)\国产</t>
  </si>
  <si>
    <t>【沈阳远大】标牌I\4M16(Y11).01-00-93\往复式压缩机\4M16(Y11)\国产</t>
  </si>
  <si>
    <t>【沈阳远大】铆钉\4M16(Y11).01-00-94\往复式压缩机\4M16(Y11)\国产</t>
  </si>
  <si>
    <t>【沈阳远大】机身前盖\4M16(Y11).01-00-95\往复式压缩机\4M16(Y11)\国产</t>
  </si>
  <si>
    <t>【沈阳远大】垫\4M16(Y11).01-00-96\往复式压缩机\4M16(Y11)\国产</t>
  </si>
  <si>
    <t>【沈阳远大】阶端双头螺柱\4M16(Y11).01-00-97\往复式压缩机\4M16(Y11)\国产</t>
  </si>
  <si>
    <t>【沈阳远大】阶端双头螺柱\4M16(Y11).01-00-98\往复式压缩机\4M16(Y11)\国产</t>
  </si>
  <si>
    <t>【沈阳远大】缠绕垫\4M16(Y11).01-00-99\往复式压缩机\4M16(Y11)\国产</t>
  </si>
  <si>
    <t>【沈阳远大】法兰\4M16(Y11).01-00-100\往复式压缩机\4M16(Y11)\国产</t>
  </si>
  <si>
    <t>【沈阳远大】螺栓\4M16(Y11).01-00-101\往复式压缩机\4M16(Y11)\国产</t>
  </si>
  <si>
    <t>【沈阳远大】螺栓\4M16(Y11).01-00-102\往复式压缩机\4M16(Y11)\国产</t>
  </si>
  <si>
    <t>【沈阳远大】O形圈胶条\4M16(Y11).01-00-103\往复式压缩机\4M16(Y11)\国产</t>
  </si>
  <si>
    <t>【沈阳远大】O形圈胶条\4M16(Y11).01-00-104\往复式压缩机\4M16(Y11)\国产</t>
  </si>
  <si>
    <t>【沈阳远大】圆柱销\4M16(Y11).01-00-105\往复式压缩机\4M16(Y11)\国产</t>
  </si>
  <si>
    <t>【沈阳远大】螺母\4M16(Y11).01-00-106\往复式压缩机\4M16(Y11)\国产</t>
  </si>
  <si>
    <t>【沈阳远大】盖板\4M16(Y11).01-00-107\往复式压缩机\4M16(Y11)\国产</t>
  </si>
  <si>
    <t>【沈阳远大】中体\2D16(Y32).05-00a-1\往复式压缩机\4M16(Y11)\国产</t>
  </si>
  <si>
    <t>【沈阳远大】闹得牢防松垫圈\2D16(Y32).05-00a-2\往复式压缩机\4M16(Y11)\国产</t>
  </si>
  <si>
    <t>【沈阳远大】螺塞\2D16(Y32).05-00a-3\往复式压缩机\4M16(Y11)\国产</t>
  </si>
  <si>
    <t>【沈阳远大】螺堵\2D16(Y32).05-00a-4\往复式压缩机\4M16(Y11)\国产</t>
  </si>
  <si>
    <t>【沈阳远大】螺钉\2D16(Y32).05-00a-5\往复式压缩机\4M16(Y11)\国产</t>
  </si>
  <si>
    <t>【沈阳远大】螺钉\2D16(Y32).05-00a-6\往复式压缩机\4M16(Y11)\国产</t>
  </si>
  <si>
    <t>【沈阳远大】圆柱销\2D16(Y32).05-00a-7\往复式压缩机\4M16(Y11)\国产</t>
  </si>
  <si>
    <t>【沈阳远大】螺栓\2D16(Y32).05-00a-8\往复式压缩机\4M16(Y11)\国产</t>
  </si>
  <si>
    <t>【沈阳远大】衬套\2D16(Y32).05-00a-9\往复式压缩机\4M16(Y11)\国产</t>
  </si>
  <si>
    <t>【沈阳远大】衬套\2D16(Y32).05-00a-10\往复式压缩机\4M16(Y11)\国产</t>
  </si>
  <si>
    <t>【沈阳远大】盖板\2D16(Y32).05-00a-11\往复式压缩机\4M16(Y11)\国产</t>
  </si>
  <si>
    <t>【沈阳远大】十字头销\2D16(Y32).04-00-1\往复式压缩机\4M16(Y11)\国产</t>
  </si>
  <si>
    <t>【沈阳远大】十字头垫片\2D16(Y32).04-00-2\往复式压缩机\4M16(Y11)\国产</t>
  </si>
  <si>
    <t>【沈阳远大】十字头滑履\2D16(Y32).04-00-3\往复式压缩机\4M16(Y11)\国产</t>
  </si>
  <si>
    <t>【沈阳远大】十字头体\2D16(Y32).04-00-4\往复式压缩机\4M16(Y11)\国产</t>
  </si>
  <si>
    <t>【沈阳远大】十字头垫片\2D16(Y32).04-00-5\往复式压缩机\4M16(Y11)\国产</t>
  </si>
  <si>
    <t>【沈阳远大】压力体\2D16(Y).04A-00-1\往复式压缩机\4M16(Y11)\国产</t>
  </si>
  <si>
    <t>【沈阳远大】承压胶圈\2D16(Y).04A-00-2\往复式压缩机\4M16(Y11)\国产</t>
  </si>
  <si>
    <t>【沈阳远大】环形活塞\2D16(Y).04A-00-3\往复式压缩机\4M16(Y11)\国产</t>
  </si>
  <si>
    <t>【沈阳远大】销\2D16(Y).04A-00-4\往复式压缩机\4M16(Y11)\国产</t>
  </si>
  <si>
    <t>【沈阳远大】连杆螺帽\2D16(Y25).03-00-1\往复式压缩机\4M16(Y11)\国产</t>
  </si>
  <si>
    <t>【沈阳远大】铜套\2D16(Y25).03-00-2\往复式压缩机\4M16(Y11)\国产</t>
  </si>
  <si>
    <t>【沈阳远大】轴瓦\2D16(Y25).03-00-3\往复式压缩机\4M16(Y11)\国产</t>
  </si>
  <si>
    <t>【沈阳远大】轴瓦\2D16(Y25).03-00-4\往复式压缩机\4M16(Y11)\国产</t>
  </si>
  <si>
    <t>【沈阳远大】盖板部件\JS/YB5134.2.00-2012-16B\往复式压缩机\4M16(Y11)\国产</t>
  </si>
  <si>
    <t>【沈阳远大】功能接头\JS/YB5134.2.00-2012-16B-11\往复式压缩机\4M16(Y11)\国产</t>
  </si>
  <si>
    <t>【沈阳远大】直通螺纹接头\JS/YB5134.2.00-2012-16B-12\往复式压缩机\4M16(Y11)\国产</t>
  </si>
  <si>
    <t>【沈阳远大】弹簧\JS/YB5134.2.00-2012-16B-13\往复式压缩机\4M16(Y11)\国产</t>
  </si>
  <si>
    <t>【沈阳远大】盘车部件\4M16(Y11).69-00\往复式压缩机\4M16(Y11)\国产</t>
  </si>
  <si>
    <t>【沈阳远大】支架部件\2D16(Y17).69A-00\往复式压缩机\4M16(Y11)\国产</t>
  </si>
  <si>
    <t>【沈阳远大】活塞部件\4M16(Y11).22-00\往复式压缩机\4M16(Y11)\国产</t>
  </si>
  <si>
    <t>【沈阳远大】活塞部件\4M16(Y11).21-00\往复式压缩机\4M16(Y11)\国产</t>
  </si>
  <si>
    <t>【沈阳远大】气缸部件\4M16(Y11).12-00\往复式压缩机\4M16(Y11)\国产</t>
  </si>
  <si>
    <t>【沈阳远大】支承\4M16(Y11).12-00-49\往复式压缩机\4M16(Y11)\国产</t>
  </si>
  <si>
    <t>【沈阳远大】止推环(两半)\4M16(Y11).12-00-46\往复式压缩机\4M16(Y11)\国产</t>
  </si>
  <si>
    <t>【沈阳远大】紧固螺帽\4M16(Y11).12-00-47\往复式压缩机\4M16(Y11)\国产</t>
  </si>
  <si>
    <t>【沈阳远大】盖板部件\2D16(Y19).11A-00\往复式压缩机\4M16(Y11)\国产</t>
  </si>
  <si>
    <t>【沈阳远大】气缸部件\4M16(Y11).11-00\往复式压缩机\4M16(Y11)\国产</t>
  </si>
  <si>
    <t>【沈阳远大】支承\4M16(Y11).11-00-26\往复式压缩机\4M16(Y11)\国产</t>
  </si>
  <si>
    <t>【沈阳远大】接筒部件\4M16(Y11).051-00-0\往复式压缩机\4M16(Y11)\国产</t>
  </si>
  <si>
    <t>【沈阳远大】中间填料部件\4M16(Y11).051A-00-0\往复式压缩机\4M16(Y11)\国产</t>
  </si>
  <si>
    <t>【沈阳远大】曲轴部件\4M16(Y11).02-00\往复式压缩机\4M16(Y11)\国产</t>
  </si>
  <si>
    <t>【沈阳远大】机身部件\4M16(Y11).01-00\往复式压缩机\4M16(Y11)\国产</t>
  </si>
  <si>
    <t>【沈阳远大】导线管部件\4M16(Y11).01B-00-0\往复式压缩机\4M16(Y11)\国产</t>
  </si>
  <si>
    <t>【沈阳远大】进油管部件\4M16(Y11).01A-00-0\往复式压缩机\4M16(Y11)\国产</t>
  </si>
  <si>
    <t>【沈阳远大】直通中间锥管接头部件\4M16(Y11).01AB-00-0\往复式压缩机\4M16(Y11)\国产</t>
  </si>
  <si>
    <t>【沈阳远大】承插焊终端接头部件\4M16(Y11).01AA-00-0\往复式压缩机\4M16(Y11)\国产</t>
  </si>
  <si>
    <t>【沈阳远大】挡油盖部件\2D16(Y32).01A-00\往复式压缩机\4M16(Y11)\国产</t>
  </si>
  <si>
    <t>【沈阳远大】调节圈\2D16(Y).04A-00-5\往复式压缩机\4M16(Y11)\国产</t>
  </si>
  <si>
    <t>【沈阳远大】内螺母\2D16(Y).04A-00-6\往复式压缩机\4M16(Y11)\国产</t>
  </si>
  <si>
    <t>【沈阳远大】安全罩部件\2D16(Y33).97-00\往复式压缩机\4M16(Y11)\国产</t>
  </si>
  <si>
    <t>【沈阳远大】前盖部件\2D16(Y32).06-00b\往复式压缩机\4M16(Y11)\国产</t>
  </si>
  <si>
    <t>【沈阳远大】中体部件\2D16(Y32).05-00a\往复式压缩机\4M16(Y11)\国产</t>
  </si>
  <si>
    <t>【沈阳远大】连杆螺栓\2D16(Y25).03-00-5\往复式压缩机\4M16(Y11)\国产</t>
  </si>
  <si>
    <t>【沈阳远大】连杆体\2D16(Y25).03-00-6\往复式压缩机\4M16(Y11)\国产</t>
  </si>
  <si>
    <t>【沈阳远大】十字头部件\2D16(Y32).04-00\往复式压缩机\4M16(Y11)\国产</t>
  </si>
  <si>
    <t>【沈阳远大】压力体部件\2D16(Y).04A-00\往复式压缩机\4M16(Y11)\国产</t>
  </si>
  <si>
    <t>【沈阳远大】连杆部件\2D16(Y25).03-00\往复式压缩机\4M16(Y11)\国产</t>
  </si>
  <si>
    <t>【沈阳远大】接筒\JS/YB5109.2.00-2012-45B-0\往复式压缩机\2D45(Y44)\国产</t>
  </si>
  <si>
    <t>【沈阳远大】直通终端锥管接头\JS/YB5109.2.00-2012-45B-1\往复式压缩机\2D45(Y44)\国产</t>
  </si>
  <si>
    <t>【沈阳远大】直通终端接头\JS/YB5109.2.00-2012-45B-2\往复式压缩机\2D45(Y44)\国产</t>
  </si>
  <si>
    <t>【沈阳远大】直通终端接头\JS/YB5109.2.00-2012-45B-3\往复式压缩机\2D45(Y44)\国产</t>
  </si>
  <si>
    <t>【沈阳远大】直通终端接头\JS/YB5109.2.00-2012-45B-4\往复式压缩机\2D45(Y44)\国产</t>
  </si>
  <si>
    <t>【沈阳远大】直通终端接头\JS/YB5109.2.00-2012-45B-5\往复式压缩机\2D45(Y44)\国产</t>
  </si>
  <si>
    <t>【沈阳远大】不锈钢耐压软管\JS/YB5109.2.00-2012-45B-6\往复式压缩机\2D45(Y44)\国产</t>
  </si>
  <si>
    <t>【沈阳远大】不锈钢耐压软管\JS/YB5109.2.00-2012-45B-7\往复式压缩机\2D45(Y44)\国产</t>
  </si>
  <si>
    <t>【沈阳远大】不锈钢耐压软管\JS/YB5109.2.00-2012-45B-8\往复式压缩机\2D45(Y44)\国产</t>
  </si>
  <si>
    <t>【沈阳远大】不锈钢球阀\JS/YB5109.2.00-2012-45B-9\往复式压缩机\2D45(Y44)\国产</t>
  </si>
  <si>
    <t>【沈阳远大】接头\JS/YB5109.2.00-2012-45B-10\往复式压缩机\2D45(Y44)\国产</t>
  </si>
  <si>
    <t>【沈阳远大】中间填料\JS/YB5109.2.00-2012-45B-11\往复式压缩机\2D45(Y44)\国产</t>
  </si>
  <si>
    <t>【沈阳远大】弹簧\JS/YB5319.00-2012-1\往复式压缩机\2D45(Y44)\国产</t>
  </si>
  <si>
    <t>【沈阳远大】切向环\JS/YB5319.00-2012-2\往复式压缩机\2D45(Y44)\国产</t>
  </si>
  <si>
    <t>【沈阳远大】垫\JS/YB5319.00-2012-3\往复式压缩机\2D45(Y44)\国产</t>
  </si>
  <si>
    <t>【沈阳远大】垫\JS/YB5319.00-2012-4\往复式压缩机\2D45(Y44)\国产</t>
  </si>
  <si>
    <t>【沈阳远大】螺堵\JS/YB5319.00-2012-5\往复式压缩机\2D45(Y44)\国产</t>
  </si>
  <si>
    <t>【沈阳远大】O型圈\JS/YB5319.00-2012-6\往复式压缩机\2D45(Y44)\国产</t>
  </si>
  <si>
    <t>【沈阳远大】压盖\JS/YB5319.00-2012-7\往复式压缩机\2D45(Y44)\国产</t>
  </si>
  <si>
    <t>【沈阳远大】弹簧\JS/YB5319.00-2012-8\往复式压缩机\2D45(Y44)\国产</t>
  </si>
  <si>
    <t>【沈阳远大】弹簧垫\JS/YB5319.00-2012-9\往复式压缩机\2D45(Y44)\国产</t>
  </si>
  <si>
    <t>【沈阳远大】法兰\JS/YB5319.00-2012-10\往复式压缩机\2D45(Y44)\国产</t>
  </si>
  <si>
    <t>【沈阳远大】压盖\JS/YB5319.00-2012-11\往复式压缩机\2D45(Y44)\国产</t>
  </si>
  <si>
    <t>【沈阳远大】圆柱销\JS/YB5319.00-2012-12\往复式压缩机\2D45(Y44)\国产</t>
  </si>
  <si>
    <t>【沈阳远大】螺栓\JS/YB5319.00-2012-13\往复式压缩机\2D45(Y44)\国产</t>
  </si>
  <si>
    <t>【沈阳远大】螺栓\JS/YB5319.00-2012-14\往复式压缩机\2D45(Y44)\国产</t>
  </si>
  <si>
    <t>【沈阳远大】圆柱销\JS/YB5319.00-2012-15\往复式压缩机\2D45(Y44)\国产</t>
  </si>
  <si>
    <t>【沈阳远大】刮油器\JS/YB5109.2.00-2012-45B-12\往复式压缩机\2D45(Y44)\国产</t>
  </si>
  <si>
    <t>【沈阳远大】刮油法兰\JS/YB5200.6-2012-110-2H-1\往复式压缩机\2D45(Y44)\国产</t>
  </si>
  <si>
    <t>【沈阳远大】刮油环\JS/YB5200.6-2012-110-2H-2\往复式压缩机\2D45(Y44)\国产</t>
  </si>
  <si>
    <t>【沈阳远大】弹簧\JS/YB5200.6-2012-110-2H-3\往复式压缩机\2D45(Y44)\国产</t>
  </si>
  <si>
    <t>【沈阳远大】阻油环\JS/YB5200.6-2012-110-2H-4\往复式压缩机\2D45(Y44)\国产</t>
  </si>
  <si>
    <t>【沈阳远大】刮油盒\JS/YB5200.6-2012-110-2H-5\往复式压缩机\2D45(Y44)\国产</t>
  </si>
  <si>
    <t>【沈阳远大】垫\JS/YB5200.6-2012-110-2H-6\往复式压缩机\2D45(Y44)\国产</t>
  </si>
  <si>
    <t>【沈阳远大】螺柱\JS/YB5200.6-2012-110-2H-7\往复式压缩机\2D45(Y44)\国产</t>
  </si>
  <si>
    <t>【沈阳远大】螺母\JS/YB5200.6-2012-110-2H-8\往复式压缩机\2D45(Y44)\国产</t>
  </si>
  <si>
    <t>【沈阳远大】O型圈\JS/YB5200.6-2012-110-2H-9\往复式压缩机\2D45(Y44)\国产</t>
  </si>
  <si>
    <t>【沈阳远大】O型圈\JS/YB5200.6-2012-110-2H-10\往复式压缩机\2D45(Y44)\国产</t>
  </si>
  <si>
    <t>【沈阳远大】盖板部件\JS/YB5135.2.00-2012-0\往复式压缩机\2D45(Y44)\国产</t>
  </si>
  <si>
    <t>【沈阳远大】盖板\JS/YB5135.2.00-2012-1\往复式压缩机\2D45(Y44)\国产</t>
  </si>
  <si>
    <t>【沈阳远大】弯手柄\JS/YB5135.2.00-2012-2\往复式压缩机\2D45(Y44)\国产</t>
  </si>
  <si>
    <t>【沈阳远大】封堵\JS/YB5135.2.00-2012-3\往复式压缩机\2D45(Y44)\国产</t>
  </si>
  <si>
    <t>【沈阳远大】O型圈\JS/YB5135.2.00-2012-4\往复式压缩机\2D45(Y44)\国产</t>
  </si>
  <si>
    <t>【沈阳远大】O型圈\JS/YB5135.2.00-2012-5\往复式压缩机\2D45(Y44)\国产</t>
  </si>
  <si>
    <t>【沈阳远大】功能接头\JS/YB5135.2.00-2012-6\往复式压缩机\2D45(Y44)\国产</t>
  </si>
  <si>
    <t>【沈阳远大】垫\JS/YB5135.2.00-2012-7\往复式压缩机\2D45(Y44)\国产</t>
  </si>
  <si>
    <t>【沈阳远大】垫\JS/YB5135.2.00-2012-8\往复式压缩机\2D45(Y44)\国产</t>
  </si>
  <si>
    <t>【沈阳远大】下接头体\JS/YB5135.2.00-2012-9\往复式压缩机\2D45(Y44)\国产</t>
  </si>
  <si>
    <t>【沈阳远大】上接头体\JS/YB5135.2.00-2012-10\往复式压缩机\2D45(Y44)\国产</t>
  </si>
  <si>
    <t>【沈阳远大】垫\JS/YB5135.2.00-2012-11\往复式压缩机\2D45(Y44)\国产</t>
  </si>
  <si>
    <t>【沈阳远大】螺栓\JS/YB5135.2.00-2012-12\往复式压缩机\2D45(Y44)\国产</t>
  </si>
  <si>
    <t>【沈阳远大】挡油盘\JS/YB5113.00-2012-110-0\往复式压缩机\2D45(Y44)\国产</t>
  </si>
  <si>
    <t>【沈阳远大】挡环\JS/YB5113.00-2012-110-1\往复式压缩机\2D45(Y44)\国产</t>
  </si>
  <si>
    <t>【沈阳远大】挡盘\JS/YB5113.00-2012-110-2\往复式压缩机\2D45(Y44)\国产</t>
  </si>
  <si>
    <t>【沈阳远大】挡板\JS/YB5113.00-2012-110-3\往复式压缩机\2D45(Y44)\国产</t>
  </si>
  <si>
    <t>【沈阳远大】螺栓\JS/YB5109.2.00-2012-45B-13\往复式压缩机\2D45(Y44)\国产</t>
  </si>
  <si>
    <t>【沈阳远大】直通螺纹接头\JS/YB5109.2.00-2012-45B-14\往复式压缩机\2D45(Y44)\国产</t>
  </si>
  <si>
    <t>【沈阳远大】接头体\JS/YB5109.2.00-2012-45B-15\往复式压缩机\2D45(Y44)\国产</t>
  </si>
  <si>
    <t>【沈阳远大】垫\JS/YB5109.2.00-2012-45B-16\往复式压缩机\2D45(Y44)\国产</t>
  </si>
  <si>
    <t>【沈阳远大】接筒\JS/YB5109.2.00-2012-45B-17\往复式压缩机\2D45(Y44)\国产</t>
  </si>
  <si>
    <t>【沈阳远大】接线座\JS/YB5109.2.00-2012-45B-18\往复式压缩机\2D45(Y44)\国产</t>
  </si>
  <si>
    <t>【沈阳远大】外螺纹直通管接头\JS/YB5109.2.00-2012-45B-19\往复式压缩机\2D45(Y44)\国产</t>
  </si>
  <si>
    <t>【沈阳远大】垫\JS/YB5109.2.00-2012-45B-20\往复式压缩机\2D45(Y44)\国产</t>
  </si>
  <si>
    <t>【沈阳远大】垫\JS/YB5109.2.00-2012-45B-21\往复式压缩机\2D45(Y44)\国产</t>
  </si>
  <si>
    <t>【沈阳远大】螺栓\JS/YB5109.2.00-2012-45B-22\往复式压缩机\2D45(Y44)\国产</t>
  </si>
  <si>
    <t>【沈阳远大】螺母\JS/YB5109.2.00-2012-45B-23\往复式压缩机\2D45(Y44)\国产</t>
  </si>
  <si>
    <t>【沈阳远大】螺栓\JS/YB5109.2.00-2012-45B-24\往复式压缩机\2D45(Y44)\国产</t>
  </si>
  <si>
    <t>【沈阳远大】螺栓\JS/YB5109.2.00-2012-45B-25\往复式压缩机\2D45(Y44)\国产</t>
  </si>
  <si>
    <t>【沈阳远大】接筒部件\JS/YB5109.2.00-2012-100-0\往复式压缩机\2D45(Y44)\国产</t>
  </si>
  <si>
    <t>【沈阳远大】不锈钢耐压软管\JS/YB5109.2.00-2012-100-1\往复式压缩机\2D45(Y44)\国产</t>
  </si>
  <si>
    <t>【沈阳远大】不锈钢耐压软管\JS/YB5109.2.00-2012-100-2\往复式压缩机\2D45(Y44)\国产</t>
  </si>
  <si>
    <t>【沈阳远大】O型圈\JS/YB5109.2.00-2012-100-3\往复式压缩机\2D45(Y44)\国产</t>
  </si>
  <si>
    <t>【沈阳远大】接筒\JS/YB5109.2.00-2012-100-4\往复式压缩机\2D45(Y44)\国产</t>
  </si>
  <si>
    <t>【沈阳远大】十字头部件\4M45(Y17).04-00-0\往复式压缩机\2D45(Y44)\国产</t>
  </si>
  <si>
    <t>【沈阳远大】螺堵\4M45(Y17).04-00-1\往复式压缩机\2D45(Y44)\国产</t>
  </si>
  <si>
    <t>【沈阳远大】垫圈\4M45(Y17).04-00-2\往复式压缩机\2D45(Y44)\国产</t>
  </si>
  <si>
    <t>【沈阳远大】螺钉\4M45(Y17).04-00-3\往复式压缩机\2D45(Y44)\国产</t>
  </si>
  <si>
    <t>【沈阳远大】螺钉\4M45(Y17).04-00-4\往复式压缩机\2D45(Y44)\国产</t>
  </si>
  <si>
    <t>【沈阳远大】圆柱销\4M45(Y17).04-00-5\往复式压缩机\2D45(Y44)\国产</t>
  </si>
  <si>
    <t>【沈阳远大】十字头垫\4M45(Y17).04-00-6\往复式压缩机\2D45(Y44)\国产</t>
  </si>
  <si>
    <t>【沈阳远大】十字头垫\4M45(Y17).04-00-7\往复式压缩机\2D45(Y44)\国产</t>
  </si>
  <si>
    <t>【沈阳远大】十字头滑履\4M45(Y17).04-00-8\往复式压缩机\2D45(Y44)\国产</t>
  </si>
  <si>
    <t>【沈阳远大】十字头销\4M45(Y17).04-00-9\往复式压缩机\2D45(Y44)\国产</t>
  </si>
  <si>
    <t>【沈阳远大】压力体部件\4M45(Y17).04-00-10\往复式压缩机\2D45(Y44)\国产</t>
  </si>
  <si>
    <t>【沈阳远大】压力体\4M40(Y).041A-00-1\往复式压缩机\2D45(Y44)\国产</t>
  </si>
  <si>
    <t>【沈阳远大】承压胶圈\4M40(Y).041A-00-2\往复式压缩机\2D45(Y44)\国产</t>
  </si>
  <si>
    <t>【沈阳远大】压力活塞\4M40(Y).041A-00-3\往复式压缩机\2D45(Y44)\国产</t>
  </si>
  <si>
    <t>【沈阳远大】螺堵\4M40(Y).041A-00-4\往复式压缩机\2D45(Y44)\国产</t>
  </si>
  <si>
    <t>【沈阳远大】定位销\4M40(Y).041A-00-5\往复式压缩机\2D45(Y44)\国产</t>
  </si>
  <si>
    <t>【沈阳远大】拉紧弹簧\4M40(Y).041A-00-6\往复式压缩机\2D45(Y44)\国产</t>
  </si>
  <si>
    <t>【沈阳远大】衬套\4M45(Y17).04-00-11\往复式压缩机\2D45(Y44)\国产</t>
  </si>
  <si>
    <t>【沈阳远大】衬套\4M45(Y17).04-00-12\往复式压缩机\2D45(Y44)\国产</t>
  </si>
  <si>
    <t>【沈阳远大】紧固螺母\4M45(Y17).04-00-13\往复式压缩机\2D45(Y44)\国产</t>
  </si>
  <si>
    <t>【沈阳远大】调节环\4M45(Y17).04-00-14\往复式压缩机\2D45(Y44)\国产</t>
  </si>
  <si>
    <t>【沈阳远大】拧入环\4M45(Y17).04-00-15\往复式压缩机\2D45(Y44)\国产</t>
  </si>
  <si>
    <t>【沈阳远大】止推环\4M45(Y17).04-00-16\往复式压缩机\2D45(Y44)\国产</t>
  </si>
  <si>
    <t>【沈阳远大】十字头垫\4M45(Y17).04-00-17\往复式压缩机\2D45(Y44)\国产</t>
  </si>
  <si>
    <t>【沈阳远大】螺栓\4M45(Y17).04-00-18\往复式压缩机\2D45(Y44)\国产</t>
  </si>
  <si>
    <t>【沈阳远大】十字头体\4M45(Y17).04-00-19\往复式压缩机\2D45(Y44)\国产</t>
  </si>
  <si>
    <t>【沈阳远大】螺栓\4M45(Y17).04-00-20\往复式压缩机\2D45(Y44)\国产</t>
  </si>
  <si>
    <t>【沈阳远大】十字头垫\4M45(Y17).04-00-21\往复式压缩机\2D45(Y44)\国产</t>
  </si>
  <si>
    <t>【沈阳远大】连杆部件\4M40(Y).03-00\往复式压缩机\2D45(Y44)\国产</t>
  </si>
  <si>
    <t>【沈阳远大】小头套\4M40(Y).03-00-1\往复式压缩机\2D45(Y44)\国产</t>
  </si>
  <si>
    <t>【沈阳远大】连杆\4M40(Y).03-00-2\往复式压缩机\2D45(Y44)\国产</t>
  </si>
  <si>
    <t>【沈阳远大】大头瓦\4M40(Y).03-00-3\往复式压缩机\2D45(Y44)\国产</t>
  </si>
  <si>
    <t>【沈阳远大】连杆螺栓\4M40(Y).03-00-4\往复式压缩机\2D45(Y44)\国产</t>
  </si>
  <si>
    <t>【沈阳远大】盘车装置\2D45(Y5).69-00\往复式压缩机\2D45(Y44)\国产</t>
  </si>
  <si>
    <t>【沈阳远大】减速机\2D45(Y5).69-00-1\往复式压缩机\2D45(Y44)\国产</t>
  </si>
  <si>
    <t>【沈阳远大】标牌\2D45(Y5).69-00-2\往复式压缩机\2D45(Y44)\国产</t>
  </si>
  <si>
    <t>【沈阳远大】垫圈\2D45(Y5).69-00-3\往复式压缩机\2D45(Y44)\国产</t>
  </si>
  <si>
    <t>【沈阳远大】铆钉\2D45(Y5).69-00-4\往复式压缩机\2D45(Y44)\国产</t>
  </si>
  <si>
    <t>【沈阳远大】螺栓\2D45(Y5).69-00-5\往复式压缩机\2D45(Y44)\国产</t>
  </si>
  <si>
    <t>【沈阳远大】螺钉\2D45(Y5).69-00-6\往复式压缩机\2D45(Y44)\国产</t>
  </si>
  <si>
    <t>【沈阳远大】螺母\2D45(Y5).69-00-7\往复式压缩机\2D45(Y44)\国产</t>
  </si>
  <si>
    <t>【沈阳远大】螺栓\2D45(Y5).69-00-8\往复式压缩机\2D45(Y44)\国产</t>
  </si>
  <si>
    <t>【沈阳远大】齿轮\2D45(Y5).69-00-9\往复式压缩机\2D45(Y44)\国产</t>
  </si>
  <si>
    <t>【沈阳远大】定位盘\2D45(Y5).69-00-10\往复式压缩机\2D45(Y44)\国产</t>
  </si>
  <si>
    <t>【沈阳远大】连杆螺母\4M40(Y).03-00-5\往复式压缩机\2D45(Y44)\国产</t>
  </si>
  <si>
    <t>【沈阳远大】支架部件\2D45(Y5).69A-00\往复式压缩机\2D45(Y44)\国产</t>
  </si>
  <si>
    <t>【沈阳远大】垫圈\2D45(Y5).69A-00-1\往复式压缩机\2D45(Y44)\国产</t>
  </si>
  <si>
    <t>【沈阳远大】螺钉\2D45(Y5).69A-00-2\往复式压缩机\2D45(Y44)\国产</t>
  </si>
  <si>
    <t>【沈阳远大】焊接体部件\2D45(Y5).69A-00-3\往复式压缩机\2D45(Y44)\国产</t>
  </si>
  <si>
    <t>【沈阳远大】底板\2D45(Y5).69A-00-4\往复式压缩机\2D45(Y44)\国产</t>
  </si>
  <si>
    <t>【沈阳远大】顶板\2D45(Y5).69A-00-5\往复式压缩机\2D45(Y44)\国产</t>
  </si>
  <si>
    <t>【沈阳远大】筋板\2D45(Y5).69A-00-6\往复式压缩机\2D45(Y44)\国产</t>
  </si>
  <si>
    <t>【沈阳远大】筋板\2D45(Y5).69A-00-7\往复式压缩机\2D45(Y44)\国产</t>
  </si>
  <si>
    <t>【沈阳远大】立板\2D45(Y5).69A-00-8\往复式压缩机\2D45(Y44)\国产</t>
  </si>
  <si>
    <t>【沈阳远大】行程开关托板\2D45(Y5).69A-00-9\往复式压缩机\2D45(Y44)\国产</t>
  </si>
  <si>
    <t>【沈阳远大】螺柱\2D45(Y5).69A-00-10\往复式压缩机\2D45(Y44)\国产</t>
  </si>
  <si>
    <t>【沈阳远大】飞轮\2D45(Y5).69-01-0\往复式压缩机\2D45(Y44)\国产</t>
  </si>
  <si>
    <t>【沈阳远大】支承环\2D45(Y44).22-00-1\往复式压缩机\2D45(Y44)\国产</t>
  </si>
  <si>
    <t>【沈阳远大】O型圈\2D45(Y44).32-00-27\往复式压缩机\2D45(Y44)\国产</t>
  </si>
  <si>
    <t>【沈阳远大】节流环\2D45(Y44).32-00-19\往复式压缩机\2D45(Y44)\国产</t>
  </si>
  <si>
    <t>【沈阳远大】径向环\2D45(Y44).32-00-20\往复式压缩机\2D45(Y44)\国产</t>
  </si>
  <si>
    <t>【沈阳远大】垫圈\2D45(Y44).32-00-21\往复式压缩机\2D45(Y44)\国产</t>
  </si>
  <si>
    <t>【沈阳远大】垫圈\2D45(Y44).32-00-22\往复式压缩机\2D45(Y44)\国产</t>
  </si>
  <si>
    <t>【沈阳远大】垫片\2D45(Y44).32-00-23\往复式压缩机\2D45(Y44)\国产</t>
  </si>
  <si>
    <t>【沈阳远大】垫片\2D45(Y44).32-00-24\往复式压缩机\2D45(Y44)\国产</t>
  </si>
  <si>
    <t>【沈阳远大】八角垫\2D45(Y44).32-00-25\往复式压缩机\2D45(Y44)\国产</t>
  </si>
  <si>
    <t>【沈阳远大】缠绕垫\2D45(Y44).32-00-26\往复式压缩机\2D45(Y44)\国产</t>
  </si>
  <si>
    <t>【沈阳远大】活塞环\2D45(Y44).21-00-1\往复式压缩机\2D45(Y44)\国产</t>
  </si>
  <si>
    <t>【沈阳远大】支承环\2D45(Y44).21-00-2\往复式压缩机\2D45(Y44)\国产</t>
  </si>
  <si>
    <t>【沈阳远大】二级排气缓冲器\2D45(Y44).822-00-0\往复式压缩机\2D45(Y44)\国产</t>
  </si>
  <si>
    <t>【沈阳远大】二级进气缓冲器\2D45(Y44).821-00-0\往复式压缩机\2D45(Y44)\国产</t>
  </si>
  <si>
    <t>【沈阳远大】一级排气缓冲器\2D45(Y44).812-00-0\往复式压缩机\2D45(Y44)\国产</t>
  </si>
  <si>
    <t>【沈阳远大】一级进气缓冲器\2D45(Y44).811-00-0\往复式压缩机\2D45(Y44)\国产</t>
  </si>
  <si>
    <t>【沈阳远大】二级入口分离器\2D45(Y44).72-00-0\往复式压缩机\2D45(Y44)\国产</t>
  </si>
  <si>
    <t>【沈阳远大】一级入口分离器\2D45(Y44).71-00-0\往复式压缩机\2D45(Y44)\国产</t>
  </si>
  <si>
    <t>【沈阳远大】末级冷却器\2D45(Y44).61-00-0\往复式压缩机\2D45(Y44)\国产</t>
  </si>
  <si>
    <t>【沈阳远大】二级排气阀部件\2D45(Y44).52-00\往复压缩机\2D45(Y44)\国产</t>
  </si>
  <si>
    <t>【沈阳远大】一级排气阀部件\2D45(Y44).51-00\往复压缩机\2D45(Y44)\国产</t>
  </si>
  <si>
    <t>【沈阳远大】二级进气阀部件\2D45(Y44).42-00\往复压缩机\2D45(Y44)\国产</t>
  </si>
  <si>
    <t>【沈阳远大】一级进气阀部件\2D45(Y44).41-00\往复压缩机\2D45(Y44)\国产</t>
  </si>
  <si>
    <t>【沈阳远大】填料部件\2D45(Y44).32-00-0\往复式压缩机\2D45(Y44)\国产</t>
  </si>
  <si>
    <t>【沈阳远大】接头\2D45(Y44).32-00-1\往复式压缩机\2D45(Y44)\国产</t>
  </si>
  <si>
    <t>【沈阳远大】螺堵\2D45(Y44).32-00-2\往复式压缩机\2D45(Y44)\国产</t>
  </si>
  <si>
    <t>【沈阳远大】O型圈\2D45(Y44).32-00-3\往复式压缩机\2D45(Y44)\国产</t>
  </si>
  <si>
    <t>【沈阳远大】螺母\2D45(Y44).32-00-4\往复式压缩机\2D45(Y44)\国产</t>
  </si>
  <si>
    <t>【沈阳远大】垫\2D45(Y44).32-00-5\往复式压缩机\2D45(Y44)\国产</t>
  </si>
  <si>
    <t>【沈阳远大】填料盒\2D45(Y44).32-00-6\往复式压缩机\2D45(Y44)\国产</t>
  </si>
  <si>
    <t>【沈阳远大】填料盒\2D45(Y44).32-00-7\往复式压缩机\2D45(Y44)\国产</t>
  </si>
  <si>
    <t>【沈阳远大】法兰\2D45(Y44).32-00-8\往复式压缩机\2D45(Y44)\国产</t>
  </si>
  <si>
    <t>【沈阳远大】端盖\2D45(Y44).32-00-9\往复式压缩机\2D45(Y44)\国产</t>
  </si>
  <si>
    <t>【沈阳远大】定位杆\2D45(Y44).32-00-10\往复式压缩机\2D45(Y44)\国产</t>
  </si>
  <si>
    <t>【沈阳远大】水套\2D45(Y44).32-00-11\往复式压缩机\2D45(Y44)\国产</t>
  </si>
  <si>
    <t>【沈阳远大】填料盒\2D45(Y44).32-00-12\往复式压缩机\2D45(Y44)\国产</t>
  </si>
  <si>
    <t>【沈阳远大】填料盒\2D45(Y44).32-00-13\往复式压缩机\2D45(Y44)\国产</t>
  </si>
  <si>
    <t>【沈阳远大】阻流环\2D45(Y44).32-00-14\往复式压缩机\2D45(Y44)\国产</t>
  </si>
  <si>
    <t>【沈阳远大】锥尾管接头\2D45(Y44).32-00-15\往复式压缩机\2D45(Y44)\国产</t>
  </si>
  <si>
    <t>【沈阳远大】垫\2D45(Y44).32-00-16\往复式压缩机\2D45(Y44)\国产</t>
  </si>
  <si>
    <t>【沈阳远大】垫\2D45(Y44).32-00-17\往复式压缩机\2D45(Y44)\国产</t>
  </si>
  <si>
    <t>【沈阳远大】螺栓\2D45(Y44).32-00-18\往复式压缩机\2D45(Y44)\国产</t>
  </si>
  <si>
    <t>【沈阳远大】填料部件\2D45(Y44).31-00-0\往复式压缩机\2D45(Y44)\国产</t>
  </si>
  <si>
    <t>【沈阳远大】垫\2D45(Y44).31-00-1\往复式压缩机\2D45(Y44)\国产</t>
  </si>
  <si>
    <t>【沈阳远大】填料盒\2D45(Y44).31-00-2\往复式压缩机\2D45(Y44)\国产</t>
  </si>
  <si>
    <t>【沈阳远大】法兰\2D45(Y44).31-00-3\往复式压缩机\2D45(Y44)\国产</t>
  </si>
  <si>
    <t>【沈阳远大】定位杆\2D45(Y44).31-00-4\往复式压缩机\2D45(Y44)\国产</t>
  </si>
  <si>
    <t>【沈阳远大】水套\2D45(Y44).31-00-5\往复式压缩机\2D45(Y44)\国产</t>
  </si>
  <si>
    <t>【沈阳远大】填料盒\2D45(Y44).31-00-6\往复式压缩机\2D45(Y44)\国产</t>
  </si>
  <si>
    <t>【沈阳远大】切向环\2D45(Y44).31-00-7\往复式压缩机\2D45(Y44)\国产</t>
  </si>
  <si>
    <t>【沈阳远大】径向环\2D45(Y44).31-00-8\往复式压缩机\2D45(Y44)\国产</t>
  </si>
  <si>
    <t>【沈阳远大】垫\2D45(Y44).31-00-9\往复式压缩机\2D45(Y44)\国产</t>
  </si>
  <si>
    <t>【沈阳远大】垫\2D45(Y44).31-00-10\往复式压缩机\2D45(Y44)\国产</t>
  </si>
  <si>
    <t>【沈阳远大】螺栓\2D45(Y44).31-00-11\往复式压缩机\2D45(Y44)\国产</t>
  </si>
  <si>
    <t>【沈阳远大】活塞部件\2D45(Y44).22-00-0\往复式压缩机\2D45(Y44)\国产</t>
  </si>
  <si>
    <t>【沈阳远大】超级螺母部件\2D45(Y44).22-00-2\往复式压缩机\2D45(Y44)\国产</t>
  </si>
  <si>
    <t>【沈阳远大】垫片\JS/YB7521.00-2012-1\往复式压缩机\2D45(Y44)\国产</t>
  </si>
  <si>
    <t>【沈阳远大】螺钉\JS/YB7521.00-2012-2\往复式压缩机\2D45(Y44)\国产</t>
  </si>
  <si>
    <t>【沈阳远大】螺母\JS/YB7521.00-2012-3\往复式压缩机\2D45(Y44)\国产</t>
  </si>
  <si>
    <t>【沈阳远大】活塞环\2D45(Y44).22-00-3\往复式压缩机\2D45(Y44)\国产</t>
  </si>
  <si>
    <t>【沈阳远大】活塞杆\2D45(Y44).22-00-4\往复式压缩机\2D45(Y44)\国产</t>
  </si>
  <si>
    <t>【沈阳远大】后半活塞体\2D45(Y44).22-00-5\往复式压缩机\2D45(Y44)\国产</t>
  </si>
  <si>
    <t>【沈阳远大】前半活塞体\2D45(Y44).22-00-6\往复式压缩机\2D45(Y44)\国产</t>
  </si>
  <si>
    <t>【沈阳远大】活塞部件\2D45(Y44).21-00-0\往复式压缩机\2D45(Y44)\国产</t>
  </si>
  <si>
    <t>【沈阳远大】活塞杆\2D45(Y44).21-00-3\往复式压缩机\2D45(Y44)\国产</t>
  </si>
  <si>
    <t>【沈阳远大】后半活塞体\2D45(Y44).21-00-4\往复式压缩机\2D45(Y44)\国产</t>
  </si>
  <si>
    <t>【沈阳远大】前半活塞体\2D45(Y44).21-00-5\往复式压缩机\2D45(Y44)\国产</t>
  </si>
  <si>
    <t>【沈阳远大】气缸部件\2D45(Y44).12-00\往复式压缩机\2D45(Y44)\国产</t>
  </si>
  <si>
    <t>【沈阳远大】垫\2D45(Y44).12-00-1\往复式压缩机\2D45(Y44)\国产</t>
  </si>
  <si>
    <t>【沈阳远大】垫片\2D45(Y44).12-00-2\往复式压缩机\2D45(Y44)\国产</t>
  </si>
  <si>
    <t>【沈阳远大】支承\2D45(Y44).12-00-3\往复式压缩机\2D45(Y44)\国产</t>
  </si>
  <si>
    <t>【沈阳远大】筋板\2D45(Y44).12-00-4\往复式压缩机\2D45(Y44)\国产</t>
  </si>
  <si>
    <t>【沈阳远大】支承板\2D45(Y44).12-00-5\往复式压缩机\2D45(Y44)\国产</t>
  </si>
  <si>
    <t>【沈阳远大】底板\2D45(Y44).12-00-6\往复式压缩机\2D45(Y44)\国产</t>
  </si>
  <si>
    <t>【沈阳远大】垫板\2D45(Y44).12-00-7\往复式压缩机\2D45(Y44)\国产</t>
  </si>
  <si>
    <t>【沈阳远大】托板\2D45(Y44).12-00-8\往复式压缩机\2D45(Y44)\国产</t>
  </si>
  <si>
    <t>【沈阳远大】螺钉\2D45(Y44).12-00-9\往复式压缩机\2D45(Y44)\国产</t>
  </si>
  <si>
    <t>【沈阳远大】螺栓\2D45(Y44).12-00-10\往复式压缩机\2D45(Y44)\国产</t>
  </si>
  <si>
    <t>【沈阳远大】垫\2D45(Y44).12-00-11\往复式压缩机\2D45(Y44)\国产</t>
  </si>
  <si>
    <t>【沈阳远大】垫\2D45(Y44).12-00-12\往复式压缩机\2D45(Y44)\国产</t>
  </si>
  <si>
    <t>【沈阳远大】螺堵\2D45(Y44).12-00-13\往复式压缩机\2D45(Y44)\国产</t>
  </si>
  <si>
    <t>【沈阳远大】螺母\2D45(Y44).12-00-14\往复式压缩机\2D45(Y44)\国产</t>
  </si>
  <si>
    <t>【沈阳远大】螺钉\2D45(Y44).12-00-15\往复式压缩机\2D45(Y44)\国产</t>
  </si>
  <si>
    <t>【沈阳远大】螺母\2D45(Y44).12-00-16\往复式压缩机\2D45(Y44)\国产</t>
  </si>
  <si>
    <t>【沈阳远大】螺母\2D45(Y44).12-00-17\往复式压缩机\2D45(Y44)\国产</t>
  </si>
  <si>
    <t>【沈阳远大】螺母\2D45(Y44).12-00-18\往复式压缩机\2D45(Y44)\国产</t>
  </si>
  <si>
    <t>【沈阳远大】阶端双头螺柱\2D45(Y44).12-00-19\往复式压缩机\2D45(Y44)\国产</t>
  </si>
  <si>
    <t>【沈阳远大】阶端双头螺柱\2D45(Y44).12-00-20\往复式压缩机\2D45(Y44)\国产</t>
  </si>
  <si>
    <t>【沈阳远大】阶端双头螺柱\2D45(Y44).12-00-21\往复式压缩机\2D45(Y44)\国产</t>
  </si>
  <si>
    <t>【沈阳远大】阶端双头螺柱\2D45(Y44).12-00-22\往复式压缩机\2D45(Y44)\国产</t>
  </si>
  <si>
    <t>【沈阳远大】阶端双头螺柱\2D45(Y44).12-00-23\往复式压缩机\2D45(Y44)\国产</t>
  </si>
  <si>
    <t>【沈阳远大】阶端双头螺柱\2D45(Y44).12-00-24\往复式压缩机\2D45(Y44)\国产</t>
  </si>
  <si>
    <t>【沈阳远大】螺柱\2D45(Y44).12-00-25\往复式压缩机\2D45(Y44)\国产</t>
  </si>
  <si>
    <t>【沈阳远大】螺钉\2D45(Y44).12-00-26\往复式压缩机\2D45(Y44)\国产</t>
  </si>
  <si>
    <t>【沈阳远大】螺钉\2D45(Y44).12-00-27\往复式压缩机\2D45(Y44)\国产</t>
  </si>
  <si>
    <t>【沈阳远大】螺母\2D45(Y44).12-00-28\往复式压缩机\2D45(Y44)\国产</t>
  </si>
  <si>
    <t>【沈阳远大】螺栓\2D45(Y44).12-00-29\往复式压缩机\2D45(Y44)\国产</t>
  </si>
  <si>
    <t>【沈阳远大】O型圈\2D45(Y44).12-00-30\往复式压缩机\2D45(Y44)\国产</t>
  </si>
  <si>
    <t>【沈阳远大】O型圈\2D45(Y44).12-00-31\往复式压缩机\2D45(Y44)\国产</t>
  </si>
  <si>
    <t>【沈阳远大】圆柱销\2D45(Y44).12-00-32\往复式压缩机\2D45(Y44)\国产</t>
  </si>
  <si>
    <t>【沈阳远大】销\2D45(Y44).12-00-33\往复式压缩机\2D45(Y44)\国产</t>
  </si>
  <si>
    <t>【沈阳远大】螺母\2D45(Y44).12-00-34\往复式压缩机\2D45(Y44)\国产</t>
  </si>
  <si>
    <t>【沈阳远大】盖板\2D45(Y44).12-00-35\往复式压缩机\2D45(Y44)\国产</t>
  </si>
  <si>
    <t>【沈阳远大】盖\2D45(Y44).12-00-36\往复式压缩机\2D45(Y44)\国产</t>
  </si>
  <si>
    <t>【沈阳远大】垫\2D45(Y44).12-00-37\往复式压缩机\2D45(Y44)\国产</t>
  </si>
  <si>
    <t>【沈阳远大】压阀罩\2D45(Y44).12-00-38\往复式压缩机\2D45(Y44)\国产</t>
  </si>
  <si>
    <t>【沈阳远大】阀孔盖\2D45(Y44).12-00-39\往复式压缩机\2D45(Y44)\国产</t>
  </si>
  <si>
    <t>【沈阳远大】缸座\2D45(Y44).12-00-40\往复式压缩机\2D45(Y44)\国产</t>
  </si>
  <si>
    <t>【沈阳远大】缸套\2D45(Y44).12-00-41\往复式压缩机\2D45(Y44)\国产</t>
  </si>
  <si>
    <t>【沈阳远大】压阀罩\2D45(Y44).12-00-42\往复式压缩机\2D45(Y44)\国产</t>
  </si>
  <si>
    <t>【沈阳远大】缸体\2D45(Y44).12-00-43\往复式压缩机\2D45(Y44)\国产</t>
  </si>
  <si>
    <t>【沈阳远大】缸盖\2D45(Y44).12-00-44\往复式压缩机\2D45(Y44)\国产</t>
  </si>
  <si>
    <t>【沈阳远大】副水盖\2D45(Y44).12-00-45\往复式压缩机\2D45(Y44)\国产</t>
  </si>
  <si>
    <t>【沈阳远大】垫\2D45(Y44).12-00-46\往复式压缩机\2D45(Y44)\国产</t>
  </si>
  <si>
    <t>【沈阳远大】正水盖\2D45(Y44).12-00-47\往复式压缩机\2D45(Y44)\国产</t>
  </si>
  <si>
    <t>【沈阳远大】垫\2D45(Y44).12-00-48\往复式压缩机\2D45(Y44)\国产</t>
  </si>
  <si>
    <t>【沈阳远大】气缸部件\2D45(Y44).11-00-0\往复式压缩机\2D45(Y44)\国产</t>
  </si>
  <si>
    <t>【沈阳远大】支承\2D45(Y44).11-00-1\往复式压缩机\2D45(Y44)\国产</t>
  </si>
  <si>
    <t>【沈阳远大】筋板\2D45(Y44).11-00-2\往复式压缩机\2D45(Y44)\国产</t>
  </si>
  <si>
    <t>【沈阳远大】支承板\2D45(Y44).11-00-3\往复式压缩机\2D45(Y44)\国产</t>
  </si>
  <si>
    <t>【沈阳远大】垫\2D45(Y44).11-00-4\往复式压缩机\2D45(Y44)\国产</t>
  </si>
  <si>
    <t>【沈阳远大】螺母\2D45(Y44).11-00-5\往复式压缩机\2D45(Y44)\国产</t>
  </si>
  <si>
    <t>【沈阳远大】螺钉\2D45(Y44).11-00-6\往复式压缩机\2D45(Y44)\国产</t>
  </si>
  <si>
    <t>【沈阳远大】阶端双头螺柱\2D45(Y44).11-00-7\往复式压缩机\2D45(Y44)\国产</t>
  </si>
  <si>
    <t>【沈阳远大】垫圈\2D45(Y44).11-00-8\往复式压缩机\2D45(Y44)\国产</t>
  </si>
  <si>
    <t>【沈阳远大】螺柱\2D45(Y44).11-00-9\往复式压缩机\2D45(Y44)\国产</t>
  </si>
  <si>
    <t>【沈阳远大】螺柱\2D45(Y44).11-00-10\往复式压缩机\2D45(Y44)\国产</t>
  </si>
  <si>
    <t>【沈阳远大】螺柱\2D45(Y44).11-00-11\往复式压缩机\2D45(Y44)\国产</t>
  </si>
  <si>
    <t>【沈阳远大】螺柱\2D45(Y44).11-00-12\往复式压缩机\2D45(Y44)\国产</t>
  </si>
  <si>
    <t>【沈阳远大】螺柱\2D45(Y44).11-00-13\往复式压缩机\2D45(Y44)\国产</t>
  </si>
  <si>
    <t>【沈阳远大】螺母\2D45(Y44).11-00-14\往复式压缩机\2D45(Y44)\国产</t>
  </si>
  <si>
    <t>【沈阳远大】螺母\2D45(Y44).11-00-15\往复式压缩机\2D45(Y44)\国产</t>
  </si>
  <si>
    <t>【沈阳远大】螺栓\2D45(Y44).11-00-16\往复式压缩机\2D45(Y44)\国产</t>
  </si>
  <si>
    <t>【沈阳远大】O型圈\2D45(Y44).11-00-17\往复式压缩机\2D45(Y44)\国产</t>
  </si>
  <si>
    <t>【沈阳远大】O型圈\2D45(Y44).11-00-18\往复式压缩机\2D45(Y44)\国产</t>
  </si>
  <si>
    <t>【沈阳远大】O型圈\2D45(Y44).11-00-19\往复式压缩机\2D45(Y44)\国产</t>
  </si>
  <si>
    <t>【沈阳远大】销\2D45(Y44).11-00-20\往复式压缩机\2D45(Y44)\国产</t>
  </si>
  <si>
    <t>【沈阳远大】圆柱销\2D45(Y44).11-00-21\往复式压缩机\2D45(Y44)\国产</t>
  </si>
  <si>
    <t>【沈阳远大】螺母\2D45(Y44).11-00-22\往复式压缩机\2D45(Y44)\国产</t>
  </si>
  <si>
    <t>【沈阳远大】垫\2D45(Y44).11-00-23\往复式压缩机\2D45(Y44)\国产</t>
  </si>
  <si>
    <t>【沈阳远大】水盖\2D45(Y44).11-00-24\往复式压缩机\2D45(Y44)\国产</t>
  </si>
  <si>
    <t>【沈阳远大】压阀罩\2D45(Y44).11-00-25\往复式压缩机\2D45(Y44)\国产</t>
  </si>
  <si>
    <t>【沈阳远大】缸座\2D45(Y44).11-00-26\往复式压缩机\2D45(Y44)\国产</t>
  </si>
  <si>
    <t>【沈阳远大】压阀罩\2D45(Y44).11-00-27\往复式压缩机\2D45(Y44)\国产</t>
  </si>
  <si>
    <t>【沈阳远大】缸套\2D45(Y44).11-00-28\往复式压缩机\2D45(Y44)\国产</t>
  </si>
  <si>
    <t>【沈阳远大】缸体\2D45(Y44).11-00-29\往复式压缩机\2D45(Y44)\国产</t>
  </si>
  <si>
    <t>【沈阳远大】垫\2D45(Y44).11-00-30\往复式压缩机\2D45(Y44)\国产</t>
  </si>
  <si>
    <t>【沈阳远大】缸盖\2D45(Y44).11-00-31\往复式压缩机\2D45(Y44)\国产</t>
  </si>
  <si>
    <t>【沈阳远大】阀孔盖\2D45(Y44).11-00-32\往复式压缩机\2D45(Y44)\国产</t>
  </si>
  <si>
    <t>【沈阳远大】盖板\2D45(Y44).11-00-33\往复式压缩机\2D45(Y44)\国产</t>
  </si>
  <si>
    <t>【沈阳远大】轴头泵部件\2D45(Y36).06-00b-0\往复式压缩机\2D45(Y44)\国产</t>
  </si>
  <si>
    <t>【沈阳远大】标牌I\2D45(Y44).11-00-34\往复式压缩机\2D45(Y44)\国产</t>
  </si>
  <si>
    <t>【沈阳远大】螺尾锥销\2D45(Y44).11-00-35\往复式压缩机\2D45(Y44)\国产</t>
  </si>
  <si>
    <t>【沈阳远大】铆钉\2D45(Y44).11-00-36\往复式压缩机\2D45(Y44)\国产</t>
  </si>
  <si>
    <t>【沈阳远大】螺母\2D45(Y44).11-00-37\往复式压缩机\2D45(Y44)\国产</t>
  </si>
  <si>
    <t>【沈阳远大】机身前盖\2D45(Y44).11-00-38\往复式压缩机\2D45(Y44)\国产</t>
  </si>
  <si>
    <t>【沈阳远大】曲轴部件\2D45(Y10).02-00-0\往复式压缩机\2D45(Y44)\国产</t>
  </si>
  <si>
    <t>【沈阳远大】曲轴\2D45(Y10).02-00-1\往复式压缩机\2D45(Y44)\国产</t>
  </si>
  <si>
    <t>【沈阳远大】中体部件\2D45(Y).05-00a-0\往复式压缩机\2D45(Y44)\国产</t>
  </si>
  <si>
    <t>【沈阳远大】垫\2D45(Y).05-00a-1\往复式压缩机\2D45(Y44)\国产</t>
  </si>
  <si>
    <t>【沈阳远大】螺母\2D45(Y).05-00a-2\往复式压缩机\2D45(Y44)\国产</t>
  </si>
  <si>
    <t>【沈阳远大】阶端双头螺柱\2D45(Y).05-00a-3\往复式压缩机\2D45(Y44)\国产</t>
  </si>
  <si>
    <t>【沈阳远大】阶端双头螺柱\2D45(Y).05-00a-4\往复式压缩机\2D45(Y44)\国产</t>
  </si>
  <si>
    <t>【沈阳远大】缠绕垫\2D45(Y).05-00a-5\往复式压缩机\2D45(Y44)\国产</t>
  </si>
  <si>
    <t>【沈阳远大】法兰\2D45(Y).05-00a-6\往复式压缩机\2D45(Y44)\国产</t>
  </si>
  <si>
    <t>【沈阳远大】螺柱\2D45(Y).05-00a-7\往复式压缩机\2D45(Y44)\国产</t>
  </si>
  <si>
    <t>【沈阳远大】螺母\2D45(Y).05-00a-8\往复式压缩机\2D45(Y44)\国产</t>
  </si>
  <si>
    <t>【沈阳远大】螺栓\2D45(Y).05-00a-9\往复式压缩机\2D45(Y44)\国产</t>
  </si>
  <si>
    <t>【沈阳远大】螺栓\2D45(Y).05-00a-10\往复式压缩机\2D45(Y44)\国产</t>
  </si>
  <si>
    <t>【沈阳远大】O型圈胶条\2D45(Y).05-00a-11\往复式压缩机\2D45(Y44)\国产</t>
  </si>
  <si>
    <t>【沈阳远大】圆柱销\2D45(Y).05-00a-12\往复式压缩机\2D45(Y44)\国产</t>
  </si>
  <si>
    <t>【沈阳远大】螺母\2D45(Y).05-00a-13\往复式压缩机\2D45(Y44)\国产</t>
  </si>
  <si>
    <t>【沈阳远大】O型圈\2D45(Y).05-00a-14\往复式压缩机\2D45(Y44)\国产</t>
  </si>
  <si>
    <t>【沈阳远大】盖板\2D45(Y).05-00a-15\往复式压缩机\2D45(Y44)\国产</t>
  </si>
  <si>
    <t>【沈阳远大】中体\2D45(Y).05-00a-16\往复式压缩机\2D45(Y44)\国产</t>
  </si>
  <si>
    <t>【沈阳远大】机身部件\2D45(Y).01-00c-0\往复式压缩机\2D45(Y44)\国产</t>
  </si>
  <si>
    <t>【沈阳远大】堵头\2D45(Y).01-00c-1\往复式压缩机\2D45(Y44)\国产</t>
  </si>
  <si>
    <t>【沈阳远大】内螺纹球阀\2D45(Y).01-00c-2\往复式压缩机\2D45(Y44)\国产</t>
  </si>
  <si>
    <t>【沈阳远大】油标\2D45(Y).01-00c-3\往复式压缩机\2D45(Y44)\国产</t>
  </si>
  <si>
    <t>【沈阳远大】垫\2D45(Y).01-00c-4\往复式压缩机\2D45(Y44)\国产</t>
  </si>
  <si>
    <t>【沈阳远大】油标板\2D45(Y).01-00c-5\往复式压缩机\2D45(Y44)\国产</t>
  </si>
  <si>
    <t>【沈阳远大】压框\2D45(Y).01-00c-6\往复式压缩机\2D45(Y44)\国产</t>
  </si>
  <si>
    <t>【沈阳远大】螺栓\2D45(Y).01-00c-7\往复式压缩机\2D45(Y44)\国产</t>
  </si>
  <si>
    <t>【沈阳远大】垫\2D45(Y).01-00c-8\往复式压缩机\2D45(Y44)\国产</t>
  </si>
  <si>
    <t>【沈阳远大】垫\2D45(Y).01-00c-9\往复式压缩机\2D45(Y44)\国产</t>
  </si>
  <si>
    <t>【沈阳远大】螺堵\2D45(Y).01-00c-10\往复式压缩机\2D45(Y44)\国产</t>
  </si>
  <si>
    <t>【沈阳远大】螺母\2D45(Y).01-00c-11\往复式压缩机\2D45(Y44)\国产</t>
  </si>
  <si>
    <t>【沈阳远大】螺母\2D45(Y).01-00c-12\往复式压缩机\2D45(Y44)\国产</t>
  </si>
  <si>
    <t>【沈阳远大】阶端双头螺柱\2D45(Y).01-00c-13\往复式压缩机\2D45(Y44)\国产</t>
  </si>
  <si>
    <t>【沈阳远大】垫片\2D45(Y).01-00c-14\往复式压缩机\2D45(Y44)\国产</t>
  </si>
  <si>
    <t>【沈阳远大】垫片\2D45(Y).01-00c-15\往复式压缩机\2D45(Y44)\国产</t>
  </si>
  <si>
    <t>【沈阳远大】法兰\2D45(Y).01-00c-16\往复式压缩机\2D45(Y44)\国产</t>
  </si>
  <si>
    <t>【沈阳远大】法兰\2D45(Y).01-00c-17\往复式压缩机\2D45(Y44)\国产</t>
  </si>
  <si>
    <t>【沈阳远大】螺柱\2D45(Y).01-00c-18\往复式压缩机\2D45(Y44)\国产</t>
  </si>
  <si>
    <t>【沈阳远大】螺栓\2D45(Y).01-00c-19\往复式压缩机\2D45(Y44)\国产</t>
  </si>
  <si>
    <t>【沈阳远大】螺母\2D45(Y).01-00c-20\往复式压缩机\2D45(Y44)\国产</t>
  </si>
  <si>
    <t>【沈阳远大】螺母\2D45(Y).01-00c-21\往复式压缩机\2D45(Y44)\国产</t>
  </si>
  <si>
    <t>【沈阳远大】螺母\2D45(Y).01-00c-22\往复式压缩机\2D45(Y44)\国产</t>
  </si>
  <si>
    <t>【沈阳远大】螺母\2D45(Y).01-00c-23\往复式压缩机\2D45(Y44)\国产</t>
  </si>
  <si>
    <t>【沈阳远大】螺栓\2D45(Y).01-00c-24\往复式压缩机\2D45(Y44)\国产</t>
  </si>
  <si>
    <t>【沈阳远大】螺栓\2D45(Y).01-00c-25\往复式压缩机\2D45(Y44)\国产</t>
  </si>
  <si>
    <t>【沈阳远大】螺栓\2D45(Y).01-00c-26\往复式压缩机\2D45(Y44)\国产</t>
  </si>
  <si>
    <t>【沈阳远大】垫\2D45(Y).01-00c-27\往复式压缩机\2D45(Y44)\国产</t>
  </si>
  <si>
    <t>【沈阳远大】拉杆\2D45(Y).01-00c-28\往复式压缩机\2D45(Y44)\国产</t>
  </si>
  <si>
    <t>【沈阳远大】推力环\2D45(Y).01-00c-29\往复式压缩机\2D45(Y44)\国产</t>
  </si>
  <si>
    <t>【沈阳远大】上轴承\2D45(Y).01-00c-30\往复式压缩机\2D45(Y44)\国产</t>
  </si>
  <si>
    <t>【沈阳远大】下轴承\2D45(Y).01-00c-31\往复式压缩机\2D45(Y44)\国产</t>
  </si>
  <si>
    <t>【沈阳远大】支撑梁\2D45(Y).01-00c-32\往复式压缩机\2D45(Y44)\国产</t>
  </si>
  <si>
    <t>【沈阳远大】法兰\2D45(Y).01-00c-33\往复式压缩机\2D45(Y44)\国产</t>
  </si>
  <si>
    <t>【沈阳远大】导线管部件\2D45(Y).01-00c-34\往复式压缩机\2D45(Y44)\国产</t>
  </si>
  <si>
    <t>【沈阳远大】接线座\2D45(Y).01D-00-1\往复式压缩机\2D45(Y44)\国产</t>
  </si>
  <si>
    <t>【沈阳远大】垫\2D45(Y).01D-00-2\往复式压缩机\2D45(Y44)\国产</t>
  </si>
  <si>
    <t>【沈阳远大】垫\2D45(Y).01D-00-3\往复式压缩机\2D45(Y44)\国产</t>
  </si>
  <si>
    <t>【沈阳远大】挡板\2D45(Y).01D-00-4\往复式压缩机\2D45(Y44)\国产</t>
  </si>
  <si>
    <t>【沈阳远大】螺堵\2D45(Y).01D-00-5\往复式压缩机\2D45(Y44)\国产</t>
  </si>
  <si>
    <t>【沈阳远大】堵头\2D45(Y).01D-00-6\往复式压缩机\2D45(Y44)\国产</t>
  </si>
  <si>
    <t>【沈阳远大】导线管\2D45(Y).01D-00-7\往复式压缩机\2D45(Y44)\国产</t>
  </si>
  <si>
    <t>【沈阳远大】进油管部件\2D45(Y).01-00c-35\往复式压缩机\2D45(Y44)\国产</t>
  </si>
  <si>
    <t>【沈阳远大】垫\2D45(Y).01A-00c-1\往复式压缩机\2D45(Y44)\国产</t>
  </si>
  <si>
    <t>【沈阳远大】垫\2D45(Y).01A-00c-2\往复式压缩机\2D45(Y44)\国产</t>
  </si>
  <si>
    <t>【沈阳远大】螺钉\2D45(Y).01A-00c-3\往复式压缩机\2D45(Y44)\国产</t>
  </si>
  <si>
    <t>【沈阳远大】管袖\2D45(Y).01A-00c-4\往复式压缩机\2D45(Y44)\国产</t>
  </si>
  <si>
    <t>【沈阳远大】螺堵\2D45(Y).01A-00c-5\往复式压缩机\2D45(Y44)\国产</t>
  </si>
  <si>
    <t>【沈阳远大】堵头\2D45(Y).01A-00c-6\往复式压缩机\2D45(Y44)\国产</t>
  </si>
  <si>
    <t>【沈阳远大】垫\2D45(Y).01A-00c-7\往复式压缩机\2D45(Y44)\国产</t>
  </si>
  <si>
    <t>【沈阳远大】环\2D45(Y).01A-00c-8\往复式压缩机\2D45(Y44)\国产</t>
  </si>
  <si>
    <t>【沈阳远大】分油管\2D45(Y).01A-00c-9\往复式压缩机\2D45(Y44)\国产</t>
  </si>
  <si>
    <t>【沈阳远大】分油管\2D45(Y).01A-00c-10\往复式压缩机\2D45(Y44)\国产</t>
  </si>
  <si>
    <t>【沈阳远大】承插焊终端接头部件\2D45(Y).01-00c-36\往复式压缩机\2D45(Y44)\国产</t>
  </si>
  <si>
    <t>【沈阳远大】垫\4M32(Y41).01AB-00-1\往复式压缩机\2D45(Y44)\国产</t>
  </si>
  <si>
    <t>【沈阳远大】螺帽\4M32(Y41).01AB-00-2\往复式压缩机\2D45(Y44)\国产</t>
  </si>
  <si>
    <t>【沈阳远大】接头体\4M32(Y41).01AB-00-3\往复式压缩机\2D45(Y44)\国产</t>
  </si>
  <si>
    <t>【沈阳远大】管套\4M32(Y41).01AB-00-4\往复式压缩机\2D45(Y44)\国产</t>
  </si>
  <si>
    <t>【沈阳远大】直通中间锥管接头部件\4M32(Y41).01AB-00-5\往复式压缩机\2D45(Y44)\国产</t>
  </si>
  <si>
    <t>【沈阳远大】接头体\4M32(Y41).01AB-00-6\往复式压缩机\2D45(Y44)\国产</t>
  </si>
  <si>
    <t>【沈阳远大】管接头\4M32(Y41).01AB-00-7\往复式压缩机\2D45(Y44)\国产</t>
  </si>
  <si>
    <t>【沈阳远大】分油管\4M32(Y41).01AB-00-8\往复式压缩机\2D45(Y44)\国产</t>
  </si>
  <si>
    <t>【沈阳远大】进油管\4M32(Y41).01AB-00-9\往复式压缩机\2D45(Y44)\国产</t>
  </si>
  <si>
    <t>【沈阳远大】挡油盖部件\2D45(Y).01-00c-37\往复式压缩机\2D45(Y44)\国产</t>
  </si>
  <si>
    <t>【沈阳远大】油封\2D45(Y).01A-00b-1\往复式压缩机\2D45(Y44)\国产</t>
  </si>
  <si>
    <t>【沈阳远大】销\2D45(Y).01A-00b-2\往复式压缩机\2D45(Y44)\国产</t>
  </si>
  <si>
    <t>【沈阳远大】螺栓\2D45(Y).01A-00b-3\往复式压缩机\2D45(Y44)\国产</t>
  </si>
  <si>
    <t>【沈阳远大】螺栓\2D45(Y).01A-00b-4\往复式压缩机\2D45(Y44)\国产</t>
  </si>
  <si>
    <t>【沈阳远大】销\2D45(Y).01A-00b-5\往复式压缩机\2D45(Y44)\国产</t>
  </si>
  <si>
    <t>【沈阳远大】盖板\2D45(Y).01A-00b-6\往复式压缩机\2D45(Y44)\国产</t>
  </si>
  <si>
    <t>【沈阳远大】挡油上盖\2D45(Y).01A-00b-7\往复式压缩机\2D45(Y44)\国产</t>
  </si>
  <si>
    <t>【沈阳远大】挡油下盖\2D45(Y).01A-00b-8\往复式压缩机\2D45(Y44)\国产</t>
  </si>
  <si>
    <t>【沈阳远大】轴承盖\2D45(Y).01-00c-38\往复式压缩机\2D45(Y44)\国产</t>
  </si>
  <si>
    <t>【沈阳远大】轴承盖\2D45(Y).01-00c-39\往复式压缩机\2D45(Y44)\国产</t>
  </si>
  <si>
    <t>【沈阳远大】垫\2D45(Y).01-00c-40\往复式压缩机\2D45(Y44)\国产</t>
  </si>
  <si>
    <t>【沈阳远大】顶盖\2D45(Y).01-00c-41\往复式压缩机\2D45(Y44)\国产</t>
  </si>
  <si>
    <t>【沈阳远大】机身\2D45(Y).01-00c-42\往复式压缩机\2D45(Y44)\国产</t>
  </si>
  <si>
    <t>【沈阳远大】双头螺栓\2D45(Y).01-00c-43\往复式压缩机\2D45(Y44)\国产</t>
  </si>
  <si>
    <t>【沈阳远大】O型圈胶条\2D45(Y).01-00c-44\往复式压缩机\2D45(Y44)\国产</t>
  </si>
  <si>
    <t>【沈阳远大】垫\2D45(Y).01-00c-45\往复式压缩机\2D45(Y44)\国产</t>
  </si>
  <si>
    <t>【沈阳远大】盲法兰\2D45(Y).01-00c-46\往复式压缩机\2D45(Y44)\国产</t>
  </si>
  <si>
    <t>【沈阳远大】螺堵\2D45(Y).01-00c-47\往复式压缩机\2D45(Y44)\国产</t>
  </si>
  <si>
    <t>【沈阳远大】呼吸器部件\2D45(Y).01-00c-48\往复式压缩机\2D45(Y44)\国产</t>
  </si>
  <si>
    <t>【沈阳远大】呼吸器底座垫\2D10(Y).01B-00-1\往复式压缩机\2D45(Y44)\国产</t>
  </si>
  <si>
    <t>【沈阳远大】螺栓\2D10(Y).01B-00-2\往复式压缩机\2D45(Y44)\国产</t>
  </si>
  <si>
    <t>【沈阳远大】空气滤清器\2D10(Y).01B-00-3\往复式压缩机\2D45(Y44)\国产</t>
  </si>
  <si>
    <t>【沈阳远大】底板\2D10(Y).01B-00-4\往复式压缩机\2D45(Y44)\国产</t>
  </si>
  <si>
    <t>【沈阳远大】接管\2D10(Y).01B-00-5\往复式压缩机\2D45(Y44)\国产</t>
  </si>
  <si>
    <t>【沈阳远大】垫\2D10(Y).01B-00-6\往复式压缩机\2D45(Y44)\国产</t>
  </si>
  <si>
    <t>【快牌】电商柴油机油\和谐内燃机车专用柴油机油 20W-40;1×170kg\快牌</t>
  </si>
  <si>
    <t>大连法斯特润滑油有限公司</t>
  </si>
  <si>
    <t>快牌</t>
  </si>
  <si>
    <t>GNWZBP(TH)ZYCG2020-196</t>
  </si>
  <si>
    <t>快牌润滑油脂商城经营主体铺货长协采购框架合同</t>
  </si>
  <si>
    <t>【快牌】电商柴油机油\HXN3五代柴油机油 SAE 40;1×170kg\快牌</t>
  </si>
  <si>
    <t>【快牌】电商柴油机油\铁路内燃机车多级四代柴油机油 20W-40;1×170kg\快牌</t>
  </si>
  <si>
    <t>【裕豪】电商调速器油\内燃机车新型调速器油 V100 14-16;1×170kg\裕豪</t>
  </si>
  <si>
    <t>北京市裕豪经贸公司润滑油厂</t>
  </si>
  <si>
    <t>裕豪</t>
  </si>
  <si>
    <t>GNWZBP(TH)ZYCG2020-200</t>
  </si>
  <si>
    <t>裕豪润滑油脂商城经营主体铺货长协采购框架合同</t>
  </si>
  <si>
    <t>【裕豪】电商抱轴瓦油\铁路机车牵引电机悬挂抱轴瓦油 52-60;1×170kg\裕豪</t>
  </si>
  <si>
    <t>【裕豪】电商柴油机油\铁路内燃机车多级四代油 20W-40;1×170kg\裕豪</t>
  </si>
  <si>
    <t>【裕豪】电商柴油机油\铁路内燃机车三代油 CD40;1×170kg\裕豪</t>
  </si>
  <si>
    <t>【裕豪】电商空压机油\铁路机车空气压缩机油 TKY200W;1×170kg\裕豪</t>
  </si>
  <si>
    <t>【阿迪达斯】运动鞋\EF2642\仿皮\常规码：35-45</t>
  </si>
  <si>
    <t>广州锐森设计服务有限公司</t>
  </si>
  <si>
    <t>阿迪达斯</t>
  </si>
  <si>
    <t>GNWZBP(TH)ZECG2020-277</t>
  </si>
  <si>
    <t>国家能源e购商城阿迪达斯劳保用品长协采购铺货采购合同</t>
  </si>
  <si>
    <t>【阿迪达斯】运动鞋\EH2602\仿皮\常规码：35-39</t>
  </si>
  <si>
    <t>【阿迪达斯】运动鞋\FU9176\仿皮\常规码：37-45</t>
  </si>
  <si>
    <t>【阿迪达斯】运动鞋\EH1332\仿皮\常规码：35-44</t>
  </si>
  <si>
    <t>【阿迪达斯】运动鞋\EF2638\仿皮\常规码：35-39</t>
  </si>
  <si>
    <t>【阿迪达斯】运动鞋\FU8320\仿皮\常规码：39-45</t>
  </si>
  <si>
    <t>【阿迪达斯】运动鞋\FU8323\仿皮\常规码：35-39</t>
  </si>
  <si>
    <t>【阿迪达斯】运动鞋\FU8326\仿皮\常规码：35-45</t>
  </si>
  <si>
    <t>【阿迪达斯】运动鞋\FU8327\仿皮\常规码：35-45</t>
  </si>
  <si>
    <t>【阿迪达斯】运动鞋\FU8386\仿皮\ 常规码：39-43.5</t>
  </si>
  <si>
    <t>【阿迪达斯】运动鞋\FU8388\仿皮\常规码：35-39</t>
  </si>
  <si>
    <t>【阿迪达斯】运动鞋\FU8392\仿皮\常规码：39-44</t>
  </si>
  <si>
    <t>【阿迪达斯】运动鞋\FU8395\仿皮\常规码：39-45</t>
  </si>
  <si>
    <t>【阿迪达斯】运动鞋\FU8397\仿皮\常规码：39-45</t>
  </si>
  <si>
    <t>【阿迪达斯】运动鞋\FU8398\仿皮\常规码：35-39</t>
  </si>
  <si>
    <t>【阿迪达斯】运动鞋\FU8400\仿皮\常规码：35-46</t>
  </si>
  <si>
    <t>【阿迪达斯】运动鞋\D97697\仿皮\常规码：35-45</t>
  </si>
  <si>
    <t>【阿迪达斯】运动T恤\S-XXXL\FT9719</t>
  </si>
  <si>
    <t>【阿迪达斯】运动T恤\S-XXL\FT9715</t>
  </si>
  <si>
    <t>【阿迪达斯】运动T恤\S-XXXL\FT9720</t>
  </si>
  <si>
    <t>【阿迪达斯】运动T恤\S-XXL\FT9716</t>
  </si>
  <si>
    <t>【阿迪达斯】运动T恤\S-XXL\FT9714</t>
  </si>
  <si>
    <t>【阿迪达斯】运动T恤\S-XXXL\GD9380</t>
  </si>
  <si>
    <t>【阿迪达斯】运动T恤\S-XXL\GD9382</t>
  </si>
  <si>
    <t>【阿迪达斯】运动T恤\S-XXXL\FT9736</t>
  </si>
  <si>
    <t>【阿迪达斯】运动T恤\S-XXXL\FT9734</t>
  </si>
  <si>
    <t>【阿迪达斯】运动T恤\S-XXXL\FT9735</t>
  </si>
  <si>
    <t>【阿迪达斯】运动T恤\S-XXL\FT9737</t>
  </si>
  <si>
    <t>【阿迪达斯】运动T恤\S-XXXL\GK4319</t>
  </si>
  <si>
    <t>【阿迪达斯】POLO衫\S-XXXL\DW6889</t>
  </si>
  <si>
    <t>【阿迪达斯】POLO衫\S-XXL\DW6878</t>
  </si>
  <si>
    <t>【阿迪达斯】POLO衫\S-XXXL\DY8806</t>
  </si>
  <si>
    <t>【阿迪达斯】POLO衫\S-XXL\DY8863</t>
  </si>
  <si>
    <t>【阿迪达斯】POLO衫\S-XXXL\DX7266</t>
  </si>
  <si>
    <t>【阿迪达斯】POLO衫\S-XXL\DX7269</t>
  </si>
  <si>
    <t>【阿迪达斯】运动T恤\S-XXXL\DW6896</t>
  </si>
  <si>
    <t>【阿迪达斯】运动T恤\S-XXL\DW6887</t>
  </si>
  <si>
    <t>【阿迪达斯】运动T恤\S-XXL\DW6886</t>
  </si>
  <si>
    <t>【阿迪达斯】运动T恤\S-XXXL\DW6894</t>
  </si>
  <si>
    <t>【阿迪达斯】运动T恤\S-XXXL\DX7242</t>
  </si>
  <si>
    <t>【阿迪达斯】运动T恤\S-XXL\DX7248</t>
  </si>
  <si>
    <t>【阿迪达斯】运动短裤\S-XXXL\DW6864</t>
  </si>
  <si>
    <t>【阿迪达斯】运动T恤\S-XXL\DY8814</t>
  </si>
  <si>
    <t>【阿迪达斯】卫衣\S-XXXL\DY8824</t>
  </si>
  <si>
    <t>【阿迪达斯】卫衣\S-XXL\DY8822</t>
  </si>
  <si>
    <t>【阿迪达斯】卫衣\S-XXL\DW6848</t>
  </si>
  <si>
    <t>【阿迪达斯】卫衣\S-XXXL\DW6849</t>
  </si>
  <si>
    <t>【阿迪达斯】卫衣\S-XXXL\DX7323</t>
  </si>
  <si>
    <t>【阿迪达斯】卫衣\S-XXL\DX7326</t>
  </si>
  <si>
    <t>【阿迪达斯】卫衣\S-XXXL\DX7336</t>
  </si>
  <si>
    <t>【阿迪达斯】运动T恤\S-XXXL\DY8808</t>
  </si>
  <si>
    <t>【阿迪达斯】卫衣\S-XXL\DY8818</t>
  </si>
  <si>
    <t>【阿迪达斯】卫衣\S-XXXL\DY8838</t>
  </si>
  <si>
    <t>【阿迪达斯】卫衣\S-XXXL\DX7345</t>
  </si>
  <si>
    <t>【阿迪达斯】卫衣\S-XXXL\DY8801</t>
  </si>
  <si>
    <t>【阿迪达斯】卫衣\S-XXL\DY8796</t>
  </si>
  <si>
    <t>【阿迪达斯】运动长裤\S-XXL\DW6858</t>
  </si>
  <si>
    <t>【阿迪达斯】运动长裤\S-XXXL\DW6862</t>
  </si>
  <si>
    <t>【阿迪达斯】运动长裤\S-XXL\DW6867</t>
  </si>
  <si>
    <t>【阿迪达斯】运动长裤\S-XXL\DY8827</t>
  </si>
  <si>
    <t>【阿迪达斯】棉服\S-XXXL\CE9057</t>
  </si>
  <si>
    <t>【阿迪达斯】棉服\S-XXXL\CV3747</t>
  </si>
  <si>
    <t>【阿迪达斯】卫衣\S-XXXL\CE9042</t>
  </si>
  <si>
    <t>【阿迪达斯】卫衣\S-XXXL\CV3686</t>
  </si>
  <si>
    <t>【阿迪达斯】运动长裤\S-XXXL\CE9045</t>
  </si>
  <si>
    <t>【阿迪达斯】运动短裤\S-XXL\FT9695</t>
  </si>
  <si>
    <t>【阿迪达斯】运动短裤\S-XXL\FR4327</t>
  </si>
  <si>
    <t>【阿迪达斯】运动短裤\S-XXL\FT9703</t>
  </si>
  <si>
    <t>【阿迪达斯】运动短裤\S-XXXL\FT9706</t>
  </si>
  <si>
    <t>【阿迪达斯】运动短裤\S-XXL\FT9708</t>
  </si>
  <si>
    <t>【鑫佳盾】全棉手套\1000型\棉\240副/箱</t>
  </si>
  <si>
    <t>上海佳盾防护用品有限公司</t>
  </si>
  <si>
    <t>鑫佳盾</t>
  </si>
  <si>
    <t>GNWZBP(TH)ZECG2020-279</t>
  </si>
  <si>
    <t>国家能源e购商城佳盾劳保用品长协采购铺货采购合同</t>
  </si>
  <si>
    <t>【鑫佳盾】点塑手套\2000型\涤棉\240副/箱</t>
  </si>
  <si>
    <t>【鑫佳盾】特防线手套\3000型\涤棉\240副/箱</t>
  </si>
  <si>
    <t>【鑫佳盾】全棉加长线手套\4000型\棉\180副/箱</t>
  </si>
  <si>
    <t>【鑫佳盾】500克涤棉线手套\5000型\涤棉\720副/箱</t>
  </si>
  <si>
    <t>【鑫佳盾】600克涤棉线手套\6000型\涤棉\720副/箱</t>
  </si>
  <si>
    <t>【鑫佳盾】PU掌浸手套\7000型\100%涤纶\300副/箱</t>
  </si>
  <si>
    <t>【鑫佳盾】PU指浸手套\7700型\100%涤纶\300副/箱</t>
  </si>
  <si>
    <t>【鑫佳盾】PVC涂胶手套\8000型\100%涤纶\200副/箱</t>
  </si>
  <si>
    <t>【鑫佳盾】无尘线手套\9000型\涤棉\600副/箱</t>
  </si>
  <si>
    <t>【鑫佳盾】550克涤棉加丝线手套\5500型\涤棉\600副/箱</t>
  </si>
  <si>
    <t>【鑫佳盾】600克涤棉加丝手套\6600型\涤棉\600副/包</t>
  </si>
  <si>
    <t>【内蒙古中铁】成组砼岔枕\P50;1/12;5.0m交渡;专线(03)3424\朔黄段（肃宁站）</t>
  </si>
  <si>
    <t>GNWZBP(TH)ZECG2020-182</t>
  </si>
  <si>
    <t>国家能源e购商城内蒙古中铁轨枕配件铺货采购合同-朔黄段（肃宁站）</t>
  </si>
  <si>
    <t>【内蒙古中铁】成组砼岔枕\P50;1/12;单开;专线(01)3423\朔黄段（肃宁站）</t>
  </si>
  <si>
    <t>【内蒙古中铁】成组砼岔枕\P50;1/12;复交;CZ2220Z\朔黄段（肃宁站）</t>
  </si>
  <si>
    <t>【内蒙古中铁】成组砼岔枕\P50;1/12;专线3355\朔黄段（肃宁站）</t>
  </si>
  <si>
    <t>【内蒙古中铁】成组砼岔枕\P50;1/12;专线4257\朔黄段（肃宁站）</t>
  </si>
  <si>
    <t>【内蒙古中铁】成组砼岔枕\P50;1/6;5.0m交渡;SC432-500\朔黄段（肃宁站）</t>
  </si>
  <si>
    <t>【内蒙古中铁】成组砼岔枕\P50;1/6;对称;SC384\朔黄段（肃宁站）</t>
  </si>
  <si>
    <t>【内蒙古中铁】成组砼岔枕\P50;1/6;对称;右开;SC384-500\朔黄段（肃宁站）</t>
  </si>
  <si>
    <t>【内蒙古中铁】成组砼岔枕\P50;1/6;对称;左开;SC384-500\朔黄段（肃宁站）</t>
  </si>
  <si>
    <t>【内蒙古中铁】成组砼岔枕\P50;1/9;5.0m交渡;CZ2210\朔黄段（肃宁站）</t>
  </si>
  <si>
    <t>【内蒙古中铁】成组砼岔枕\P50;1/9;5.0m交渡;SC580\朔黄段（肃宁站）</t>
  </si>
  <si>
    <t>【内蒙古中铁】成组砼岔枕\P50;1/9;5.0m交渡;专线(02)3428\朔黄段（肃宁站）</t>
  </si>
  <si>
    <t>【内蒙古中铁】成组砼岔枕\P50;1/9;5.0m交渡;专线(02)7663\朔黄段（肃宁站）</t>
  </si>
  <si>
    <t>【内蒙古中铁】成组砼岔枕\P50;1/9;CZ2209A\朔黄段（肃宁站）</t>
  </si>
  <si>
    <t>【内蒙古中铁】成组砼岔枕\P50;1/9;单开;CZ2209Z\朔黄段（肃宁站）</t>
  </si>
  <si>
    <t>【内蒙古中铁】成组砼岔枕\P50;1/9;单开;专线(03)3281\朔黄段（肃宁站）</t>
  </si>
  <si>
    <t>【内蒙古中铁】成组砼岔枕\P50;1/9;复交;CZ2214Z\朔黄段（肃宁站）</t>
  </si>
  <si>
    <t>【内蒙古中铁】成组砼岔枕\P50;1/9;复交;专线(04)3443\朔黄段（肃宁站）</t>
  </si>
  <si>
    <t>【内蒙古中铁】成组砼岔枕\P50;1/9;交渡;CZ2213Z\朔黄段（肃宁站）</t>
  </si>
  <si>
    <t>【内蒙古中铁】成组砼岔枕\P50;1/9;交渡;SC571-1101\朔黄段（肃宁站）</t>
  </si>
  <si>
    <t>【内蒙古中铁】成组砼岔枕\P50;1/9;交渡;专线(03)3431\朔黄段（肃宁站）</t>
  </si>
  <si>
    <t>【内蒙古中铁】成组砼岔枕\P60;1/12;5.5m交渡;SC342-500\朔黄段（肃宁站）</t>
  </si>
  <si>
    <t>【内蒙古中铁】成组砼岔枕\P60;1/12;6.5m交渡;专线3413\朔黄段（肃宁站）</t>
  </si>
  <si>
    <t>【内蒙古中铁】成组砼岔枕\P60;1/12;单开;SC330-500\朔黄段（肃宁站）</t>
  </si>
  <si>
    <t>【内蒙古中铁】成组砼岔枕\P60;1/12;渡线;专线3402;Ⅲ型\朔黄段（肃宁站）</t>
  </si>
  <si>
    <t>【内蒙古中铁】成组砼岔枕\P60;1/12;复交;SC350\朔黄段（肃宁站）</t>
  </si>
  <si>
    <t>【内蒙古中铁】成组砼岔枕\P60;1/12;交渡;SC340-500\朔黄段（肃宁站）</t>
  </si>
  <si>
    <t>【内蒙古中铁】成组砼岔枕\P60;1/12;交渡;SC342-500\朔黄段（肃宁站）</t>
  </si>
  <si>
    <t>【内蒙古中铁】成组砼岔枕\P60;1/12;砼;单开;专线4249\朔黄段（肃宁站）</t>
  </si>
  <si>
    <t>【内蒙古中铁】成组砼岔枕\P60;1/12;专线3399;Ⅲ型\朔黄段（肃宁站）</t>
  </si>
  <si>
    <t>【内蒙古中铁】成组砼岔枕\P60;1/18;单开;GLC(07)02-300\朔黄段（肃宁站）</t>
  </si>
  <si>
    <t>【内蒙古中铁】成组砼岔枕\P60;1/18;单开;GLC(09)05-300\朔黄段（肃宁站）</t>
  </si>
  <si>
    <t>【内蒙古中铁】成组砼岔枕\P60;1/9;5.0m组合;SC(07)460-1108\朔黄段（肃宁站）</t>
  </si>
  <si>
    <t>【内蒙古中铁】成组砼岔枕\P60;1/9;5.0m组合;SC(07)460-1204\朔黄段（肃宁站）</t>
  </si>
  <si>
    <t>【内蒙古中铁】成组砼岔枕\P60;1/9;5.0m组合;SC(07)460-1208\朔黄段（肃宁站）</t>
  </si>
  <si>
    <t>【内蒙古中铁】成组砼岔枕\P60;1/9;5.0m组合;SC(07)460-1211\朔黄段（肃宁站）</t>
  </si>
  <si>
    <t>【内蒙古中铁】成组砼岔枕\P60;1/9;5.3m交渡;CZ581Z\朔黄段（肃宁站）</t>
  </si>
  <si>
    <t>【内蒙古中铁】成组砼岔枕\P60;1/9;单开;CZ577Z\朔黄段（肃宁站）</t>
  </si>
  <si>
    <t>【内蒙古中铁】成组砼岔枕\P60;1/9;单开;专线(03)3366\朔黄段（肃宁站）</t>
  </si>
  <si>
    <t>【内蒙古中铁】成组砼岔枕\P60;1/9;复交;SC450-500\朔黄段（肃宁站）</t>
  </si>
  <si>
    <t>【内蒙古中铁】成组砼岔枕\P60;1/9;复式交分;CZ2504Z\朔黄段（肃宁站）</t>
  </si>
  <si>
    <t>【内蒙古中铁】成组砼岔枕\P60;1/9;交渡;CZ580Z\朔黄段（肃宁站）</t>
  </si>
  <si>
    <t>【内蒙古中铁】成组砼岔枕\P60;1/9;交渡;CZ582Z\朔黄段（肃宁站）</t>
  </si>
  <si>
    <t>【内蒙古中铁】成组砼岔枕\P60;1/9;交渡;CZ583Z\朔黄段（肃宁站）</t>
  </si>
  <si>
    <t>【内蒙古中铁】成组砼岔枕\P60;1/9;专线3366;右开\朔黄段（肃宁站）</t>
  </si>
  <si>
    <t>【内蒙古中铁】成组砼岔枕\P60;1/9;专线3366;左开\朔黄段（肃宁站）</t>
  </si>
  <si>
    <t>【内蒙古中铁】成组砼岔枕\P75;1/12;SC381-500\朔黄段（肃宁站）</t>
  </si>
  <si>
    <t>【内蒙古中铁】成组砼岔枕\P75;1/12;SC443-500;交渡\朔黄段（肃宁站）</t>
  </si>
  <si>
    <t>【内蒙古中铁】成组砼岔枕\P75;1/12;单开;SC559-500\朔黄段（肃宁站）</t>
  </si>
  <si>
    <t>【内蒙古中铁】成组砼岔枕\P75;1/12;单开;研线1116-400\朔黄段（肃宁站）</t>
  </si>
  <si>
    <t>【内蒙古中铁】成组砼岔枕\P75;1/12;交渡;SC444\朔黄段（肃宁站）</t>
  </si>
  <si>
    <t>【内蒙古中铁】成组砼岔枕\P75;1/18;单开;SC488-500\朔黄段（肃宁站）</t>
  </si>
  <si>
    <t>【内蒙古中铁】成组砼岔枕\P75;1/9;5.0m交渡;SC551\朔黄段（肃宁站）</t>
  </si>
  <si>
    <t>【内蒙古中铁】电气绝缘枕\ⅢaZ型\朔黄段（肃宁站）</t>
  </si>
  <si>
    <t>【内蒙古中铁】电容枕\ⅢA型/ⅢAD\朔黄段（肃宁站）</t>
  </si>
  <si>
    <t>【内蒙古中铁】电容枕\新Ⅱ型/XⅡD\朔黄段（肃宁站）</t>
  </si>
  <si>
    <t>【内蒙古中铁】电容枕\新Ⅱ型;2500mm;研线0308-1\朔黄段（肃宁站）</t>
  </si>
  <si>
    <t>【内蒙古中铁】电容枕\新Ⅲ型桥枕;2600mm;研线0308-1\朔黄段（肃宁站）</t>
  </si>
  <si>
    <t>【内蒙古中铁】砼岔枕\P50;1/12;13#;专线(01)3423\朔黄段（肃宁站）</t>
  </si>
  <si>
    <t>【内蒙古中铁】砼岔枕\P50;1/12;21#;专线(01)3423\朔黄段（肃宁站）</t>
  </si>
  <si>
    <t>【内蒙古中铁】砼岔枕\P50;1/12;5#;专线3355\朔黄段（肃宁站）</t>
  </si>
  <si>
    <t>【内蒙古中铁】砼岔枕\P50;1/12;58#;专线3355\朔黄段（肃宁站）</t>
  </si>
  <si>
    <t>【内蒙古中铁】砼岔枕\P50;1/9;20#;专线(03)3281\朔黄段（肃宁站）</t>
  </si>
  <si>
    <t>【内蒙古中铁】砼岔枕\P50;1/9;3#;CZ2209\朔黄段（肃宁站）</t>
  </si>
  <si>
    <t>【内蒙古中铁】砼岔枕\P50;1/9;39#;专线(03)3281\朔黄段（肃宁站）</t>
  </si>
  <si>
    <t>【内蒙古中铁】砼岔枕\P50;1/9;48#;专线(03)3281\朔黄段（肃宁站）</t>
  </si>
  <si>
    <t>【内蒙古中铁】砼岔枕\P50;1/9;49#;专线(03)3281\朔黄段（肃宁站）</t>
  </si>
  <si>
    <t>【内蒙古中铁】砼岔枕\P50;1/9;52#;专线(03)3281\朔黄段（肃宁站）</t>
  </si>
  <si>
    <t>【内蒙古中铁】砼岔枕\P50;1/9;单开31#;专线(03)3281\朔黄段（肃宁站）</t>
  </si>
  <si>
    <t>【内蒙古中铁】砼岔枕\P50;1/9;单开32#;专线(03)3281\朔黄段（肃宁站）</t>
  </si>
  <si>
    <t>【内蒙古中铁】砼岔枕\P50;1/9;单开33#;专线(03)3281\朔黄段（肃宁站）</t>
  </si>
  <si>
    <t>【内蒙古中铁】砼岔枕\P50;1/9;单开34#;专线(03)3281\朔黄段（肃宁站）</t>
  </si>
  <si>
    <t>【内蒙古中铁】砼岔枕\P50;1/9;单开35#;专线(03)3281\朔黄段（肃宁站）</t>
  </si>
  <si>
    <t>【内蒙古中铁】砼岔枕\P50;1/9;单开36#;专线(03)3281\朔黄段（肃宁站）</t>
  </si>
  <si>
    <t>【内蒙古中铁】砼岔枕\P50;1/9;单开37#;专线(03)3281\朔黄段（肃宁站）</t>
  </si>
  <si>
    <t>【内蒙古中铁】砼岔枕\P60;1/12;1#;SC330-500\朔黄段（肃宁站）</t>
  </si>
  <si>
    <t>【内蒙古中铁】砼岔枕\P60;1/12;1#;专线3399\朔黄段（肃宁站）</t>
  </si>
  <si>
    <t>【内蒙古中铁】砼岔枕\P60;1/12;10#;专线3399\朔黄段（肃宁站）</t>
  </si>
  <si>
    <t>【内蒙古中铁】砼岔枕\P60;1/12;11#;专线3399\朔黄段（肃宁站）</t>
  </si>
  <si>
    <t>【内蒙古中铁】砼岔枕\P60;1/12;12#;专线3399\朔黄段（肃宁站）</t>
  </si>
  <si>
    <t>【内蒙古中铁】砼岔枕\P60;1/12;13#;专线3399\朔黄段（肃宁站）</t>
  </si>
  <si>
    <t>【内蒙古中铁】砼岔枕\P60;1/12;14#;专线3399\朔黄段（肃宁站）</t>
  </si>
  <si>
    <t>【内蒙古中铁】砼岔枕\P60;1/12;15#;专线3399\朔黄段（肃宁站）</t>
  </si>
  <si>
    <t>【内蒙古中铁】砼岔枕\P60;1/12;16#;专线3399\朔黄段（肃宁站）</t>
  </si>
  <si>
    <t>【内蒙古中铁】砼岔枕\P60;1/12;17#;专线3399\朔黄段（肃宁站）</t>
  </si>
  <si>
    <t>【内蒙古中铁】砼岔枕\P60;1/12;18#;专线3399\朔黄段（肃宁站）</t>
  </si>
  <si>
    <t>【内蒙古中铁】砼岔枕\P60;1/12;19#;专线3399\朔黄段（肃宁站）</t>
  </si>
  <si>
    <t>【内蒙古中铁】砼岔枕\P60;1/12;2#;专线3399\朔黄段（肃宁站）</t>
  </si>
  <si>
    <t>【内蒙古中铁】砼岔枕\P60;1/12;23#;专线3399\朔黄段（肃宁站）</t>
  </si>
  <si>
    <t>【内蒙古中铁】砼岔枕\P60;1/12;24#;专线3399\朔黄段（肃宁站）</t>
  </si>
  <si>
    <t>【内蒙古中铁】砼岔枕\P60;1/12;25#;SC330-500\朔黄段（肃宁站）</t>
  </si>
  <si>
    <t>【内蒙古中铁】砼岔枕\P60;1/12;25#;SC350\朔黄段（肃宁站）</t>
  </si>
  <si>
    <t>【内蒙古中铁】砼岔枕\P60;1/12;25#;专线3399\朔黄段（肃宁站）</t>
  </si>
  <si>
    <t>【内蒙古中铁】砼岔枕\P60;1/12;26#;SC330-500\朔黄段（肃宁站）</t>
  </si>
  <si>
    <t>【内蒙古中铁】砼岔枕\P60;1/12;26#;SC350\朔黄段（肃宁站）</t>
  </si>
  <si>
    <t>【内蒙古中铁】砼岔枕\P60;1/12;26#;专线3399\朔黄段（肃宁站）</t>
  </si>
  <si>
    <t>【内蒙古中铁】砼岔枕\P60;1/12;27#;SC330-500\朔黄段（肃宁站）</t>
  </si>
  <si>
    <t>【内蒙古中铁】砼岔枕\P60;1/12;27#;专线3399\朔黄段（肃宁站）</t>
  </si>
  <si>
    <t>【内蒙古中铁】砼岔枕\P60;1/12;28#;SC330-500\朔黄段（肃宁站）</t>
  </si>
  <si>
    <t>【内蒙古中铁】砼岔枕\P60;1/12;28#;专线3399\朔黄段（肃宁站）</t>
  </si>
  <si>
    <t>【内蒙古中铁】砼岔枕\P60;1/12;28#;专线4228\朔黄段（肃宁站）</t>
  </si>
  <si>
    <t>【内蒙古中铁】砼岔枕\P60;1/12;29#;SC330-500\朔黄段（肃宁站）</t>
  </si>
  <si>
    <t>【内蒙古中铁】砼岔枕\P60;1/12;29#;专线3399\朔黄段（肃宁站）</t>
  </si>
  <si>
    <t>【内蒙古中铁】砼岔枕\P60;1/12;30#;专线3399\朔黄段（肃宁站）</t>
  </si>
  <si>
    <t>【内蒙古中铁】砼岔枕\P60;1/12;30#;专线4228\朔黄段（肃宁站）</t>
  </si>
  <si>
    <t>【内蒙古中铁】砼岔枕\P60;1/12;32#;专线3399\朔黄段（肃宁站）</t>
  </si>
  <si>
    <t>【内蒙古中铁】砼岔枕\P60;1/12;34#;专线3399\朔黄段（肃宁站）</t>
  </si>
  <si>
    <t>【内蒙古中铁】砼岔枕\P60;1/12;36#;SC350\朔黄段（肃宁站）</t>
  </si>
  <si>
    <t>【内蒙古中铁】砼岔枕\P60;1/12;37#;专线3399\朔黄段（肃宁站）</t>
  </si>
  <si>
    <t>【内蒙古中铁】砼岔枕\P60;1/12;40#;专线3399\朔黄段（肃宁站）</t>
  </si>
  <si>
    <t>【内蒙古中铁】砼岔枕\P60;1/12;41#;专线3399\朔黄段（肃宁站）</t>
  </si>
  <si>
    <t>【内蒙古中铁】砼岔枕\P60;1/12;42#;专线3399\朔黄段（肃宁站）</t>
  </si>
  <si>
    <t>【内蒙古中铁】砼岔枕\P60;1/12;43#;专线3399\朔黄段（肃宁站）</t>
  </si>
  <si>
    <t>【内蒙古中铁】砼岔枕\P60;1/12;49#;SC330-500\朔黄段（肃宁站）</t>
  </si>
  <si>
    <t>【内蒙古中铁】砼岔枕\P60;1/12;51#;专线3399\朔黄段（肃宁站）</t>
  </si>
  <si>
    <t>【内蒙古中铁】砼岔枕\P60;1/12;52#;专线3399\朔黄段（肃宁站）</t>
  </si>
  <si>
    <t>【内蒙古中铁】砼岔枕\P60;1/12;53#;SC330-500\朔黄段（肃宁站）</t>
  </si>
  <si>
    <t>【内蒙古中铁】砼岔枕\P60;1/12;53#;专线3399\朔黄段（肃宁站）</t>
  </si>
  <si>
    <t>【内蒙古中铁】砼岔枕\P60;1/12;53#;专线4228\朔黄段（肃宁站）</t>
  </si>
  <si>
    <t>【内蒙古中铁】砼岔枕\P60;1/12;54#;SC330\朔黄段（肃宁站）</t>
  </si>
  <si>
    <t>【内蒙古中铁】砼岔枕\P60;1/12;54#;专线3399\朔黄段（肃宁站）</t>
  </si>
  <si>
    <t>【内蒙古中铁】砼岔枕\P60;1/12;55#;专线3399\朔黄段（肃宁站）</t>
  </si>
  <si>
    <t>【内蒙古中铁】砼岔枕\P60;1/12;56#;专线3399\朔黄段（肃宁站）</t>
  </si>
  <si>
    <t>【内蒙古中铁】砼岔枕\P60;1/12;57#;专线3399\朔黄段（肃宁站）</t>
  </si>
  <si>
    <t>【内蒙古中铁】砼岔枕\P60;1/12;57#;专线4228\朔黄段（肃宁站）</t>
  </si>
  <si>
    <t>【内蒙古中铁】砼岔枕\P60;1/12;58#;专线3399\朔黄段（肃宁站）</t>
  </si>
  <si>
    <t>【内蒙古中铁】砼岔枕\P60;1/12;59#;专线3399\朔黄段（肃宁站）</t>
  </si>
  <si>
    <t>【内蒙古中铁】砼岔枕\P60;1/12;60#;专线3399\朔黄段（肃宁站）</t>
  </si>
  <si>
    <t>【内蒙古中铁】砼岔枕\P60;1/12;61#;专线3399\朔黄段（肃宁站）</t>
  </si>
  <si>
    <t>【内蒙古中铁】砼岔枕\P60;1/12;62#;专线3399\朔黄段（肃宁站）</t>
  </si>
  <si>
    <t>【内蒙古中铁】砼岔枕\P60;1/12;63#;SC330-500\朔黄段（肃宁站）</t>
  </si>
  <si>
    <t>【内蒙古中铁】砼岔枕\P60;1/12;63#;SC340\朔黄段（肃宁站）</t>
  </si>
  <si>
    <t>【内蒙古中铁】砼岔枕\P60;1/12;63#;专线3399\朔黄段（肃宁站）</t>
  </si>
  <si>
    <t>【内蒙古中铁】砼岔枕\P60;1/12;63#;专线3402\朔黄段（肃宁站）</t>
  </si>
  <si>
    <t>【内蒙古中铁】砼岔枕\P60;1/12;63#;专线4228\朔黄段（肃宁站）</t>
  </si>
  <si>
    <t>【内蒙古中铁】砼岔枕\P60;1/12;63Z#;SC341-500\朔黄段（肃宁站）</t>
  </si>
  <si>
    <t>【内蒙古中铁】砼岔枕\P60;1/12;64#;SC330\朔黄段（肃宁站）</t>
  </si>
  <si>
    <t>【内蒙古中铁】砼岔枕\P60;1/12;64#;SC340\朔黄段（肃宁站）</t>
  </si>
  <si>
    <t>【内蒙古中铁】砼岔枕\P60;1/12;64#;专线3399\朔黄段（肃宁站）</t>
  </si>
  <si>
    <t>【内蒙古中铁】砼岔枕\P60;1/12;64#;专线3402\朔黄段（肃宁站）</t>
  </si>
  <si>
    <t>【内蒙古中铁】砼岔枕\P60;1/12;64Z#;SC341-500\朔黄段（肃宁站）</t>
  </si>
  <si>
    <t>【内蒙古中铁】砼岔枕\P60;1/12;65#;交渡;SC340C\朔黄段（肃宁站）</t>
  </si>
  <si>
    <t>【内蒙古中铁】砼岔枕\P60;1/12;65#;专线3399\朔黄段（肃宁站）</t>
  </si>
  <si>
    <t>【内蒙古中铁】砼岔枕\P60;1/12;66#;专线3399\朔黄段（肃宁站）</t>
  </si>
  <si>
    <t>【内蒙古中铁】砼岔枕\P60;1/12;67#;专线3399\朔黄段（肃宁站）</t>
  </si>
  <si>
    <t>【内蒙古中铁】砼岔枕\P60;1/12;68#;专线3399\朔黄段（肃宁站）</t>
  </si>
  <si>
    <t>【内蒙古中铁】砼岔枕\P60;1/12;69#;专线3399\朔黄段（肃宁站）</t>
  </si>
  <si>
    <t>【内蒙古中铁】砼岔枕\P60;1/12;73#;专线3402\朔黄段（肃宁站）</t>
  </si>
  <si>
    <t>【内蒙古中铁】砼岔枕\P60;1/12;74#;专线3402\朔黄段（肃宁站）</t>
  </si>
  <si>
    <t>【内蒙古中铁】砼岔枕\P60;1/18;21#;专线3386\朔黄段（肃宁站）</t>
  </si>
  <si>
    <t>【内蒙古中铁】砼岔枕\P60;1/18;32#;专线3386\朔黄段（肃宁站）</t>
  </si>
  <si>
    <t>【内蒙古中铁】砼岔枕\P60;1/18;33#;专线3386\朔黄段（肃宁站）</t>
  </si>
  <si>
    <t>【内蒙古中铁】砼岔枕\P60;1/18;34#;专线3386\朔黄段（肃宁站）</t>
  </si>
  <si>
    <t>【内蒙古中铁】砼岔枕\P60;1/18;71#;专线3386\朔黄段（肃宁站）</t>
  </si>
  <si>
    <t>【内蒙古中铁】砼岔枕\P60;1/18;72#;专线3386\朔黄段（肃宁站）</t>
  </si>
  <si>
    <t>【内蒙古中铁】砼岔枕\P60;1/9;34#;交渡;SC392C\朔黄段（肃宁站）</t>
  </si>
  <si>
    <t>【内蒙古中铁】砼岔枕\P60;1/9;42#;专线(03)3366\朔黄段（肃宁站）</t>
  </si>
  <si>
    <t>【内蒙古中铁】砼岔枕\P60;1/9;43#;专线(03)3366\朔黄段（肃宁站）</t>
  </si>
  <si>
    <t>【内蒙古中铁】砼岔枕\P60;1/9;49#;SC390\朔黄段（肃宁站）</t>
  </si>
  <si>
    <t>【内蒙古中铁】砼岔枕\P60;1/9;49#;专线(03)3366\朔黄段（肃宁站）</t>
  </si>
  <si>
    <t>【内蒙古中铁】砼岔枕\P60;1/9;5#;SC390\朔黄段（肃宁站）</t>
  </si>
  <si>
    <t>【内蒙古中铁】砼岔枕\P60;1/9;50#;SC390\朔黄段（肃宁站）</t>
  </si>
  <si>
    <t>【内蒙古中铁】砼岔枕\P60;1/9;54#;专线(03)3366\朔黄段（肃宁站）</t>
  </si>
  <si>
    <t>【内蒙古中铁】砼岔枕\P60;1/9;6#;SC390\朔黄段（肃宁站）</t>
  </si>
  <si>
    <t>【内蒙古中铁】砼岔枕\P60;1/9;7#;SC390\朔黄段（肃宁站）</t>
  </si>
  <si>
    <t>【内蒙古中铁】砼岔枕\P60;1/9;8#;SC390\朔黄段（肃宁站）</t>
  </si>
  <si>
    <t>【内蒙古中铁】砼岔枕\P60;1/9;9#;SC390\朔黄段（肃宁站）</t>
  </si>
  <si>
    <t>【内蒙古中铁】砼岔枕\P60;1/9;交渡12#;CZ581Z\朔黄段（肃宁站）</t>
  </si>
  <si>
    <t>【内蒙古中铁】砼岔枕\P60;1/9;交渡16#;CZ581Z\朔黄段（肃宁站）</t>
  </si>
  <si>
    <t>【内蒙古中铁】砼岔枕\P60;1/9;交渡22#;CZ580Z\朔黄段（肃宁站）</t>
  </si>
  <si>
    <t>【内蒙古中铁】砼岔枕\P60;1/9;交渡23#;CZ581Z\朔黄段（肃宁站）</t>
  </si>
  <si>
    <t>【内蒙古中铁】砼岔枕\P60;1/9;交渡24#;CZ581Z\朔黄段（肃宁站）</t>
  </si>
  <si>
    <t>【内蒙古中铁】砼岔枕\P60;1/9;交渡25#;CZ581Z\朔黄段（肃宁站）</t>
  </si>
  <si>
    <t>【内蒙古中铁】砼岔枕\P60;1/9;交渡40#;CZ580Z\朔黄段（肃宁站）</t>
  </si>
  <si>
    <t>【内蒙古中铁】砼岔枕\P60;1/9;交渡44#;CZ581Z\朔黄段（肃宁站）</t>
  </si>
  <si>
    <t>【内蒙古中铁】砼岔枕\P60;1/9;交渡49#;CZ581Z\朔黄段（肃宁站）</t>
  </si>
  <si>
    <t>【内蒙古中铁】砼岔枕\P60;1/9;交渡50#;CZ581Z\朔黄段（肃宁站）</t>
  </si>
  <si>
    <t>【内蒙古中铁】砼岔枕\P75;1/12;1#;SC559-500\朔黄段（肃宁站）</t>
  </si>
  <si>
    <t>【内蒙古中铁】砼岔枕\P75;1/12;2#;SC559-500\朔黄段（肃宁站）</t>
  </si>
  <si>
    <t>【内蒙古中铁】砼岔枕\P75;1/12;25#;SC559-500\朔黄段（肃宁站）</t>
  </si>
  <si>
    <t>【内蒙古中铁】砼岔枕\P75;1/12;26#;SC559-500\朔黄段（肃宁站）</t>
  </si>
  <si>
    <t>【内蒙古中铁】砼岔枕\P75;1/12;27#;SC559-500\朔黄段（肃宁站）</t>
  </si>
  <si>
    <t>【内蒙古中铁】砼岔枕\P75;1/12;28#;SC559-500\朔黄段（肃宁站）</t>
  </si>
  <si>
    <t>【内蒙古中铁】砼岔枕\P75;1/12;29#;SC559-500\朔黄段（肃宁站）</t>
  </si>
  <si>
    <t>【内蒙古中铁】砼岔枕\P75;1/12;3#;SC559-500\朔黄段（肃宁站）</t>
  </si>
  <si>
    <t>【内蒙古中铁】砼岔枕\P75;1/12;30#;SC559-500\朔黄段（肃宁站）</t>
  </si>
  <si>
    <t>【内蒙古中铁】砼岔枕\P75;1/12;31#;SC559-500\朔黄段（肃宁站）</t>
  </si>
  <si>
    <t>【内蒙古中铁】砼岔枕\P75;1/12;39#;SC559-500\朔黄段（肃宁站）</t>
  </si>
  <si>
    <t>【内蒙古中铁】砼岔枕\P75;1/12;40#;SC559-500\朔黄段（肃宁站）</t>
  </si>
  <si>
    <t>【内蒙古中铁】砼岔枕\P75;1/12;5.3m交渡;CZ716\朔黄段（肃宁站）</t>
  </si>
  <si>
    <t>【内蒙古中铁】砼岔枕\P75;1/12;50#;SC559-500\朔黄段（肃宁站）</t>
  </si>
  <si>
    <t>【内蒙古中铁】砼岔枕\P75;1/12;51#;SC559-500\朔黄段（肃宁站）</t>
  </si>
  <si>
    <t>【内蒙古中铁】砼岔枕\P75;1/12;52#;SC559-500\朔黄段（肃宁站）</t>
  </si>
  <si>
    <t>【内蒙古中铁】砼岔枕\P75;1/12;53#;SC559-500\朔黄段（肃宁站）</t>
  </si>
  <si>
    <t>【内蒙古中铁】砼岔枕\P75;1/12;54#;SC559-500\朔黄段（肃宁站）</t>
  </si>
  <si>
    <t>【内蒙古中铁】砼岔枕\P75;1/12;55#;SC559-500\朔黄段（肃宁站）</t>
  </si>
  <si>
    <t>【内蒙古中铁】砼岔枕\P75;1/12;56#;SC559-500\朔黄段（肃宁站）</t>
  </si>
  <si>
    <t>【内蒙古中铁】砼岔枕\P75;1/12;60#;SC559-500\朔黄段（肃宁站）</t>
  </si>
  <si>
    <t>【内蒙古中铁】砼岔枕\P75;1/12;61#;SC559-500\朔黄段（肃宁站）</t>
  </si>
  <si>
    <t>【内蒙古中铁】砼岔枕\P75;1/12;62#;SC559-500\朔黄段（肃宁站）</t>
  </si>
  <si>
    <t>【内蒙古中铁】砼岔枕\P75;1/12;63#;SC559-500\朔黄段（肃宁站）</t>
  </si>
  <si>
    <t>【内蒙古中铁】砼岔枕\P75;1/12;64#;SC559-500\朔黄段（肃宁站）</t>
  </si>
  <si>
    <t>【内蒙古中铁】砼岔枕\P75;1/12;65#;SC559-500\朔黄段（肃宁站）</t>
  </si>
  <si>
    <t>【内蒙古中铁】砼岔枕\P75;1/12;66#;SC559-500\朔黄段（肃宁站）</t>
  </si>
  <si>
    <t>【内蒙古中铁】砼岔枕\P75;1/12;67#;SC559-500\朔黄段（肃宁站）</t>
  </si>
  <si>
    <t>【内蒙古中铁】砼岔枕\P75;1/12;68#;SC559-500\朔黄段（肃宁站）</t>
  </si>
  <si>
    <t>【内蒙古中铁】砼岔枕\P75;1/12;80#;SC559-500\朔黄段（肃宁站）</t>
  </si>
  <si>
    <t>【内蒙古中铁】砼岔枕\P75;1/12;81#;SC559-500\朔黄段（肃宁站）</t>
  </si>
  <si>
    <t>【内蒙古中铁】砼岔枕\P75;1/12;单开;专线4228\朔黄段（肃宁站）</t>
  </si>
  <si>
    <t>【内蒙古中铁】砼桥枕\ⅡZQ-C型0#\朔黄段（肃宁站）</t>
  </si>
  <si>
    <t>【内蒙古中铁】砼桥枕\Ⅲ型\朔黄段（肃宁站）</t>
  </si>
  <si>
    <t>【内蒙古中铁】砼桥枕\梭头;新Ⅲ型;1#\朔黄段（肃宁站）</t>
  </si>
  <si>
    <t>【内蒙古中铁】砼桥枕\梭头;新Ⅲ型;2#\朔黄段（肃宁站）</t>
  </si>
  <si>
    <t>【内蒙古中铁】砼桥枕\梭头;新Ⅲ型;3#\朔黄段（肃宁站）</t>
  </si>
  <si>
    <t>【内蒙古中铁】砼桥枕\梭头;新Ⅲ型;4#\朔黄段（肃宁站）</t>
  </si>
  <si>
    <t>【内蒙古中铁】砼桥枕\新Ⅲ型\朔黄段（肃宁站）</t>
  </si>
  <si>
    <t>【内蒙古中铁】砼桥枕\专线3448;弹性;新Ⅲ型\朔黄段（肃宁站）</t>
  </si>
  <si>
    <t>【内蒙古中铁】砼桥枕\专线3448;弹性;新Ⅲ型;1#\朔黄段（肃宁站）</t>
  </si>
  <si>
    <t>【内蒙古中铁】砼桥枕\专线3448;弹性;新Ⅲ型;2#\朔黄段（肃宁站）</t>
  </si>
  <si>
    <t>【内蒙古中铁】砼桥枕\专线3448;弹性;新Ⅲ型;3#\朔黄段（肃宁站）</t>
  </si>
  <si>
    <t>【内蒙古中铁】砼桥枕\专线3448;弹性;新Ⅲ型;4#\朔黄段（肃宁站）</t>
  </si>
  <si>
    <t>【内蒙古中铁】砼枕\X-Ⅱ型\朔黄段（肃宁站）</t>
  </si>
  <si>
    <t>【内蒙古中铁】砼枕\YⅡ-F\朔黄段（肃宁站）</t>
  </si>
  <si>
    <t>【内蒙古中铁】砼枕\弹性;ⅢA型\朔黄段（肃宁站）</t>
  </si>
  <si>
    <t>【内蒙古中铁】砼枕\专线3393;ⅢA型\朔黄段（肃宁站）</t>
  </si>
  <si>
    <t>【中铁房桥】成组砼岔枕\P50;1/12;5.0m交渡;专线(03)3424\包神段（朱盖塔站_神木北站）</t>
  </si>
  <si>
    <t>GNWZBP(TH)ZECG2020-210</t>
  </si>
  <si>
    <t>国家能源e购商城中铁房桥轨枕配件铺货采购合同-包神段（朱盖塔站—神木北站）</t>
  </si>
  <si>
    <t>【中铁房桥】成组砼岔枕\P50;1/12;单开;专线(01)3423\包神段（朱盖塔站_神木北站）</t>
  </si>
  <si>
    <t>【中铁房桥】成组砼岔枕\P50;1/12;复交;CZ2220Z\包神段（朱盖塔站_神木北站）</t>
  </si>
  <si>
    <t>【中铁房桥】成组砼岔枕\P50;1/12;专线3355\包神段（朱盖塔站_神木北站）</t>
  </si>
  <si>
    <t>【中铁房桥】成组砼岔枕\P50;1/12;专线4257\包神段（朱盖塔站_神木北站）</t>
  </si>
  <si>
    <t>【中铁房桥】成组砼岔枕\P50;1/6;5.0m交渡;SC432-500\包神段（朱盖塔站_神木北站）</t>
  </si>
  <si>
    <t>【中铁房桥】成组砼岔枕\P50;1/6;对称;SC384\包神段（朱盖塔站_神木北站）</t>
  </si>
  <si>
    <t>【中铁房桥】成组砼岔枕\P50;1/6;对称;右开;SC384-500\包神段（朱盖塔站_神木北站）</t>
  </si>
  <si>
    <t>【中铁房桥】成组砼岔枕\P50;1/6;对称;左开;SC384-500\包神段（朱盖塔站_神木北站）</t>
  </si>
  <si>
    <t>【中铁房桥】成组砼岔枕\P50;1/9;5.0m交渡;CZ2210\包神段（朱盖塔站_神木北站）</t>
  </si>
  <si>
    <t>【中铁房桥】成组砼岔枕\P50;1/9;5.0m交渡;SC580\包神段（朱盖塔站_神木北站）</t>
  </si>
  <si>
    <t>【中铁房桥】成组砼岔枕\P50;1/9;5.0m交渡;专线(02)3428\包神段（朱盖塔站_神木北站）</t>
  </si>
  <si>
    <t>【中铁房桥】成组砼岔枕\P50;1/9;5.0m交渡;专线(02)7663\包神段（朱盖塔站_神木北站）</t>
  </si>
  <si>
    <t>【中铁房桥】成组砼岔枕\P50;1/9;CZ2209A\包神段（朱盖塔站_神木北站）</t>
  </si>
  <si>
    <t>【中铁房桥】成组砼岔枕\P50;1/9;单开;CZ2209Z\包神段（朱盖塔站_神木北站）</t>
  </si>
  <si>
    <t>【中铁房桥】成组砼岔枕\P50;1/9;单开;专线(03)3281\包神段（朱盖塔站_神木北站）</t>
  </si>
  <si>
    <t>【中铁房桥】成组砼岔枕\P50;1/9;复交;CZ2214Z\包神段（朱盖塔站_神木北站）</t>
  </si>
  <si>
    <t>【中铁房桥】成组砼岔枕\P50;1/9;复交;专线(04)3443\包神段（朱盖塔站_神木北站）</t>
  </si>
  <si>
    <t>【中铁房桥】成组砼岔枕\P50;1/9;交渡;CZ2213Z\包神段（朱盖塔站_神木北站）</t>
  </si>
  <si>
    <t>【中铁房桥】成组砼岔枕\P50;1/9;交渡;SC571-1101\包神段（朱盖塔站_神木北站）</t>
  </si>
  <si>
    <t>【中铁房桥】成组砼岔枕\P50;1/9;交渡;专线(03)3431\包神段（朱盖塔站_神木北站）</t>
  </si>
  <si>
    <t>【中铁房桥】成组砼岔枕\P60;1/12;5.5m交渡;SC342-500\包神段（朱盖塔站_神木北站）</t>
  </si>
  <si>
    <t>【中铁房桥】成组砼岔枕\P60;1/12;6.5m交渡;专线3413\包神段（朱盖塔站_神木北站）</t>
  </si>
  <si>
    <t>【中铁房桥】成组砼岔枕\P60;1/12;单开;SC330-500\包神段（朱盖塔站_神木北站）</t>
  </si>
  <si>
    <t>【中铁房桥】成组砼岔枕\P60;1/12;渡线;专线3402;Ⅲ型\包神段（朱盖塔站_神木北站）</t>
  </si>
  <si>
    <t>【中铁房桥】成组砼岔枕\P60;1/12;复交;SC350\包神段（朱盖塔站_神木北站）</t>
  </si>
  <si>
    <t>【中铁房桥】成组砼岔枕\P60;1/12;交渡;SC340-500\包神段（朱盖塔站_神木北站）</t>
  </si>
  <si>
    <t>【中铁房桥】成组砼岔枕\P60;1/12;交渡;SC342-500\包神段（朱盖塔站_神木北站）</t>
  </si>
  <si>
    <t>【中铁房桥】成组砼岔枕\P60;1/12;砼;单开;专线4249\包神段（朱盖塔站_神木北站）</t>
  </si>
  <si>
    <t>【中铁房桥】成组砼岔枕\P60;1/12;专线3399;Ⅲ型\包神段（朱盖塔站_神木北站）</t>
  </si>
  <si>
    <t>【中铁房桥】成组砼岔枕\P60;1/18;单开;GLC(07)02-300\包神段（朱盖塔站_神木北站）</t>
  </si>
  <si>
    <t>【中铁房桥】成组砼岔枕\P60;1/18;单开;GLC(09)05-300\包神段（朱盖塔站_神木北站）</t>
  </si>
  <si>
    <t>【中铁房桥】成组砼岔枕\P60;1/9;5.0m组合;SC(07)460-1108\包神段（朱盖塔站_神木北站）</t>
  </si>
  <si>
    <t>【中铁房桥】成组砼岔枕\P60;1/9;5.0m组合;SC(07)460-1204\包神段（朱盖塔站_神木北站）</t>
  </si>
  <si>
    <t>【中铁房桥】成组砼岔枕\P60;1/9;5.0m组合;SC(07)460-1208\包神段（朱盖塔站_神木北站）</t>
  </si>
  <si>
    <t>【中铁房桥】成组砼岔枕\P60;1/9;5.0m组合;SC(07)460-1211\包神段（朱盖塔站_神木北站）</t>
  </si>
  <si>
    <t>【中铁房桥】成组砼岔枕\P60;1/9;5.3m交渡;CZ581Z\包神段（朱盖塔站_神木北站）</t>
  </si>
  <si>
    <t>【中铁房桥】成组砼岔枕\P60;1/9;单开;CZ577Z\包神段（朱盖塔站_神木北站）</t>
  </si>
  <si>
    <t>【中铁房桥】成组砼岔枕\P60;1/9;单开;专线(03)3366\包神段（朱盖塔站_神木北站）</t>
  </si>
  <si>
    <t>【中铁房桥】成组砼岔枕\P60;1/9;复交;SC450-500\包神段（朱盖塔站_神木北站）</t>
  </si>
  <si>
    <t>【中铁房桥】成组砼岔枕\P60;1/9;复式交分;CZ2504Z\包神段（朱盖塔站_神木北站）</t>
  </si>
  <si>
    <t>【中铁房桥】成组砼岔枕\P60;1/9;交渡;CZ580Z\包神段（朱盖塔站_神木北站）</t>
  </si>
  <si>
    <t>【中铁房桥】成组砼岔枕\P60;1/9;交渡;CZ582Z\包神段（朱盖塔站_神木北站）</t>
  </si>
  <si>
    <t>【中铁房桥】成组砼岔枕\P60;1/9;交渡;CZ583Z\包神段（朱盖塔站_神木北站）</t>
  </si>
  <si>
    <t>【中铁房桥】成组砼岔枕\P60;1/9;专线3366;右开\包神段（朱盖塔站_神木北站）</t>
  </si>
  <si>
    <t>【中铁房桥】成组砼岔枕\P60;1/9;专线3366;左开\包神段（朱盖塔站_神木北站）</t>
  </si>
  <si>
    <t>【中铁房桥】成组砼岔枕\P75;1/12;SC381-500\包神段（朱盖塔站_神木北站）</t>
  </si>
  <si>
    <t>【中铁房桥】成组砼岔枕\P75;1/12;SC443-500;交渡\包神段（朱盖塔站_神木北站）</t>
  </si>
  <si>
    <t>【中铁房桥】成组砼岔枕\P75;1/12;单开;SC559-500\包神段（朱盖塔站_神木北站）</t>
  </si>
  <si>
    <t>【中铁房桥】成组砼岔枕\P75;1/12;单开;研线1116-400\包神段（朱盖塔站_神木北站）</t>
  </si>
  <si>
    <t>【中铁房桥】成组砼岔枕\P75;1/12;交渡;SC444\包神段（朱盖塔站_神木北站）</t>
  </si>
  <si>
    <t>【中铁房桥】成组砼岔枕\P75;1/18;单开;SC488-500\包神段（朱盖塔站_神木北站）</t>
  </si>
  <si>
    <t>【中铁房桥】成组砼岔枕\P75;1/9;5.0m交渡;SC551\包神段（朱盖塔站_神木北站）</t>
  </si>
  <si>
    <t>【中铁房桥】电气绝缘枕\ⅢaZ型\包神段（朱盖塔站_神木北站）</t>
  </si>
  <si>
    <t>【中铁房桥】电容枕\ⅢA型/ⅢAD\包神段（朱盖塔站_神木北站）</t>
  </si>
  <si>
    <t>【中铁房桥】电容枕\新Ⅱ型/XⅡD\包神段（朱盖塔站_神木北站）</t>
  </si>
  <si>
    <t>【中铁房桥】电容枕\新Ⅱ型;2500mm;研线0308-1\包神段（朱盖塔站_神木北站）</t>
  </si>
  <si>
    <t>【中铁房桥】电容枕\新Ⅲ型桥枕;2600mm;研线0308-1\包神段（朱盖塔站_神木北站）</t>
  </si>
  <si>
    <t>【中铁房桥】砼岔枕\P50;1/12;13#;专线(01)3423\包神段（朱盖塔站_神木北站）</t>
  </si>
  <si>
    <t>【中铁房桥】砼岔枕\P50;1/12;21#;专线(01)3423\包神段（朱盖塔站_神木北站）</t>
  </si>
  <si>
    <t>【中铁房桥】砼岔枕\P50;1/12;5#;专线3355\包神段（朱盖塔站_神木北站）</t>
  </si>
  <si>
    <t>【中铁房桥】砼岔枕\P50;1/12;58#;专线3355\包神段（朱盖塔站_神木北站）</t>
  </si>
  <si>
    <t>【中铁房桥】砼岔枕\P50;1/9;20#;专线(03)3281\包神段（朱盖塔站_神木北站）</t>
  </si>
  <si>
    <t>【中铁房桥】砼岔枕\P50;1/9;3#;CZ2209\包神段（朱盖塔站_神木北站）</t>
  </si>
  <si>
    <t>【中铁房桥】砼岔枕\P50;1/9;39#;专线(03)3281\包神段（朱盖塔站_神木北站）</t>
  </si>
  <si>
    <t>【中铁房桥】砼岔枕\P50;1/9;48#;专线(03)3281\包神段（朱盖塔站_神木北站）</t>
  </si>
  <si>
    <t>【中铁房桥】砼岔枕\P50;1/9;49#;专线(03)3281\包神段（朱盖塔站_神木北站）</t>
  </si>
  <si>
    <t>【中铁房桥】砼岔枕\P50;1/9;52#;专线(03)3281\包神段（朱盖塔站_神木北站）</t>
  </si>
  <si>
    <t>【中铁房桥】砼岔枕\P50;1/9;单开31#;专线(03)3281\包神段（朱盖塔站_神木北站）</t>
  </si>
  <si>
    <t>【中铁房桥】砼岔枕\P50;1/9;单开32#;专线(03)3281\包神段（朱盖塔站_神木北站）</t>
  </si>
  <si>
    <t>【中铁房桥】砼岔枕\P50;1/9;单开33#;专线(03)3281\包神段（朱盖塔站_神木北站）</t>
  </si>
  <si>
    <t>【中铁房桥】砼岔枕\P50;1/9;单开34#;专线(03)3281\包神段（朱盖塔站_神木北站）</t>
  </si>
  <si>
    <t>【中铁房桥】砼岔枕\P50;1/9;单开35#;专线(03)3281\包神段（朱盖塔站_神木北站）</t>
  </si>
  <si>
    <t>【中铁房桥】砼岔枕\P50;1/9;单开36#;专线(03)3281\包神段（朱盖塔站_神木北站）</t>
  </si>
  <si>
    <t>【中铁房桥】砼岔枕\P50;1/9;单开37#;专线(03)3281\包神段（朱盖塔站_神木北站）</t>
  </si>
  <si>
    <t>【中铁房桥】砼岔枕\P60;1/12;1#;SC330-500\包神段（朱盖塔站_神木北站）</t>
  </si>
  <si>
    <t>【中铁房桥】砼岔枕\P60;1/12;1#;专线3399\包神段（朱盖塔站_神木北站）</t>
  </si>
  <si>
    <t>【中铁房桥】砼岔枕\P60;1/12;10#;专线3399\包神段（朱盖塔站_神木北站）</t>
  </si>
  <si>
    <t>【中铁房桥】砼岔枕\P60;1/12;11#;专线3399\包神段（朱盖塔站_神木北站）</t>
  </si>
  <si>
    <t>【中铁房桥】砼岔枕\P60;1/12;12#;专线3399\包神段（朱盖塔站_神木北站）</t>
  </si>
  <si>
    <t>【中铁房桥】砼岔枕\P60;1/12;13#;专线3399\包神段（朱盖塔站_神木北站）</t>
  </si>
  <si>
    <t>【中铁房桥】砼岔枕\P60;1/12;14#;专线3399\包神段（朱盖塔站_神木北站）</t>
  </si>
  <si>
    <t>【中铁房桥】砼岔枕\P60;1/12;15#;专线3399\包神段（朱盖塔站_神木北站）</t>
  </si>
  <si>
    <t>【中铁房桥】砼岔枕\P60;1/12;16#;专线3399\包神段（朱盖塔站_神木北站）</t>
  </si>
  <si>
    <t>【中铁房桥】砼岔枕\P60;1/12;17#;专线3399\包神段（朱盖塔站_神木北站）</t>
  </si>
  <si>
    <t>【中铁房桥】砼岔枕\P60;1/12;18#;专线3399\包神段（朱盖塔站_神木北站）</t>
  </si>
  <si>
    <t>【中铁房桥】砼岔枕\P60;1/12;19#;专线3399\包神段（朱盖塔站_神木北站）</t>
  </si>
  <si>
    <t>【中铁房桥】砼岔枕\P60;1/12;2#;专线3399\包神段（朱盖塔站_神木北站）</t>
  </si>
  <si>
    <t>【中铁房桥】砼岔枕\P60;1/12;23#;专线3399\包神段（朱盖塔站_神木北站）</t>
  </si>
  <si>
    <t>【中铁房桥】砼岔枕\P60;1/12;24#;专线3399\包神段（朱盖塔站_神木北站）</t>
  </si>
  <si>
    <t>【中铁房桥】砼岔枕\P60;1/12;25#;SC330-500\包神段（朱盖塔站_神木北站）</t>
  </si>
  <si>
    <t>【中铁房桥】砼岔枕\P60;1/12;25#;SC350\包神段（朱盖塔站_神木北站）</t>
  </si>
  <si>
    <t>【中铁房桥】砼岔枕\P60;1/12;25#;专线3399\包神段（朱盖塔站_神木北站）</t>
  </si>
  <si>
    <t>【中铁房桥】砼岔枕\P60;1/12;26#;SC330-500\包神段（朱盖塔站_神木北站）</t>
  </si>
  <si>
    <t>【中铁房桥】砼岔枕\P60;1/12;26#;SC350\包神段（朱盖塔站_神木北站）</t>
  </si>
  <si>
    <t>【中铁房桥】砼岔枕\P60;1/12;26#;专线3399\包神段（朱盖塔站_神木北站）</t>
  </si>
  <si>
    <t>【中铁房桥】砼岔枕\P60;1/12;27#;SC330-500\包神段（朱盖塔站_神木北站）</t>
  </si>
  <si>
    <t>【中铁房桥】砼岔枕\P60;1/12;27#;专线3399\包神段（朱盖塔站_神木北站）</t>
  </si>
  <si>
    <t>【中铁房桥】砼岔枕\P60;1/12;28#;SC330-500\包神段（朱盖塔站_神木北站）</t>
  </si>
  <si>
    <t>【中铁房桥】砼岔枕\P60;1/12;28#;专线3399\包神段（朱盖塔站_神木北站）</t>
  </si>
  <si>
    <t>【中铁房桥】砼岔枕\P60;1/12;28#;专线4228\包神段（朱盖塔站_神木北站）</t>
  </si>
  <si>
    <t>【中铁房桥】砼岔枕\P60;1/12;29#;SC330-500\包神段（朱盖塔站_神木北站）</t>
  </si>
  <si>
    <t>【中铁房桥】砼岔枕\P60;1/12;29#;专线3399\包神段（朱盖塔站_神木北站）</t>
  </si>
  <si>
    <t>【中铁房桥】砼岔枕\P60;1/12;30#;专线3399\包神段（朱盖塔站_神木北站）</t>
  </si>
  <si>
    <t>【中铁房桥】砼岔枕\P60;1/12;30#;专线4228\包神段（朱盖塔站_神木北站）</t>
  </si>
  <si>
    <t>【中铁房桥】砼岔枕\P60;1/12;32#;专线3399\包神段（朱盖塔站_神木北站）</t>
  </si>
  <si>
    <t>【中铁房桥】砼岔枕\P60;1/12;34#;专线3399\包神段（朱盖塔站_神木北站）</t>
  </si>
  <si>
    <t>【中铁房桥】砼岔枕\P60;1/12;36#;SC350\包神段（朱盖塔站_神木北站）</t>
  </si>
  <si>
    <t>【中铁房桥】砼岔枕\P60;1/12;37#;专线3399\包神段（朱盖塔站_神木北站）</t>
  </si>
  <si>
    <t>【中铁房桥】砼岔枕\P60;1/12;40#;专线3399\包神段（朱盖塔站_神木北站）</t>
  </si>
  <si>
    <t>【中铁房桥】砼岔枕\P60;1/12;41#;专线3399\包神段（朱盖塔站_神木北站）</t>
  </si>
  <si>
    <t>【中铁房桥】砼岔枕\P60;1/12;42#;专线3399\包神段（朱盖塔站_神木北站）</t>
  </si>
  <si>
    <t>【中铁房桥】砼岔枕\P60;1/12;43#;专线3399\包神段（朱盖塔站_神木北站）</t>
  </si>
  <si>
    <t>【中铁房桥】砼岔枕\P60;1/12;49#;SC330-500\包神段（朱盖塔站_神木北站）</t>
  </si>
  <si>
    <t>【中铁房桥】砼岔枕\P60;1/12;51#;专线3399\包神段（朱盖塔站_神木北站）</t>
  </si>
  <si>
    <t>【中铁房桥】砼岔枕\P60;1/12;52#;专线3399\包神段（朱盖塔站_神木北站）</t>
  </si>
  <si>
    <t>【中铁房桥】砼岔枕\P60;1/12;53#;SC330-500\包神段（朱盖塔站_神木北站）</t>
  </si>
  <si>
    <t>【中铁房桥】砼岔枕\P60;1/12;53#;专线3399\包神段（朱盖塔站_神木北站）</t>
  </si>
  <si>
    <t>【中铁房桥】砼岔枕\P60;1/12;53#;专线4228\包神段（朱盖塔站_神木北站）</t>
  </si>
  <si>
    <t>【中铁房桥】砼岔枕\P60;1/12;54#;SC330\包神段（朱盖塔站_神木北站）</t>
  </si>
  <si>
    <t>【中铁房桥】砼岔枕\P60;1/12;54#;专线3399\包神段（朱盖塔站_神木北站）</t>
  </si>
  <si>
    <t>【中铁房桥】砼岔枕\P60;1/12;55#;专线3399\包神段（朱盖塔站_神木北站）</t>
  </si>
  <si>
    <t>【中铁房桥】砼岔枕\P60;1/12;56#;专线3399\包神段（朱盖塔站_神木北站）</t>
  </si>
  <si>
    <t>【中铁房桥】砼岔枕\P60;1/12;57#;专线3399\包神段（朱盖塔站_神木北站）</t>
  </si>
  <si>
    <t>【中铁房桥】砼岔枕\P60;1/12;57#;专线4228\包神段（朱盖塔站_神木北站）</t>
  </si>
  <si>
    <t>【中铁房桥】砼岔枕\P60;1/12;58#;专线3399\包神段（朱盖塔站_神木北站）</t>
  </si>
  <si>
    <t>【中铁房桥】砼岔枕\P60;1/12;59#;专线3399\包神段（朱盖塔站_神木北站）</t>
  </si>
  <si>
    <t>【中铁房桥】砼岔枕\P60;1/12;60#;专线3399\包神段（朱盖塔站_神木北站）</t>
  </si>
  <si>
    <t>【中铁房桥】砼岔枕\P60;1/12;61#;专线3399\包神段（朱盖塔站_神木北站）</t>
  </si>
  <si>
    <t>【中铁房桥】砼岔枕\P60;1/12;62#;专线3399\包神段（朱盖塔站_神木北站）</t>
  </si>
  <si>
    <t>【中铁房桥】砼岔枕\P60;1/12;63#;SC330-500\包神段（朱盖塔站_神木北站）</t>
  </si>
  <si>
    <t>【中铁房桥】砼岔枕\P60;1/12;63#;SC340\包神段（朱盖塔站_神木北站）</t>
  </si>
  <si>
    <t>【中铁房桥】砼岔枕\P60;1/12;63#;专线3399\包神段（朱盖塔站_神木北站）</t>
  </si>
  <si>
    <t>【中铁房桥】砼岔枕\P60;1/12;63#;专线3402\包神段（朱盖塔站_神木北站）</t>
  </si>
  <si>
    <t>【中铁房桥】砼岔枕\P60;1/12;63#;专线4228\包神段（朱盖塔站_神木北站）</t>
  </si>
  <si>
    <t>【中铁房桥】砼岔枕\P60;1/12;63Z#;SC341-500\包神段（朱盖塔站_神木北站）</t>
  </si>
  <si>
    <t>【中铁房桥】砼岔枕\P60;1/12;64#;SC330\包神段（朱盖塔站_神木北站）</t>
  </si>
  <si>
    <t>【中铁房桥】砼岔枕\P60;1/12;64#;SC340\包神段（朱盖塔站_神木北站）</t>
  </si>
  <si>
    <t>【中铁房桥】砼岔枕\P60;1/12;64#;专线3399\包神段（朱盖塔站_神木北站）</t>
  </si>
  <si>
    <t>【中铁房桥】砼岔枕\P60;1/12;64#;专线3402\包神段（朱盖塔站_神木北站）</t>
  </si>
  <si>
    <t>【中铁房桥】砼岔枕\P60;1/12;64Z#;SC341-500\包神段（朱盖塔站_神木北站）</t>
  </si>
  <si>
    <t>【中铁房桥】砼岔枕\P60;1/12;65#;交渡;SC340C\包神段（朱盖塔站_神木北站）</t>
  </si>
  <si>
    <t>【中铁房桥】砼岔枕\P60;1/12;65#;专线3399\包神段（朱盖塔站_神木北站）</t>
  </si>
  <si>
    <t>【中铁房桥】砼岔枕\P60;1/12;66#;专线3399\包神段（朱盖塔站_神木北站）</t>
  </si>
  <si>
    <t>【中铁房桥】砼岔枕\P60;1/12;67#;专线3399\包神段（朱盖塔站_神木北站）</t>
  </si>
  <si>
    <t>【中铁房桥】砼岔枕\P60;1/12;68#;专线3399\包神段（朱盖塔站_神木北站）</t>
  </si>
  <si>
    <t>【中铁房桥】砼岔枕\P60;1/12;69#;专线3399\包神段（朱盖塔站_神木北站）</t>
  </si>
  <si>
    <t>【中铁房桥】砼岔枕\P60;1/12;73#;专线3402\包神段（朱盖塔站_神木北站）</t>
  </si>
  <si>
    <t>【中铁房桥】砼岔枕\P60;1/12;74#;专线3402\包神段（朱盖塔站_神木北站）</t>
  </si>
  <si>
    <t>【中铁房桥】砼岔枕\P60;1/18;21#;专线3386\包神段（朱盖塔站_神木北站）</t>
  </si>
  <si>
    <t>【中铁房桥】砼岔枕\P60;1/18;32#;专线3386\包神段（朱盖塔站_神木北站）</t>
  </si>
  <si>
    <t>【中铁房桥】砼岔枕\P60;1/18;33#;专线3386\包神段（朱盖塔站_神木北站）</t>
  </si>
  <si>
    <t>【中铁房桥】砼岔枕\P60;1/18;34#;专线3386\包神段（朱盖塔站_神木北站）</t>
  </si>
  <si>
    <t>【中铁房桥】砼岔枕\P60;1/18;71#;专线3386\包神段（朱盖塔站_神木北站）</t>
  </si>
  <si>
    <t>【中铁房桥】砼岔枕\P60;1/18;72#;专线3386\包神段（朱盖塔站_神木北站）</t>
  </si>
  <si>
    <t>【中铁房桥】砼岔枕\P60;1/9;34#;交渡;SC392C\包神段（朱盖塔站_神木北站）</t>
  </si>
  <si>
    <t>【中铁房桥】砼岔枕\P60;1/9;42#;专线(03)3366\包神段（朱盖塔站_神木北站）</t>
  </si>
  <si>
    <t>【中铁房桥】砼岔枕\P60;1/9;43#;专线(03)3366\包神段（朱盖塔站_神木北站）</t>
  </si>
  <si>
    <t>【中铁房桥】砼岔枕\P60;1/9;49#;SC390\包神段（朱盖塔站_神木北站）</t>
  </si>
  <si>
    <t>【中铁房桥】砼岔枕\P60;1/9;49#;专线(03)3366\包神段（朱盖塔站_神木北站）</t>
  </si>
  <si>
    <t>【中铁房桥】砼岔枕\P60;1/9;5#;SC390\包神段（朱盖塔站_神木北站）</t>
  </si>
  <si>
    <t>【中铁房桥】砼岔枕\P60;1/9;50#;SC390\包神段（朱盖塔站_神木北站）</t>
  </si>
  <si>
    <t>【中铁房桥】砼岔枕\P60;1/9;54#;专线(03)3366\包神段（朱盖塔站_神木北站）</t>
  </si>
  <si>
    <t>【中铁房桥】砼岔枕\P60;1/9;6#;SC390\包神段（朱盖塔站_神木北站）</t>
  </si>
  <si>
    <t>【中铁房桥】砼岔枕\P60;1/9;7#;SC390\包神段（朱盖塔站_神木北站）</t>
  </si>
  <si>
    <t>【中铁房桥】砼岔枕\P60;1/9;8#;SC390\包神段（朱盖塔站_神木北站）</t>
  </si>
  <si>
    <t>【中铁房桥】砼岔枕\P60;1/9;9#;SC390\包神段（朱盖塔站_神木北站）</t>
  </si>
  <si>
    <t>【中铁房桥】砼岔枕\P60;1/9;交渡12#;CZ581Z\包神段（朱盖塔站_神木北站）</t>
  </si>
  <si>
    <t>【中铁房桥】砼岔枕\P60;1/9;交渡16#;CZ581Z\包神段（朱盖塔站_神木北站）</t>
  </si>
  <si>
    <t>【中铁房桥】砼岔枕\P60;1/9;交渡22#;CZ580Z\包神段（朱盖塔站_神木北站）</t>
  </si>
  <si>
    <t>【中铁房桥】砼岔枕\P60;1/9;交渡23#;CZ581Z\包神段（朱盖塔站_神木北站）</t>
  </si>
  <si>
    <t>【中铁房桥】砼岔枕\P60;1/9;交渡24#;CZ581Z\包神段（朱盖塔站_神木北站）</t>
  </si>
  <si>
    <t>【中铁房桥】砼岔枕\P60;1/9;交渡25#;CZ581Z\包神段（朱盖塔站_神木北站）</t>
  </si>
  <si>
    <t>【中铁房桥】砼岔枕\P60;1/9;交渡40#;CZ580Z\包神段（朱盖塔站_神木北站）</t>
  </si>
  <si>
    <t>【中铁房桥】砼岔枕\P60;1/9;交渡44#;CZ581Z\包神段（朱盖塔站_神木北站）</t>
  </si>
  <si>
    <t>【中铁房桥】砼岔枕\P60;1/9;交渡49#;CZ581Z\包神段（朱盖塔站_神木北站）</t>
  </si>
  <si>
    <t>【中铁房桥】砼岔枕\P60;1/9;交渡50#;CZ581Z\包神段（朱盖塔站_神木北站）</t>
  </si>
  <si>
    <t>【中铁房桥】砼岔枕\P75;1/12;1#;SC559-500\包神段（朱盖塔站_神木北站）</t>
  </si>
  <si>
    <t>【中铁房桥】砼岔枕\P75;1/12;2#;SC559-500\包神段（朱盖塔站_神木北站）</t>
  </si>
  <si>
    <t>【中铁房桥】砼岔枕\P75;1/12;25#;SC559-500\包神段（朱盖塔站_神木北站）</t>
  </si>
  <si>
    <t>【中铁房桥】砼岔枕\P75;1/12;26#;SC559-500\包神段（朱盖塔站_神木北站）</t>
  </si>
  <si>
    <t>【中铁房桥】砼岔枕\P75;1/12;27#;SC559-500\包神段（朱盖塔站_神木北站）</t>
  </si>
  <si>
    <t>【中铁房桥】砼岔枕\P75;1/12;28#;SC559-500\包神段（朱盖塔站_神木北站）</t>
  </si>
  <si>
    <t>【中铁房桥】砼岔枕\P75;1/12;29#;SC559-500\包神段（朱盖塔站_神木北站）</t>
  </si>
  <si>
    <t>【中铁房桥】砼岔枕\P75;1/12;3#;SC559-500\包神段（朱盖塔站_神木北站）</t>
  </si>
  <si>
    <t>【中铁房桥】砼岔枕\P75;1/12;30#;SC559-500\包神段（朱盖塔站_神木北站）</t>
  </si>
  <si>
    <t>【中铁房桥】砼岔枕\P75;1/12;31#;SC559-500\包神段（朱盖塔站_神木北站）</t>
  </si>
  <si>
    <t>【中铁房桥】砼岔枕\P75;1/12;39#;SC559-500\包神段（朱盖塔站_神木北站）</t>
  </si>
  <si>
    <t>【中铁房桥】砼岔枕\P75;1/12;40#;SC559-500\包神段（朱盖塔站_神木北站）</t>
  </si>
  <si>
    <t>【中铁房桥】砼岔枕\P75;1/12;5.3m交渡;CZ716\包神段（朱盖塔站_神木北站）</t>
  </si>
  <si>
    <t>【中铁房桥】砼岔枕\P75;1/12;50#;SC559-500\包神段（朱盖塔站_神木北站）</t>
  </si>
  <si>
    <t>【中铁房桥】砼岔枕\P75;1/12;51#;SC559-500\包神段（朱盖塔站_神木北站）</t>
  </si>
  <si>
    <t>【中铁房桥】砼岔枕\P75;1/12;52#;SC559-500\包神段（朱盖塔站_神木北站）</t>
  </si>
  <si>
    <t>【中铁房桥】砼岔枕\P75;1/12;53#;SC559-500\包神段（朱盖塔站_神木北站）</t>
  </si>
  <si>
    <t>【中铁房桥】砼岔枕\P75;1/12;54#;SC559-500\包神段（朱盖塔站_神木北站）</t>
  </si>
  <si>
    <t>【中铁房桥】砼岔枕\P75;1/12;55#;SC559-500\包神段（朱盖塔站_神木北站）</t>
  </si>
  <si>
    <t>【中铁房桥】砼岔枕\P75;1/12;56#;SC559-500\包神段（朱盖塔站_神木北站）</t>
  </si>
  <si>
    <t>【中铁房桥】砼岔枕\P75;1/12;60#;SC559-500\包神段（朱盖塔站_神木北站）</t>
  </si>
  <si>
    <t>【中铁房桥】砼岔枕\P75;1/12;61#;SC559-500\包神段（朱盖塔站_神木北站）</t>
  </si>
  <si>
    <t>【中铁房桥】砼岔枕\P75;1/12;62#;SC559-500\包神段（朱盖塔站_神木北站）</t>
  </si>
  <si>
    <t>【中铁房桥】砼岔枕\P75;1/12;63#;SC559-500\包神段（朱盖塔站_神木北站）</t>
  </si>
  <si>
    <t>【中铁房桥】砼岔枕\P75;1/12;64#;SC559-500\包神段（朱盖塔站_神木北站）</t>
  </si>
  <si>
    <t>【中铁房桥】砼岔枕\P75;1/12;65#;SC559-500\包神段（朱盖塔站_神木北站）</t>
  </si>
  <si>
    <t>【中铁房桥】砼岔枕\P75;1/12;66#;SC559-500\包神段（朱盖塔站_神木北站）</t>
  </si>
  <si>
    <t>【中铁房桥】砼岔枕\P75;1/12;67#;SC559-500\包神段（朱盖塔站_神木北站）</t>
  </si>
  <si>
    <t>【中铁房桥】砼岔枕\P75;1/12;68#;SC559-500\包神段（朱盖塔站_神木北站）</t>
  </si>
  <si>
    <t>【中铁房桥】砼岔枕\P75;1/12;80#;SC559-500\包神段（朱盖塔站_神木北站）</t>
  </si>
  <si>
    <t>【中铁房桥】砼岔枕\P75;1/12;81#;SC559-500\包神段（朱盖塔站_神木北站）</t>
  </si>
  <si>
    <t>【中铁房桥】砼岔枕\P75;1/12;单开;专线4228\包神段（朱盖塔站_神木北站）</t>
  </si>
  <si>
    <t>【中铁房桥】砼桥枕\ⅡZQ-C型0#\包神段（朱盖塔站_神木北站）</t>
  </si>
  <si>
    <t>【中铁房桥】砼桥枕\Ⅲ型\包神段（朱盖塔站_神木北站）</t>
  </si>
  <si>
    <t>【中铁房桥】砼桥枕\梭头;新Ⅲ型;1#\包神段（朱盖塔站_神木北站）</t>
  </si>
  <si>
    <t>【中铁房桥】砼桥枕\梭头;新Ⅲ型;2#\包神段（朱盖塔站_神木北站）</t>
  </si>
  <si>
    <t>【中铁房桥】砼桥枕\梭头;新Ⅲ型;3#\包神段（朱盖塔站_神木北站）</t>
  </si>
  <si>
    <t>【中铁房桥】砼桥枕\梭头;新Ⅲ型;4#\包神段（朱盖塔站_神木北站）</t>
  </si>
  <si>
    <t>【中铁房桥】砼桥枕\新Ⅲ型\包神段（朱盖塔站_神木北站）</t>
  </si>
  <si>
    <t>【中铁房桥】砼桥枕\专线3448;弹性;新Ⅲ型\包神段（朱盖塔站_神木北站）</t>
  </si>
  <si>
    <t>【中铁房桥】砼桥枕\专线3448;弹性;新Ⅲ型;1#\包神段（朱盖塔站_神木北站）</t>
  </si>
  <si>
    <t>【中铁房桥】砼桥枕\专线3448;弹性;新Ⅲ型;2#\包神段（朱盖塔站_神木北站）</t>
  </si>
  <si>
    <t>【中铁房桥】砼桥枕\专线3448;弹性;新Ⅲ型;3#\包神段（朱盖塔站_神木北站）</t>
  </si>
  <si>
    <t>【中铁房桥】砼桥枕\专线3448;弹性;新Ⅲ型;4#\包神段（朱盖塔站_神木北站）</t>
  </si>
  <si>
    <t>【中铁房桥】砼枕\X-Ⅱ型\包神段（朱盖塔站_神木北站）</t>
  </si>
  <si>
    <t>【中铁房桥】砼枕\YⅡ-F\包神段（朱盖塔站_神木北站）</t>
  </si>
  <si>
    <t>【中铁房桥】砼枕\弹性;ⅢA型\包神段（朱盖塔站_神木北站）</t>
  </si>
  <si>
    <t>【中铁房桥】砼枕\专线3393;ⅢA型\包神段（朱盖塔站_神木北站）</t>
  </si>
  <si>
    <t>【中铁房桥】成组砼岔枕\P50;1/12;5.0m交渡;专线(03)3424\包神段（府谷站_阴塔站）</t>
  </si>
  <si>
    <t>GNWZBP(TH)ZECG2020-211</t>
  </si>
  <si>
    <t>国家能源e购商城中铁房桥轨枕配件铺货采购合同-包神段（府谷站—阴塔站）</t>
  </si>
  <si>
    <t>【中铁房桥】成组砼岔枕\P50;1/12;单开;专线(01)3423\包神段（府谷站_阴塔站）</t>
  </si>
  <si>
    <t>【中铁房桥】成组砼岔枕\P50;1/12;复交;CZ2220Z\包神段（府谷站_阴塔站）</t>
  </si>
  <si>
    <t>【中铁房桥】成组砼岔枕\P50;1/12;专线3355\包神段（府谷站_阴塔站）</t>
  </si>
  <si>
    <t>【中铁房桥】成组砼岔枕\P50;1/12;专线4257\包神段（府谷站_阴塔站）</t>
  </si>
  <si>
    <t>【中铁房桥】成组砼岔枕\P50;1/6;5.0m交渡;SC432-500\包神段（府谷站_阴塔站）</t>
  </si>
  <si>
    <t>【中铁房桥】成组砼岔枕\P50;1/6;对称;SC384\包神段（府谷站_阴塔站）</t>
  </si>
  <si>
    <t>【中铁房桥】成组砼岔枕\P50;1/6;对称;右开;SC384-500\包神段（府谷站_阴塔站）</t>
  </si>
  <si>
    <t>【中铁房桥】成组砼岔枕\P50;1/6;对称;左开;SC384-500\包神段（府谷站_阴塔站）</t>
  </si>
  <si>
    <t>【中铁房桥】成组砼岔枕\P50;1/9;5.0m交渡;CZ2210\包神段（府谷站_阴塔站）</t>
  </si>
  <si>
    <t>【中铁房桥】成组砼岔枕\P50;1/9;5.0m交渡;SC580\包神段（府谷站_阴塔站）</t>
  </si>
  <si>
    <t>【中铁房桥】成组砼岔枕\P50;1/9;5.0m交渡;专线(02)3428\包神段（府谷站_阴塔站）</t>
  </si>
  <si>
    <t>【中铁房桥】成组砼岔枕\P50;1/9;5.0m交渡;专线(02)7663\包神段（府谷站_阴塔站）</t>
  </si>
  <si>
    <t>【中铁房桥】成组砼岔枕\P50;1/9;CZ2209A\包神段（府谷站_阴塔站）</t>
  </si>
  <si>
    <t>【中铁房桥】成组砼岔枕\P50;1/9;单开;CZ2209Z\包神段（府谷站_阴塔站）</t>
  </si>
  <si>
    <t>【中铁房桥】成组砼岔枕\P50;1/9;单开;专线(03)3281\包神段（府谷站_阴塔站）</t>
  </si>
  <si>
    <t>【中铁房桥】成组砼岔枕\P50;1/9;复交;CZ2214Z\包神段（府谷站_阴塔站）</t>
  </si>
  <si>
    <t>【中铁房桥】成组砼岔枕\P50;1/9;复交;专线(04)3443\包神段（府谷站_阴塔站）</t>
  </si>
  <si>
    <t>【中铁房桥】成组砼岔枕\P50;1/9;交渡;CZ2213Z\包神段（府谷站_阴塔站）</t>
  </si>
  <si>
    <t>【中铁房桥】成组砼岔枕\P50;1/9;交渡;SC571-1101\包神段（府谷站_阴塔站）</t>
  </si>
  <si>
    <t>【中铁房桥】成组砼岔枕\P50;1/9;交渡;专线(03)3431\包神段（府谷站_阴塔站）</t>
  </si>
  <si>
    <t>【中铁房桥】成组砼岔枕\P60;1/12;5.5m交渡;SC342-500\包神段（府谷站_阴塔站）</t>
  </si>
  <si>
    <t>【中铁房桥】成组砼岔枕\P60;1/12;6.5m交渡;专线3413\包神段（府谷站_阴塔站）</t>
  </si>
  <si>
    <t>【中铁房桥】成组砼岔枕\P60;1/12;单开;SC330-500\包神段（府谷站_阴塔站）</t>
  </si>
  <si>
    <t>【中铁房桥】成组砼岔枕\P60;1/12;渡线;专线3402;Ⅲ型\包神段（府谷站_阴塔站）</t>
  </si>
  <si>
    <t>【中铁房桥】成组砼岔枕\P60;1/12;复交;SC350\包神段（府谷站_阴塔站）</t>
  </si>
  <si>
    <t>【中铁房桥】成组砼岔枕\P60;1/12;交渡;SC340-500\包神段（府谷站_阴塔站）</t>
  </si>
  <si>
    <t>【中铁房桥】成组砼岔枕\P60;1/12;交渡;SC342-500\包神段（府谷站_阴塔站）</t>
  </si>
  <si>
    <t>【中铁房桥】成组砼岔枕\P60;1/12;砼;单开;专线4249\包神段（府谷站_阴塔站）</t>
  </si>
  <si>
    <t>【中铁房桥】成组砼岔枕\P60;1/12;专线3399;Ⅲ型\包神段（府谷站_阴塔站）</t>
  </si>
  <si>
    <t>【中铁房桥】成组砼岔枕\P60;1/18;单开;GLC(07)02-300\包神段（府谷站_阴塔站）</t>
  </si>
  <si>
    <t>【中铁房桥】成组砼岔枕\P60;1/18;单开;GLC(09)05-300\包神段（府谷站_阴塔站）</t>
  </si>
  <si>
    <t>【中铁房桥】成组砼岔枕\P60;1/9;5.0m组合;SC(07)460-1108\包神段（府谷站_阴塔站）</t>
  </si>
  <si>
    <t>【中铁房桥】成组砼岔枕\P60;1/9;5.0m组合;SC(07)460-1204\包神段（府谷站_阴塔站）</t>
  </si>
  <si>
    <t>【中铁房桥】成组砼岔枕\P60;1/9;5.0m组合;SC(07)460-1208\包神段（府谷站_阴塔站）</t>
  </si>
  <si>
    <t>【中铁房桥】成组砼岔枕\P60;1/9;5.0m组合;SC(07)460-1211\包神段（府谷站_阴塔站）</t>
  </si>
  <si>
    <t>【中铁房桥】成组砼岔枕\P60;1/9;5.3m交渡;CZ581Z\包神段（府谷站_阴塔站）</t>
  </si>
  <si>
    <t>【中铁房桥】成组砼岔枕\P60;1/9;单开;CZ577Z\包神段（府谷站_阴塔站）</t>
  </si>
  <si>
    <t>【中铁房桥】成组砼岔枕\P60;1/9;单开;专线(03)3366\包神段（府谷站_阴塔站）</t>
  </si>
  <si>
    <t>【中铁房桥】成组砼岔枕\P60;1/9;复交;SC450-500\包神段（府谷站_阴塔站）</t>
  </si>
  <si>
    <t>【中铁房桥】成组砼岔枕\P60;1/9;复式交分;CZ2504Z\包神段（府谷站_阴塔站）</t>
  </si>
  <si>
    <t>【中铁房桥】成组砼岔枕\P60;1/9;交渡;CZ580Z\包神段（府谷站_阴塔站）</t>
  </si>
  <si>
    <t>【中铁房桥】成组砼岔枕\P60;1/9;交渡;CZ582Z\包神段（府谷站_阴塔站）</t>
  </si>
  <si>
    <t>【中铁房桥】成组砼岔枕\P60;1/9;交渡;CZ583Z\包神段（府谷站_阴塔站）</t>
  </si>
  <si>
    <t>【中铁房桥】成组砼岔枕\P60;1/9;专线3366;右开\包神段（府谷站_阴塔站）</t>
  </si>
  <si>
    <t>【中铁房桥】成组砼岔枕\P60;1/9;专线3366;左开\包神段（府谷站_阴塔站）</t>
  </si>
  <si>
    <t>【中铁房桥】成组砼岔枕\P75;1/12;SC381-500\包神段（府谷站_阴塔站）</t>
  </si>
  <si>
    <t>【中铁房桥】成组砼岔枕\P75;1/12;SC443-500;交渡\包神段（府谷站_阴塔站）</t>
  </si>
  <si>
    <t>【中铁房桥】成组砼岔枕\P75;1/12;单开;SC559-500\包神段（府谷站_阴塔站）</t>
  </si>
  <si>
    <t>【中铁房桥】成组砼岔枕\P75;1/12;单开;研线1116-400\包神段（府谷站_阴塔站）</t>
  </si>
  <si>
    <t>【中铁房桥】成组砼岔枕\P75;1/12;交渡;SC444\包神段（府谷站_阴塔站）</t>
  </si>
  <si>
    <t>【中铁房桥】成组砼岔枕\P75;1/18;单开;SC488-500\包神段（府谷站_阴塔站）</t>
  </si>
  <si>
    <t>【中铁房桥】成组砼岔枕\P75;1/9;5.0m交渡;SC551\包神段（府谷站_阴塔站）</t>
  </si>
  <si>
    <t>【中铁房桥】电气绝缘枕\ⅢaZ型\包神段（府谷站_阴塔站）</t>
  </si>
  <si>
    <t>【中铁房桥】电容枕\ⅢA型/ⅢAD\包神段（府谷站_阴塔站）</t>
  </si>
  <si>
    <t>【中铁房桥】电容枕\新Ⅱ型/XⅡD\包神段（府谷站_阴塔站）</t>
  </si>
  <si>
    <t>【中铁房桥】电容枕\新Ⅱ型;2500mm;研线0308-1\包神段（府谷站_阴塔站）</t>
  </si>
  <si>
    <t>【中铁房桥】电容枕\新Ⅲ型桥枕;2600mm;研线0308-1\包神段（府谷站_阴塔站）</t>
  </si>
  <si>
    <t>【中铁房桥】砼岔枕\P50;1/12;13#;专线(01)3423\包神段（府谷站_阴塔站）</t>
  </si>
  <si>
    <t>【中铁房桥】砼岔枕\P50;1/12;21#;专线(01)3423\包神段（府谷站_阴塔站）</t>
  </si>
  <si>
    <t>【中铁房桥】砼岔枕\P50;1/12;5#;专线3355\包神段（府谷站_阴塔站）</t>
  </si>
  <si>
    <t>【中铁房桥】砼岔枕\P50;1/12;58#;专线3355\包神段（府谷站_阴塔站）</t>
  </si>
  <si>
    <t>【中铁房桥】砼岔枕\P50;1/9;20#;专线(03)3281\包神段（府谷站_阴塔站）</t>
  </si>
  <si>
    <t>【中铁房桥】砼岔枕\P50;1/9;3#;CZ2209\包神段（府谷站_阴塔站）</t>
  </si>
  <si>
    <t>【中铁房桥】砼岔枕\P50;1/9;39#;专线(03)3281\包神段（府谷站_阴塔站）</t>
  </si>
  <si>
    <t>【中铁房桥】砼岔枕\P50;1/9;48#;专线(03)3281\包神段（府谷站_阴塔站）</t>
  </si>
  <si>
    <t>【中铁房桥】砼岔枕\P50;1/9;49#;专线(03)3281\包神段（府谷站_阴塔站）</t>
  </si>
  <si>
    <t>【中铁房桥】砼岔枕\P50;1/9;52#;专线(03)3281\包神段（府谷站_阴塔站）</t>
  </si>
  <si>
    <t>【中铁房桥】砼岔枕\P50;1/9;单开31#;专线(03)3281\包神段（府谷站_阴塔站）</t>
  </si>
  <si>
    <t>【中铁房桥】砼岔枕\P50;1/9;单开32#;专线(03)3281\包神段（府谷站_阴塔站）</t>
  </si>
  <si>
    <t>【中铁房桥】砼岔枕\P50;1/9;单开33#;专线(03)3281\包神段（府谷站_阴塔站）</t>
  </si>
  <si>
    <t>【中铁房桥】砼岔枕\P50;1/9;单开34#;专线(03)3281\包神段（府谷站_阴塔站）</t>
  </si>
  <si>
    <t>【中铁房桥】砼岔枕\P50;1/9;单开35#;专线(03)3281\包神段（府谷站_阴塔站）</t>
  </si>
  <si>
    <t>【中铁房桥】砼岔枕\P50;1/9;单开36#;专线(03)3281\包神段（府谷站_阴塔站）</t>
  </si>
  <si>
    <t>【中铁房桥】砼岔枕\P50;1/9;单开37#;专线(03)3281\包神段（府谷站_阴塔站）</t>
  </si>
  <si>
    <t>【中铁房桥】砼岔枕\P60;1/12;1#;SC330-500\包神段（府谷站_阴塔站）</t>
  </si>
  <si>
    <t>【中铁房桥】砼岔枕\P60;1/12;1#;专线3399\包神段（府谷站_阴塔站）</t>
  </si>
  <si>
    <t>【中铁房桥】砼岔枕\P60;1/12;10#;专线3399\包神段（府谷站_阴塔站）</t>
  </si>
  <si>
    <t>【中铁房桥】砼岔枕\P60;1/12;11#;专线3399\包神段（府谷站_阴塔站）</t>
  </si>
  <si>
    <t>【中铁房桥】砼岔枕\P60;1/12;12#;专线3399\包神段（府谷站_阴塔站）</t>
  </si>
  <si>
    <t>【中铁房桥】砼岔枕\P60;1/12;13#;专线3399\包神段（府谷站_阴塔站）</t>
  </si>
  <si>
    <t>【中铁房桥】砼岔枕\P60;1/12;14#;专线3399\包神段（府谷站_阴塔站）</t>
  </si>
  <si>
    <t>【中铁房桥】砼岔枕\P60;1/12;15#;专线3399\包神段（府谷站_阴塔站）</t>
  </si>
  <si>
    <t>【中铁房桥】砼岔枕\P60;1/12;16#;专线3399\包神段（府谷站_阴塔站）</t>
  </si>
  <si>
    <t>【中铁房桥】砼岔枕\P60;1/12;17#;专线3399\包神段（府谷站_阴塔站）</t>
  </si>
  <si>
    <t>【中铁房桥】砼岔枕\P60;1/12;18#;专线3399\包神段（府谷站_阴塔站）</t>
  </si>
  <si>
    <t>【中铁房桥】砼岔枕\P60;1/12;19#;专线3399\包神段（府谷站_阴塔站）</t>
  </si>
  <si>
    <t>【中铁房桥】砼岔枕\P60;1/12;2#;专线3399\包神段（府谷站_阴塔站）</t>
  </si>
  <si>
    <t>【中铁房桥】砼岔枕\P60;1/12;23#;专线3399\包神段（府谷站_阴塔站）</t>
  </si>
  <si>
    <t>【中铁房桥】砼岔枕\P60;1/12;24#;专线3399\包神段（府谷站_阴塔站）</t>
  </si>
  <si>
    <t>【中铁房桥】砼岔枕\P60;1/12;25#;SC330-500\包神段（府谷站_阴塔站）</t>
  </si>
  <si>
    <t>【中铁房桥】砼岔枕\P60;1/12;25#;SC350\包神段（府谷站_阴塔站）</t>
  </si>
  <si>
    <t>【中铁房桥】砼岔枕\P60;1/12;25#;专线3399\包神段（府谷站_阴塔站）</t>
  </si>
  <si>
    <t>【中铁房桥】砼岔枕\P60;1/12;26#;SC330-500\包神段（府谷站_阴塔站）</t>
  </si>
  <si>
    <t>【中铁房桥】砼岔枕\P60;1/12;26#;SC350\包神段（府谷站_阴塔站）</t>
  </si>
  <si>
    <t>【中铁房桥】砼岔枕\P60;1/12;26#;专线3399\包神段（府谷站_阴塔站）</t>
  </si>
  <si>
    <t>【中铁房桥】砼岔枕\P60;1/12;27#;SC330-500\包神段（府谷站_阴塔站）</t>
  </si>
  <si>
    <t>【中铁房桥】砼岔枕\P60;1/12;27#;专线3399\包神段（府谷站_阴塔站）</t>
  </si>
  <si>
    <t>【中铁房桥】砼岔枕\P60;1/12;28#;SC330-500\包神段（府谷站_阴塔站）</t>
  </si>
  <si>
    <t>【中铁房桥】砼岔枕\P60;1/12;28#;专线3399\包神段（府谷站_阴塔站）</t>
  </si>
  <si>
    <t>【中铁房桥】砼岔枕\P60;1/12;28#;专线4228\包神段（府谷站_阴塔站）</t>
  </si>
  <si>
    <t>【中铁房桥】砼岔枕\P60;1/12;29#;SC330-500\包神段（府谷站_阴塔站）</t>
  </si>
  <si>
    <t>【中铁房桥】砼岔枕\P60;1/12;29#;专线3399\包神段（府谷站_阴塔站）</t>
  </si>
  <si>
    <t>【中铁房桥】砼岔枕\P60;1/12;30#;专线3399\包神段（府谷站_阴塔站）</t>
  </si>
  <si>
    <t>【中铁房桥】砼岔枕\P60;1/12;30#;专线4228\包神段（府谷站_阴塔站）</t>
  </si>
  <si>
    <t>【中铁房桥】砼岔枕\P60;1/12;32#;专线3399\包神段（府谷站_阴塔站）</t>
  </si>
  <si>
    <t>【中铁房桥】砼岔枕\P60;1/12;34#;专线3399\包神段（府谷站_阴塔站）</t>
  </si>
  <si>
    <t>【中铁房桥】砼岔枕\P60;1/12;36#;SC350\包神段（府谷站_阴塔站）</t>
  </si>
  <si>
    <t>【中铁房桥】砼岔枕\P60;1/12;37#;专线3399\包神段（府谷站_阴塔站）</t>
  </si>
  <si>
    <t>【中铁房桥】砼岔枕\P60;1/12;40#;专线3399\包神段（府谷站_阴塔站）</t>
  </si>
  <si>
    <t>【中铁房桥】砼岔枕\P60;1/12;41#;专线3399\包神段（府谷站_阴塔站）</t>
  </si>
  <si>
    <t>【中铁房桥】砼岔枕\P60;1/12;42#;专线3399\包神段（府谷站_阴塔站）</t>
  </si>
  <si>
    <t>【中铁房桥】砼岔枕\P60;1/12;43#;专线3399\包神段（府谷站_阴塔站）</t>
  </si>
  <si>
    <t>【中铁房桥】砼岔枕\P60;1/12;49#;SC330-500\包神段（府谷站_阴塔站）</t>
  </si>
  <si>
    <t>【中铁房桥】砼岔枕\P60;1/12;51#;专线3399\包神段（府谷站_阴塔站）</t>
  </si>
  <si>
    <t>【中铁房桥】砼岔枕\P60;1/12;52#;专线3399\包神段（府谷站_阴塔站）</t>
  </si>
  <si>
    <t>【中铁房桥】砼岔枕\P60;1/12;53#;SC330-500\包神段（府谷站_阴塔站）</t>
  </si>
  <si>
    <t>【中铁房桥】砼岔枕\P60;1/12;53#;专线3399\包神段（府谷站_阴塔站）</t>
  </si>
  <si>
    <t>【中铁房桥】砼岔枕\P60;1/12;53#;专线4228\包神段（府谷站_阴塔站）</t>
  </si>
  <si>
    <t>【中铁房桥】砼岔枕\P60;1/12;54#;SC330\包神段（府谷站_阴塔站）</t>
  </si>
  <si>
    <t>【中铁房桥】砼岔枕\P60;1/12;54#;专线3399\包神段（府谷站_阴塔站）</t>
  </si>
  <si>
    <t>【中铁房桥】砼岔枕\P60;1/12;55#;专线3399\包神段（府谷站_阴塔站）</t>
  </si>
  <si>
    <t>【中铁房桥】砼岔枕\P60;1/12;56#;专线3399\包神段（府谷站_阴塔站）</t>
  </si>
  <si>
    <t>【中铁房桥】砼岔枕\P60;1/12;57#;专线3399\包神段（府谷站_阴塔站）</t>
  </si>
  <si>
    <t>【中铁房桥】砼岔枕\P60;1/12;57#;专线4228\包神段（府谷站_阴塔站）</t>
  </si>
  <si>
    <t>【中铁房桥】砼岔枕\P60;1/12;58#;专线3399\包神段（府谷站_阴塔站）</t>
  </si>
  <si>
    <t>【中铁房桥】砼岔枕\P60;1/12;59#;专线3399\包神段（府谷站_阴塔站）</t>
  </si>
  <si>
    <t>【中铁房桥】砼岔枕\P60;1/12;60#;专线3399\包神段（府谷站_阴塔站）</t>
  </si>
  <si>
    <t>【中铁房桥】砼岔枕\P60;1/12;61#;专线3399\包神段（府谷站_阴塔站）</t>
  </si>
  <si>
    <t>【中铁房桥】砼岔枕\P60;1/12;62#;专线3399\包神段（府谷站_阴塔站）</t>
  </si>
  <si>
    <t>【中铁房桥】砼岔枕\P60;1/12;63#;SC330-500\包神段（府谷站_阴塔站）</t>
  </si>
  <si>
    <t>【中铁房桥】砼岔枕\P60;1/12;63#;SC340\包神段（府谷站_阴塔站）</t>
  </si>
  <si>
    <t>【中铁房桥】砼岔枕\P60;1/12;63#;专线3399\包神段（府谷站_阴塔站）</t>
  </si>
  <si>
    <t>【中铁房桥】砼岔枕\P60;1/12;63#;专线3402\包神段（府谷站_阴塔站）</t>
  </si>
  <si>
    <t>【中铁房桥】砼岔枕\P60;1/12;63#;专线4228\包神段（府谷站_阴塔站）</t>
  </si>
  <si>
    <t>【中铁房桥】砼岔枕\P60;1/12;63Z#;SC341-500\包神段（府谷站_阴塔站）</t>
  </si>
  <si>
    <t>【中铁房桥】砼岔枕\P60;1/12;64#;SC330\包神段（府谷站_阴塔站）</t>
  </si>
  <si>
    <t>【中铁房桥】砼岔枕\P60;1/12;64#;SC340\包神段（府谷站_阴塔站）</t>
  </si>
  <si>
    <t>【中铁房桥】砼岔枕\P60;1/12;64#;专线3399\包神段（府谷站_阴塔站）</t>
  </si>
  <si>
    <t>【中铁房桥】砼岔枕\P60;1/12;64#;专线3402\包神段（府谷站_阴塔站）</t>
  </si>
  <si>
    <t>【中铁房桥】砼岔枕\P60;1/12;64Z#;SC341-500\包神段（府谷站_阴塔站）</t>
  </si>
  <si>
    <t>【中铁房桥】砼岔枕\P60;1/12;65#;交渡;SC340C\包神段（府谷站_阴塔站）</t>
  </si>
  <si>
    <t>【中铁房桥】砼岔枕\P60;1/12;65#;专线3399\包神段（府谷站_阴塔站）</t>
  </si>
  <si>
    <t>【中铁房桥】砼岔枕\P60;1/12;66#;专线3399\包神段（府谷站_阴塔站）</t>
  </si>
  <si>
    <t>【中铁房桥】砼岔枕\P60;1/12;67#;专线3399\包神段（府谷站_阴塔站）</t>
  </si>
  <si>
    <t>【中铁房桥】砼岔枕\P60;1/12;68#;专线3399\包神段（府谷站_阴塔站）</t>
  </si>
  <si>
    <t>【中铁房桥】砼岔枕\P60;1/12;69#;专线3399\包神段（府谷站_阴塔站）</t>
  </si>
  <si>
    <t>【中铁房桥】砼岔枕\P60;1/12;73#;专线3402\包神段（府谷站_阴塔站）</t>
  </si>
  <si>
    <t>【中铁房桥】砼岔枕\P60;1/12;74#;专线3402\包神段（府谷站_阴塔站）</t>
  </si>
  <si>
    <t>【中铁房桥】砼岔枕\P60;1/18;21#;专线3386\包神段（府谷站_阴塔站）</t>
  </si>
  <si>
    <t>【中铁房桥】砼岔枕\P60;1/18;32#;专线3386\包神段（府谷站_阴塔站）</t>
  </si>
  <si>
    <t>【中铁房桥】砼岔枕\P60;1/18;33#;专线3386\包神段（府谷站_阴塔站）</t>
  </si>
  <si>
    <t>【中铁房桥】砼岔枕\P60;1/18;34#;专线3386\包神段（府谷站_阴塔站）</t>
  </si>
  <si>
    <t>【中铁房桥】砼岔枕\P60;1/18;71#;专线3386\包神段（府谷站_阴塔站）</t>
  </si>
  <si>
    <t>【中铁房桥】砼岔枕\P60;1/18;72#;专线3386\包神段（府谷站_阴塔站）</t>
  </si>
  <si>
    <t>【中铁房桥】砼岔枕\P60;1/9;34#;交渡;SC392C\包神段（府谷站_阴塔站）</t>
  </si>
  <si>
    <t>【中铁房桥】砼岔枕\P60;1/9;42#;专线(03)3366\包神段（府谷站_阴塔站）</t>
  </si>
  <si>
    <t>【中铁房桥】砼岔枕\P60;1/9;43#;专线(03)3366\包神段（府谷站_阴塔站）</t>
  </si>
  <si>
    <t>【中铁房桥】砼岔枕\P60;1/9;49#;SC390\包神段（府谷站_阴塔站）</t>
  </si>
  <si>
    <t>【中铁房桥】砼岔枕\P60;1/9;49#;专线(03)3366\包神段（府谷站_阴塔站）</t>
  </si>
  <si>
    <t>【中铁房桥】砼岔枕\P60;1/9;5#;SC390\包神段（府谷站_阴塔站）</t>
  </si>
  <si>
    <t>【中铁房桥】砼岔枕\P60;1/9;50#;SC390\包神段（府谷站_阴塔站）</t>
  </si>
  <si>
    <t>【中铁房桥】砼岔枕\P60;1/9;54#;专线(03)3366\包神段（府谷站_阴塔站）</t>
  </si>
  <si>
    <t>【中铁房桥】砼岔枕\P60;1/9;6#;SC390\包神段（府谷站_阴塔站）</t>
  </si>
  <si>
    <t>【中铁房桥】砼岔枕\P60;1/9;7#;SC390\包神段（府谷站_阴塔站）</t>
  </si>
  <si>
    <t>【中铁房桥】砼岔枕\P60;1/9;8#;SC390\包神段（府谷站_阴塔站）</t>
  </si>
  <si>
    <t>【中铁房桥】砼岔枕\P60;1/9;9#;SC390\包神段（府谷站_阴塔站）</t>
  </si>
  <si>
    <t>【中铁房桥】砼岔枕\P60;1/9;交渡12#;CZ581Z\包神段（府谷站_阴塔站）</t>
  </si>
  <si>
    <t>【中铁房桥】砼岔枕\P60;1/9;交渡16#;CZ581Z\包神段（府谷站_阴塔站）</t>
  </si>
  <si>
    <t>【中铁房桥】砼岔枕\P60;1/9;交渡22#;CZ580Z\包神段（府谷站_阴塔站）</t>
  </si>
  <si>
    <t>【中铁房桥】砼岔枕\P60;1/9;交渡23#;CZ581Z\包神段（府谷站_阴塔站）</t>
  </si>
  <si>
    <t>【中铁房桥】砼岔枕\P60;1/9;交渡24#;CZ581Z\包神段（府谷站_阴塔站）</t>
  </si>
  <si>
    <t>【中铁房桥】砼岔枕\P60;1/9;交渡25#;CZ581Z\包神段（府谷站_阴塔站）</t>
  </si>
  <si>
    <t>【中铁房桥】砼岔枕\P60;1/9;交渡40#;CZ580Z\包神段（府谷站_阴塔站）</t>
  </si>
  <si>
    <t>【中铁房桥】砼岔枕\P60;1/9;交渡44#;CZ581Z\包神段（府谷站_阴塔站）</t>
  </si>
  <si>
    <t>【中铁房桥】砼岔枕\P60;1/9;交渡49#;CZ581Z\包神段（府谷站_阴塔站）</t>
  </si>
  <si>
    <t>【中铁房桥】砼岔枕\P60;1/9;交渡50#;CZ581Z\包神段（府谷站_阴塔站）</t>
  </si>
  <si>
    <t>【中铁房桥】砼岔枕\P75;1/12;1#;SC559-500\包神段（府谷站_阴塔站）</t>
  </si>
  <si>
    <t>【中铁房桥】砼岔枕\P75;1/12;2#;SC559-500\包神段（府谷站_阴塔站）</t>
  </si>
  <si>
    <t>【中铁房桥】砼岔枕\P75;1/12;25#;SC559-500\包神段（府谷站_阴塔站）</t>
  </si>
  <si>
    <t>【中铁房桥】砼岔枕\P75;1/12;26#;SC559-500\包神段（府谷站_阴塔站）</t>
  </si>
  <si>
    <t>【中铁房桥】砼岔枕\P75;1/12;27#;SC559-500\包神段（府谷站_阴塔站）</t>
  </si>
  <si>
    <t>【中铁房桥】砼岔枕\P75;1/12;28#;SC559-500\包神段（府谷站_阴塔站）</t>
  </si>
  <si>
    <t>【中铁房桥】砼岔枕\P75;1/12;29#;SC559-500\包神段（府谷站_阴塔站）</t>
  </si>
  <si>
    <t>【中铁房桥】砼岔枕\P75;1/12;3#;SC559-500\包神段（府谷站_阴塔站）</t>
  </si>
  <si>
    <t>【中铁房桥】砼岔枕\P75;1/12;30#;SC559-500\包神段（府谷站_阴塔站）</t>
  </si>
  <si>
    <t>【中铁房桥】砼岔枕\P75;1/12;31#;SC559-500\包神段（府谷站_阴塔站）</t>
  </si>
  <si>
    <t>【中铁房桥】砼岔枕\P75;1/12;39#;SC559-500\包神段（府谷站_阴塔站）</t>
  </si>
  <si>
    <t>【中铁房桥】砼岔枕\P75;1/12;40#;SC559-500\包神段（府谷站_阴塔站）</t>
  </si>
  <si>
    <t>【中铁房桥】砼岔枕\P75;1/12;5.3m交渡;CZ716\包神段（府谷站_阴塔站）</t>
  </si>
  <si>
    <t>【中铁房桥】砼岔枕\P75;1/12;50#;SC559-500\包神段（府谷站_阴塔站）</t>
  </si>
  <si>
    <t>【中铁房桥】砼岔枕\P75;1/12;51#;SC559-500\包神段（府谷站_阴塔站）</t>
  </si>
  <si>
    <t>【中铁房桥】砼岔枕\P75;1/12;52#;SC559-500\包神段（府谷站_阴塔站）</t>
  </si>
  <si>
    <t>【中铁房桥】砼岔枕\P75;1/12;53#;SC559-500\包神段（府谷站_阴塔站）</t>
  </si>
  <si>
    <t>【中铁房桥】砼岔枕\P75;1/12;54#;SC559-500\包神段（府谷站_阴塔站）</t>
  </si>
  <si>
    <t>【中铁房桥】砼岔枕\P75;1/12;55#;SC559-500\包神段（府谷站_阴塔站）</t>
  </si>
  <si>
    <t>【中铁房桥】砼岔枕\P75;1/12;56#;SC559-500\包神段（府谷站_阴塔站）</t>
  </si>
  <si>
    <t>【中铁房桥】砼岔枕\P75;1/12;60#;SC559-500\包神段（府谷站_阴塔站）</t>
  </si>
  <si>
    <t>【中铁房桥】砼岔枕\P75;1/12;61#;SC559-500\包神段（府谷站_阴塔站）</t>
  </si>
  <si>
    <t>【中铁房桥】砼岔枕\P75;1/12;62#;SC559-500\包神段（府谷站_阴塔站）</t>
  </si>
  <si>
    <t>【中铁房桥】砼岔枕\P75;1/12;63#;SC559-500\包神段（府谷站_阴塔站）</t>
  </si>
  <si>
    <t>【中铁房桥】砼岔枕\P75;1/12;64#;SC559-500\包神段（府谷站_阴塔站）</t>
  </si>
  <si>
    <t>【中铁房桥】砼岔枕\P75;1/12;65#;SC559-500\包神段（府谷站_阴塔站）</t>
  </si>
  <si>
    <t>【中铁房桥】砼岔枕\P75;1/12;66#;SC559-500\包神段（府谷站_阴塔站）</t>
  </si>
  <si>
    <t>【中铁房桥】砼岔枕\P75;1/12;67#;SC559-500\包神段（府谷站_阴塔站）</t>
  </si>
  <si>
    <t>【中铁房桥】砼岔枕\P75;1/12;68#;SC559-500\包神段（府谷站_阴塔站）</t>
  </si>
  <si>
    <t>【中铁房桥】砼岔枕\P75;1/12;80#;SC559-500\包神段（府谷站_阴塔站）</t>
  </si>
  <si>
    <t>【中铁房桥】砼岔枕\P75;1/12;81#;SC559-500\包神段（府谷站_阴塔站）</t>
  </si>
  <si>
    <t>【中铁房桥】砼岔枕\P75;1/12;单开;专线4228\包神段（府谷站_阴塔站）</t>
  </si>
  <si>
    <t>【中铁房桥】砼桥枕\ⅡZQ-C型0#\包神段（府谷站_阴塔站）</t>
  </si>
  <si>
    <t>【中铁房桥】砼桥枕\Ⅲ型\包神段（府谷站_阴塔站）</t>
  </si>
  <si>
    <t>【中铁房桥】砼桥枕\梭头;新Ⅲ型;1#\包神段（府谷站_阴塔站）</t>
  </si>
  <si>
    <t>【中铁房桥】砼桥枕\梭头;新Ⅲ型;2#\包神段（府谷站_阴塔站）</t>
  </si>
  <si>
    <t>【中铁房桥】砼桥枕\梭头;新Ⅲ型;3#\包神段（府谷站_阴塔站）</t>
  </si>
  <si>
    <t>【中铁房桥】砼桥枕\梭头;新Ⅲ型;4#\包神段（府谷站_阴塔站）</t>
  </si>
  <si>
    <t>【中铁房桥】砼桥枕\新Ⅲ型\包神段（府谷站_阴塔站）</t>
  </si>
  <si>
    <t>【中铁房桥】砼桥枕\专线3448;弹性;新Ⅲ型\包神段（府谷站_阴塔站）</t>
  </si>
  <si>
    <t>【中铁房桥】砼桥枕\专线3448;弹性;新Ⅲ型;1#\包神段（府谷站_阴塔站）</t>
  </si>
  <si>
    <t>【中铁房桥】砼桥枕\专线3448;弹性;新Ⅲ型;2#\包神段（府谷站_阴塔站）</t>
  </si>
  <si>
    <t>【中铁房桥】砼桥枕\专线3448;弹性;新Ⅲ型;3#\包神段（府谷站_阴塔站）</t>
  </si>
  <si>
    <t>【中铁房桥】砼桥枕\专线3448;弹性;新Ⅲ型;4#\包神段（府谷站_阴塔站）</t>
  </si>
  <si>
    <t>【中铁房桥】砼枕\X-Ⅱ型\包神段（府谷站_阴塔站）</t>
  </si>
  <si>
    <t>【中铁房桥】砼枕\YⅡ-F\包神段（府谷站_阴塔站）</t>
  </si>
  <si>
    <t>【中铁房桥】砼枕\弹性;ⅢA型\包神段（府谷站_阴塔站）</t>
  </si>
  <si>
    <t>【中铁房桥】砼枕\专线3393;ⅢA型\包神段（府谷站_阴塔站）</t>
  </si>
  <si>
    <t>【中铁房桥】成组砼岔枕\P50;1/12;5.0m交渡;专线(03)3424\包神段（三岔站_寇庄站）</t>
  </si>
  <si>
    <t>GNWZBP(TH)ZECG2020-212</t>
  </si>
  <si>
    <t>国家能源e购商城中铁房桥轨枕配件铺货采购合同-包神段（三岔站—寇庄站）</t>
  </si>
  <si>
    <t>【中铁房桥】成组砼岔枕\P50;1/12;单开;专线(01)3423\包神段（三岔站_寇庄站）</t>
  </si>
  <si>
    <t>【中铁房桥】成组砼岔枕\P50;1/12;复交;CZ2220Z\包神段（三岔站_寇庄站）</t>
  </si>
  <si>
    <t>【中铁房桥】成组砼岔枕\P50;1/12;专线3355\包神段（三岔站_寇庄站）</t>
  </si>
  <si>
    <t>【中铁房桥】成组砼岔枕\P50;1/12;专线4257\包神段（三岔站_寇庄站）</t>
  </si>
  <si>
    <t>【中铁房桥】成组砼岔枕\P50;1/6;5.0m交渡;SC432-500\包神段（三岔站_寇庄站）</t>
  </si>
  <si>
    <t>【中铁房桥】成组砼岔枕\P50;1/6;对称;SC384\包神段（三岔站_寇庄站）</t>
  </si>
  <si>
    <t>【中铁房桥】成组砼岔枕\P50;1/6;对称;右开;SC384-500\包神段（三岔站_寇庄站）</t>
  </si>
  <si>
    <t>【中铁房桥】成组砼岔枕\P50;1/6;对称;左开;SC384-500\包神段（三岔站_寇庄站）</t>
  </si>
  <si>
    <t>【中铁房桥】成组砼岔枕\P50;1/9;5.0m交渡;CZ2210\包神段（三岔站_寇庄站）</t>
  </si>
  <si>
    <t>【中铁房桥】成组砼岔枕\P50;1/9;5.0m交渡;SC580\包神段（三岔站_寇庄站）</t>
  </si>
  <si>
    <t>【中铁房桥】成组砼岔枕\P50;1/9;5.0m交渡;专线(02)3428\包神段（三岔站_寇庄站）</t>
  </si>
  <si>
    <t>【中铁房桥】成组砼岔枕\P50;1/9;5.0m交渡;专线(02)7663\包神段（三岔站_寇庄站）</t>
  </si>
  <si>
    <t>【中铁房桥】成组砼岔枕\P50;1/9;CZ2209A\包神段（三岔站_寇庄站）</t>
  </si>
  <si>
    <t>【中铁房桥】成组砼岔枕\P50;1/9;单开;CZ2209Z\包神段（三岔站_寇庄站）</t>
  </si>
  <si>
    <t>【中铁房桥】成组砼岔枕\P50;1/9;单开;专线(03)3281\包神段（三岔站_寇庄站）</t>
  </si>
  <si>
    <t>【中铁房桥】成组砼岔枕\P50;1/9;复交;CZ2214Z\包神段（三岔站_寇庄站）</t>
  </si>
  <si>
    <t>【中铁房桥】成组砼岔枕\P50;1/9;复交;专线(04)3443\包神段（三岔站_寇庄站）</t>
  </si>
  <si>
    <t>【中铁房桥】成组砼岔枕\P50;1/9;交渡;CZ2213Z\包神段（三岔站_寇庄站）</t>
  </si>
  <si>
    <t>【中铁房桥】成组砼岔枕\P50;1/9;交渡;SC571-1101\包神段（三岔站_寇庄站）</t>
  </si>
  <si>
    <t>【中铁房桥】成组砼岔枕\P50;1/9;交渡;专线(03)3431\包神段（三岔站_寇庄站）</t>
  </si>
  <si>
    <t>【中铁房桥】成组砼岔枕\P60;1/12;5.5m交渡;SC342-500\包神段（三岔站_寇庄站）</t>
  </si>
  <si>
    <t>【中铁房桥】成组砼岔枕\P60;1/12;6.5m交渡;专线3413\包神段（三岔站_寇庄站）</t>
  </si>
  <si>
    <t>【中铁房桥】成组砼岔枕\P60;1/12;单开;SC330-500\包神段（三岔站_寇庄站）</t>
  </si>
  <si>
    <t>【中铁房桥】成组砼岔枕\P60;1/12;渡线;专线3402;Ⅲ型\包神段（三岔站_寇庄站）</t>
  </si>
  <si>
    <t>【中铁房桥】成组砼岔枕\P60;1/12;复交;SC350\包神段（三岔站_寇庄站）</t>
  </si>
  <si>
    <t>【中铁房桥】成组砼岔枕\P60;1/12;交渡;SC340-500\包神段（三岔站_寇庄站）</t>
  </si>
  <si>
    <t>【中铁房桥】成组砼岔枕\P60;1/12;交渡;SC342-500\包神段（三岔站_寇庄站）</t>
  </si>
  <si>
    <t>【中铁房桥】成组砼岔枕\P60;1/12;砼;单开;专线4249\包神段（三岔站_寇庄站）</t>
  </si>
  <si>
    <t>【中铁房桥】成组砼岔枕\P60;1/12;专线3399;Ⅲ型\包神段（三岔站_寇庄站）</t>
  </si>
  <si>
    <t>【中铁房桥】成组砼岔枕\P60;1/18;单开;GLC(07)02-300\包神段（三岔站_寇庄站）</t>
  </si>
  <si>
    <t>【中铁房桥】成组砼岔枕\P60;1/18;单开;GLC(09)05-300\包神段（三岔站_寇庄站）</t>
  </si>
  <si>
    <t>【中铁房桥】成组砼岔枕\P60;1/9;5.0m组合;SC(07)460-1108\包神段（三岔站_寇庄站）</t>
  </si>
  <si>
    <t>【中铁房桥】成组砼岔枕\P60;1/9;5.0m组合;SC(07)460-1204\包神段（三岔站_寇庄站）</t>
  </si>
  <si>
    <t>【中铁房桥】成组砼岔枕\P60;1/9;5.0m组合;SC(07)460-1208\包神段（三岔站_寇庄站）</t>
  </si>
  <si>
    <t>【中铁房桥】成组砼岔枕\P60;1/9;5.0m组合;SC(07)460-1211\包神段（三岔站_寇庄站）</t>
  </si>
  <si>
    <t>【中铁房桥】成组砼岔枕\P60;1/9;5.3m交渡;CZ581Z\包神段（三岔站_寇庄站）</t>
  </si>
  <si>
    <t>【中铁房桥】成组砼岔枕\P60;1/9;单开;CZ577Z\包神段（三岔站_寇庄站）</t>
  </si>
  <si>
    <t>【中铁房桥】成组砼岔枕\P60;1/9;单开;专线(03)3366\包神段（三岔站_寇庄站）</t>
  </si>
  <si>
    <t>【中铁房桥】成组砼岔枕\P60;1/9;复交;SC450-500\包神段（三岔站_寇庄站）</t>
  </si>
  <si>
    <t>【中铁房桥】成组砼岔枕\P60;1/9;复式交分;CZ2504Z\包神段（三岔站_寇庄站）</t>
  </si>
  <si>
    <t>【中铁房桥】成组砼岔枕\P60;1/9;交渡;CZ580Z\包神段（三岔站_寇庄站）</t>
  </si>
  <si>
    <t>【中铁房桥】成组砼岔枕\P60;1/9;交渡;CZ582Z\包神段（三岔站_寇庄站）</t>
  </si>
  <si>
    <t>【中铁房桥】成组砼岔枕\P60;1/9;交渡;CZ583Z\包神段（三岔站_寇庄站）</t>
  </si>
  <si>
    <t>【中铁房桥】成组砼岔枕\P60;1/9;专线3366;右开\包神段（三岔站_寇庄站）</t>
  </si>
  <si>
    <t>【中铁房桥】成组砼岔枕\P60;1/9;专线3366;左开\包神段（三岔站_寇庄站）</t>
  </si>
  <si>
    <t>【中铁房桥】成组砼岔枕\P75;1/12;SC381-500\包神段（三岔站_寇庄站）</t>
  </si>
  <si>
    <t>【中铁房桥】成组砼岔枕\P75;1/12;SC443-500;交渡\包神段（三岔站_寇庄站）</t>
  </si>
  <si>
    <t>【中铁房桥】成组砼岔枕\P75;1/12;单开;SC559-500\包神段（三岔站_寇庄站）</t>
  </si>
  <si>
    <t>【中铁房桥】成组砼岔枕\P75;1/12;单开;研线1116-400\包神段（三岔站_寇庄站）</t>
  </si>
  <si>
    <t>【中铁房桥】成组砼岔枕\P75;1/12;交渡;SC444\包神段（三岔站_寇庄站）</t>
  </si>
  <si>
    <t>【中铁房桥】成组砼岔枕\P75;1/18;单开;SC488-500\包神段（三岔站_寇庄站）</t>
  </si>
  <si>
    <t>【中铁房桥】成组砼岔枕\P75;1/9;5.0m交渡;SC551\包神段（三岔站_寇庄站）</t>
  </si>
  <si>
    <t>【中铁房桥】电气绝缘枕\ⅢaZ型\包神段（三岔站_寇庄站）</t>
  </si>
  <si>
    <t>【中铁房桥】电容枕\ⅢA型/ⅢAD\包神段（三岔站_寇庄站）</t>
  </si>
  <si>
    <t>【中铁房桥】电容枕\新Ⅱ型/XⅡD\包神段（三岔站_寇庄站）</t>
  </si>
  <si>
    <t>【中铁房桥】电容枕\新Ⅱ型;2500mm;研线0308-1\包神段（三岔站_寇庄站）</t>
  </si>
  <si>
    <t>【中铁房桥】电容枕\新Ⅲ型桥枕;2600mm;研线0308-1\包神段（三岔站_寇庄站）</t>
  </si>
  <si>
    <t>【中铁房桥】砼岔枕\P50;1/12;13#;专线(01)3423\包神段（三岔站_寇庄站）</t>
  </si>
  <si>
    <t>【中铁房桥】砼岔枕\P50;1/12;21#;专线(01)3423\包神段（三岔站_寇庄站）</t>
  </si>
  <si>
    <t>【中铁房桥】砼岔枕\P50;1/12;5#;专线3355\包神段（三岔站_寇庄站）</t>
  </si>
  <si>
    <t>【中铁房桥】砼岔枕\P50;1/12;58#;专线3355\包神段（三岔站_寇庄站）</t>
  </si>
  <si>
    <t>【中铁房桥】砼岔枕\P50;1/9;20#;专线(03)3281\包神段（三岔站_寇庄站）</t>
  </si>
  <si>
    <t>【中铁房桥】砼岔枕\P50;1/9;3#;CZ2209\包神段（三岔站_寇庄站）</t>
  </si>
  <si>
    <t>【中铁房桥】砼岔枕\P50;1/9;39#;专线(03)3281\包神段（三岔站_寇庄站）</t>
  </si>
  <si>
    <t>【中铁房桥】砼岔枕\P50;1/9;48#;专线(03)3281\包神段（三岔站_寇庄站）</t>
  </si>
  <si>
    <t>【中铁房桥】砼岔枕\P50;1/9;49#;专线(03)3281\包神段（三岔站_寇庄站）</t>
  </si>
  <si>
    <t>【中铁房桥】砼岔枕\P50;1/9;52#;专线(03)3281\包神段（三岔站_寇庄站）</t>
  </si>
  <si>
    <t>【中铁房桥】砼岔枕\P50;1/9;单开31#;专线(03)3281\包神段（三岔站_寇庄站）</t>
  </si>
  <si>
    <t>【中铁房桥】砼岔枕\P50;1/9;单开32#;专线(03)3281\包神段（三岔站_寇庄站）</t>
  </si>
  <si>
    <t>【中铁房桥】砼岔枕\P50;1/9;单开33#;专线(03)3281\包神段（三岔站_寇庄站）</t>
  </si>
  <si>
    <t>【中铁房桥】砼岔枕\P50;1/9;单开34#;专线(03)3281\包神段（三岔站_寇庄站）</t>
  </si>
  <si>
    <t>【中铁房桥】砼岔枕\P50;1/9;单开35#;专线(03)3281\包神段（三岔站_寇庄站）</t>
  </si>
  <si>
    <t>【中铁房桥】砼岔枕\P50;1/9;单开36#;专线(03)3281\包神段（三岔站_寇庄站）</t>
  </si>
  <si>
    <t>【中铁房桥】砼岔枕\P50;1/9;单开37#;专线(03)3281\包神段（三岔站_寇庄站）</t>
  </si>
  <si>
    <t>【中铁房桥】砼岔枕\P60;1/12;1#;SC330-500\包神段（三岔站_寇庄站）</t>
  </si>
  <si>
    <t>【中铁房桥】砼岔枕\P60;1/12;1#;专线3399\包神段（三岔站_寇庄站）</t>
  </si>
  <si>
    <t>【中铁房桥】砼岔枕\P60;1/12;10#;专线3399\包神段（三岔站_寇庄站）</t>
  </si>
  <si>
    <t>【中铁房桥】砼岔枕\P60;1/12;11#;专线3399\包神段（三岔站_寇庄站）</t>
  </si>
  <si>
    <t>【中铁房桥】砼岔枕\P60;1/12;12#;专线3399\包神段（三岔站_寇庄站）</t>
  </si>
  <si>
    <t>【中铁房桥】砼岔枕\P60;1/12;13#;专线3399\包神段（三岔站_寇庄站）</t>
  </si>
  <si>
    <t>【中铁房桥】砼岔枕\P60;1/12;14#;专线3399\包神段（三岔站_寇庄站）</t>
  </si>
  <si>
    <t>【中铁房桥】砼岔枕\P60;1/12;15#;专线3399\包神段（三岔站_寇庄站）</t>
  </si>
  <si>
    <t>【中铁房桥】砼岔枕\P60;1/12;16#;专线3399\包神段（三岔站_寇庄站）</t>
  </si>
  <si>
    <t>【中铁房桥】砼岔枕\P60;1/12;17#;专线3399\包神段（三岔站_寇庄站）</t>
  </si>
  <si>
    <t>【中铁房桥】砼岔枕\P60;1/12;18#;专线3399\包神段（三岔站_寇庄站）</t>
  </si>
  <si>
    <t>【中铁房桥】砼岔枕\P60;1/12;19#;专线3399\包神段（三岔站_寇庄站）</t>
  </si>
  <si>
    <t>【中铁房桥】砼岔枕\P60;1/12;2#;专线3399\包神段（三岔站_寇庄站）</t>
  </si>
  <si>
    <t>【中铁房桥】砼岔枕\P60;1/12;23#;专线3399\包神段（三岔站_寇庄站）</t>
  </si>
  <si>
    <t>【中铁房桥】砼岔枕\P60;1/12;24#;专线3399\包神段（三岔站_寇庄站）</t>
  </si>
  <si>
    <t>【中铁房桥】砼岔枕\P60;1/12;25#;SC330-500\包神段（三岔站_寇庄站）</t>
  </si>
  <si>
    <t>【中铁房桥】砼岔枕\P60;1/12;25#;SC350\包神段（三岔站_寇庄站）</t>
  </si>
  <si>
    <t>【中铁房桥】砼岔枕\P60;1/12;25#;专线3399\包神段（三岔站_寇庄站）</t>
  </si>
  <si>
    <t>【中铁房桥】砼岔枕\P60;1/12;26#;SC330-500\包神段（三岔站_寇庄站）</t>
  </si>
  <si>
    <t>【中铁房桥】砼岔枕\P60;1/12;26#;SC350\包神段（三岔站_寇庄站）</t>
  </si>
  <si>
    <t>【中铁房桥】砼岔枕\P60;1/12;26#;专线3399\包神段（三岔站_寇庄站）</t>
  </si>
  <si>
    <t>【中铁房桥】砼岔枕\P60;1/12;27#;SC330-500\包神段（三岔站_寇庄站）</t>
  </si>
  <si>
    <t>【中铁房桥】砼岔枕\P60;1/12;27#;专线3399\包神段（三岔站_寇庄站）</t>
  </si>
  <si>
    <t>【中铁房桥】砼岔枕\P60;1/12;28#;SC330-500\包神段（三岔站_寇庄站）</t>
  </si>
  <si>
    <t>【中铁房桥】砼岔枕\P60;1/12;28#;专线3399\包神段（三岔站_寇庄站）</t>
  </si>
  <si>
    <t>【中铁房桥】砼岔枕\P60;1/12;28#;专线4228\包神段（三岔站_寇庄站）</t>
  </si>
  <si>
    <t>【中铁房桥】砼岔枕\P60;1/12;29#;SC330-500\包神段（三岔站_寇庄站）</t>
  </si>
  <si>
    <t>【中铁房桥】砼岔枕\P60;1/12;29#;专线3399\包神段（三岔站_寇庄站）</t>
  </si>
  <si>
    <t>【中铁房桥】砼岔枕\P60;1/12;30#;专线3399\包神段（三岔站_寇庄站）</t>
  </si>
  <si>
    <t>【中铁房桥】砼岔枕\P60;1/12;30#;专线4228\包神段（三岔站_寇庄站）</t>
  </si>
  <si>
    <t>【中铁房桥】砼岔枕\P60;1/12;32#;专线3399\包神段（三岔站_寇庄站）</t>
  </si>
  <si>
    <t>【中铁房桥】砼岔枕\P60;1/12;34#;专线3399\包神段（三岔站_寇庄站）</t>
  </si>
  <si>
    <t>【中铁房桥】砼岔枕\P60;1/12;36#;SC350\包神段（三岔站_寇庄站）</t>
  </si>
  <si>
    <t>【中铁房桥】砼岔枕\P60;1/12;37#;专线3399\包神段（三岔站_寇庄站）</t>
  </si>
  <si>
    <t>【中铁房桥】砼岔枕\P60;1/12;40#;专线3399\包神段（三岔站_寇庄站）</t>
  </si>
  <si>
    <t>【中铁房桥】砼岔枕\P60;1/12;41#;专线3399\包神段（三岔站_寇庄站）</t>
  </si>
  <si>
    <t>【中铁房桥】砼岔枕\P60;1/12;42#;专线3399\包神段（三岔站_寇庄站）</t>
  </si>
  <si>
    <t>【中铁房桥】砼岔枕\P60;1/12;43#;专线3399\包神段（三岔站_寇庄站）</t>
  </si>
  <si>
    <t>【中铁房桥】砼岔枕\P60;1/12;49#;SC330-500\包神段（三岔站_寇庄站）</t>
  </si>
  <si>
    <t>【中铁房桥】砼岔枕\P60;1/12;51#;专线3399\包神段（三岔站_寇庄站）</t>
  </si>
  <si>
    <t>【中铁房桥】砼岔枕\P60;1/12;52#;专线3399\包神段（三岔站_寇庄站）</t>
  </si>
  <si>
    <t>【中铁房桥】砼岔枕\P60;1/12;53#;SC330-500\包神段（三岔站_寇庄站）</t>
  </si>
  <si>
    <t>【中铁房桥】砼岔枕\P60;1/12;53#;专线3399\包神段（三岔站_寇庄站）</t>
  </si>
  <si>
    <t>【中铁房桥】砼岔枕\P60;1/12;53#;专线4228\包神段（三岔站_寇庄站）</t>
  </si>
  <si>
    <t>【中铁房桥】砼岔枕\P60;1/12;54#;SC330\包神段（三岔站_寇庄站）</t>
  </si>
  <si>
    <t>【中铁房桥】砼岔枕\P60;1/12;54#;专线3399\包神段（三岔站_寇庄站）</t>
  </si>
  <si>
    <t>【中铁房桥】砼岔枕\P60;1/12;55#;专线3399\包神段（三岔站_寇庄站）</t>
  </si>
  <si>
    <t>【中铁房桥】砼岔枕\P60;1/12;56#;专线3399\包神段（三岔站_寇庄站）</t>
  </si>
  <si>
    <t>【中铁房桥】砼岔枕\P60;1/12;57#;专线3399\包神段（三岔站_寇庄站）</t>
  </si>
  <si>
    <t>【中铁房桥】砼岔枕\P60;1/12;57#;专线4228\包神段（三岔站_寇庄站）</t>
  </si>
  <si>
    <t>【中铁房桥】砼岔枕\P60;1/12;58#;专线3399\包神段（三岔站_寇庄站）</t>
  </si>
  <si>
    <t>【中铁房桥】砼岔枕\P60;1/12;59#;专线3399\包神段（三岔站_寇庄站）</t>
  </si>
  <si>
    <t>【中铁房桥】砼岔枕\P60;1/12;60#;专线3399\包神段（三岔站_寇庄站）</t>
  </si>
  <si>
    <t>【中铁房桥】砼岔枕\P60;1/12;61#;专线3399\包神段（三岔站_寇庄站）</t>
  </si>
  <si>
    <t>【中铁房桥】砼岔枕\P60;1/12;62#;专线3399\包神段（三岔站_寇庄站）</t>
  </si>
  <si>
    <t>【中铁房桥】砼岔枕\P60;1/12;63#;SC330-500\包神段（三岔站_寇庄站）</t>
  </si>
  <si>
    <t>【中铁房桥】砼岔枕\P60;1/12;63#;SC340\包神段（三岔站_寇庄站）</t>
  </si>
  <si>
    <t>【中铁房桥】砼岔枕\P60;1/12;63#;专线3399\包神段（三岔站_寇庄站）</t>
  </si>
  <si>
    <t>【中铁房桥】砼岔枕\P60;1/12;63#;专线3402\包神段（三岔站_寇庄站）</t>
  </si>
  <si>
    <t>【中铁房桥】砼岔枕\P60;1/12;63#;专线4228\包神段（三岔站_寇庄站）</t>
  </si>
  <si>
    <t>【中铁房桥】砼岔枕\P60;1/12;63Z#;SC341-500\包神段（三岔站_寇庄站）</t>
  </si>
  <si>
    <t>【中铁房桥】砼岔枕\P60;1/12;64#;SC330\包神段（三岔站_寇庄站）</t>
  </si>
  <si>
    <t>【中铁房桥】砼岔枕\P60;1/12;64#;SC340\包神段（三岔站_寇庄站）</t>
  </si>
  <si>
    <t>【中铁房桥】砼岔枕\P60;1/12;64#;专线3399\包神段（三岔站_寇庄站）</t>
  </si>
  <si>
    <t>【中铁房桥】砼岔枕\P60;1/12;64#;专线3402\包神段（三岔站_寇庄站）</t>
  </si>
  <si>
    <t>【中铁房桥】砼岔枕\P60;1/12;64Z#;SC341-500\包神段（三岔站_寇庄站）</t>
  </si>
  <si>
    <t>【中铁房桥】砼岔枕\P60;1/12;65#;交渡;SC340C\包神段（三岔站_寇庄站）</t>
  </si>
  <si>
    <t>【中铁房桥】砼岔枕\P60;1/12;65#;专线3399\包神段（三岔站_寇庄站）</t>
  </si>
  <si>
    <t>【中铁房桥】砼岔枕\P60;1/12;66#;专线3399\包神段（三岔站_寇庄站）</t>
  </si>
  <si>
    <t>【中铁房桥】砼岔枕\P60;1/12;67#;专线3399\包神段（三岔站_寇庄站）</t>
  </si>
  <si>
    <t>【中铁房桥】砼岔枕\P60;1/12;68#;专线3399\包神段（三岔站_寇庄站）</t>
  </si>
  <si>
    <t>【中铁房桥】砼岔枕\P60;1/12;69#;专线3399\包神段（三岔站_寇庄站）</t>
  </si>
  <si>
    <t>【中铁房桥】砼岔枕\P60;1/12;73#;专线3402\包神段（三岔站_寇庄站）</t>
  </si>
  <si>
    <t>【中铁房桥】砼岔枕\P60;1/12;74#;专线3402\包神段（三岔站_寇庄站）</t>
  </si>
  <si>
    <t>【中铁房桥】砼岔枕\P60;1/18;21#;专线3386\包神段（三岔站_寇庄站）</t>
  </si>
  <si>
    <t>【中铁房桥】砼岔枕\P60;1/18;32#;专线3386\包神段（三岔站_寇庄站）</t>
  </si>
  <si>
    <t>【中铁房桥】砼岔枕\P60;1/18;33#;专线3386\包神段（三岔站_寇庄站）</t>
  </si>
  <si>
    <t>【中铁房桥】砼岔枕\P60;1/18;34#;专线3386\包神段（三岔站_寇庄站）</t>
  </si>
  <si>
    <t>【中铁房桥】砼岔枕\P60;1/18;71#;专线3386\包神段（三岔站_寇庄站）</t>
  </si>
  <si>
    <t>【中铁房桥】砼岔枕\P60;1/18;72#;专线3386\包神段（三岔站_寇庄站）</t>
  </si>
  <si>
    <t>【中铁房桥】砼岔枕\P60;1/9;34#;交渡;SC392C\包神段（三岔站_寇庄站）</t>
  </si>
  <si>
    <t>【中铁房桥】砼岔枕\P60;1/9;42#;专线(03)3366\包神段（三岔站_寇庄站）</t>
  </si>
  <si>
    <t>【中铁房桥】砼岔枕\P60;1/9;43#;专线(03)3366\包神段（三岔站_寇庄站）</t>
  </si>
  <si>
    <t>【中铁房桥】砼岔枕\P60;1/9;49#;SC390\包神段（三岔站_寇庄站）</t>
  </si>
  <si>
    <t>【中铁房桥】砼岔枕\P60;1/9;49#;专线(03)3366\包神段（三岔站_寇庄站）</t>
  </si>
  <si>
    <t>【中铁房桥】砼岔枕\P60;1/9;5#;SC390\包神段（三岔站_寇庄站）</t>
  </si>
  <si>
    <t>【中铁房桥】砼岔枕\P60;1/9;50#;SC390\包神段（三岔站_寇庄站）</t>
  </si>
  <si>
    <t>【中铁房桥】砼岔枕\P60;1/9;54#;专线(03)3366\包神段（三岔站_寇庄站）</t>
  </si>
  <si>
    <t>【中铁房桥】砼岔枕\P60;1/9;6#;SC390\包神段（三岔站_寇庄站）</t>
  </si>
  <si>
    <t>【中铁房桥】砼岔枕\P60;1/9;7#;SC390\包神段（三岔站_寇庄站）</t>
  </si>
  <si>
    <t>【中铁房桥】砼岔枕\P60;1/9;8#;SC390\包神段（三岔站_寇庄站）</t>
  </si>
  <si>
    <t>【中铁房桥】砼岔枕\P60;1/9;9#;SC390\包神段（三岔站_寇庄站）</t>
  </si>
  <si>
    <t>【中铁房桥】砼岔枕\P60;1/9;交渡12#;CZ581Z\包神段（三岔站_寇庄站）</t>
  </si>
  <si>
    <t>【中铁房桥】砼岔枕\P60;1/9;交渡16#;CZ581Z\包神段（三岔站_寇庄站）</t>
  </si>
  <si>
    <t>【中铁房桥】砼岔枕\P60;1/9;交渡22#;CZ580Z\包神段（三岔站_寇庄站）</t>
  </si>
  <si>
    <t>【中铁房桥】砼岔枕\P60;1/9;交渡23#;CZ581Z\包神段（三岔站_寇庄站）</t>
  </si>
  <si>
    <t>【中铁房桥】砼岔枕\P60;1/9;交渡24#;CZ581Z\包神段（三岔站_寇庄站）</t>
  </si>
  <si>
    <t>【中铁房桥】砼岔枕\P60;1/9;交渡25#;CZ581Z\包神段（三岔站_寇庄站）</t>
  </si>
  <si>
    <t>【中铁房桥】砼岔枕\P60;1/9;交渡40#;CZ580Z\包神段（三岔站_寇庄站）</t>
  </si>
  <si>
    <t>【中铁房桥】砼岔枕\P60;1/9;交渡44#;CZ581Z\包神段（三岔站_寇庄站）</t>
  </si>
  <si>
    <t>【中铁房桥】砼岔枕\P60;1/9;交渡49#;CZ581Z\包神段（三岔站_寇庄站）</t>
  </si>
  <si>
    <t>【中铁房桥】砼岔枕\P60;1/9;交渡50#;CZ581Z\包神段（三岔站_寇庄站）</t>
  </si>
  <si>
    <t>【中铁房桥】砼岔枕\P75;1/12;1#;SC559-500\包神段（三岔站_寇庄站）</t>
  </si>
  <si>
    <t>【中铁房桥】砼岔枕\P75;1/12;2#;SC559-500\包神段（三岔站_寇庄站）</t>
  </si>
  <si>
    <t>【中铁房桥】砼岔枕\P75;1/12;25#;SC559-500\包神段（三岔站_寇庄站）</t>
  </si>
  <si>
    <t>【中铁房桥】砼岔枕\P75;1/12;26#;SC559-500\包神段（三岔站_寇庄站）</t>
  </si>
  <si>
    <t>【中铁房桥】砼岔枕\P75;1/12;27#;SC559-500\包神段（三岔站_寇庄站）</t>
  </si>
  <si>
    <t>【中铁房桥】砼岔枕\P75;1/12;28#;SC559-500\包神段（三岔站_寇庄站）</t>
  </si>
  <si>
    <t>【中铁房桥】砼岔枕\P75;1/12;29#;SC559-500\包神段（三岔站_寇庄站）</t>
  </si>
  <si>
    <t>【中铁房桥】砼岔枕\P75;1/12;3#;SC559-500\包神段（三岔站_寇庄站）</t>
  </si>
  <si>
    <t>【中铁房桥】砼岔枕\P75;1/12;30#;SC559-500\包神段（三岔站_寇庄站）</t>
  </si>
  <si>
    <t>【中铁房桥】砼岔枕\P75;1/12;31#;SC559-500\包神段（三岔站_寇庄站）</t>
  </si>
  <si>
    <t>【中铁房桥】砼岔枕\P75;1/12;39#;SC559-500\包神段（三岔站_寇庄站）</t>
  </si>
  <si>
    <t>【中铁房桥】砼岔枕\P75;1/12;40#;SC559-500\包神段（三岔站_寇庄站）</t>
  </si>
  <si>
    <t>【中铁房桥】砼岔枕\P75;1/12;5.3m交渡;CZ716\包神段（三岔站_寇庄站）</t>
  </si>
  <si>
    <t>【中铁房桥】砼岔枕\P75;1/12;50#;SC559-500\包神段（三岔站_寇庄站）</t>
  </si>
  <si>
    <t>【中铁房桥】砼岔枕\P75;1/12;51#;SC559-500\包神段（三岔站_寇庄站）</t>
  </si>
  <si>
    <t>【中铁房桥】砼岔枕\P75;1/12;52#;SC559-500\包神段（三岔站_寇庄站）</t>
  </si>
  <si>
    <t>【中铁房桥】砼岔枕\P75;1/12;53#;SC559-500\包神段（三岔站_寇庄站）</t>
  </si>
  <si>
    <t>【中铁房桥】砼岔枕\P75;1/12;54#;SC559-500\包神段（三岔站_寇庄站）</t>
  </si>
  <si>
    <t>【中铁房桥】砼岔枕\P75;1/12;55#;SC559-500\包神段（三岔站_寇庄站）</t>
  </si>
  <si>
    <t>【中铁房桥】砼岔枕\P75;1/12;56#;SC559-500\包神段（三岔站_寇庄站）</t>
  </si>
  <si>
    <t>【中铁房桥】砼岔枕\P75;1/12;60#;SC559-500\包神段（三岔站_寇庄站）</t>
  </si>
  <si>
    <t>【中铁房桥】砼岔枕\P75;1/12;61#;SC559-500\包神段（三岔站_寇庄站）</t>
  </si>
  <si>
    <t>【中铁房桥】砼岔枕\P75;1/12;62#;SC559-500\包神段（三岔站_寇庄站）</t>
  </si>
  <si>
    <t>【中铁房桥】砼岔枕\P75;1/12;63#;SC559-500\包神段（三岔站_寇庄站）</t>
  </si>
  <si>
    <t>【中铁房桥】砼岔枕\P75;1/12;64#;SC559-500\包神段（三岔站_寇庄站）</t>
  </si>
  <si>
    <t>【中铁房桥】砼岔枕\P75;1/12;65#;SC559-500\包神段（三岔站_寇庄站）</t>
  </si>
  <si>
    <t>【中铁房桥】砼岔枕\P75;1/12;66#;SC559-500\包神段（三岔站_寇庄站）</t>
  </si>
  <si>
    <t>【中铁房桥】砼岔枕\P75;1/12;67#;SC559-500\包神段（三岔站_寇庄站）</t>
  </si>
  <si>
    <t>【中铁房桥】砼岔枕\P75;1/12;68#;SC559-500\包神段（三岔站_寇庄站）</t>
  </si>
  <si>
    <t>【中铁房桥】砼岔枕\P75;1/12;80#;SC559-500\包神段（三岔站_寇庄站）</t>
  </si>
  <si>
    <t>【中铁房桥】砼岔枕\P75;1/12;81#;SC559-500\包神段（三岔站_寇庄站）</t>
  </si>
  <si>
    <t>【中铁房桥】砼岔枕\P75;1/12;单开;专线4228\包神段（三岔站_寇庄站）</t>
  </si>
  <si>
    <t>【中铁房桥】砼桥枕\ⅡZQ-C型0#\包神段（三岔站_寇庄站）</t>
  </si>
  <si>
    <t>【中铁房桥】砼桥枕\Ⅲ型\包神段（三岔站_寇庄站）</t>
  </si>
  <si>
    <t>【中铁房桥】砼桥枕\梭头;新Ⅲ型;1#\包神段（三岔站_寇庄站）</t>
  </si>
  <si>
    <t>【中铁房桥】砼桥枕\梭头;新Ⅲ型;2#\包神段（三岔站_寇庄站）</t>
  </si>
  <si>
    <t>【中铁房桥】砼桥枕\梭头;新Ⅲ型;3#\包神段（三岔站_寇庄站）</t>
  </si>
  <si>
    <t>【中铁房桥】砼桥枕\梭头;新Ⅲ型;4#\包神段（三岔站_寇庄站）</t>
  </si>
  <si>
    <t>【中铁房桥】砼桥枕\新Ⅲ型\包神段（三岔站_寇庄站）</t>
  </si>
  <si>
    <t>【中铁房桥】砼桥枕\专线3448;弹性;新Ⅲ型\包神段（三岔站_寇庄站）</t>
  </si>
  <si>
    <t>【中铁房桥】砼桥枕\专线3448;弹性;新Ⅲ型;1#\包神段（三岔站_寇庄站）</t>
  </si>
  <si>
    <t>【中铁房桥】砼桥枕\专线3448;弹性;新Ⅲ型;2#\包神段（三岔站_寇庄站）</t>
  </si>
  <si>
    <t>【中铁房桥】砼桥枕\专线3448;弹性;新Ⅲ型;3#\包神段（三岔站_寇庄站）</t>
  </si>
  <si>
    <t>【中铁房桥】砼桥枕\专线3448;弹性;新Ⅲ型;4#\包神段（三岔站_寇庄站）</t>
  </si>
  <si>
    <t>【中铁房桥】砼枕\X-Ⅱ型\包神段（三岔站_寇庄站）</t>
  </si>
  <si>
    <t>【中铁房桥】砼枕\YⅡ-F\包神段（三岔站_寇庄站）</t>
  </si>
  <si>
    <t>【中铁房桥】砼枕\弹性;ⅢA型\包神段（三岔站_寇庄站）</t>
  </si>
  <si>
    <t>【中铁房桥】砼枕\专线3393;ⅢA型\包神段（三岔站_寇庄站）</t>
  </si>
  <si>
    <t>【朗科】移动硬盘\K218 500GB\USB3.0</t>
  </si>
  <si>
    <t>深圳市朗科科技有限公司</t>
  </si>
  <si>
    <t>朗科</t>
  </si>
  <si>
    <t>GNWZBP (TH) ZECG2020-086</t>
  </si>
  <si>
    <t>国家能源e 购商城lT专区朗科移动硬盘铺货采购合同</t>
  </si>
  <si>
    <t>深圳市硅谷冠力电子科技有限公司</t>
  </si>
  <si>
    <t>【朗科】移动硬盘\K218 1TB\USB3.0</t>
  </si>
  <si>
    <t>【朗科】移动固态硬盘\Z SLIM 512GB\USB3.1</t>
  </si>
  <si>
    <t>【朗科】移动硬盘\ZSlim 1TB\USB3.1</t>
  </si>
  <si>
    <t>【朗科】移动固态硬盘\Z8 512GB\USB3.1</t>
  </si>
  <si>
    <t>【朗科】移动固态硬盘\Z8 1TB\USB3.1</t>
  </si>
  <si>
    <t>【国电环保院】催化剂供货抽检及质量性能检测服务\单台炉\≤200m3</t>
  </si>
  <si>
    <t>国电环境保护研究院有限公司</t>
  </si>
  <si>
    <t>国电环保院</t>
  </si>
  <si>
    <t>GNWZBP(TH)ZYCG2020-188</t>
  </si>
  <si>
    <t>2020年度北京配送SCR脱硝催化剂性能检测服务长协采购</t>
  </si>
  <si>
    <t>【国电环保院】催化剂供货抽检及质量性能检测服务\单台炉\&gt;500</t>
  </si>
  <si>
    <t>【国电环保院】催化剂供货抽检及质量性能检测服务\单台炉\&gt;200且≤500</t>
  </si>
  <si>
    <t>【国电环保院】在役催化剂性能检测300MW等级及以下</t>
  </si>
  <si>
    <t>【国电环保院】在役催化剂性能检测600MW等级及以上</t>
  </si>
  <si>
    <t>【国电环保院】在役催化剂性能检测和评估300MW等级及以下</t>
  </si>
  <si>
    <t>【国电环保院】在役催化剂性能检测和评估600MW等级及以上</t>
  </si>
  <si>
    <t>【华为】2U2路高性能存储型机架式服务器（含服务包）\2288H V5\Intel Xeon 5218R(2.1GHz,20core)*2/内存32GB*8(或64GB*4)/存储480GB*2(SSD),2.4T*6,960TB*1(SSD)/4×1GE电口,4×10GE光口,25GE双端口网卡</t>
  </si>
  <si>
    <t>【华为】2U2路GPU影像机架式服务器\2288H V5\Intel Xeon 6242(2.8GHz,16core)*2/内存32GB*8(或64GB*4)/存储1.2TB*6/4×1GE电口, 2×10GE光口/NVIDIA pcie Tesla V100 32G</t>
  </si>
  <si>
    <t>【华为】2U2路GPU影像机架式服务器（含服务包）\2288H V5\Intel Xeon 6242(2.8GHz,16core)*2/内存32GB*8(或64GB*4)/存储1.2TB*6/4×1GE电口, 2×10GE光口/NVIDIA pcie Tesla V100 32G</t>
  </si>
  <si>
    <t>【华为】4U4路服务器\2488H V5\Intel Xeon 8276(2.2GHz,28core)*4/内存32GB*16(或64GB*8)/存储1.2TB*4/4×1GE电口,4×10GE光口</t>
  </si>
  <si>
    <t>【华为】4U4路服务器（含服务包）\2488H V5\Intel Xeon 8276(2.2GHz,28core)*4/内存32GB*16(或64GB*8)/存储1.2TB*4/4×1GE电口,4×10GE光口</t>
  </si>
  <si>
    <t>【国华电力研究院】新采购催化剂性能检测</t>
  </si>
  <si>
    <t>神华国华（北京）电力研究院有限公司</t>
  </si>
  <si>
    <t>国华电力研究院</t>
  </si>
  <si>
    <t>GNWZBP(TH)ZYCG2020-186</t>
  </si>
  <si>
    <t>SCR脱硝催化剂性能检测服务长协采购</t>
  </si>
  <si>
    <t>神华国华(北京)电力研究院有限公司</t>
  </si>
  <si>
    <t>【国华电力研究院】在役催化剂性能检测</t>
  </si>
  <si>
    <t>【国华电力研究院】在役催化剂性能检测和评估</t>
  </si>
  <si>
    <t>【国神山东建设】新采购催化剂性能检测</t>
  </si>
  <si>
    <t>神华国能山东建设集团有限公司</t>
  </si>
  <si>
    <t>国神山东建设</t>
  </si>
  <si>
    <t>GNWZBP(TH)ZYCG2020-184</t>
  </si>
  <si>
    <t>【国神山东建设】在役催化剂性能检测</t>
  </si>
  <si>
    <t>【国神山东建设】在役催化剂性能检测和评估</t>
  </si>
  <si>
    <t>【攀钢（肃宁站）】钢轨\50kg/m\24.96m\U71Mn\有孔</t>
  </si>
  <si>
    <t>GNWZBP（TH）ZECG2020-050</t>
  </si>
  <si>
    <t>国家能源e购商城攀钢钢轨配件肃宁站铺货采购合同</t>
  </si>
  <si>
    <t>【攀钢（肃宁站）】钢轨\50kg/m\25.00m\U75V\有孔</t>
  </si>
  <si>
    <t>【攀钢（肃宁站）】钢轨\50kg/m\24.92m\U75V\有孔</t>
  </si>
  <si>
    <t>【攀钢（肃宁站）】钢轨\60kg/m\12.50m\U71Mn\有孔</t>
  </si>
  <si>
    <t>【攀钢（肃宁站）】钢轨\50kg/m\12.50m\U71Mn\无孔</t>
  </si>
  <si>
    <t>【攀钢（肃宁站）】钢轨\50kg/m\12.50m\U71Mn\有孔</t>
  </si>
  <si>
    <t>【攀钢（肃宁站）】淬火钢轨\50kg/m\25.00m\U71Mn\有孔</t>
  </si>
  <si>
    <t>【攀钢（肃宁站）】钢轨\50kg/m\25.00m\U71Mn\一端孔</t>
  </si>
  <si>
    <t>【攀钢（肃宁站）】钢轨\50kg/m\25.00m\U71Mn\有孔</t>
  </si>
  <si>
    <t>【攀钢（肃宁站）】淬火钢轨\60kg/m\25.00m\U75V\有孔</t>
  </si>
  <si>
    <t>【攀钢（肃宁站）】钢轨\60kg/m\25.00m\U71Mn\有孔</t>
  </si>
  <si>
    <t>【攀钢（肃宁站）】淬火钢轨\50kg/m\25.00m\U71Mn\一端孔</t>
  </si>
  <si>
    <t>【攀钢（肃宁站）】淬火钢轨\60kg/m\25.00m\U75V\一端孔</t>
  </si>
  <si>
    <t>【攀钢（肃宁站）】钢轨\50kg/m\25.00m\U71Mn\无孔</t>
  </si>
  <si>
    <t>【攀钢（肃宁站）】淬火钢轨\75kg/m\25.00m\U75V\无孔</t>
  </si>
  <si>
    <t>【攀钢（肃宁站）】钢轨\60kg/m\24.92m\U75V\有孔</t>
  </si>
  <si>
    <t>【攀钢（肃宁站）】钢轨\60kg/m\24.96m\U75V\有孔</t>
  </si>
  <si>
    <t>【攀钢（肃宁站）】钢轨\60kg/m\25.00m\U75V\无孔</t>
  </si>
  <si>
    <t>【攀钢（肃宁站）】钢轨\60kg/m\25.00m\U75V\有孔</t>
  </si>
  <si>
    <t>【攀钢（肃宁站）】淬火钢轨\60kg/m\24.92m\U75V\有孔</t>
  </si>
  <si>
    <t>【攀钢（肃宁站）】淬火钢轨\60kg/m\25.00m\U75V\无孔</t>
  </si>
  <si>
    <t>【攀钢（肃宁站）】钢轨\50kg/m\24.84m\U71Mn\有孔</t>
  </si>
  <si>
    <t>【攀钢（肃宁站）】钢轨\50kg/m\24.92m\U71Mn\有孔</t>
  </si>
  <si>
    <t>【攀钢（肃宁站）】钢轨\60kg/m\24.84m\U75V\有孔</t>
  </si>
  <si>
    <t>【攀钢（肃宁站）】钢轨\75kg/m\12.50m\U75V\有孔</t>
  </si>
  <si>
    <t>【攀钢（肃宁站）】钢轨\60kg/m\12.50m\U75V\有孔</t>
  </si>
  <si>
    <t>【攀钢（肃宁站）】淬火钢轨\60kg/m\24.96m\U75V\有孔</t>
  </si>
  <si>
    <t>【攀钢（肃宁站）】钢轨\75kg/m\25.00m\U75V\有孔</t>
  </si>
  <si>
    <t>【攀钢（肃宁站）】淬火钢轨\75kg/m\25.00m\U75V\一端孔</t>
  </si>
  <si>
    <t>【攀钢（肃宁站）】钢轨\60kg/m\25.00m\U75V\一端孔</t>
  </si>
  <si>
    <t>【攀钢（肃宁站）】钢轨\60kg/m\25.00m\U71Mn\一端孔</t>
  </si>
  <si>
    <t>【攀钢（肃宁站）】钢轨\60kg/m\24.84m\U71Mn\有孔</t>
  </si>
  <si>
    <t>【攀钢（肃宁站）】钢轨\60kg/m\24.96m\U71Mn\有孔</t>
  </si>
  <si>
    <t>【攀钢（肃宁站）】钢轨\60kg/m\25.00m\U71Mn\无孔</t>
  </si>
  <si>
    <t>【攀钢（肃宁站）】钢轨\75kg/m\25.00m\U75V\无孔</t>
  </si>
  <si>
    <t>【攀钢（肃宁站）】钢轨\新廓形60N\25.00m\U75V\无孔</t>
  </si>
  <si>
    <t>【攀钢（肃宁站）】淬火钢轨\75kg/m\25.00m\PG4\无孔</t>
  </si>
  <si>
    <t>【攀钢（肃宁站）】钢轨\75kg/m\25.00m\PG4\一端孔</t>
  </si>
  <si>
    <t>【攀钢（肃宁站）】淬火钢轨\60kg/m\百米轨\PG4\无孔</t>
  </si>
  <si>
    <t>【攀钢（肃宁站）】淬火钢轨\60kg/m\25.00m\PG4\无孔</t>
  </si>
  <si>
    <t>【攀钢（肃宁站）】淬火钢轨\60kg/m\25.00m\PG4\有孔</t>
  </si>
  <si>
    <t>【攀钢（肃宁站）】钢轨\60kg/m\25.00m\PG4\无孔</t>
  </si>
  <si>
    <t>【攀钢（肃宁站）】钢轨\新廓形60N\25.00m\PG4\无孔</t>
  </si>
  <si>
    <t>【攀钢（肃宁站）】淬火钢轨\新廓形75N\25.00m\PG4\无孔</t>
  </si>
  <si>
    <t>【攀钢（肃宁站）】钢轨\新廓形75N\25.00m\PG4\无孔</t>
  </si>
  <si>
    <t>【攀钢（肃宁站）】钢轨\75kg/m\25.00m\PG4\无孔</t>
  </si>
  <si>
    <t>【攀钢（肃宁站）】钢轨\75kg/m\25.00m\PG5\无孔</t>
  </si>
  <si>
    <t>【包钢（肃宁站）】钢轨\50kg/m\25.00m\U71Mn\有孔</t>
  </si>
  <si>
    <t>GNWZBP（TH）ZECG2020-047</t>
  </si>
  <si>
    <t>国家能源e购商城包钢钢轨配件肃宁站铺货采购合同</t>
  </si>
  <si>
    <t>【包钢（肃宁站）】钢轨\50kg/m\12.50m\U71Mn\有孔</t>
  </si>
  <si>
    <t>【包钢（肃宁站）】淬火钢轨\60kg/m\25.00m\U75V\一端孔</t>
  </si>
  <si>
    <t>【包钢（肃宁站）】钢轨\60kg/m\12.50m\U71Mn\有孔</t>
  </si>
  <si>
    <t>【包钢（肃宁站）】钢轨\60kg/m\12.50m\U75V\有孔</t>
  </si>
  <si>
    <t>【包钢（肃宁站）】钢轨\75kg/m\25.00m\U75V\有孔</t>
  </si>
  <si>
    <t>【包钢（肃宁站）】钢轨\50kg/m\25.00m\U71Mn\一端孔</t>
  </si>
  <si>
    <t>【包钢（肃宁站）】钢轨\75kg/m\12.50m\U75V\有孔</t>
  </si>
  <si>
    <t>【包钢（肃宁站）】钢轨\60kg/m\25.00m\U71Mn\一端孔</t>
  </si>
  <si>
    <t>【包钢（肃宁站）】淬火钢轨\60kg/m\25.00m\U75V\有孔</t>
  </si>
  <si>
    <t>【包钢（肃宁站）】钢轨\60kg/m\24.96m\U71Mn\有孔</t>
  </si>
  <si>
    <t>【包钢（肃宁站）】钢轨\新廓形60N\25.00m\U75V\无孔</t>
  </si>
  <si>
    <t>【包钢（肃宁站）】钢轨\60kg/m\25.00m\U75V\一端孔</t>
  </si>
  <si>
    <t>【包钢（肃宁站）】淬火钢轨\75kg/m\百米轨\U75V\无孔</t>
  </si>
  <si>
    <t>【包钢（肃宁站）】钢轨\50kg/m\25.00m\U75V\有孔</t>
  </si>
  <si>
    <t>【包钢（肃宁站）】淬火钢轨\75kg/m\25.00m\U75V\无孔</t>
  </si>
  <si>
    <t>【包钢（肃宁站）】钢轨\60kg/m\25.00m\U76CrRe\无孔</t>
  </si>
  <si>
    <t>【包钢（肃宁站）】钢轨\60kg/m\25.00m\U76CrRe\有孔</t>
  </si>
  <si>
    <t>【包钢（肃宁站）】钢轨\75kg/m\25.00m\U75V\无孔</t>
  </si>
  <si>
    <t>【包钢（肃宁站）】淬火钢轨\50kg/m\25.00m\U71Mn\有孔</t>
  </si>
  <si>
    <t>【包钢（肃宁站）】淬火钢轨\50kg/m\25.00m\U71Mn\一端孔</t>
  </si>
  <si>
    <t>【包钢（肃宁站）】淬火钢轨\60kg/m\24.92m\U75V\有孔</t>
  </si>
  <si>
    <t>【包钢（肃宁站）】钢轨\50kg/m\24.92m\U71Mn\有孔</t>
  </si>
  <si>
    <t>【包钢（肃宁站）】淬火钢轨\75kg/m\25.00m\U75V\一端孔</t>
  </si>
  <si>
    <t>【包钢（肃宁站）】钢轨\60kg/m\24.84m\U71Mn\有孔</t>
  </si>
  <si>
    <t>【包钢（肃宁站）】钢轨\60kg/m\25.00m\U71Mn\无孔</t>
  </si>
  <si>
    <t>【包钢（肃宁站）】钢轨\50kg/m\25.00m\U71Mn\无孔</t>
  </si>
  <si>
    <t>【包钢（肃宁站）】钢轨\50kg/m\12.50m\U71Mn\无孔</t>
  </si>
  <si>
    <t>【包钢（肃宁站）】钢轨\60kg/m\25.00m\U71Mn\有孔</t>
  </si>
  <si>
    <t>【包钢（肃宁站）】淬火钢轨\60kg/m\24.96m\U75V\有孔</t>
  </si>
  <si>
    <t>【包钢（肃宁站）】钢轨\50kg/m\24.92m\U75V\有孔</t>
  </si>
  <si>
    <t>【包钢（肃宁站）】钢轨\60kg/m\24.84m\U75V\有孔</t>
  </si>
  <si>
    <t>【包钢（肃宁站）】钢轨\50kg/m\24.84m\U71Mn\有孔</t>
  </si>
  <si>
    <t>【包钢（肃宁站）】钢轨\60kg/m\24.96m\U75V\有孔</t>
  </si>
  <si>
    <t>【包钢（肃宁站）】钢轨\50kg/m\24.96m\U71Mn\有孔</t>
  </si>
  <si>
    <t>【包钢（肃宁站）】淬火钢轨\60kg/m\25.00m\U75V\无孔</t>
  </si>
  <si>
    <t>【包钢（肃宁站）】钢轨\60kg/m\25.00m\U75V\有孔</t>
  </si>
  <si>
    <t>【包钢（肃宁站）】钢轨\60kg/m\24.92m\U75V\有孔</t>
  </si>
  <si>
    <t>【包钢（肃宁站）】钢轨\60kg/m\25.00m\U75V\无孔</t>
  </si>
  <si>
    <t>【ZWZ】角接触球轴承\3322M</t>
  </si>
  <si>
    <t>瓦房店轴承股份有限公司</t>
  </si>
  <si>
    <t>ZWZ</t>
  </si>
  <si>
    <t>GNWZBP(TH)ZYCG2020-255</t>
  </si>
  <si>
    <t>2020年度北京配送（神华天泓）瓦房店轴承商城铺货长协采购 供货合同（宁夏百瑞）</t>
  </si>
  <si>
    <t>宁夏百瑞进口轴承销售有限公司</t>
  </si>
  <si>
    <t>【ZWZ】角接触球轴承\7226BM</t>
  </si>
  <si>
    <t>【ZWZ】角接触球轴承\7228BM</t>
  </si>
  <si>
    <t>【ZWZ】角接触球轴承\7307ACM</t>
  </si>
  <si>
    <t>【ZWZ】角接触球轴承\7311ACM</t>
  </si>
  <si>
    <t>【ZWZ】角接触球轴承\7312BM</t>
  </si>
  <si>
    <t>【ZWZ】角接触球轴承\7319BM</t>
  </si>
  <si>
    <t>【ZWZ】角接触球轴承\7320BM</t>
  </si>
  <si>
    <t>【ZWZ】角接触球轴承\7326BM</t>
  </si>
  <si>
    <t>【ZWZ】角接触球轴承\7212AC/P5</t>
  </si>
  <si>
    <t>【ZWZ】角接触球轴承\7311BM/P5</t>
  </si>
  <si>
    <t>【ZWZ】角接触球轴承\7213ACM/P5</t>
  </si>
  <si>
    <t>【ZWZ】角接触球轴承\7214ACM/P5</t>
  </si>
  <si>
    <t>【ZWZ】角接触球轴承\7312ACM/P5</t>
  </si>
  <si>
    <t>【ZWZ】角接触球轴承\7313ACM/P5</t>
  </si>
  <si>
    <t>【ZWZ】角接触球轴承\7215AC/P5</t>
  </si>
  <si>
    <t>【ZWZ】角接触球轴承\7215ACM/P5</t>
  </si>
  <si>
    <t>【ZWZ】角接触球轴承\7314ACM/P5</t>
  </si>
  <si>
    <t>【ZWZ】角接触球轴承\7316ACM/P5</t>
  </si>
  <si>
    <t>【ZWZ】角接触球轴承\7219ACM/P5</t>
  </si>
  <si>
    <t>【ZWZ】角接触球轴承\7317BM/P5</t>
  </si>
  <si>
    <t>【ZWZ】角接触球轴承\7318ACM/P5</t>
  </si>
  <si>
    <t>【ZWZ】角接触球轴承\7319ACM/P5</t>
  </si>
  <si>
    <t>【ZWZ】角接触球轴承\7224ACM/P5</t>
  </si>
  <si>
    <t>【ZWZ】角接触球轴承\7226ACM/P5</t>
  </si>
  <si>
    <t>【ZWZ】角接触球轴承\7322ACM/P5</t>
  </si>
  <si>
    <t>【ZWZ】角接触球轴承\7322B/P5</t>
  </si>
  <si>
    <t>【ZWZ】角接触球轴承\7034AC/P5</t>
  </si>
  <si>
    <t>【ZWZ】角接触球轴承\7232AC/P5</t>
  </si>
  <si>
    <t>【ZWZ】角接触球轴承\7234AC/P5</t>
  </si>
  <si>
    <t>【ZWZ】角接触球轴承\7040AC/P5</t>
  </si>
  <si>
    <t>【ZWZ】角接触球轴承\7309BM/P5DT</t>
  </si>
  <si>
    <t>【ZWZ】角接触球轴承\QJ313N2Q1</t>
  </si>
  <si>
    <t>【ZWZ】角接触球轴承\7314BM/P5DT</t>
  </si>
  <si>
    <t>【ZWZ】角接触球轴承\QJ315N2</t>
  </si>
  <si>
    <t>【ZWZ】角接触球轴承\QJ218N2</t>
  </si>
  <si>
    <t>【ZWZ】角接触球轴承\QJ220</t>
  </si>
  <si>
    <t>【ZWZ】角接触球轴承\QJ317N2</t>
  </si>
  <si>
    <t>【ZWZ】角接触球轴承\QJ318N2</t>
  </si>
  <si>
    <t>【ZWZ】角接触球轴承\QJ322N2Q1</t>
  </si>
  <si>
    <t>【ZWZ】角接触球轴承\QJ320N2/P5</t>
  </si>
  <si>
    <t>【ZWZ】角接触球轴承\QJ224/C3</t>
  </si>
  <si>
    <t>【ZWZ】角接触球轴承\QJ226N2</t>
  </si>
  <si>
    <t>【ZWZ】角接触球轴承\7322BM/P5DT</t>
  </si>
  <si>
    <t>【ZWZ】角接触球轴承\QJ322</t>
  </si>
  <si>
    <t>【ZWZ】角接触球轴承\QJ324Q1/C3S1</t>
  </si>
  <si>
    <t>【ZWZ】角接触球轴承\QJ324</t>
  </si>
  <si>
    <t>【ZWZ】角接触球轴承\QJ230</t>
  </si>
  <si>
    <t>【ZWZ】角接触球轴承\QJ326N2</t>
  </si>
  <si>
    <t>【ZWZ】角接触球轴承\QJ232</t>
  </si>
  <si>
    <t>【ZWZ】角接触球轴承\7328B/P5</t>
  </si>
  <si>
    <t>【ZWZ】角接触球轴承\QJ328N2Q1</t>
  </si>
  <si>
    <t>【ZWZ】角接触球轴承\QJ234N2Q1</t>
  </si>
  <si>
    <t>【ZWZ】角接触球轴承\7330ACM/P5</t>
  </si>
  <si>
    <t>【ZWZ】角接触球轴承\QJ330N2</t>
  </si>
  <si>
    <t>【ZWZ】角接触球轴承\QJ236M</t>
  </si>
  <si>
    <t>【ZWZ】角接触球轴承\QJ238N2</t>
  </si>
  <si>
    <t>【ZWZ】角接触球轴承\QJ1952E</t>
  </si>
  <si>
    <t>【ZWZ】角接触球轴承\QJ336N2</t>
  </si>
  <si>
    <t>【ZWZ】角接触球轴承\718/710A</t>
  </si>
  <si>
    <t>【ZWZ】角接触球轴承\7309BM</t>
  </si>
  <si>
    <t>【ZWZ】角接触球轴承\7309ACM</t>
  </si>
  <si>
    <t>【ZWZ】角接触球轴承\7309BM/DB</t>
  </si>
  <si>
    <t>【ZWZ】角接触球轴承\7309ACM/P5</t>
  </si>
  <si>
    <t>【ZWZ】角接触球轴承\3211ATN1/V1</t>
  </si>
  <si>
    <t>【ZWZ】角接触球轴承\7211ACM</t>
  </si>
  <si>
    <t>【ZWZ】角接触球轴承\7211BM</t>
  </si>
  <si>
    <t>【ZWZ】角接触球轴承\7310ACM</t>
  </si>
  <si>
    <t>【ZWZ】角接触球轴承\7310ACM/P5</t>
  </si>
  <si>
    <t>【ZWZ】角接触球轴承\7310BM</t>
  </si>
  <si>
    <t>【ZWZ】角接触球轴承\3310M</t>
  </si>
  <si>
    <t>【ZWZ】角接触球轴承\7310ACM/DB</t>
  </si>
  <si>
    <t>【ZWZ】角接触球轴承\7212AC</t>
  </si>
  <si>
    <t>【ZWZ】角接触球轴承\3212M</t>
  </si>
  <si>
    <t>【ZWZ】角接触球轴承\7212BM/DB</t>
  </si>
  <si>
    <t>【ZWZ】角接触球轴承\7311BM</t>
  </si>
  <si>
    <t>【ZWZ】角接触球轴承\7213AC</t>
  </si>
  <si>
    <t>【ZWZ】角接触球轴承\7020AC</t>
  </si>
  <si>
    <t>【ZWZ】角接触球轴承\3312YM-2Z</t>
  </si>
  <si>
    <t>【ZWZ】角接触球轴承\7215ACM</t>
  </si>
  <si>
    <t>【ZWZ】角接触球轴承\7215BM/DB</t>
  </si>
  <si>
    <t>【ZWZ】角接触球轴承\7313ACM</t>
  </si>
  <si>
    <t>【ZWZ】角接触球轴承\7313ACM/DB</t>
  </si>
  <si>
    <t>【ZWZ】角接触球轴承\7313AC/P6DB</t>
  </si>
  <si>
    <t>【ZWZ】角接触球轴承\7216ACM</t>
  </si>
  <si>
    <t>【ZWZ】角接触球轴承\7216BM</t>
  </si>
  <si>
    <t>【ZWZ】角接触球轴承\7020AC/P6</t>
  </si>
  <si>
    <t>【ZWZ】角接触球轴承\7314BM</t>
  </si>
  <si>
    <t>【ZWZ】角接触球轴承\7314BM/P6DB</t>
  </si>
  <si>
    <t>【ZWZ】角接触球轴承\7217ACM</t>
  </si>
  <si>
    <t>【ZWZ】角接触球轴承\7217BM</t>
  </si>
  <si>
    <t>【ZWZ】角接触球轴承\7315ACM</t>
  </si>
  <si>
    <t>【ZWZ】角接触球轴承\7315ACM/P6</t>
  </si>
  <si>
    <t>【ZWZ】角接触球轴承\7315BM</t>
  </si>
  <si>
    <t>【ZWZ】角接触球轴承\7315BM/DB</t>
  </si>
  <si>
    <t>【ZWZ】角接触球轴承\7218ACM</t>
  </si>
  <si>
    <t>【ZWZ】角接触球轴承\7218BM</t>
  </si>
  <si>
    <t>【ZWZ】角接触球轴承\3218YF3-Z/C3</t>
  </si>
  <si>
    <t>【ZWZ】角接触球轴承\7022AC</t>
  </si>
  <si>
    <t>【ZWZ】角接触球轴承\7022AC/P6</t>
  </si>
  <si>
    <t>【ZWZ】角接触球轴承\7316ACM</t>
  </si>
  <si>
    <t>【ZWZ】角接触球轴承\7316BM</t>
  </si>
  <si>
    <t>【ZWZ】角接触球轴承\7316AC</t>
  </si>
  <si>
    <t>【ZWZ】角接触球轴承\3316M</t>
  </si>
  <si>
    <t>【ZWZ】角接触球轴承\7316BM/DF</t>
  </si>
  <si>
    <t>【ZWZ】角接触球轴承\7219ACM</t>
  </si>
  <si>
    <t>GNWZBP(TH)ZYCG2020-253</t>
  </si>
  <si>
    <t>2020年度北京配送（神华天泓）瓦房店轴承商城铺货长协采购供货合同（北京九永盛）</t>
  </si>
  <si>
    <t>北京九永盛商贸有限公司</t>
  </si>
  <si>
    <t>【ZWZ】滚动轴承座\UCP212</t>
  </si>
  <si>
    <t>【ZWZ】角接触球轴承\7219BM</t>
  </si>
  <si>
    <t>【ZWZ】角接触球轴承\7220AC</t>
  </si>
  <si>
    <t>【ZWZ】角接触球轴承\7220ACM</t>
  </si>
  <si>
    <t>【ZWZ】角接触球轴承\7220BM</t>
  </si>
  <si>
    <t>【ZWZ】角接触球轴承\7220CM</t>
  </si>
  <si>
    <t>【ZWZ】角接触球轴承\7220ACM/P6DB</t>
  </si>
  <si>
    <t>【ZWZ】角接触球轴承\7024ACM/P6</t>
  </si>
  <si>
    <t>【ZWZ】角接触球轴承\7024AC</t>
  </si>
  <si>
    <t>【ZWZ】角接触球轴承\7317ACM</t>
  </si>
  <si>
    <t>【ZWZ】角接触球轴承\7317ACM/Z1</t>
  </si>
  <si>
    <t>【ZWZ】角接触球轴承\7317BM/DB</t>
  </si>
  <si>
    <t>【ZWZ】角接触球轴承\7317AC/P6DB</t>
  </si>
  <si>
    <t>【ZWZ】角接触球轴承\7221ACM</t>
  </si>
  <si>
    <t>【ZWZ】角接触球轴承\7222AC/P6</t>
  </si>
  <si>
    <t>【ZWZ】角接触球轴承\7222ACM/P5</t>
  </si>
  <si>
    <t>【ZWZ】角接触球轴承\7222BM</t>
  </si>
  <si>
    <t>【ZWZ】角接触球轴承\7222BM/DB</t>
  </si>
  <si>
    <t>【ZWZ】角接触球轴承\7026AC/DT</t>
  </si>
  <si>
    <t>【ZWZ】角接触球轴承\7320ACM</t>
  </si>
  <si>
    <t>【ZWZ】角接触球轴承\7320ACM/P5</t>
  </si>
  <si>
    <t>【ZWZ】角接触球轴承\7224ACM</t>
  </si>
  <si>
    <t>【ZWZ】角接触球轴承\7030ACM</t>
  </si>
  <si>
    <t>【ZWZ】角接触球轴承\7030ACM/P6</t>
  </si>
  <si>
    <t>【ZWZ】角接触球轴承\7226ACM</t>
  </si>
  <si>
    <t>【ZWZ】角接触球轴承\7322BM/DB</t>
  </si>
  <si>
    <t>【ZWZ】角接触球轴承\7322ACM</t>
  </si>
  <si>
    <t>【ZWZ】角接触球轴承\7228ACM</t>
  </si>
  <si>
    <t>【ZWZ】角接触球轴承\7228ACM/P6</t>
  </si>
  <si>
    <t>【ZWZ】角接触球轴承\7324B/DF</t>
  </si>
  <si>
    <t>【ZWZ】角接触球轴承\7324B/DB</t>
  </si>
  <si>
    <t>【ZWZ】角接触球轴承\7324AC</t>
  </si>
  <si>
    <t>【ZWZ】角接触球轴承\7324AC/DF</t>
  </si>
  <si>
    <t>【ZWZ】角接触球轴承\7324B</t>
  </si>
  <si>
    <t>【ZWZ】角接触球轴承\7034AC</t>
  </si>
  <si>
    <t>【ZWZ】角接触球轴承\7230AC</t>
  </si>
  <si>
    <t>【ZWZ】角接触球轴承\7230BM</t>
  </si>
  <si>
    <t>【ZWZ】角接触球轴承\7326ACM</t>
  </si>
  <si>
    <t>【ZWZ】角接触球轴承\7232AC</t>
  </si>
  <si>
    <t>【ZWZ】角接触球轴承\7038AC</t>
  </si>
  <si>
    <t>【ZWZ】角接触球轴承\7328ACM</t>
  </si>
  <si>
    <t>【ZWZ】角接触球轴承\7234AC</t>
  </si>
  <si>
    <t>【ZWZ】角接触球轴承\7330AC</t>
  </si>
  <si>
    <t>【ZWZ】角接触球轴承\7330B/P6</t>
  </si>
  <si>
    <t>【ZWZ】角接触球轴承\7236BM</t>
  </si>
  <si>
    <t>【ZWZ】角接触球轴承\7332B/DF</t>
  </si>
  <si>
    <t>【ZWZ】角接触球轴承\7332B</t>
  </si>
  <si>
    <t>【ZWZ】角接触球轴承\7332AC</t>
  </si>
  <si>
    <t>【ZWZ】角接触球轴承\7238AC</t>
  </si>
  <si>
    <t>【ZWZ】调心球轴承\1215</t>
  </si>
  <si>
    <t>【ZWZ】调心球轴承\1216</t>
  </si>
  <si>
    <t>【ZWZ】调心球轴承\1218</t>
  </si>
  <si>
    <t>【ZWZ】调心球轴承\1220</t>
  </si>
  <si>
    <t>【ZWZ】调心球轴承\1222</t>
  </si>
  <si>
    <t>【ZWZ】调心球轴承\1315</t>
  </si>
  <si>
    <t>【ZWZ】调心球轴承\1316</t>
  </si>
  <si>
    <t>【ZWZ】调心球轴承\1317</t>
  </si>
  <si>
    <t>【ZWZ】调心球轴承\1318</t>
  </si>
  <si>
    <t>【ZWZ】调心球轴承\1319</t>
  </si>
  <si>
    <t>【ZWZ】单向推力球轴承\51128</t>
  </si>
  <si>
    <t>【ZWZ】单向推力球轴承\51122</t>
  </si>
  <si>
    <t>【ZWZ】调心球轴承\2315</t>
  </si>
  <si>
    <t>【ZWZ】调心球轴承\2316</t>
  </si>
  <si>
    <t>【ZWZ】调心球轴承\1208</t>
  </si>
  <si>
    <t>【ZWZ】调心球轴承\1209K</t>
  </si>
  <si>
    <t>【ZWZ】调心球轴承\1209</t>
  </si>
  <si>
    <t>【ZWZ】调心球轴承\1210K</t>
  </si>
  <si>
    <t>【ZWZ】调心球轴承\1210</t>
  </si>
  <si>
    <t>【ZWZ】调心球轴承\1211K</t>
  </si>
  <si>
    <t>【ZWZ】调心球轴承\1211</t>
  </si>
  <si>
    <t>【ZWZ】调心球轴承\1212</t>
  </si>
  <si>
    <t>【ZWZ】调心球轴承\2214</t>
  </si>
  <si>
    <t>【ZWZ】调心球轴承\2217</t>
  </si>
  <si>
    <t>【ZWZ】调心球轴承\2218</t>
  </si>
  <si>
    <t>【ZWZ】调心球轴承\2220</t>
  </si>
  <si>
    <t>【ZWZ】调心球轴承\2310</t>
  </si>
  <si>
    <t>【ZWZ】调心球轴承\2311</t>
  </si>
  <si>
    <t>【ZWZ】调心球轴承\2312</t>
  </si>
  <si>
    <t>【ZWZ】调心球轴承\2313</t>
  </si>
  <si>
    <t>【ZWZ】调心球轴承\2314</t>
  </si>
  <si>
    <t>【ZWZ】角接触球轴承\7334AC</t>
  </si>
  <si>
    <t>【ZWZ】角接触球轴承\7240AC</t>
  </si>
  <si>
    <t>【ZWZ】角接触球轴承\7240B</t>
  </si>
  <si>
    <t>【ZWZ】角接触球轴承\7336B</t>
  </si>
  <si>
    <t>【ZWZ】角接触球轴承\7336AC</t>
  </si>
  <si>
    <t>【ZWZ】角接触球轴承\7432BM/DF</t>
  </si>
  <si>
    <t>【ZWZ】角接触球轴承\7338AC</t>
  </si>
  <si>
    <t>【ZWZ】角接触球轴承\7244AC</t>
  </si>
  <si>
    <t>【ZWZ】角接触球轴承\7244AC/P6</t>
  </si>
  <si>
    <t>【ZWZ】角接触球轴承\7340AC</t>
  </si>
  <si>
    <t>【ZWZ】调心球轴承\1309</t>
  </si>
  <si>
    <t>【ZWZ】调心球轴承\1310</t>
  </si>
  <si>
    <t>【ZWZ】调心球轴承\1311</t>
  </si>
  <si>
    <t>【ZWZ】调心球轴承\1312K</t>
  </si>
  <si>
    <t>【ZWZ】调心球轴承\1312</t>
  </si>
  <si>
    <t>【ZWZ】调心球轴承\1313</t>
  </si>
  <si>
    <t>【ZWZ】调心球轴承\1319K</t>
  </si>
  <si>
    <t>【ZWZ】调心球轴承\2209K</t>
  </si>
  <si>
    <t>【ZWZ】调心球轴承\2210</t>
  </si>
  <si>
    <t>【ZWZ】角接触球轴承\7307AC</t>
  </si>
  <si>
    <t>【ZWZ】角接触球轴承\7208AC</t>
  </si>
  <si>
    <t>【ZWZ】角接触球轴承\7209ACM</t>
  </si>
  <si>
    <t>【ZWZ】角接触球轴承\7209AC</t>
  </si>
  <si>
    <t>【ZWZ】角接触球轴承\7308BM</t>
  </si>
  <si>
    <t>【ZWZ】角接触球轴承\7308BM/DB</t>
  </si>
  <si>
    <t>【ZWZ】角接触球轴承\7210AC</t>
  </si>
  <si>
    <t>【ZWZ】角接触球轴承\7210ACM</t>
  </si>
  <si>
    <t>【ZWZ】角接触球轴承\7309AC</t>
  </si>
  <si>
    <t>【ZWZ】角接触球轴承\7311ACM/P5</t>
  </si>
  <si>
    <t>【ZWZ】调心滚子轴承\21314CA/C3</t>
  </si>
  <si>
    <t>【ZWZ】调心滚子轴承\22208CA</t>
  </si>
  <si>
    <t>【ZWZ】调心滚子轴承\22209CA</t>
  </si>
  <si>
    <t>【ZWZ】调心滚子轴承\22210CA</t>
  </si>
  <si>
    <t>【ZWZ】调心滚子轴承\22211CA/W33</t>
  </si>
  <si>
    <t>【ZWZ】调心滚子轴承\22211CA</t>
  </si>
  <si>
    <t>【ZWZ】调心滚子轴承\22212CA</t>
  </si>
  <si>
    <t>【ZWZ】调心滚子轴承\22212CAK</t>
  </si>
  <si>
    <t>【ZWZ】调心滚子轴承\22213CA旧53513</t>
  </si>
  <si>
    <t>【ZWZ】角接触球轴承\7308AC</t>
  </si>
  <si>
    <t>【ZWZ】角接触球轴承\QJ212M</t>
  </si>
  <si>
    <t>【ZWZ】角接触球轴承\QJ311N</t>
  </si>
  <si>
    <t>【ZWZ】角接触球轴承\7009AC</t>
  </si>
  <si>
    <t>【ZWZ】角接触球轴承\7011AC</t>
  </si>
  <si>
    <t>【ZWZ】角接触轴承\7008AC</t>
  </si>
  <si>
    <t>【ZWZ】角接触球组合轴承\UCT216</t>
  </si>
  <si>
    <t>【ZWZ】调心球轴承\1213K</t>
  </si>
  <si>
    <t>【ZWZ】调心球轴承\1213</t>
  </si>
  <si>
    <t>【ZWZ】调心球轴承\1214</t>
  </si>
  <si>
    <t>【ZWZ】调心球轴承\1215K</t>
  </si>
  <si>
    <t>【ZWZ】调心球轴承\1216K</t>
  </si>
  <si>
    <t>【ZWZ】调心球轴承\1217K</t>
  </si>
  <si>
    <t>【ZWZ】调心球轴承\1218K</t>
  </si>
  <si>
    <t>【ZWZ】调心球轴承\1219K</t>
  </si>
  <si>
    <t>【ZWZ】调心球轴承\1220K</t>
  </si>
  <si>
    <t>【ZWZ】调心球轴承\2211K</t>
  </si>
  <si>
    <t>【ZWZ】调心球轴承\2211</t>
  </si>
  <si>
    <t>【ZWZ】调心球轴承\2212</t>
  </si>
  <si>
    <t>【ZWZ】调心球轴承\2213</t>
  </si>
  <si>
    <t>【ZWZ】调心球轴承\2215</t>
  </si>
  <si>
    <t>【ZWZ】调心球轴承\2220M</t>
  </si>
  <si>
    <t>【ZWZ】调心球轴承\2222M</t>
  </si>
  <si>
    <t>【ZWZ】调心球轴承\2310K</t>
  </si>
  <si>
    <t>【ZWZ】调心球轴承\111611</t>
  </si>
  <si>
    <t>【ZWZ】调心球轴承\2312K</t>
  </si>
  <si>
    <t>【ZWZ】调心球轴承\2313K</t>
  </si>
  <si>
    <t>【ZWZ】调心球轴承\2318M</t>
  </si>
  <si>
    <t>【ZWZ】调心球轴承\2216</t>
  </si>
  <si>
    <t>【ZWZ】深沟球轴承\6001</t>
  </si>
  <si>
    <t>【ZWZ】深沟球轴承\6003</t>
  </si>
  <si>
    <t>【ZWZ】深沟球轴承\6004</t>
  </si>
  <si>
    <t>【ZWZ】深沟球轴承\6005</t>
  </si>
  <si>
    <t>【ZWZ】深沟球轴承\6009</t>
  </si>
  <si>
    <t>【ZWZ】深沟球轴承\6013</t>
  </si>
  <si>
    <t>【ZWZ】深沟球轴承\6014</t>
  </si>
  <si>
    <t>【ZWZ】深沟球轴承\6015</t>
  </si>
  <si>
    <t>【ZWZ】深沟球轴承\6016</t>
  </si>
  <si>
    <t>【ZWZ】深沟球轴承\6017</t>
  </si>
  <si>
    <t>【ZWZ】深沟球轴承\6019</t>
  </si>
  <si>
    <t>【ZWZ】深沟球轴承\6020</t>
  </si>
  <si>
    <t>【ZWZ】深沟球轴承\6021</t>
  </si>
  <si>
    <t>【ZWZ】深沟球轴承\6022</t>
  </si>
  <si>
    <t>【ZWZ】深沟球轴承\6024</t>
  </si>
  <si>
    <t>【ZWZ】深沟球轴承\6026</t>
  </si>
  <si>
    <t>【ZWZ】深沟球轴承\6028</t>
  </si>
  <si>
    <t>【ZWZ】深沟球轴承\6030</t>
  </si>
  <si>
    <t>【ZWZ】深沟球轴承\6032</t>
  </si>
  <si>
    <t>【ZWZ】深沟球轴承\6207</t>
  </si>
  <si>
    <t>【ZWZ】深沟球轴承\6211</t>
  </si>
  <si>
    <t>【ZWZ】深沟球轴承\6215</t>
  </si>
  <si>
    <t>【ZWZ】深沟球轴承\6216</t>
  </si>
  <si>
    <t>【ZWZ】深沟球轴承\6217</t>
  </si>
  <si>
    <t>【ZWZ】深沟球轴承\6218</t>
  </si>
  <si>
    <t>【ZWZ】深沟球轴承\6219</t>
  </si>
  <si>
    <t>【ZWZ】深沟球轴承\6221</t>
  </si>
  <si>
    <t>【ZWZ】深沟球轴承\6228</t>
  </si>
  <si>
    <t>【ZWZ】深沟球轴承\6234</t>
  </si>
  <si>
    <t>【ZWZ】深沟球轴承\6238</t>
  </si>
  <si>
    <t>【ZWZ】深沟球轴承\6248</t>
  </si>
  <si>
    <t>【ZWZ】深沟球轴承\6304</t>
  </si>
  <si>
    <t>【ZWZ】深沟球轴承\6305</t>
  </si>
  <si>
    <t>【ZWZ】深沟球轴承\6307</t>
  </si>
  <si>
    <t>【ZWZ】深沟球轴承\6309</t>
  </si>
  <si>
    <t>【ZWZ】深沟球轴承\6311</t>
  </si>
  <si>
    <t>【ZWZ】深沟球轴承\6315</t>
  </si>
  <si>
    <t>【ZWZ】深沟球轴承\6316</t>
  </si>
  <si>
    <t>【ZWZ】调心滚子轴承\2315K</t>
  </si>
  <si>
    <t>【ZWZ】调心滚子轴承\22328CA</t>
  </si>
  <si>
    <t>【ZWZ】推力滚子轴承\29260</t>
  </si>
  <si>
    <t>【ZWZ】调心滚子轴承\21310CA</t>
  </si>
  <si>
    <t>【ZWZ】调心滚子轴承\21311CA</t>
  </si>
  <si>
    <t>【ZWZ】调心滚子轴承\21313CA</t>
  </si>
  <si>
    <t>【ZWZ】调心滚子轴承\21314CA</t>
  </si>
  <si>
    <t>【ZWZ】调心滚子轴承\22213CA/C3</t>
  </si>
  <si>
    <t>【ZWZ】调心滚子轴承\22214CA</t>
  </si>
  <si>
    <t>【ZWZ】调心滚子轴承\22214CAK</t>
  </si>
  <si>
    <t>【ZWZ】调心滚子轴承\22215CA/C3W33</t>
  </si>
  <si>
    <t>【ZWZ】调心滚子轴承\22215CA</t>
  </si>
  <si>
    <t>【ZWZ】调心滚子轴承\22215CA/C3</t>
  </si>
  <si>
    <t>【ZWZ】调心滚子轴承\22216CA</t>
  </si>
  <si>
    <t>【ZWZ】调心滚子轴承\22216CA/C3</t>
  </si>
  <si>
    <t>【ZWZ】调心滚子轴承\22216CAK</t>
  </si>
  <si>
    <t>【ZWZ】调心滚子轴承\22217CA</t>
  </si>
  <si>
    <t>【ZWZ】调心滚子轴承\22217CA/C3</t>
  </si>
  <si>
    <t>【ZWZ】调心滚子轴承\22218CA/C3</t>
  </si>
  <si>
    <t>【ZWZ】调心滚子轴承\22219CA</t>
  </si>
  <si>
    <t>【ZWZ】调心滚子轴承\22219CA/C3</t>
  </si>
  <si>
    <t>【ZWZ】调心滚子轴承\22220CA/W33</t>
  </si>
  <si>
    <t>【ZWZ】调心滚子轴承\22222CA/W33</t>
  </si>
  <si>
    <t>【ZWZ】调心滚子轴承\22222CA</t>
  </si>
  <si>
    <t>【ZWZ】调心滚子轴承\22222CA/C3</t>
  </si>
  <si>
    <t>【ZWZ】调心滚子轴承\22224CA/W33</t>
  </si>
  <si>
    <t>【ZWZ】调心滚子轴承\22224CA</t>
  </si>
  <si>
    <t>【ZWZ】调心滚子轴承\22224CA/C3</t>
  </si>
  <si>
    <t>【ZWZ】调心滚子轴承\22226CA/W33</t>
  </si>
  <si>
    <t>【ZWZ】调心滚子轴承\22226CA</t>
  </si>
  <si>
    <t>【ZWZ】调心滚子轴承\22226CA/C3</t>
  </si>
  <si>
    <t>【ZWZ】调心滚子轴承\22228CA/C3W33</t>
  </si>
  <si>
    <t>【ZWZ】调心滚子轴承\22228CA/W33</t>
  </si>
  <si>
    <t>【ZWZ】调心滚子轴承\22228CAK/C3W33</t>
  </si>
  <si>
    <t>【ZWZ】调心滚子轴承\22228CAK/W33</t>
  </si>
  <si>
    <t>【ZWZ】调心滚子轴承\22230CA/C3W33</t>
  </si>
  <si>
    <t>【ZWZ】调心滚子轴承\22230CAK/C3W33</t>
  </si>
  <si>
    <t>【ZWZ】调心滚子轴承\22230CAK/W33</t>
  </si>
  <si>
    <t>【ZWZ】调心滚子轴承\22232CA/C3W33</t>
  </si>
  <si>
    <t>【ZWZ】调心滚子轴承\22232CA/W33</t>
  </si>
  <si>
    <t>【ZWZ】调心滚子轴承\22232CAK/W33</t>
  </si>
  <si>
    <t>【ZWZ】调心滚子轴承\22234CA/C3W33</t>
  </si>
  <si>
    <t>【ZWZ】调心滚子轴承\22234CAK/C3W33</t>
  </si>
  <si>
    <t>【ZWZ】调心滚子轴承\22236CA/W33</t>
  </si>
  <si>
    <t>【ZWZ】调心滚子轴承\22238CA/C3W33</t>
  </si>
  <si>
    <t>【ZWZ】调心滚子轴承\22238CA/W33</t>
  </si>
  <si>
    <t>【ZWZ】调心滚子轴承\22238CAK/C3W33</t>
  </si>
  <si>
    <t>【ZWZ】调心滚子轴承\22238CAK/W33</t>
  </si>
  <si>
    <t>【ZWZ】深沟球轴承\6317</t>
  </si>
  <si>
    <t>【ZWZ】深沟球轴承\6318</t>
  </si>
  <si>
    <t>【ZWZ】深沟球轴承\6319</t>
  </si>
  <si>
    <t>【ZWZ】深沟球轴承\6320</t>
  </si>
  <si>
    <t>【ZWZ】深沟球轴承\6321</t>
  </si>
  <si>
    <t>【ZWZ】深沟球轴承\6322</t>
  </si>
  <si>
    <t>【ZWZ】深沟球轴承\6324</t>
  </si>
  <si>
    <t>【ZWZ】深沟球轴承\6328</t>
  </si>
  <si>
    <t>【ZWZ】深沟球轴承\6330</t>
  </si>
  <si>
    <t>【ZWZ】深沟球轴承\6334</t>
  </si>
  <si>
    <t>【ZWZ】深沟球轴承\6407</t>
  </si>
  <si>
    <t>【ZWZ】深沟球轴承\6408</t>
  </si>
  <si>
    <t>【ZWZ】深沟球轴承\6409</t>
  </si>
  <si>
    <t>【ZWZ】深沟球轴承\6410</t>
  </si>
  <si>
    <t>【ZWZ】深沟球轴承\6411</t>
  </si>
  <si>
    <t>【ZWZ】深沟球轴承\6412</t>
  </si>
  <si>
    <t>【ZWZ】深沟球轴承\6413</t>
  </si>
  <si>
    <t>【ZWZ】深沟球轴承\6414</t>
  </si>
  <si>
    <t>【ZWZ】深沟球轴承\6415</t>
  </si>
  <si>
    <t>【ZWZ】深沟球轴承\6416</t>
  </si>
  <si>
    <t>【ZWZ】深沟球轴承\6417</t>
  </si>
  <si>
    <t>【ZWZ】深沟球轴承\6418</t>
  </si>
  <si>
    <t>【ZWZ】深沟球轴承\16005\HRB</t>
  </si>
  <si>
    <t>【ZWZ】深沟球轴承\16008</t>
  </si>
  <si>
    <t>【ZWZ】深沟球轴承\16009</t>
  </si>
  <si>
    <t>【ZWZ】深沟球轴承\16020</t>
  </si>
  <si>
    <t>【ZWZ】深沟球轴承\16022</t>
  </si>
  <si>
    <t>【ZWZ】深沟球轴承\16024</t>
  </si>
  <si>
    <t>【ZWZ】深沟球轴承\16030 旧7000130</t>
  </si>
  <si>
    <t>【ZWZ】深沟球轴承\16044</t>
  </si>
  <si>
    <t>【ZWZ】深沟球轴承\61805</t>
  </si>
  <si>
    <t>【ZWZ】深沟球轴承\61840MA</t>
  </si>
  <si>
    <t>【ZWZ】深沟球轴承\61926</t>
  </si>
  <si>
    <t>【ZWZ】深沟球轴承\6007-2RS</t>
  </si>
  <si>
    <t>【ZWZ】深沟球轴承\6010/C3</t>
  </si>
  <si>
    <t>【ZWZ】深沟球轴承\6020-2Z</t>
  </si>
  <si>
    <t>【ZWZ】调心滚子轴承\22240CA/C3W33</t>
  </si>
  <si>
    <t>【ZWZ】调心滚子轴承\22240CA/W33</t>
  </si>
  <si>
    <t>【ZWZ】调心滚子轴承\22240CAK/W33</t>
  </si>
  <si>
    <t>【ZWZ】调心滚子轴承\22244CA/C3W33</t>
  </si>
  <si>
    <t>【ZWZ】调心滚子轴承\22244CA/W33</t>
  </si>
  <si>
    <t>【ZWZ】调心滚子轴承\22244CAK/C3W33</t>
  </si>
  <si>
    <t>【ZWZ】调心滚子轴承\22248CA/W33</t>
  </si>
  <si>
    <t>【ZWZ】调心滚子轴承\22248CAK/W33</t>
  </si>
  <si>
    <t>【ZWZ】调心滚子轴承\22256CA/W33</t>
  </si>
  <si>
    <t>【ZWZ】调心滚子轴承\22308CA</t>
  </si>
  <si>
    <t>【ZWZ】调心滚子轴承\22310CA</t>
  </si>
  <si>
    <t>【ZWZ】调心滚子轴承\22311CA</t>
  </si>
  <si>
    <t>【ZWZ】调心滚子轴承\22311CA/C3</t>
  </si>
  <si>
    <t>【ZWZ】调心滚子轴承\22312CA</t>
  </si>
  <si>
    <t>【ZWZ】调心滚子轴承\22312CA/C3</t>
  </si>
  <si>
    <t>【ZWZ】调心滚子轴承\22313CA</t>
  </si>
  <si>
    <t>【ZWZ】调心滚子轴承\22314CA/C3W33</t>
  </si>
  <si>
    <t>【ZWZ】调心滚子轴承\22314CA</t>
  </si>
  <si>
    <t>【ZWZ】调心滚子轴承\22315CA</t>
  </si>
  <si>
    <t>【ZWZ】调心滚子轴承\22315CA/C3</t>
  </si>
  <si>
    <t>【ZWZ】调心滚子轴承\22316CA</t>
  </si>
  <si>
    <t>【ZWZ】调心滚子轴承\22316CA/C3</t>
  </si>
  <si>
    <t>【ZWZ】调心滚子轴承\22317CA/W33</t>
  </si>
  <si>
    <t>【ZWZ】调心滚子轴承\22318CA</t>
  </si>
  <si>
    <t>【ZWZ】调心滚子轴承\22318CA/C3</t>
  </si>
  <si>
    <t>【ZWZ】调心滚子轴承\22319CA/C3W33</t>
  </si>
  <si>
    <t>【ZWZ】调心滚子轴承\22319 CA/C3</t>
  </si>
  <si>
    <t>【ZWZ】调心滚子轴承\22319CA</t>
  </si>
  <si>
    <t>【ZWZ】调心滚子轴承\22320CA/W33</t>
  </si>
  <si>
    <t>【ZWZ】调心滚子轴承\22320CAC3</t>
  </si>
  <si>
    <t>【ZWZ】调心滚子轴承\22320CAK</t>
  </si>
  <si>
    <t>【ZWZ】调心滚子轴承\22322CA/C3W33</t>
  </si>
  <si>
    <t>【ZWZ】调心滚子轴承\22322CA</t>
  </si>
  <si>
    <t>【ZWZ】调心滚子轴承\22322CA/W33</t>
  </si>
  <si>
    <t>【ZWZ】调心滚子轴承\22324CA/C3W33</t>
  </si>
  <si>
    <t>【ZWZ】调心滚子轴承\22324CA/W33</t>
  </si>
  <si>
    <t>【ZWZ】调心滚子轴承\22326CA/C3W33</t>
  </si>
  <si>
    <t>【ZWZ】调心滚子轴承\22328CA/C3W33</t>
  </si>
  <si>
    <t>【ZWZ】调心滚子轴承\22328CA/W33</t>
  </si>
  <si>
    <t>【ZWZ】调心滚子轴承\22330CA/C3W33</t>
  </si>
  <si>
    <t>【ZWZ】调心滚子轴承\22330CA/W33</t>
  </si>
  <si>
    <t>【ZWZ】调心滚子轴承\22332CA/C3W33</t>
  </si>
  <si>
    <t>【ZWZ】调心滚子轴承\22332CAK/W33</t>
  </si>
  <si>
    <t>【ZWZ】调心滚子轴承\22334CA/C3W33</t>
  </si>
  <si>
    <t>【ZWZ】调心滚子轴承\22334CA/C4W33</t>
  </si>
  <si>
    <t>【ZWZ】调心滚子轴承\22336CA/C3W33</t>
  </si>
  <si>
    <t>【ZWZ】调心滚子轴承\22336CA/W33</t>
  </si>
  <si>
    <t>【ZWZ】调心滚子轴承\22338CA/C3W33</t>
  </si>
  <si>
    <t>【ZWZ】深沟球轴承\6024-2RS</t>
  </si>
  <si>
    <t>【ZWZ】深沟球轴承\6026-2Z</t>
  </si>
  <si>
    <t>【ZWZ】深沟球轴承\6028/C3</t>
  </si>
  <si>
    <t>【ZWZ】深沟球轴承\6032M</t>
  </si>
  <si>
    <t>【ZWZ】深沟球轴承\6032M/C3</t>
  </si>
  <si>
    <t>【ZWZ】深沟球轴承\6034M</t>
  </si>
  <si>
    <t>【ZWZ】深沟球轴承\6036M/C3</t>
  </si>
  <si>
    <t>【ZWZ】深沟球轴承\6038M</t>
  </si>
  <si>
    <t>【ZWZ】深沟球轴承\6044M</t>
  </si>
  <si>
    <t>【ZWZ】深沟球轴承\6048M</t>
  </si>
  <si>
    <t>【ZWZ】深沟球轴承\61856M</t>
  </si>
  <si>
    <t>【ZWZ】深沟球轴承\6202-Z</t>
  </si>
  <si>
    <t>【ZWZ】深沟球轴承\6203-2Z</t>
  </si>
  <si>
    <t>【ZWZ】深沟球轴承\6204/C3</t>
  </si>
  <si>
    <t>【ZWZ】深沟球轴承\6204-Z</t>
  </si>
  <si>
    <t>【ZWZ】深沟球轴承\6205</t>
  </si>
  <si>
    <t>【ZWZ】深沟球轴承\6205/C4</t>
  </si>
  <si>
    <t>【ZWZ】深沟球轴承\6205-2Z</t>
  </si>
  <si>
    <t>【ZWZ】深沟球轴承\6205-Z</t>
  </si>
  <si>
    <t>【ZWZ】深沟球轴承\6206-2Z</t>
  </si>
  <si>
    <t>【ZWZ】深沟球轴承\6206-RS</t>
  </si>
  <si>
    <t>【ZWZ】深沟球轴承\6207N</t>
  </si>
  <si>
    <t>【ZWZ】深沟球轴承\6207-RS</t>
  </si>
  <si>
    <t>【ZWZ】深沟球轴承\6208-2RS</t>
  </si>
  <si>
    <t>【ZWZ】深沟球轴承\6208-2Z</t>
  </si>
  <si>
    <t>【ZWZ】深沟球轴承\6210/C3</t>
  </si>
  <si>
    <t>【ZWZ】深沟球轴承\6210-2RS</t>
  </si>
  <si>
    <t>【ZWZ】深沟球轴承\6210-2RS/C3</t>
  </si>
  <si>
    <t>【ZWZ】深沟球轴承\6210-2Z</t>
  </si>
  <si>
    <t>【ZWZ】深沟球轴承\6211/C3</t>
  </si>
  <si>
    <t>【ZWZ】深沟球轴承\6211-2RS</t>
  </si>
  <si>
    <t>【ZWZ】深沟球轴承\6211-2RS/C3</t>
  </si>
  <si>
    <t>【ZWZ】深沟球轴承\6211-2Z</t>
  </si>
  <si>
    <t>【ZWZ】调心滚子轴承\22338CAK/W33</t>
  </si>
  <si>
    <t>【ZWZ】调心滚子轴承\22340CA/C3W33</t>
  </si>
  <si>
    <t>【ZWZ】调心滚子轴承\22340CAK/W33</t>
  </si>
  <si>
    <t>【ZWZ】调心滚子轴承\22344 CA/W33</t>
  </si>
  <si>
    <t>【ZWZ】调心滚子轴承\22348CA/W33</t>
  </si>
  <si>
    <t>【ZWZ】调心滚子轴承\23022CA/C3W33</t>
  </si>
  <si>
    <t>【ZWZ】调心滚子轴承\23024CA/C3W33</t>
  </si>
  <si>
    <t>【ZWZ】调心滚子轴承\23028CA/W33</t>
  </si>
  <si>
    <t>【ZWZ】调心滚子轴承\23028CAK/C3W33</t>
  </si>
  <si>
    <t>【ZWZ】调心滚子轴承\23030CA/W33</t>
  </si>
  <si>
    <t>【ZWZ】调心滚子轴承\23032CA/C3W33</t>
  </si>
  <si>
    <t>【ZWZ】调心滚子轴承\23032CA/W33</t>
  </si>
  <si>
    <t>【ZWZ】调心滚子轴承\23032CAK/W33</t>
  </si>
  <si>
    <t>【ZWZ】调心滚子轴承\23034CA/C3W33</t>
  </si>
  <si>
    <t>【ZWZ】调心滚子轴承\23034CA/W33</t>
  </si>
  <si>
    <t>【ZWZ】调心滚子轴承\23034CAK/W33</t>
  </si>
  <si>
    <t>【ZWZ】调心滚子轴承\23036CA/W33</t>
  </si>
  <si>
    <t>【ZWZ】调心滚子轴承\23036CAK/C3W33</t>
  </si>
  <si>
    <t>【ZWZ】调心滚子轴承\23038CA/C3W33</t>
  </si>
  <si>
    <t>【ZWZ】调心滚子轴承\23040CA/W33</t>
  </si>
  <si>
    <t>【ZWZ】调心滚子轴承\23040CAK/C3W33</t>
  </si>
  <si>
    <t>【ZWZ】调心滚子轴承\23040CAK/W33</t>
  </si>
  <si>
    <t>【ZWZ】调心滚子轴承\23044CA/C3W33</t>
  </si>
  <si>
    <t>【ZWZ】调心滚子轴承\23044CAK/C3W33</t>
  </si>
  <si>
    <t>【ZWZ】调心滚子轴承\23048CA/C3W33</t>
  </si>
  <si>
    <t>【ZWZ】调心滚子轴承\23048CAK/W33</t>
  </si>
  <si>
    <t>【ZWZ】调心滚子轴承\23052CA/W33\瓦轴</t>
  </si>
  <si>
    <t>【ZWZ】调心滚子轴承\23052CAK/W33</t>
  </si>
  <si>
    <t>【ZWZ】调心滚子轴承\23056CA/C3W33</t>
  </si>
  <si>
    <t>【ZWZ】调心滚子轴承\23056CA/W33</t>
  </si>
  <si>
    <t>【ZWZ】调心滚子轴承\23056CAK/W33</t>
  </si>
  <si>
    <t>【ZWZ】调心滚子轴承\23060CA/W33</t>
  </si>
  <si>
    <t>【ZWZ】调心滚子轴承\23060CAK/W33</t>
  </si>
  <si>
    <t>【ZWZ】调心滚子轴承\23064CA/W33</t>
  </si>
  <si>
    <t>【ZWZ】调心滚子轴承\23068CA/W33</t>
  </si>
  <si>
    <t>【ZWZ】调心滚子轴承\23068CAK/W33</t>
  </si>
  <si>
    <t>【ZWZ】调心滚子轴承\23072CA/W33</t>
  </si>
  <si>
    <t>【ZWZ】调心滚子轴承\23072CAK/C3W33</t>
  </si>
  <si>
    <t>【ZWZ】调心滚子轴承\23076CAK/W33</t>
  </si>
  <si>
    <t>【ZWZ】调心滚子轴承\23084CA/W33</t>
  </si>
  <si>
    <t>【ZWZ】调心滚子轴承\23120CA/C3W33</t>
  </si>
  <si>
    <t>【ZWZ】调心滚子轴承\23122CA/C3W33</t>
  </si>
  <si>
    <t>【ZWZ】调心滚子轴承\23124CA/C3W33</t>
  </si>
  <si>
    <t>【ZWZ】调心滚子轴承\23124CA/W33</t>
  </si>
  <si>
    <t>【ZWZ】调心滚子轴承\23124CAK/W33</t>
  </si>
  <si>
    <t>【ZWZ】调心滚子轴承\23126CA/W33</t>
  </si>
  <si>
    <t>【ZWZ】调心滚子轴承\23128CA/W33</t>
  </si>
  <si>
    <t>【ZWZ】调心滚子轴承\23128CAK/W33</t>
  </si>
  <si>
    <t>【ZWZ】调心滚子轴承\23130CA/C3W33</t>
  </si>
  <si>
    <t>【ZWZ】调心滚子轴承\23132CA/C3W33</t>
  </si>
  <si>
    <t>【ZWZ】调心滚子轴承\23134CA/W33</t>
  </si>
  <si>
    <t>【ZWZ】调心滚子轴承\23134CAK/C3W33</t>
  </si>
  <si>
    <t>【ZWZ】调心滚子轴承\23134CAK/W33</t>
  </si>
  <si>
    <t>【ZWZ】调心滚子轴承\23136CA/C3W33</t>
  </si>
  <si>
    <t>【ZWZ】调心滚子轴承\23136CA/W33</t>
  </si>
  <si>
    <t>【ZWZ】调心滚子轴承\23136CAK/W33/C3\ZWZ</t>
  </si>
  <si>
    <t>【ZWZ】调心滚子轴承\23136CAK/W33</t>
  </si>
  <si>
    <t>【ZWZ】调心滚子轴承\23138CA/W33</t>
  </si>
  <si>
    <t>【ZWZ】调心滚子轴承\23140CA/C3W33</t>
  </si>
  <si>
    <t>【ZWZ】调心滚子轴承\23140CAK/W33</t>
  </si>
  <si>
    <t>【ZWZ】调心滚子轴承\23144CA/W33</t>
  </si>
  <si>
    <t>【ZWZ】调心滚子轴承\23144CAK/W33</t>
  </si>
  <si>
    <t>【ZWZ】调心滚子轴承\23148CA/W33</t>
  </si>
  <si>
    <t>【ZWZ】调心滚子轴承\23148CAK/C3W33</t>
  </si>
  <si>
    <t>【ZWZ】调心滚子轴承\23148CAK/W33</t>
  </si>
  <si>
    <t>【ZWZ】调心滚子轴承\23152CA/C3W33</t>
  </si>
  <si>
    <t>【ZWZ】调心滚子轴承\23152CA/W33</t>
  </si>
  <si>
    <t>【ZWZ】调心滚子轴承\23152CAK/W33</t>
  </si>
  <si>
    <t>【ZWZ】调心滚子轴承\23156CA/C3W33</t>
  </si>
  <si>
    <t>【ZWZ】调心滚子轴承\23156CA/W33</t>
  </si>
  <si>
    <t>【ZWZ】调心滚子轴承\23156CAK/W33</t>
  </si>
  <si>
    <t>【ZWZ】调心滚子轴承\23160CA/W33</t>
  </si>
  <si>
    <t>【ZWZ】调心滚子轴承\23160CAK/W33</t>
  </si>
  <si>
    <t>【ZWZ】调心滚子轴承\23164CA/W33</t>
  </si>
  <si>
    <t>【ZWZ】调心滚子轴承\23168CA/C3W33</t>
  </si>
  <si>
    <t>【ZWZ】调心滚子轴承\23168CAK/W33</t>
  </si>
  <si>
    <t>【ZWZ】调心滚子轴承\23172CAK/W33</t>
  </si>
  <si>
    <t>【ZWZ】调心滚子轴承\23192CAK/C3W33</t>
  </si>
  <si>
    <t>【ZWZ】调心滚子轴承\23192CAK/W33</t>
  </si>
  <si>
    <t>【ZWZ】调心滚子轴承\23218CA/C3W33</t>
  </si>
  <si>
    <t>【ZWZ】调心滚子轴承\23218CAK/W33</t>
  </si>
  <si>
    <t>【ZWZ】调心滚子轴承\23220CA/C3W33</t>
  </si>
  <si>
    <t>【ZWZ】调心滚子轴承\23220CAKW33</t>
  </si>
  <si>
    <t>【ZWZ】调心滚子轴承\23222CA/W33</t>
  </si>
  <si>
    <t>【ZWZ】调心滚子轴承\23222CAK/W33</t>
  </si>
  <si>
    <t>【ZWZ】调心滚子轴承\23222CA</t>
  </si>
  <si>
    <t>【ZWZ】调心滚子轴承\23224CA/W33</t>
  </si>
  <si>
    <t>【ZWZ】调心滚子轴承\23226CA/C3W33</t>
  </si>
  <si>
    <t>【ZWZ】调心滚子轴承\23226CAK/W33</t>
  </si>
  <si>
    <t>【ZWZ】调心滚子轴承\23228CA/W33</t>
  </si>
  <si>
    <t>【ZWZ】调心滚子轴承\23230CA/W33</t>
  </si>
  <si>
    <t>【ZWZ】调心滚子轴承\23232CA/C3W33</t>
  </si>
  <si>
    <t>【ZWZ】调心滚子轴承\23232CA/W33</t>
  </si>
  <si>
    <t>【ZWZ】调心滚子轴承\23234CA/C3W33</t>
  </si>
  <si>
    <t>【ZWZ】调心滚子轴承\23236CA/C3W33</t>
  </si>
  <si>
    <t>【ZWZ】调心滚子轴承\23236CA/W33</t>
  </si>
  <si>
    <t>【ZWZ】调心滚子轴承\23238CA/C3W33</t>
  </si>
  <si>
    <t>【ZWZ】深沟球轴承\6211-Z</t>
  </si>
  <si>
    <t>【ZWZ】深沟球轴承\6212/C3</t>
  </si>
  <si>
    <t>【ZWZ】深沟球轴承\6212-2RS</t>
  </si>
  <si>
    <t>【ZWZ】深沟球轴承\6212-2RS/C3</t>
  </si>
  <si>
    <t>【ZWZ】深沟球轴承\6212-2Z</t>
  </si>
  <si>
    <t>【ZWZ】深沟球轴承\6213N</t>
  </si>
  <si>
    <t>【ZWZ】深沟球轴承\6213/C3</t>
  </si>
  <si>
    <t>【ZWZ】深沟球轴承\6213-2RS</t>
  </si>
  <si>
    <t>【ZWZ】深沟球轴承\6213-2Z</t>
  </si>
  <si>
    <t>【ZWZ】深沟球轴承\6214-2RS</t>
  </si>
  <si>
    <t>【ZWZ】深沟球轴承\6214-2Z</t>
  </si>
  <si>
    <t>【ZWZ】深沟球轴承\6215-2RS</t>
  </si>
  <si>
    <t>【ZWZ】深沟球轴承\6215-2Z</t>
  </si>
  <si>
    <t>【ZWZ】深沟球轴承\6216/C3</t>
  </si>
  <si>
    <t>【ZWZ】深沟球轴承\6216-2RS</t>
  </si>
  <si>
    <t>【ZWZ】深沟球轴承\6216-2Z</t>
  </si>
  <si>
    <t>【ZWZ】深沟球轴承\6217-2RS</t>
  </si>
  <si>
    <t>【ZWZ】深沟球轴承\6217-2Z</t>
  </si>
  <si>
    <t>【ZWZ】深沟球轴承\6218-2RS</t>
  </si>
  <si>
    <t>【ZWZ】深沟球轴承\6218-2Z</t>
  </si>
  <si>
    <t>【ZWZ】深沟球轴承\6219-2RS</t>
  </si>
  <si>
    <t>【ZWZ】深沟球轴承\6219-2Z</t>
  </si>
  <si>
    <t>【ZWZ】深沟球轴承\6220-2RS</t>
  </si>
  <si>
    <t>【ZWZ】深沟球轴承\6220-2Z</t>
  </si>
  <si>
    <t>【ZWZ】深沟球轴承\6222M/C3</t>
  </si>
  <si>
    <t>【ZWZ】深沟球轴承\6222-2Z</t>
  </si>
  <si>
    <t>【ZWZ】深沟球轴承\6224/C3</t>
  </si>
  <si>
    <t>【ZWZ】深沟球轴承\6226/C3</t>
  </si>
  <si>
    <t>【ZWZ】深沟球轴承\6230/P6</t>
  </si>
  <si>
    <t>【ZWZ】深沟球轴承\6236M/C3</t>
  </si>
  <si>
    <t>【ZWZ】深沟球轴承\6240M/C3</t>
  </si>
  <si>
    <t>【ZWZ】深沟球轴承\6244M/C3</t>
  </si>
  <si>
    <t>【ZWZ】深沟球轴承\6248M/C3</t>
  </si>
  <si>
    <t>【ZWZ】调心滚子轴承\23240CA/W33</t>
  </si>
  <si>
    <t>【ZWZ】调心滚子轴承\23244CA/C3W33</t>
  </si>
  <si>
    <t>【ZWZ】调心滚子轴承\23244CA/W33</t>
  </si>
  <si>
    <t>【ZWZ】调心滚子轴承\23244CAK/W33</t>
  </si>
  <si>
    <t>【ZWZ】调心滚子轴承\23248CA/C3W33</t>
  </si>
  <si>
    <t>【ZWZ】调心滚子轴承\23248CA/W33</t>
  </si>
  <si>
    <t>【ZWZ】调心滚子轴承\23248CAK/W33</t>
  </si>
  <si>
    <t>【ZWZ】调心滚子轴承\23252CA/C3W33</t>
  </si>
  <si>
    <t>【ZWZ】调心滚子轴承\23256CAK/W33</t>
  </si>
  <si>
    <t>【ZWZ】调心滚子轴承\23256CA/W33</t>
  </si>
  <si>
    <t>【ZWZ】调心滚子轴承\23260CAK/W33</t>
  </si>
  <si>
    <t>【ZWZ】调心滚子轴承\23264CA/W33</t>
  </si>
  <si>
    <t>【ZWZ】调心滚子轴承\23936CA/W33</t>
  </si>
  <si>
    <t>【ZWZ】调心滚子轴承\23940CA/C3W33</t>
  </si>
  <si>
    <t>【ZWZ】调心滚子轴承\23940CA/W33</t>
  </si>
  <si>
    <t>【ZWZ】调心滚子轴承\23944CA/W33</t>
  </si>
  <si>
    <t>【ZWZ】调心滚子轴承\23948CA/W33</t>
  </si>
  <si>
    <t>【ZWZ】调心滚子轴承\23960CA/W33</t>
  </si>
  <si>
    <t>【ZWZ】调心滚子轴承\23964CA/C3W33</t>
  </si>
  <si>
    <t>【ZWZ】调心滚子轴承\23968CA/W33</t>
  </si>
  <si>
    <t>【ZWZ】调心滚子轴承\23976CA/W33</t>
  </si>
  <si>
    <t>【ZWZ】调心滚子轴承\23980CA/W33</t>
  </si>
  <si>
    <t>【ZWZ】调心滚子轴承\24026CA/W33</t>
  </si>
  <si>
    <t>【ZWZ】调心滚子轴承\24030CA/C3W33</t>
  </si>
  <si>
    <t>【ZWZ】调心滚子轴承\24030CA/W33</t>
  </si>
  <si>
    <t>【ZWZ】调心滚子轴承\24034CA/W33</t>
  </si>
  <si>
    <t>【ZWZ】调心滚子轴承\24036CA/C3W33</t>
  </si>
  <si>
    <t>【ZWZ】调心滚子轴承\24036CA/W33</t>
  </si>
  <si>
    <t>【ZWZ】调心滚子轴承\24038CA/W33</t>
  </si>
  <si>
    <t>【ZWZ】调心滚子轴承\24040CA/W33</t>
  </si>
  <si>
    <t>【ZWZ】调心滚子轴承\24048CA/C3W33</t>
  </si>
  <si>
    <t>【ZWZ】调心滚子轴承\24060CA/C3W33</t>
  </si>
  <si>
    <t>【ZWZ】调心滚子轴承\24060CA/W33</t>
  </si>
  <si>
    <t>【ZWZ】调心滚子轴承\24064CA/W33</t>
  </si>
  <si>
    <t>【ZWZ】调心滚子轴承\24122CA/W33</t>
  </si>
  <si>
    <t>【ZWZ】调心滚子轴承\24126CA/C3W33</t>
  </si>
  <si>
    <t>【ZWZ】调心滚子轴承\24126CA/W33</t>
  </si>
  <si>
    <t>【ZWZ】调心滚子轴承\24128CA/W33</t>
  </si>
  <si>
    <t>【ZWZ】调心滚子轴承\24130CA/C3W33</t>
  </si>
  <si>
    <t>【ZWZ】调心滚子轴承\24136CA/C3W33</t>
  </si>
  <si>
    <t>【ZWZ】调心滚子轴承\24138CA/W33</t>
  </si>
  <si>
    <t>【ZWZ】调心滚子轴承\24140CA/C3W33</t>
  </si>
  <si>
    <t>【ZWZ】调心滚子轴承\24140CA/W33</t>
  </si>
  <si>
    <t>【ZWZ】调心滚子轴承\24144CA/C3W33</t>
  </si>
  <si>
    <t>【ZWZ】调心滚子轴承\24144CA/W33</t>
  </si>
  <si>
    <t>【ZWZ】调心滚子轴承\24148CA/C3W33</t>
  </si>
  <si>
    <t>【ZWZ】调心滚子轴承\24148CA/W33</t>
  </si>
  <si>
    <t>【ZWZ】调心滚子轴承\24152CA/C3W33</t>
  </si>
  <si>
    <t>【ZWZ】调心滚子轴承\24152CA/W33</t>
  </si>
  <si>
    <t>【ZWZ】调心滚子轴承\24156CA/C3W33</t>
  </si>
  <si>
    <t>【ZWZ】调心滚子轴承\24156CA/W33</t>
  </si>
  <si>
    <t>【ZWZ】调心滚子轴承\24160CA/C3W33</t>
  </si>
  <si>
    <t>【ZWZ】调心滚子轴承\29322</t>
  </si>
  <si>
    <t>【ZWZ】调心滚子轴承\29330</t>
  </si>
  <si>
    <t>【ZWZ】调心滚子轴承\29412</t>
  </si>
  <si>
    <t>【ZWZ】调心滚子轴承\23032CA</t>
  </si>
  <si>
    <t>【ZWZ】调心滚子轴承\22228CA/C3</t>
  </si>
  <si>
    <t>【ZWZ】调心滚子轴承\22228CA</t>
  </si>
  <si>
    <t>【ZWZ】调心滚子轴承\23228CA</t>
  </si>
  <si>
    <t>【ZWZ】调心滚子轴承\23130CA</t>
  </si>
  <si>
    <t>【ZWZ】调心滚子轴承\23130CA/C3</t>
  </si>
  <si>
    <t>【ZWZ】调心滚子轴承\22324CA</t>
  </si>
  <si>
    <t>【ZWZ】调心滚子轴承\22324CAK</t>
  </si>
  <si>
    <t>【ZWZ】调心滚子轴承\22324CA/C3</t>
  </si>
  <si>
    <t>【ZWZ】调心滚子轴承\23034CA</t>
  </si>
  <si>
    <t>【ZWZ】调心滚子轴承\23938CA/C3W33</t>
  </si>
  <si>
    <t>【ZWZ】调心滚子轴承\22230CA</t>
  </si>
  <si>
    <t>【ZWZ】调心滚子轴承\22230CAK 旧153530H</t>
  </si>
  <si>
    <t>【ZWZ】调心滚子轴承\23230CA</t>
  </si>
  <si>
    <t>【ZWZ】调心滚子轴承\23230CA/C3</t>
  </si>
  <si>
    <t>【ZWZ】调心滚子轴承\23132CA/C3</t>
  </si>
  <si>
    <t>【ZWZ】调心滚子轴承\23132CA</t>
  </si>
  <si>
    <t>【ZWZ】调心滚子轴承\22326CA</t>
  </si>
  <si>
    <t>【ZWZ】调心滚子轴承\22326CA/C3</t>
  </si>
  <si>
    <t>【ZWZ】调心滚子轴承\22326CAK</t>
  </si>
  <si>
    <t>【ZWZ】调心滚子轴承\24134CA</t>
  </si>
  <si>
    <t>【ZWZ】调心滚子轴承\23134CA/C3</t>
  </si>
  <si>
    <t>【ZWZ】调心滚子轴承\22336CAK/W33</t>
  </si>
  <si>
    <t>【ZWZ】调心滚子轴承\23036CA</t>
  </si>
  <si>
    <t>【ZWZ】调心滚子轴承\23036CAK 旧3153136</t>
  </si>
  <si>
    <t>【ZWZ】调心滚子轴承\23232CA 旧3053232</t>
  </si>
  <si>
    <t>【ZWZ】调心滚子轴承\23232CA/C3</t>
  </si>
  <si>
    <t>【ZWZ】调心滚子轴承\22232CA</t>
  </si>
  <si>
    <t>【ZWZ】调心滚子轴承\22232CA/C3</t>
  </si>
  <si>
    <t>【ZWZ】调心滚子轴承\23038CA</t>
  </si>
  <si>
    <t>【ZWZ】调心滚子轴承\23038CAK</t>
  </si>
  <si>
    <t>【ZWZ】调心滚子轴承\22328CAK</t>
  </si>
  <si>
    <t>【ZWZ】调心滚子轴承\23136CA 旧3053736</t>
  </si>
  <si>
    <t>【ZWZ】调心滚子轴承\23234CA</t>
  </si>
  <si>
    <t>【ZWZ】调心滚子轴承\22234CA</t>
  </si>
  <si>
    <t>【ZWZ】调心滚子轴承\23040CA</t>
  </si>
  <si>
    <t>【ZWZ】调心滚子轴承\23240CA</t>
  </si>
  <si>
    <t>【ZWZ】调心滚子轴承\22330CA</t>
  </si>
  <si>
    <t>【ZWZ】调心滚子轴承\22332CA</t>
  </si>
  <si>
    <t>【ZWZ】调心滚子轴承\23236CA</t>
  </si>
  <si>
    <t>【ZWZ】调心滚子轴承\22236CA</t>
  </si>
  <si>
    <t>【ZWZ】调心滚子轴承\22236CA/C3</t>
  </si>
  <si>
    <t>【ZWZ】调心滚子轴承\23138CA</t>
  </si>
  <si>
    <t>【ZWZ】调心滚子轴承\23138CAK</t>
  </si>
  <si>
    <t>【ZWZ】调心滚子轴承\22332CA/C3</t>
  </si>
  <si>
    <t>【ZWZ】深沟球轴承\6304/C3</t>
  </si>
  <si>
    <t>【ZWZ】深沟球轴承\6304-2RS</t>
  </si>
  <si>
    <t>【ZWZ】深沟球轴承\6304-2Z</t>
  </si>
  <si>
    <t>【ZWZ】深沟球轴承\6305/C4</t>
  </si>
  <si>
    <t>【ZWZ】深沟球轴承\6305-2RS</t>
  </si>
  <si>
    <t>【ZWZ】深沟球轴承\6305-2Z</t>
  </si>
  <si>
    <t>【ZWZ】深沟球轴承\6305-RS</t>
  </si>
  <si>
    <t>【ZWZ】深沟球轴承\6306/C4</t>
  </si>
  <si>
    <t>【ZWZ】深沟球轴承\6306-2Z</t>
  </si>
  <si>
    <t>【ZWZ】深沟球轴承\6306-RS</t>
  </si>
  <si>
    <t>【ZWZ】深沟球轴承\6307N</t>
  </si>
  <si>
    <t>【ZWZ】深沟球轴承\6307C4</t>
  </si>
  <si>
    <t>【ZWZ】深沟球轴承\6307-2RS</t>
  </si>
  <si>
    <t>【ZWZ】深沟球轴承\6307-2Z</t>
  </si>
  <si>
    <t>【ZWZ】深沟球轴承\6308N</t>
  </si>
  <si>
    <t>【ZWZ】深沟球轴承\6308/C4</t>
  </si>
  <si>
    <t>【ZWZ】深沟球轴承\6308/P5</t>
  </si>
  <si>
    <t>【ZWZ】深沟球轴承\6308-2RS</t>
  </si>
  <si>
    <t>【ZWZ】深沟球轴承\6309/C3</t>
  </si>
  <si>
    <t>【ZWZ】深沟球轴承\6309/C4</t>
  </si>
  <si>
    <t>【ZWZ】深沟球轴承\6311/C3</t>
  </si>
  <si>
    <t>【ZWZ】深沟球轴承\6311-2Z</t>
  </si>
  <si>
    <t>【ZWZ】深沟球轴承\6312/C3</t>
  </si>
  <si>
    <t>【ZWZ】深沟球轴承\6312-2Z</t>
  </si>
  <si>
    <t>【ZWZ】深沟球轴承\6313/C3</t>
  </si>
  <si>
    <t>【ZWZ】深沟球轴承\6313-2RS</t>
  </si>
  <si>
    <t>【ZWZ】深沟球轴承\6313-2Z</t>
  </si>
  <si>
    <t>【ZWZ】深沟球轴承\6313-RS</t>
  </si>
  <si>
    <t>【ZWZ】深沟球轴承\6314-2RS</t>
  </si>
  <si>
    <t>【ZWZ】深沟球轴承\6315-2RS</t>
  </si>
  <si>
    <t>【ZWZ】深沟球轴承\6315-2Z</t>
  </si>
  <si>
    <t>【ZWZ】深沟球轴承\6316/C3</t>
  </si>
  <si>
    <t>【ZWZ】深沟球轴承\6316-2RS</t>
  </si>
  <si>
    <t>【ZWZ】调心滚子轴承\23238CA</t>
  </si>
  <si>
    <t>【ZWZ】调心滚子轴承\22238CA</t>
  </si>
  <si>
    <t>【ZWZ】调心滚子轴承\23140CA 旧3053740</t>
  </si>
  <si>
    <t>【ZWZ】调心滚子轴承\23140CA/C3</t>
  </si>
  <si>
    <t>【ZWZ】调心滚子轴承\23044CA</t>
  </si>
  <si>
    <t>【ZWZ】调心滚子轴承\22334CA</t>
  </si>
  <si>
    <t>【ZWZ】调心滚子轴承\23240CAK</t>
  </si>
  <si>
    <t>【ZWZ】调心滚子轴承\22240CA</t>
  </si>
  <si>
    <t>【ZWZ】调心滚子轴承\22240CA/C3</t>
  </si>
  <si>
    <t>【ZWZ】调心滚子轴承\24048CA</t>
  </si>
  <si>
    <t>【ZWZ】调心滚子轴承\23048CA</t>
  </si>
  <si>
    <t>【ZWZ】调心滚子轴承\23048CA/C3</t>
  </si>
  <si>
    <t>【ZWZ】调心滚子轴承\23952CA</t>
  </si>
  <si>
    <t>【ZWZ】调心滚子轴承\23144CA</t>
  </si>
  <si>
    <t>【ZWZ】调心滚子轴承\22336CA</t>
  </si>
  <si>
    <t>【ZWZ】调心滚子轴承\22338CA</t>
  </si>
  <si>
    <t>【ZWZ】调心滚子轴承\22338CA/C3</t>
  </si>
  <si>
    <t>【ZWZ】调心滚子轴承\22244CA</t>
  </si>
  <si>
    <t>【ZWZ】调心滚子轴承\23244CA</t>
  </si>
  <si>
    <t>【ZWZ】调心滚子轴承\23148CA 旧3053748</t>
  </si>
  <si>
    <t>【ZWZ】调心滚子轴承\23148CAK 旧3153748</t>
  </si>
  <si>
    <t>【ZWZ】调心滚子轴承\23052CA</t>
  </si>
  <si>
    <t>【ZWZ】调心滚子轴承\24052CA</t>
  </si>
  <si>
    <t>【ZWZ】调心滚子轴承\22340CA</t>
  </si>
  <si>
    <t>【ZWZ】调心滚子轴承\22340CA/C3</t>
  </si>
  <si>
    <t>【ZWZ】调心滚子轴承\23056CA</t>
  </si>
  <si>
    <t>【ZWZ】调心滚子轴承\24056CA</t>
  </si>
  <si>
    <t>【ZWZ】调心滚子轴承\22309CA/W33</t>
  </si>
  <si>
    <t>【ZWZ】调心滚子轴承\22211CAK/C3W33</t>
  </si>
  <si>
    <t>【ZWZ】调心滚子轴承\22310CA/W33</t>
  </si>
  <si>
    <t>【ZWZ】调心滚子轴承\22212CA/W33</t>
  </si>
  <si>
    <t>【ZWZ】调心滚子轴承\22311CA/W33</t>
  </si>
  <si>
    <t>【ZWZ】调心滚子轴承\22213CAK/W33</t>
  </si>
  <si>
    <t>【ZWZ】调心滚子轴承\22213CA/C3W33</t>
  </si>
  <si>
    <t>【ZWZ】调心滚子轴承\22214CA/W33</t>
  </si>
  <si>
    <t>【ZWZ】调心滚子轴承\22312CA/W33</t>
  </si>
  <si>
    <t>【ZWZ】调心滚子轴承\22215CAK/W33</t>
  </si>
  <si>
    <t>【ZWZ】调心滚子轴承\22215CA/W33</t>
  </si>
  <si>
    <t>【ZWZ】调心滚子轴承\21313CA/C3W33</t>
  </si>
  <si>
    <t>【ZWZ】调心滚子轴承\21313CA/W33</t>
  </si>
  <si>
    <t>【ZWZ】调心滚子轴承\22216CA/W33</t>
  </si>
  <si>
    <t>【ZWZ】调心滚子轴承\22216CAK/W33</t>
  </si>
  <si>
    <t>【ZWZ】调心滚子轴承\22216CA/C3W33</t>
  </si>
  <si>
    <t>【ZWZ】调心滚子轴承\21314CA/W33</t>
  </si>
  <si>
    <t>【ZWZ】调心滚子轴承\22314CA/W33</t>
  </si>
  <si>
    <t>【ZWZ】调心滚子轴承\22217CAK/W33</t>
  </si>
  <si>
    <t>【ZWZ】调心滚子轴承\22315CA/W33</t>
  </si>
  <si>
    <t>【ZWZ】调心滚子轴承\22218CA/W33</t>
  </si>
  <si>
    <t>【ZWZ】调心滚子轴承\22218CAK/W33</t>
  </si>
  <si>
    <t>【ZWZ】调心滚子轴承\23218CA</t>
  </si>
  <si>
    <t>【ZWZ】调心滚子轴承\23120CA</t>
  </si>
  <si>
    <t>【ZWZ】调心滚子轴承\23022CA</t>
  </si>
  <si>
    <t>【ZWZ】调心滚子轴承\22316CAK/W33</t>
  </si>
  <si>
    <t>【ZWZ】调心滚子轴承\22219CA/W33</t>
  </si>
  <si>
    <t>【ZWZ】调心滚子轴承\22219CAK/W33</t>
  </si>
  <si>
    <t>【ZWZ】调心滚子轴承\23121CA/W33</t>
  </si>
  <si>
    <t>【ZWZ】调心滚子轴承\22220CAK/C3W33</t>
  </si>
  <si>
    <t>【ZWZ】调心滚子轴承\22220CA/C3W33</t>
  </si>
  <si>
    <t>【ZWZ】调心滚子轴承\23220CA</t>
  </si>
  <si>
    <t>【ZWZ】调心滚子轴承\23220CA/C3</t>
  </si>
  <si>
    <t>【ZWZ】调心滚子轴承\23122CA</t>
  </si>
  <si>
    <t>【ZWZ】调心滚子轴承\24122CA/C3</t>
  </si>
  <si>
    <t>【ZWZ】调心滚子轴承\23024CA</t>
  </si>
  <si>
    <t>【ZWZ】调心滚子轴承\23024CAK</t>
  </si>
  <si>
    <t>【ZWZ】调心滚子轴承\21317CA/W33</t>
  </si>
  <si>
    <t>【ZWZ】调心滚子轴承\21318CA/W33</t>
  </si>
  <si>
    <t>【ZWZ】调心滚子轴承\22318CA/W33</t>
  </si>
  <si>
    <t>【ZWZ】调心滚子轴承\22318CAK/C3W33</t>
  </si>
  <si>
    <t>【ZWZ】调心滚子轴承\22222CA/C3W33</t>
  </si>
  <si>
    <t>【ZWZ】调心滚子轴承\22222CAK/W33</t>
  </si>
  <si>
    <t>【ZWZ】调心滚子轴承\23124CA</t>
  </si>
  <si>
    <t>【ZWZ】调心滚子轴承\23124CA/C3</t>
  </si>
  <si>
    <t>【ZWZ】调心滚子轴承\24124CA</t>
  </si>
  <si>
    <t>【ZWZ】调心滚子轴承\23026CA</t>
  </si>
  <si>
    <t>【ZWZ】调心滚子轴承\21319CA/W33</t>
  </si>
  <si>
    <t>【ZWZ】调心滚子轴承\22319CAK/W33</t>
  </si>
  <si>
    <t>【ZWZ】调心滚子轴承\22209CA/W33</t>
  </si>
  <si>
    <t>【ZWZ】调心滚子轴承\22209CAK/W33</t>
  </si>
  <si>
    <t>【ZWZ】调心滚子轴承\22308CA/W33</t>
  </si>
  <si>
    <t>【ZWZ】调心滚子轴承\22210CA/W33</t>
  </si>
  <si>
    <t>【ZWZ】调心滚子轴承\22210CAK/C3W33</t>
  </si>
  <si>
    <t>【ZWZ】调心滚子轴承\24124CAK/C3W33</t>
  </si>
  <si>
    <t>【ZWZ】调心滚子轴承\23126CA</t>
  </si>
  <si>
    <t>【ZWZ】调心滚子轴承\24126CA</t>
  </si>
  <si>
    <t>【ZWZ】调心滚子轴承\23028CA/C3</t>
  </si>
  <si>
    <t>【ZWZ】调心滚子轴承\23028CAK</t>
  </si>
  <si>
    <t>【ZWZ】调心滚子轴承\22224CAK/W33</t>
  </si>
  <si>
    <t>【ZWZ】调心滚子轴承\22224CA/C3W33</t>
  </si>
  <si>
    <t>【ZWZ】调心滚子轴承\23224CA</t>
  </si>
  <si>
    <t>【ZWZ】调心滚子轴承\23128CA</t>
  </si>
  <si>
    <t>【ZWZ】调心滚子轴承\23030CA</t>
  </si>
  <si>
    <t>【ZWZ】调心滚子轴承\23030CAK</t>
  </si>
  <si>
    <t>【ZWZ】调心滚子轴承\22226CAK/C3W33</t>
  </si>
  <si>
    <t>【ZWZ】调心滚子轴承\22226CA/C3W33</t>
  </si>
  <si>
    <t>【ZWZ】调心滚子轴承\23226CA</t>
  </si>
  <si>
    <t>【ZWZ】调心滚子轴承\23032CA/C3</t>
  </si>
  <si>
    <t>【ZWZ】调心滚子轴承\22230CA/C3</t>
  </si>
  <si>
    <t>【ZWZ】调心滚子轴承\24030CA/C3</t>
  </si>
  <si>
    <t>【ZWZ】调心滚子轴承\23128CC/W33</t>
  </si>
  <si>
    <t>【ZWZ】调心滚子轴承\22228CC/W33</t>
  </si>
  <si>
    <t>【ZWZ】深沟球轴承\6317-2RS</t>
  </si>
  <si>
    <t>【ZWZ】深沟球轴承\6318-2RS</t>
  </si>
  <si>
    <t>【ZWZ】深沟球轴承\6318-2Z</t>
  </si>
  <si>
    <t>【ZWZ】深沟球轴承\6319/C3</t>
  </si>
  <si>
    <t>【ZWZ】深沟球轴承\6319-2RS</t>
  </si>
  <si>
    <t>【ZWZ】深沟球轴承\6320M/C3</t>
  </si>
  <si>
    <t>【ZWZ】深沟球轴承\6320/C3</t>
  </si>
  <si>
    <t>【ZWZ】深沟球轴承\6321/C3</t>
  </si>
  <si>
    <t>【ZWZ】深沟球轴承\6324M/C3</t>
  </si>
  <si>
    <t>【ZWZ】深沟球轴承\6326/C3</t>
  </si>
  <si>
    <t>【ZWZ】深沟球轴承\6328M</t>
  </si>
  <si>
    <t>【ZWZ】深沟球轴承\6328M/C3</t>
  </si>
  <si>
    <t>【ZWZ】深沟球轴承\6330/C3</t>
  </si>
  <si>
    <t>【ZWZ】深沟球轴承\6332M/C3</t>
  </si>
  <si>
    <t>【ZWZ】深沟球轴承\6334/C3</t>
  </si>
  <si>
    <t>【ZWZ】深沟球轴承\6408N</t>
  </si>
  <si>
    <t>【ZWZ】深沟球轴承\6409/C3</t>
  </si>
  <si>
    <t>【ZWZ】深沟球轴承\6410/C3</t>
  </si>
  <si>
    <t>【ZWZ】深沟球轴承\6412/C3</t>
  </si>
  <si>
    <t>【ZWZ】深沟球轴承\6413/C3</t>
  </si>
  <si>
    <t>【ZWZ】深沟球轴承\6415/C3</t>
  </si>
  <si>
    <t>【ZWZ】深沟球轴承\6004-2RS</t>
  </si>
  <si>
    <t>【ZWZ】深沟球轴承\6309-2RS</t>
  </si>
  <si>
    <t>【ZWZ】深沟球轴承\6310/C3Z1</t>
  </si>
  <si>
    <t>【ZWZ】深沟球轴承\6316/Z1</t>
  </si>
  <si>
    <t>【ZWZ】深沟球轴承\6316/C3Z2</t>
  </si>
  <si>
    <t>【ZWZ】深沟球轴承\6317/C3Z1</t>
  </si>
  <si>
    <t>【ZWZ】深沟球轴承\6317/Z1</t>
  </si>
  <si>
    <t>【ZWZ】深沟球轴承\6317/Z2</t>
  </si>
  <si>
    <t>【ZWZ】深沟球轴承\6318/Z1</t>
  </si>
  <si>
    <t>【ZWZ】深沟球轴承\6222/Z1</t>
  </si>
  <si>
    <t>【ZWZ】深沟球轴承\6222/C3Z1</t>
  </si>
  <si>
    <t>【ZWZ】深沟球轴承\6319/C3Z1</t>
  </si>
  <si>
    <t>【ZWZ】深沟球轴承\6319/Z1</t>
  </si>
  <si>
    <t>【ZWZ】深沟球轴承\6319/Z2</t>
  </si>
  <si>
    <t>【ZWZ】深沟球轴承\6320/Z1</t>
  </si>
  <si>
    <t>【ZWZ】深沟球轴承\6224/Z1</t>
  </si>
  <si>
    <t>【ZWZ】深沟球轴承\6226/Z1</t>
  </si>
  <si>
    <t>【ZWZ】深沟球轴承\6322/C3Z1</t>
  </si>
  <si>
    <t>【ZWZ】深沟球轴承\6322/Z1</t>
  </si>
  <si>
    <t>【ZWZ】深沟球轴承\6324/Z1</t>
  </si>
  <si>
    <t>【ZWZ】深沟球轴承\6332/C3Z1</t>
  </si>
  <si>
    <t>【ZWZ】深沟球轴承\6238/C3Z1</t>
  </si>
  <si>
    <t>【ZWZ】深沟球轴承\6234/P53Z1</t>
  </si>
  <si>
    <t>【ZWZ】深沟球轴承\6232/P5</t>
  </si>
  <si>
    <t>【ZWZ】深沟球轴承\61864M/P5</t>
  </si>
  <si>
    <t>【ZWZ】深沟球轴承\6026/P5</t>
  </si>
  <si>
    <t>【ZWZ】深沟球轴承\6030/P5</t>
  </si>
  <si>
    <t>【ZWZ】深沟球轴承\6226/P5</t>
  </si>
  <si>
    <t>【ZWZ】深沟球轴承\6228/P5</t>
  </si>
  <si>
    <t>【ZWZ】深沟球轴承\6324/P5</t>
  </si>
  <si>
    <t>【ZWZ】深沟球轴承\6230/P5</t>
  </si>
  <si>
    <t>【ZWZ】深沟球轴承\6326/P5</t>
  </si>
  <si>
    <t>【ZWZ】深沟球轴承\6330/P5</t>
  </si>
  <si>
    <t>【ZWZ】深沟球轴承\6330M/P5</t>
  </si>
  <si>
    <t>【ZWZ】深沟球轴承\6334M/P5</t>
  </si>
  <si>
    <t>【ZWZ】深沟球轴承\6334/P5</t>
  </si>
  <si>
    <t>【ZWZ】深沟球轴承\6240/P5</t>
  </si>
  <si>
    <t>【ZWZ】深沟球轴承\618/530MA</t>
  </si>
  <si>
    <t>【ZWZ】深沟球轴承\6309/Z1</t>
  </si>
  <si>
    <t>【ZWZ】深沟球轴承\6309-2RS/Z1</t>
  </si>
  <si>
    <t>【ZWZ】深沟球轴承\6310/Z1</t>
  </si>
  <si>
    <t>【ZWZ】深沟球轴承\6310-2RS/Z1</t>
  </si>
  <si>
    <t>【ZWZ】深沟球轴承\6311/Z1</t>
  </si>
  <si>
    <t>【ZWZ】深沟球轴承\6311-2RS/Z1</t>
  </si>
  <si>
    <t>【ZWZ】深沟球轴承\6312/Z1</t>
  </si>
  <si>
    <t>【ZWZ】圆锥滚子轴承\30209</t>
  </si>
  <si>
    <t>【ZWZ】圆锥滚子轴承\30211</t>
  </si>
  <si>
    <t>【ZWZ】圆锥滚子轴承\30216</t>
  </si>
  <si>
    <t>【ZWZ】圆锥滚子轴承\30220\ZWZ</t>
  </si>
  <si>
    <t>【ZWZ】圆锥滚子轴承\30226</t>
  </si>
  <si>
    <t>【ZWZ】圆锥滚子轴承\30228</t>
  </si>
  <si>
    <t>【ZWZ】圆锥滚子轴承\30230</t>
  </si>
  <si>
    <t>【ZWZ】圆锥滚子轴承\30232</t>
  </si>
  <si>
    <t>【ZWZ】圆锥滚子轴承\30234</t>
  </si>
  <si>
    <t>【ZWZ】圆锥滚子轴承\30236</t>
  </si>
  <si>
    <t>【ZWZ】圆锥滚子轴承\30240\ZWZ</t>
  </si>
  <si>
    <t>【ZWZ】圆锥滚子轴承\30244</t>
  </si>
  <si>
    <t>【ZWZ】圆锥滚子轴承\30306</t>
  </si>
  <si>
    <t>【ZWZ】圆锥滚子轴承\30311</t>
  </si>
  <si>
    <t>【ZWZ】圆锥滚子轴承\30313</t>
  </si>
  <si>
    <t>【ZWZ】圆锥滚子轴承\30319</t>
  </si>
  <si>
    <t>【ZWZ】圆锥滚子轴承\30322</t>
  </si>
  <si>
    <t>【ZWZ】圆锥滚子轴承\30326</t>
  </si>
  <si>
    <t>【ZWZ】圆锥滚子轴承\30330</t>
  </si>
  <si>
    <t>【ZWZ】圆锥滚子轴承\31310</t>
  </si>
  <si>
    <t>【ZWZ】圆锥滚子轴承\31315</t>
  </si>
  <si>
    <t>【ZWZ】圆锥滚子轴承\31317</t>
  </si>
  <si>
    <t>【ZWZ】圆锥滚子轴承\31318</t>
  </si>
  <si>
    <t>【ZWZ】圆锥滚子轴承\31319</t>
  </si>
  <si>
    <t>【ZWZ】圆锥滚子轴承\32206</t>
  </si>
  <si>
    <t>【ZWZ】圆锥滚子轴承\32209</t>
  </si>
  <si>
    <t>【ZWZ】圆锥滚子轴承\32215</t>
  </si>
  <si>
    <t>【ZWZ】圆锥滚子轴承\32224</t>
  </si>
  <si>
    <t>【ZWZ】圆锥滚子轴承\32234</t>
  </si>
  <si>
    <t>【ZWZ】圆锥滚子轴承\32236</t>
  </si>
  <si>
    <t>【ZWZ】圆锥滚子轴承\32238</t>
  </si>
  <si>
    <t>【ZWZ】圆锥滚子轴承\32240</t>
  </si>
  <si>
    <t>【ZWZ】圆锥滚子轴承\32244</t>
  </si>
  <si>
    <t>【ZWZ】圆锥滚子轴承\32248</t>
  </si>
  <si>
    <t>【ZWZ】圆锥滚子轴承\32304</t>
  </si>
  <si>
    <t>【ZWZ】圆锥滚子轴承\32310</t>
  </si>
  <si>
    <t>【ZWZ】圆锥滚子轴承\32315</t>
  </si>
  <si>
    <t>【ZWZ】圆锥滚子轴承\32318</t>
  </si>
  <si>
    <t>【ZWZ】圆锥滚子轴承\32319</t>
  </si>
  <si>
    <t>【ZWZ】圆锥滚子轴承\32321</t>
  </si>
  <si>
    <t>【ZWZ】圆锥滚子轴承\32322</t>
  </si>
  <si>
    <t>【ZWZ】圆锥滚子轴承\32330</t>
  </si>
  <si>
    <t>【ZWZ】圆锥滚子轴承\32920</t>
  </si>
  <si>
    <t>【ZWZ】圆锥滚子轴承\32936</t>
  </si>
  <si>
    <t>【ZWZ】圆锥滚子轴承\32938</t>
  </si>
  <si>
    <t>【ZWZ】圆锥滚子轴承\32944</t>
  </si>
  <si>
    <t>【ZWZ】圆锥滚子轴承\32960</t>
  </si>
  <si>
    <t>【ZWZ】圆锥滚子轴承\33012</t>
  </si>
  <si>
    <t>【ZWZ】圆锥滚子轴承\33015</t>
  </si>
  <si>
    <t>【ZWZ】圆锥滚子轴承\33021</t>
  </si>
  <si>
    <t>【ZWZ】圆锥滚子轴承\33024</t>
  </si>
  <si>
    <t>【ZWZ】圆锥滚子轴承\33109</t>
  </si>
  <si>
    <t>【ZWZ】圆锥滚子轴承\33112</t>
  </si>
  <si>
    <t>【ZWZ】圆锥滚子轴承\33115</t>
  </si>
  <si>
    <t>【ZWZ】圆锥滚子轴承\33205</t>
  </si>
  <si>
    <t>【ZWZ】圆锥滚子轴承\33206</t>
  </si>
  <si>
    <t>【ZWZ】圆锥滚子轴承\33209</t>
  </si>
  <si>
    <t>【ZWZ】圆锥滚子轴承\33211</t>
  </si>
  <si>
    <t>【ZWZ】圆锥滚子轴承\33214</t>
  </si>
  <si>
    <t>【ZWZ】圆锥滚子轴承\33215</t>
  </si>
  <si>
    <t>【ZWZ】圆锥滚子轴承\33217</t>
  </si>
  <si>
    <t>【ZWZ】圆锥滚子轴承\33220</t>
  </si>
  <si>
    <t>【ZWZ】圆锥滚子轴承\30204</t>
  </si>
  <si>
    <t>【ZWZ】圆锥滚子轴承\30206</t>
  </si>
  <si>
    <t>【ZWZ】圆锥滚子轴承\30207 旧7207</t>
  </si>
  <si>
    <t>【ZWZ】圆锥滚子轴承\30208</t>
  </si>
  <si>
    <t>【ZWZ】圆锥滚子轴承\30212</t>
  </si>
  <si>
    <t>【ZWZ】圆锥滚子轴承\30213</t>
  </si>
  <si>
    <t>【ZWZ】圆锥滚子轴承\30215</t>
  </si>
  <si>
    <t>【ZWZ】圆锥滚子轴承\30217</t>
  </si>
  <si>
    <t>【ZWZ】圆锥滚子轴承\30218 旧7218E</t>
  </si>
  <si>
    <t>【ZWZ】圆锥滚子轴承\30219</t>
  </si>
  <si>
    <t>【ZWZ】圆锥滚子轴承\30221</t>
  </si>
  <si>
    <t>【ZWZ】圆锥滚子轴承\30222</t>
  </si>
  <si>
    <t>【ZWZ】圆锥滚子轴承\30224</t>
  </si>
  <si>
    <t>【ZWZ】圆锥滚子轴承\30304</t>
  </si>
  <si>
    <t>【ZWZ】圆锥滚子轴承\30305 旧7305E</t>
  </si>
  <si>
    <t>【ZWZ】圆锥滚子轴承\30307</t>
  </si>
  <si>
    <t>【ZWZ】圆锥滚子轴承\30308</t>
  </si>
  <si>
    <t>【ZWZ】圆锥滚子轴承\30309</t>
  </si>
  <si>
    <t>【ZWZ】圆锥滚子轴承\30310</t>
  </si>
  <si>
    <t>【ZWZ】圆锥滚子轴承\30314</t>
  </si>
  <si>
    <t>【ZWZ】圆锥滚子轴承\30316</t>
  </si>
  <si>
    <t>【ZWZ】圆锥滚子轴承\30317</t>
  </si>
  <si>
    <t>【ZWZ】圆锥滚子轴承\30320</t>
  </si>
  <si>
    <t>【ZWZ】圆锥滚子轴承\31309</t>
  </si>
  <si>
    <t>【ZWZ】圆锥滚子轴承\31311</t>
  </si>
  <si>
    <t>【ZWZ】圆锥滚子轴承\31313</t>
  </si>
  <si>
    <t>【ZWZ】圆锥滚子轴承\31314</t>
  </si>
  <si>
    <t>【ZWZ】圆锥滚子轴承\31316</t>
  </si>
  <si>
    <t>【ZWZ】圆锥滚子轴承\31322</t>
  </si>
  <si>
    <t>【ZWZ】圆锥滚子轴承\31324</t>
  </si>
  <si>
    <t>【ZWZ】圆锥滚子轴承\31326</t>
  </si>
  <si>
    <t>【ZWZ】圆锥滚子轴承\31328</t>
  </si>
  <si>
    <t>【ZWZ】圆锥滚子轴承\32006</t>
  </si>
  <si>
    <t>【ZWZ】圆锥滚子轴承\32007</t>
  </si>
  <si>
    <t>【ZWZ】圆锥滚子轴承\32009</t>
  </si>
  <si>
    <t>【ZWZ】圆锥滚子轴承\32010</t>
  </si>
  <si>
    <t>【ZWZ】圆锥滚子轴承\32011 旧2007111</t>
  </si>
  <si>
    <t>【ZWZ】圆锥滚子轴承\32012</t>
  </si>
  <si>
    <t>【ZWZ】深沟球轴承\6312/C3Z1</t>
  </si>
  <si>
    <t>【ZWZ】深沟球轴承\6313-2RS/Z1</t>
  </si>
  <si>
    <t>【ZWZ】深沟球轴承\6314/Z1</t>
  </si>
  <si>
    <t>【ZWZ】深沟球轴承\6314-2RS/Z1</t>
  </si>
  <si>
    <t>【ZWZ】深沟球轴承\6314/Z2</t>
  </si>
  <si>
    <t>【ZWZ】深沟球轴承\6230/P63Z1</t>
  </si>
  <si>
    <t>【ZWZ】深沟球轴承\6205-2RS/Z1</t>
  </si>
  <si>
    <t>【ZWZ】深沟球轴承\6205-Z1</t>
  </si>
  <si>
    <t>【ZWZ】深沟球轴承\6206-2RS/Z1</t>
  </si>
  <si>
    <t>【ZWZ】深沟球轴承\6306/P5</t>
  </si>
  <si>
    <t>【ZWZ】深沟球轴承\6306-2RS/Z1</t>
  </si>
  <si>
    <t>【ZWZ】深沟球轴承\6307-2RS/Z1</t>
  </si>
  <si>
    <t>【ZWZ】深沟球轴承\6307/Z1</t>
  </si>
  <si>
    <t>【ZWZ】深沟球轴承\6208-2RS/Z1</t>
  </si>
  <si>
    <t>【ZWZ】深沟球轴承\6209-2RS/Z1</t>
  </si>
  <si>
    <t>【ZWZ】深沟球轴承\6308/Z1</t>
  </si>
  <si>
    <t>【ZWZ】深沟球轴承\6308-2RS/Z1</t>
  </si>
  <si>
    <t>【ZWZ】深沟球轴承\7311BM/DB</t>
  </si>
  <si>
    <t>【ZWZ】深沟球轴承\6309/P5</t>
  </si>
  <si>
    <t>【ZWZ】深沟球轴承\6211/P5</t>
  </si>
  <si>
    <t>【ZWZ】深沟球轴承\6310/P5</t>
  </si>
  <si>
    <t>【ZWZ】深沟球轴承\6310-2RS/P5</t>
  </si>
  <si>
    <t>【ZWZ】深沟球轴承\6212/P5</t>
  </si>
  <si>
    <t>【ZWZ】深沟球轴承\6409/P6</t>
  </si>
  <si>
    <t>【ZWZ】深沟球轴承\6311/P5</t>
  </si>
  <si>
    <t>【ZWZ】深沟球轴承\6213/P5</t>
  </si>
  <si>
    <t>【ZWZ】深沟球轴承\6214/P5</t>
  </si>
  <si>
    <t>【ZWZ】深沟球轴承\6410/P5</t>
  </si>
  <si>
    <t>【ZWZ】深沟球轴承\6312-2RS/P5</t>
  </si>
  <si>
    <t>【ZWZ】深沟球轴承\6312/P5</t>
  </si>
  <si>
    <t>【ZWZ】深沟球轴承\6215/P5</t>
  </si>
  <si>
    <t>【ZWZ】深沟球轴承\6313/P5</t>
  </si>
  <si>
    <t>【ZWZ】深沟球轴承\6020/P6</t>
  </si>
  <si>
    <t>【ZWZ】圆锥滚子轴承\32013</t>
  </si>
  <si>
    <t>【ZWZ】圆锥滚子轴承\32014</t>
  </si>
  <si>
    <t>【ZWZ】圆锥滚子轴承\32015</t>
  </si>
  <si>
    <t>【ZWZ】圆锥滚子轴承\32019\ZWZ</t>
  </si>
  <si>
    <t>【ZWZ】圆锥滚子轴承\32020</t>
  </si>
  <si>
    <t>【ZWZ】圆锥滚子轴承\32021</t>
  </si>
  <si>
    <t>【ZWZ】圆锥滚子轴承\32022</t>
  </si>
  <si>
    <t>【ZWZ】圆锥滚子轴承\32024</t>
  </si>
  <si>
    <t>【ZWZ】圆锥滚子轴承\32026</t>
  </si>
  <si>
    <t>【ZWZ】圆锥滚子轴承\32028</t>
  </si>
  <si>
    <t>【ZWZ】圆锥滚子轴承\32030</t>
  </si>
  <si>
    <t>【ZWZ】圆锥滚子轴承\32032</t>
  </si>
  <si>
    <t>【ZWZ】圆锥滚子轴承\32034/DF</t>
  </si>
  <si>
    <t>【ZWZ】圆锥滚子轴承\32036</t>
  </si>
  <si>
    <t>【ZWZ】圆锥滚子轴承\32038</t>
  </si>
  <si>
    <t>【ZWZ】圆锥滚子轴承\32040</t>
  </si>
  <si>
    <t>【ZWZ】圆锥滚子轴承\32044</t>
  </si>
  <si>
    <t>【ZWZ】圆锥滚子轴承\32056</t>
  </si>
  <si>
    <t>【ZWZ】圆锥滚子轴承\32060</t>
  </si>
  <si>
    <t>【ZWZ】圆锥滚子轴承\32064</t>
  </si>
  <si>
    <t>【ZWZ】圆锥滚子轴承\32207</t>
  </si>
  <si>
    <t>【ZWZ】圆锥滚子轴承\32208</t>
  </si>
  <si>
    <t>【ZWZ】圆锥滚子轴承\32210</t>
  </si>
  <si>
    <t>【ZWZ】圆锥滚子轴承\32211</t>
  </si>
  <si>
    <t>【ZWZ】圆锥滚子轴承\32213</t>
  </si>
  <si>
    <t>【ZWZ】圆锥滚子轴承\32216</t>
  </si>
  <si>
    <t>【ZWZ】圆锥滚子轴承\32218</t>
  </si>
  <si>
    <t>【ZWZ】圆锥滚子轴承\32230</t>
  </si>
  <si>
    <t>【ZWZ】圆锥滚子轴承\32232</t>
  </si>
  <si>
    <t>【ZWZ】圆锥滚子轴承\32305</t>
  </si>
  <si>
    <t>【ZWZ】圆锥滚子轴承\32306</t>
  </si>
  <si>
    <t>【ZWZ】圆锥滚子轴承\32307</t>
  </si>
  <si>
    <t>【ZWZ】圆锥滚子轴承\32308</t>
  </si>
  <si>
    <t>【ZWZ】圆锥滚子轴承\32309</t>
  </si>
  <si>
    <t>【ZWZ】圆锥滚子轴承\32311</t>
  </si>
  <si>
    <t>【ZWZ】圆锥滚子轴承\32313</t>
  </si>
  <si>
    <t>【ZWZ】圆锥滚子轴承\32316</t>
  </si>
  <si>
    <t>【ZWZ】圆锥滚子轴承\32317</t>
  </si>
  <si>
    <t>【ZWZ】圆锥滚子轴承\33010</t>
  </si>
  <si>
    <t>【ZWZ】圆锥滚子轴承\33018</t>
  </si>
  <si>
    <t>【ZWZ】圆锥滚子轴承\33210</t>
  </si>
  <si>
    <t>【ZWZ】圆锥滚子轴承\33213</t>
  </si>
  <si>
    <t>【ZWZ】圆锥滚子轴承\33216</t>
  </si>
  <si>
    <t>【ZWZ】圆锥滚子轴承\EE350750/351687/YB2</t>
  </si>
  <si>
    <t>【ZWZ】圆锥滚子轴承\32013/P5</t>
  </si>
  <si>
    <t>【ZWZ】圆锥滚子轴承\32212/P5</t>
  </si>
  <si>
    <t>【ZWZ】圆锥滚子轴承\32014/P5</t>
  </si>
  <si>
    <t>【ZWZ】圆锥滚子轴承\30311/P5</t>
  </si>
  <si>
    <t>【ZWZ】圆锥滚子轴承\30213/P5</t>
  </si>
  <si>
    <t>【ZWZ】圆锥滚子轴承\32214/P5</t>
  </si>
  <si>
    <t>【ZWZ】圆锥滚子轴承\30312/P5</t>
  </si>
  <si>
    <t>【ZWZ】圆锥滚子轴承\32018X2A/P5</t>
  </si>
  <si>
    <t>【ZWZ】圆锥滚子轴承\30217/P5</t>
  </si>
  <si>
    <t>【ZWZ】圆锥滚子轴承\30315/P5</t>
  </si>
  <si>
    <t>【ZWZ】圆锥滚子轴承\31315/P5</t>
  </si>
  <si>
    <t>【ZWZ】圆锥滚子轴承\32220/P5</t>
  </si>
  <si>
    <t>【ZWZ】圆锥滚子轴承\KJ90354/KJ90748-3</t>
  </si>
  <si>
    <t>【ZWZ】圆锥滚子轴承\30320/P5</t>
  </si>
  <si>
    <t>【ZWZ】圆锥滚子轴承\30224/P5</t>
  </si>
  <si>
    <t>【ZWZ】圆锥滚子轴承\32226/P5</t>
  </si>
  <si>
    <t>【ZWZ】圆锥滚子轴承\32034X2A/P6</t>
  </si>
  <si>
    <t>【ZWZ】圆锥滚子轴承\30230/P5</t>
  </si>
  <si>
    <t>【ZWZ】圆锥滚子轴承\32230/P5</t>
  </si>
  <si>
    <t>【ZWZ】圆锥滚子轴承\31308/P5</t>
  </si>
  <si>
    <t>【ZWZ】圆锥滚子轴承\HM127446/HM127415XD</t>
  </si>
  <si>
    <t>【ZWZ】圆锥滚子轴承\M255449/M255410CD</t>
  </si>
  <si>
    <t>【ZWZ】圆锥滚子轴承\KH852849/KH852810</t>
  </si>
  <si>
    <t>【ZWZ】圆锥滚子轴承\30252</t>
  </si>
  <si>
    <t>【ZWZ】圆锥滚子轴承\32348</t>
  </si>
  <si>
    <t>【ZWZ】圆锥滚子轴承\30260</t>
  </si>
  <si>
    <t>【ZWZ】圆锥滚子轴承\30264</t>
  </si>
  <si>
    <t>【ZWZ】圆锥滚子轴承\352220X2</t>
  </si>
  <si>
    <t>【ZWZ】圆锥滚子轴承\K90381/K90744D</t>
  </si>
  <si>
    <t>【ZWZ】圆锥滚子轴承\K90381/K90744/DB</t>
  </si>
  <si>
    <t>【ZWZ】圆锥滚子轴承\352221X2</t>
  </si>
  <si>
    <t>【ZWZ】圆锥滚子轴承\352222</t>
  </si>
  <si>
    <t>【ZWZ】圆锥滚子轴承\352124</t>
  </si>
  <si>
    <t>【ZWZ】圆锥滚子轴承\352126</t>
  </si>
  <si>
    <t>【ZWZ】圆锥滚子轴承\352028</t>
  </si>
  <si>
    <t>【ZWZ】圆锥滚子轴承\352028X2</t>
  </si>
  <si>
    <t>【ZWZ】圆锥滚子轴承\938/932CD</t>
  </si>
  <si>
    <t>【ZWZ】圆锥滚子轴承\352224</t>
  </si>
  <si>
    <t>【ZWZ】圆锥滚子轴承\352224X2</t>
  </si>
  <si>
    <t>【ZWZ】圆锥滚子轴承\352128</t>
  </si>
  <si>
    <t>【ZWZ】圆锥滚子轴承\350630/YB2</t>
  </si>
  <si>
    <t>【ZWZ】圆锥滚子轴承\KNA46790SW/K46720D</t>
  </si>
  <si>
    <t>【ZWZ】圆锥滚子轴承\32226/DF</t>
  </si>
  <si>
    <t>【ZWZ】圆锥滚子轴承\352226</t>
  </si>
  <si>
    <t>【ZWZ】圆锥滚子轴承\352226X2</t>
  </si>
  <si>
    <t>【ZWZ】圆锥滚子轴承\NA81550/81963D/C9</t>
  </si>
  <si>
    <t>【ZWZ】圆锥滚子轴承\67787/67720CD</t>
  </si>
  <si>
    <t>【ZWZ】圆锥滚子轴承\67790D/67720</t>
  </si>
  <si>
    <t>【ZWZ】圆锥滚子轴承\352228X2</t>
  </si>
  <si>
    <t>【ZWZ】圆锥滚子轴承\352936X2</t>
  </si>
  <si>
    <t>【ZWZ】圆锥滚子轴承\KHM133444/KHM133416XDA</t>
  </si>
  <si>
    <t>【ZWZ】圆锥滚子轴承\K99600/K99102CD</t>
  </si>
  <si>
    <t>【ZWZ】圆锥滚子轴承\352034X2</t>
  </si>
  <si>
    <t>【ZWZ】圆锥滚子轴承\KJM738249A/KJM738210/DB</t>
  </si>
  <si>
    <t>【ZWZ】圆锥滚子轴承\352938X2</t>
  </si>
  <si>
    <t>【ZWZ】圆锥滚子轴承\352230</t>
  </si>
  <si>
    <t>【ZWZ】深沟球轴承\6412/P5</t>
  </si>
  <si>
    <t>【ZWZ】深沟球轴承\6314P5</t>
  </si>
  <si>
    <t>【ZWZ】深沟球轴承\6314-2RS/P5</t>
  </si>
  <si>
    <t>【ZWZ】深沟球轴承\6217/P6</t>
  </si>
  <si>
    <t>【ZWZ】深沟球轴承\6218/P5</t>
  </si>
  <si>
    <t>【ZWZ】深沟球轴承\6208/P5</t>
  </si>
  <si>
    <t>【ZWZ】深沟球轴承\6209/P5</t>
  </si>
  <si>
    <t>【ZWZ】深沟球轴承\6210/P5</t>
  </si>
  <si>
    <t>【ZWZ】深沟球轴承\6012/P6</t>
  </si>
  <si>
    <t>【ZWZ】深沟球轴承\6407N</t>
  </si>
  <si>
    <t>【ZWZ】深沟球轴承\6407-2RS</t>
  </si>
  <si>
    <t>【ZWZ】深沟球轴承\6310-2RZ</t>
  </si>
  <si>
    <t>【ZWZ】深沟球轴承\6212-ZN</t>
  </si>
  <si>
    <t>【ZWZ】深沟球轴承\6409N</t>
  </si>
  <si>
    <t>【ZWZ】深沟球轴承\6311-2RZ</t>
  </si>
  <si>
    <t>【ZWZ】深沟球轴承\6312-2RZ</t>
  </si>
  <si>
    <t>【ZWZ】深沟球轴承\6411N</t>
  </si>
  <si>
    <t>【ZWZ】深沟球轴承\61922M</t>
  </si>
  <si>
    <t>【ZWZ】深沟球轴承\61824-2Z</t>
  </si>
  <si>
    <t>【ZWZ】深沟球轴承\61826MA</t>
  </si>
  <si>
    <t>【ZWZ】深沟球轴承\6204-2RS/Z1</t>
  </si>
  <si>
    <t>【ZWZ】深沟球轴承\6205-RZ</t>
  </si>
  <si>
    <t>【ZWZ】深沟球轴承\6305E-2Z/P63</t>
  </si>
  <si>
    <t>【ZWZ】深沟球轴承\6305/Z1</t>
  </si>
  <si>
    <t>【ZWZ】深沟球轴承\6206/P5</t>
  </si>
  <si>
    <t>【ZWZ】深沟球轴承\6306E-2Z/P63</t>
  </si>
  <si>
    <t>【ZWZ】深沟球轴承\6307E-2Z/P63</t>
  </si>
  <si>
    <t>【ZWZ】深沟球轴承\6307/P5</t>
  </si>
  <si>
    <t>【ZWZ】深沟球轴承\6406N</t>
  </si>
  <si>
    <t>【ZWZ】深沟球轴承\6308E-2Z/P63</t>
  </si>
  <si>
    <t>【ZWZ】深沟球轴承\6408-2RS</t>
  </si>
  <si>
    <t>【ZWZ】深沟球轴承\6022/P6</t>
  </si>
  <si>
    <t>【ZWZ】深沟球轴承\6024/P6</t>
  </si>
  <si>
    <t>【ZWZ】深沟球轴承\6222/P63</t>
  </si>
  <si>
    <t>【ZWZ】深沟球轴承\6224/P6</t>
  </si>
  <si>
    <t>【ZWZ】深沟球轴承\6032/P6</t>
  </si>
  <si>
    <t>【ZWZ】深沟球轴承\6232M/P6</t>
  </si>
  <si>
    <t>【ZWZ】深沟球轴承\6232M/P63</t>
  </si>
  <si>
    <t>【ZWZ】深沟球轴承\6328/P6</t>
  </si>
  <si>
    <t>【ZWZ】深沟球轴承\6328/P63</t>
  </si>
  <si>
    <t>【ZWZ】深沟球轴承\6234/P6</t>
  </si>
  <si>
    <t>【ZWZ】深沟球轴承\6332M/P6</t>
  </si>
  <si>
    <t>【ZWZ】深沟球轴承\6238M/P6</t>
  </si>
  <si>
    <t>【ZWZ】深沟球轴承\6238M/P63</t>
  </si>
  <si>
    <t>【ZWZ】深沟球轴承\6315/P5</t>
  </si>
  <si>
    <t>【ZWZ】深沟球轴承\6022/P5</t>
  </si>
  <si>
    <t>【ZWZ】深沟球轴承\6316/P5</t>
  </si>
  <si>
    <t>【ZWZ】深沟球轴承\6219/P5</t>
  </si>
  <si>
    <t>【ZWZ】深沟球轴承\6220/P5</t>
  </si>
  <si>
    <t>【ZWZ】深沟球轴承\6024/P5</t>
  </si>
  <si>
    <t>【ZWZ】深沟球轴承\6317/P5</t>
  </si>
  <si>
    <t>【ZWZ】深沟球轴承\6221/P5</t>
  </si>
  <si>
    <t>【ZWZ】深沟球轴承\6318/P5</t>
  </si>
  <si>
    <t>【ZWZ】深沟球轴承\6222/P5</t>
  </si>
  <si>
    <t>【ZWZ】深沟球轴承\6319/P5</t>
  </si>
  <si>
    <t>【ZWZ】深沟球轴承\6028/P5</t>
  </si>
  <si>
    <t>【ZWZ】深沟球轴承\6320/P5</t>
  </si>
  <si>
    <t>【ZWZ】深沟球轴承\6320M/P54</t>
  </si>
  <si>
    <t>【ZWZ】深沟球轴承\6224/P5</t>
  </si>
  <si>
    <t>【ZWZ】深沟球轴承\6322/P5</t>
  </si>
  <si>
    <t>【ZWZ】深沟球轴承\6322/P53</t>
  </si>
  <si>
    <t>【ZWZ】深沟球轴承\6064</t>
  </si>
  <si>
    <t>【ZWZ】深沟球轴承\61924M</t>
  </si>
  <si>
    <t>【ZWZ】深沟球轴承\61924</t>
  </si>
  <si>
    <t>【ZWZ】深沟球轴承\61828M</t>
  </si>
  <si>
    <t>【ZWZ】深沟球轴承\6024M</t>
  </si>
  <si>
    <t>【ZWZ】深沟球轴承\6221N</t>
  </si>
  <si>
    <t>【ZWZ】深沟球轴承\61928M/C3</t>
  </si>
  <si>
    <t>【ZWZ】深沟球轴承\6026-Z</t>
  </si>
  <si>
    <t>【ZWZ】深沟球轴承\16028M</t>
  </si>
  <si>
    <t>【ZWZ】深沟球轴承\6028-2Z</t>
  </si>
  <si>
    <t>【ZWZ】深沟球轴承\6320-2RS</t>
  </si>
  <si>
    <t>【ZWZ】深沟球轴承\61834M</t>
  </si>
  <si>
    <t>【ZWZ】深沟球轴承\6321-2RS/C3</t>
  </si>
  <si>
    <t>【ZWZ】深沟球轴承\16030M</t>
  </si>
  <si>
    <t>【ZWZ】深沟球轴承\16032M</t>
  </si>
  <si>
    <t>【ZWZ】深沟球轴承\6420</t>
  </si>
  <si>
    <t>【ZWZ】深沟球轴承\6420M</t>
  </si>
  <si>
    <t>【ZWZ】深沟球轴承\6228M/C3</t>
  </si>
  <si>
    <t>【ZWZ】深沟球轴承\61936M</t>
  </si>
  <si>
    <t>【ZWZ】深沟球轴承\16034M</t>
  </si>
  <si>
    <t>【ZWZ】深沟球轴承\6034/C3</t>
  </si>
  <si>
    <t>【ZWZ】深沟球轴承\6034</t>
  </si>
  <si>
    <t>【ZWZ】深沟球轴承\6036</t>
  </si>
  <si>
    <t>【ZWZ】深沟球轴承\6332</t>
  </si>
  <si>
    <t>【ZWZ】深沟球轴承\16038M</t>
  </si>
  <si>
    <t>【ZWZ】深沟球轴承\6038</t>
  </si>
  <si>
    <t>【ZWZ】深沟球轴承\61944M</t>
  </si>
  <si>
    <t>【ZWZ】深沟球轴承\16040M</t>
  </si>
  <si>
    <t>【ZWZ】深沟球轴承\6040</t>
  </si>
  <si>
    <t>【ZWZ】深沟球轴承\6236</t>
  </si>
  <si>
    <t>【ZWZ】深沟球轴承\61948M</t>
  </si>
  <si>
    <t>【ZWZ】深沟球轴承\6044</t>
  </si>
  <si>
    <t>【ZWZ】深沟球轴承\6044M/C3</t>
  </si>
  <si>
    <t>【ZWZ】深沟球轴承\6240</t>
  </si>
  <si>
    <t>【ZWZ】深沟球轴承\6048</t>
  </si>
  <si>
    <t>【ZWZ】深沟球轴承\61952M</t>
  </si>
  <si>
    <t>【ZWZ】深沟球轴承\6336</t>
  </si>
  <si>
    <t>【ZWZ】深沟球轴承\6336/C3</t>
  </si>
  <si>
    <t>【ZWZ】深沟球轴承\6204</t>
  </si>
  <si>
    <t>【ZWZ】深沟球轴承\6212</t>
  </si>
  <si>
    <t>【ZWZ】深沟球轴承\6220</t>
  </si>
  <si>
    <t>【ZWZ】深沟球轴承\6230</t>
  </si>
  <si>
    <t>【ZWZ】深沟球轴承\6020-2RS</t>
  </si>
  <si>
    <t>【ZWZ】深沟球轴承\6024-Z</t>
  </si>
  <si>
    <t>【ZWZ】深沟球轴承\61956M</t>
  </si>
  <si>
    <t>【ZWZ】深沟球轴承\61860M</t>
  </si>
  <si>
    <t>【ZWZ】深沟球轴承\6338F3</t>
  </si>
  <si>
    <t>【ZWZ】深沟球轴承\6244</t>
  </si>
  <si>
    <t>【ZWZ】深沟球轴承\6244/C3</t>
  </si>
  <si>
    <t>【ZWZ】深沟球轴承\16052M</t>
  </si>
  <si>
    <t>【ZWZ】深沟球轴承\6052M/C3</t>
  </si>
  <si>
    <t>【ZWZ】深沟球轴承\6340</t>
  </si>
  <si>
    <t>【ZWZ】深沟球轴承\6056</t>
  </si>
  <si>
    <t>【ZWZ】深沟球轴承\61960</t>
  </si>
  <si>
    <t>【ZWZ】深沟球轴承\61964</t>
  </si>
  <si>
    <t>【ZWZ】深沟球轴承\6311N</t>
  </si>
  <si>
    <t>【ZWZ】深沟球轴承\6312N</t>
  </si>
  <si>
    <t>【ZWZ】深沟球轴承\6216N</t>
  </si>
  <si>
    <t>【ZWZ】深沟球轴承\6314N</t>
  </si>
  <si>
    <t>【ZWZ】深沟球轴承\6210N</t>
  </si>
  <si>
    <t>【ZWZ】圆锥滚子轴承\K90381/K90744</t>
  </si>
  <si>
    <t>【ZWZ】圆锥滚子轴承\352230X2</t>
  </si>
  <si>
    <t>【ZWZ】圆锥滚子轴承\352132X2/HAC3</t>
  </si>
  <si>
    <t>【ZWZ】圆锥滚子轴承\352132X2</t>
  </si>
  <si>
    <t>【ZWZ】圆锥滚子轴承\352134</t>
  </si>
  <si>
    <t>【ZWZ】圆锥滚子轴承\352036X2</t>
  </si>
  <si>
    <t>【ZWZ】圆锥滚子轴承\32940T112/DB</t>
  </si>
  <si>
    <t>【ZWZ】圆锥滚子轴承\HM237545/HM237510CD</t>
  </si>
  <si>
    <t>【ZWZ】圆锥滚子轴承\KHM237545/KHM237510D</t>
  </si>
  <si>
    <t>【ZWZ】圆锥滚子轴承\352136X2/YA6</t>
  </si>
  <si>
    <t>【ZWZ】圆锥滚子轴承\352136</t>
  </si>
  <si>
    <t>【ZWZ】圆锥滚子轴承\KM244249/KM244210D</t>
  </si>
  <si>
    <t>【ZWZ】圆锥滚子轴承\KH936349/KH936310D</t>
  </si>
  <si>
    <t>【ZWZ】圆锥滚子轴承\352952X2-3/YB2</t>
  </si>
  <si>
    <t>【ZWZ】圆锥滚子轴承\352952</t>
  </si>
  <si>
    <t>【ZWZ】圆锥滚子轴承\KEE420801/K421451CD</t>
  </si>
  <si>
    <t>【ZWZ】圆锥滚子轴承\KLM654642/KLM654610CD</t>
  </si>
  <si>
    <t>【ZWZ】圆锥滚子轴承\KH247535/KH247510CD</t>
  </si>
  <si>
    <t>【ZWZ】圆锥滚子轴承\352148\国产</t>
  </si>
  <si>
    <t>【ZWZ】圆锥滚子轴承\32052T194/DB</t>
  </si>
  <si>
    <t>【ZWZ】圆锥滚子轴承\352056X2</t>
  </si>
  <si>
    <t>【ZWZ】圆锥滚子轴承\352060X2</t>
  </si>
  <si>
    <t>【ZWZ】圆锥滚子轴承\71450/71751D</t>
  </si>
  <si>
    <t>【ZWZ】圆锥滚子轴承\32318/P6</t>
  </si>
  <si>
    <t>【ZWZ】圆锥滚子轴承\32204</t>
  </si>
  <si>
    <t>【ZWZ】圆锥滚子轴承\K3490/K3420</t>
  </si>
  <si>
    <t>【ZWZ】圆锥滚子轴承\351072</t>
  </si>
  <si>
    <t>【ZWZ】圆锥滚子轴承\HM266449/HM266410</t>
  </si>
  <si>
    <t>【ZWZ】圆锥滚子轴承\32320/P6X</t>
  </si>
  <si>
    <t>【ZWZ】推力滚子轴承\29324</t>
  </si>
  <si>
    <t>【ZWZ】推力滚子轴承\29326</t>
  </si>
  <si>
    <t>【ZWZ】推力滚子轴承\29338</t>
  </si>
  <si>
    <t>【ZWZ】推力滚子轴承\294/750F3</t>
  </si>
  <si>
    <t>【ZWZ】推力滚子轴承\29413</t>
  </si>
  <si>
    <t>【ZWZ】推力滚子轴承\29414</t>
  </si>
  <si>
    <t>【ZWZ】推力滚子轴承\29418</t>
  </si>
  <si>
    <t>【ZWZ】推力滚子轴承\29420</t>
  </si>
  <si>
    <t>【ZWZ】推力滚子轴承\29430</t>
  </si>
  <si>
    <t>【ZWZ】推力滚子轴承\29434</t>
  </si>
  <si>
    <t>【ZWZ】推力滚子轴承\29436</t>
  </si>
  <si>
    <t>【ZWZ】推力滚子轴承\29438</t>
  </si>
  <si>
    <t>【ZWZ】推力滚子轴承\29452</t>
  </si>
  <si>
    <t>【ZWZ】推力滚子轴承\29464</t>
  </si>
  <si>
    <t>【ZWZ】推力滚子轴承\81124</t>
  </si>
  <si>
    <t>【ZWZ】推力滚子轴承\294/670/HC</t>
  </si>
  <si>
    <t>【ZWZ】推力滚子轴承\29415 旧9039415</t>
  </si>
  <si>
    <t>【ZWZ】推力滚子轴承\29416</t>
  </si>
  <si>
    <t>【ZWZ】推力滚子轴承\29424</t>
  </si>
  <si>
    <t>【ZWZ】推力滚子轴承\29236</t>
  </si>
  <si>
    <t>【ZWZ】推力滚子轴承\29244</t>
  </si>
  <si>
    <t>【ZWZ】推力滚子轴承\29248</t>
  </si>
  <si>
    <t>【ZWZ】推力滚子轴承\29344</t>
  </si>
  <si>
    <t>【ZWZ】推力滚子轴承\29252</t>
  </si>
  <si>
    <t>【ZWZ】推力滚子轴承\29444</t>
  </si>
  <si>
    <t>【ZWZ】推力滚子轴承\29352</t>
  </si>
  <si>
    <t>【ZWZ】推力滚子轴承\29448</t>
  </si>
  <si>
    <t>【ZWZ】推力滚子轴承\29364</t>
  </si>
  <si>
    <t>【ZWZ】推力滚子轴承\29368</t>
  </si>
  <si>
    <t>【ZWZ】推力滚子轴承\29472</t>
  </si>
  <si>
    <t>【ZWZ】推力滚子轴承\29480</t>
  </si>
  <si>
    <t>【ZWZ】推力滚子轴承\29488</t>
  </si>
  <si>
    <t>【ZWZ】推力滚子轴承\81216</t>
  </si>
  <si>
    <t>【ZWZ】推力滚子轴承\29240</t>
  </si>
  <si>
    <t>【ZWZ】推力滚子轴承\29320</t>
  </si>
  <si>
    <t>【ZWZ】推力滚子轴承\29318</t>
  </si>
  <si>
    <t>【ZWZ】推力滚子轴承\29328</t>
  </si>
  <si>
    <t>【ZWZ】推力滚子轴承\29332</t>
  </si>
  <si>
    <t>【ZWZ】推力滚子轴承\29334</t>
  </si>
  <si>
    <t>【ZWZ】推力滚子轴承\29340</t>
  </si>
  <si>
    <t>【ZWZ】推力滚子轴承\29336</t>
  </si>
  <si>
    <t>【ZWZ】推力滚子轴承\29356</t>
  </si>
  <si>
    <t>【ZWZ】推力滚子轴承\29280</t>
  </si>
  <si>
    <t>【ZWZ】调心滚子轴承\22240CC/W33</t>
  </si>
  <si>
    <t>【ZWZ】调心滚子轴承\22208C/W33</t>
  </si>
  <si>
    <t>【ZWZ】调心滚子轴承\239/750CA/C3W33</t>
  </si>
  <si>
    <t>【ZWZ】调心滚子轴承\22248CA/C3</t>
  </si>
  <si>
    <t>【ZWZ】调心滚子轴承\22248CA</t>
  </si>
  <si>
    <t>【ZWZ】调心滚子轴承\23152CA</t>
  </si>
  <si>
    <t>【ZWZ】调心滚子轴承\23152CAK 旧3153752</t>
  </si>
  <si>
    <t>【ZWZ】调心滚子轴承\24152CA</t>
  </si>
  <si>
    <t>【ZWZ】调心滚子轴承\22344CA/C3</t>
  </si>
  <si>
    <t>【ZWZ】推力球轴承\51228</t>
  </si>
  <si>
    <t>【ZWZ】推力球轴承\52217</t>
  </si>
  <si>
    <t>【ZWZ】推力球轴承\51207</t>
  </si>
  <si>
    <t>【ZWZ】推力球轴承\52213</t>
  </si>
  <si>
    <t>【ZWZ】推力球轴承\52212</t>
  </si>
  <si>
    <t>【ZWZ】推力球轴承\51312</t>
  </si>
  <si>
    <t>【ZWZ】推力球轴承\51310</t>
  </si>
  <si>
    <t>【ZWZ】推力球轴承\51305</t>
  </si>
  <si>
    <t>【ZWZ】推力球轴承\51208</t>
  </si>
  <si>
    <t>【ZWZ】推力球轴承\51113</t>
  </si>
  <si>
    <t>【ZWZ】推力球轴承\51107</t>
  </si>
  <si>
    <t>【ZWZ】推力球轴承\51410M</t>
  </si>
  <si>
    <t>【ZWZ】推力球轴承\51406</t>
  </si>
  <si>
    <t>【ZWZ】推力球轴承\51309</t>
  </si>
  <si>
    <t>【ZWZ】推力球轴承\51226</t>
  </si>
  <si>
    <t>【ZWZ】推力球轴承\51220</t>
  </si>
  <si>
    <t>【ZWZ】推力球轴承\51218</t>
  </si>
  <si>
    <t>【ZWZ】推力球轴承\51216</t>
  </si>
  <si>
    <t>【ZWZ】推力球轴承\51213</t>
  </si>
  <si>
    <t>【ZWZ】推力球轴承\51212</t>
  </si>
  <si>
    <t>【ZWZ】推力球轴承\51211</t>
  </si>
  <si>
    <t>【ZWZ】推力球轴承\51210</t>
  </si>
  <si>
    <t>【ZWZ】推力球轴承\51118</t>
  </si>
  <si>
    <t>【ZWZ】推力球轴承\51116</t>
  </si>
  <si>
    <t>【ZWZ】推力球轴承\51114</t>
  </si>
  <si>
    <t>【ZWZ】推力球轴承\51110</t>
  </si>
  <si>
    <t>【ZWZ】推力球轴承\51109</t>
  </si>
  <si>
    <t>【ZWZ】推力球轴承\51313</t>
  </si>
  <si>
    <t>【ZWZ】推力球轴承\51320</t>
  </si>
  <si>
    <t>【ZWZ】推力球轴承\51317</t>
  </si>
  <si>
    <t>【ZWZ】推力球轴承\51316</t>
  </si>
  <si>
    <t>【ZWZ】推力球轴承\51311</t>
  </si>
  <si>
    <t>【ZWZ】推力球轴承\51224</t>
  </si>
  <si>
    <t>【ZWZ】推力球轴承\51222</t>
  </si>
  <si>
    <t>【ZWZ】推力球轴承\51217</t>
  </si>
  <si>
    <t>【ZWZ】推力球轴承\51215</t>
  </si>
  <si>
    <t>【ZWZ】推力球轴承\51124</t>
  </si>
  <si>
    <t>【ZWZ】推力球轴承\51115</t>
  </si>
  <si>
    <t>【ZWZ】推力球轴承\51314</t>
  </si>
  <si>
    <t>【ZWZ】推力球轴承\51315</t>
  </si>
  <si>
    <t>【ZWZ】推力球轴承\51112</t>
  </si>
  <si>
    <t>【ZWZ】推力球轴承\51111</t>
  </si>
  <si>
    <t>【ZWZ】推力球轴承\52216</t>
  </si>
  <si>
    <t>【ZWZ】推力球轴承\51324M</t>
  </si>
  <si>
    <t>【ZWZ】推力球轴承\51414M</t>
  </si>
  <si>
    <t>【ZWZ】推力球轴承\51117</t>
  </si>
  <si>
    <t>【ZWZ】推力球轴承\53209</t>
  </si>
  <si>
    <t>【ZWZ】推力球轴承\52320</t>
  </si>
  <si>
    <t>【ZWZ】推力球轴承\51140M</t>
  </si>
  <si>
    <t>【ZWZ】推力球轴承\51217/P5</t>
  </si>
  <si>
    <t>【ZWZ】推力球轴承\51218/P5</t>
  </si>
  <si>
    <t>【ZWZ】推力球轴承\51124/P5</t>
  </si>
  <si>
    <t>【ZWZ】推力球轴承\51320/P5</t>
  </si>
  <si>
    <t>【ZWZ】推力球轴承\51322/P5</t>
  </si>
  <si>
    <t>【ZWZ】推力球轴承\51324/P5</t>
  </si>
  <si>
    <t>【ZWZ】推力球轴承\51138/P5</t>
  </si>
  <si>
    <t>【ZWZ】推力球轴承\51336/P5</t>
  </si>
  <si>
    <t>【ZWZ】推力球轴承\51208/P5</t>
  </si>
  <si>
    <t>【ZWZ】推力球轴承\51112/P5</t>
  </si>
  <si>
    <t>【ZWZ】推力球轴承\51212/P5</t>
  </si>
  <si>
    <t>【ZWZ】推力球轴承\511/530</t>
  </si>
  <si>
    <t>【ZWZ】推力球轴承\52214</t>
  </si>
  <si>
    <t>【ZWZ】推力球轴承\51216/P6</t>
  </si>
  <si>
    <t>【ZWZ】推力球轴承\52314</t>
  </si>
  <si>
    <t>【ZWZ】推力球轴承\51126</t>
  </si>
  <si>
    <t>【ZWZ】推力球轴承\51128/P6</t>
  </si>
  <si>
    <t>【ZWZ】推力球轴承\51130</t>
  </si>
  <si>
    <t>【ZWZ】推力球轴承\51130/P6</t>
  </si>
  <si>
    <t>【ZWZ】推力球轴承\51130M</t>
  </si>
  <si>
    <t>【ZWZ】推力球轴承\52228</t>
  </si>
  <si>
    <t>【ZWZ】推力球轴承\51132M</t>
  </si>
  <si>
    <t>【ZWZ】推力球轴承\51230</t>
  </si>
  <si>
    <t>【ZWZ】推力球轴承\51230/P6</t>
  </si>
  <si>
    <t>【ZWZ】推力球轴承\51134</t>
  </si>
  <si>
    <t>【ZWZ】推力球轴承\51134M</t>
  </si>
  <si>
    <t>【ZWZ】推力球轴承\51134M/P6</t>
  </si>
  <si>
    <t>【ZWZ】推力球轴承\53324MU</t>
  </si>
  <si>
    <t>【ZWZ】推力球轴承\51232/P6</t>
  </si>
  <si>
    <t>【ZWZ】推力球轴承\51136</t>
  </si>
  <si>
    <t>【ZWZ】推力球轴承\51138</t>
  </si>
  <si>
    <t>【ZWZ】推力球轴承\51236</t>
  </si>
  <si>
    <t>【ZWZ】推力球轴承\51140M/P6</t>
  </si>
  <si>
    <t>【ZWZ】推力球轴承\51144</t>
  </si>
  <si>
    <t>【ZWZ】推力球轴承\51244/P6</t>
  </si>
  <si>
    <t>【ZWZ】推力球轴承\51148/P6</t>
  </si>
  <si>
    <t>【ZWZ】推力球轴承\51152</t>
  </si>
  <si>
    <t>【ZWZ】推力球轴承\51156</t>
  </si>
  <si>
    <t>【ZWZ】推力球轴承\51184/P5</t>
  </si>
  <si>
    <t>【ZWZ】推力球轴承\51213/P5</t>
  </si>
  <si>
    <t>【ZWZ】推力球轴承\51314M</t>
  </si>
  <si>
    <t>【ZWZ】推力球轴承\51412M</t>
  </si>
  <si>
    <t>【ZWZ】推力球轴承\51318M</t>
  </si>
  <si>
    <t>【ZWZ】推力球轴承\51415M</t>
  </si>
  <si>
    <t>【ZWZ】推力球轴承\51320/P6</t>
  </si>
  <si>
    <t>【ZWZ】推力球轴承\51320M</t>
  </si>
  <si>
    <t>【ZWZ】推力球轴承\51416M</t>
  </si>
  <si>
    <t>【ZWZ】推力球轴承\51322</t>
  </si>
  <si>
    <t>【ZWZ】推力球轴承\51418M</t>
  </si>
  <si>
    <t>【ZWZ】推力球轴承\51324</t>
  </si>
  <si>
    <t>【ZWZ】推力球轴承\51326/P5</t>
  </si>
  <si>
    <t>【ZWZ】推力球轴承\51336</t>
  </si>
  <si>
    <t>【ZWZ】推力球轴承\51108/P5</t>
  </si>
  <si>
    <t>【ZWZ】推力球轴承\51109/P5</t>
  </si>
  <si>
    <t>【ZWZ】推力球轴承\51111/P5</t>
  </si>
  <si>
    <t>【ZWZ】推力球轴承\51211/P5</t>
  </si>
  <si>
    <t>【ZWZ】推力球轴承\51332</t>
  </si>
  <si>
    <t>【ZWZ】调心滚子轴承\23156CA 旧3053756</t>
  </si>
  <si>
    <t>【ZWZ】调心滚子轴承\24156CA</t>
  </si>
  <si>
    <t>【ZWZ】调心滚子轴承\23060CA</t>
  </si>
  <si>
    <t>【ZWZ】调心滚子轴承\22252CA</t>
  </si>
  <si>
    <t>【ZWZ】调心滚子轴承\23252CAK/C3W33</t>
  </si>
  <si>
    <t>【ZWZ】调心滚子轴承\23252CAK/W33</t>
  </si>
  <si>
    <t>【ZWZ】调心滚子轴承\23064CA</t>
  </si>
  <si>
    <t>【ZWZ】调心滚子轴承\23064CAK</t>
  </si>
  <si>
    <t>【ZWZ】调心滚子轴承\22348CAK</t>
  </si>
  <si>
    <t>【ZWZ】调心滚子轴承\22348CA</t>
  </si>
  <si>
    <t>【ZWZ】调心滚子轴承\22256CA/C3</t>
  </si>
  <si>
    <t>【ZWZ】调心滚子轴承\22256CAK</t>
  </si>
  <si>
    <t>【ZWZ】调心滚子轴承\23160CA</t>
  </si>
  <si>
    <t>【ZWZ】调心滚子轴承\23068CA</t>
  </si>
  <si>
    <t>【ZWZ】调心滚子轴承\22352CAK/W33</t>
  </si>
  <si>
    <t>【ZWZ】调心滚子轴承\22260CA</t>
  </si>
  <si>
    <t>【ZWZ】调心滚子轴承\23260CA</t>
  </si>
  <si>
    <t>【ZWZ】调心滚子轴承\23072CA</t>
  </si>
  <si>
    <t>【ZWZ】调心滚子轴承\22356CA</t>
  </si>
  <si>
    <t>【ZWZ】调心滚子轴承\22264CA/W33</t>
  </si>
  <si>
    <t>【ZWZ】调心滚子轴承\23264CA/C3</t>
  </si>
  <si>
    <t>【ZWZ】调心滚子轴承\23264CA/C3W33</t>
  </si>
  <si>
    <t>【ZWZ】调心滚子轴承\23264CAK/W33</t>
  </si>
  <si>
    <t>【ZWZ】调心滚子轴承\23080CA</t>
  </si>
  <si>
    <t>【ZWZ】调心滚子轴承\23080CAK/W33</t>
  </si>
  <si>
    <t>【ZWZ】调心滚子轴承\23272CAK</t>
  </si>
  <si>
    <t>【ZWZ】调心滚子轴承\23180CA</t>
  </si>
  <si>
    <t>【ZWZ】调心滚子轴承\23180CAK/C3W33</t>
  </si>
  <si>
    <t>【ZWZ】调心滚子轴承\239/500CA/W33</t>
  </si>
  <si>
    <t>【ZWZ】调心滚子轴承\23092CA</t>
  </si>
  <si>
    <t>【ZWZ】调心滚子轴承\23184CAK</t>
  </si>
  <si>
    <t>【ZWZ】调心滚子轴承\230/500CA/W33</t>
  </si>
  <si>
    <t>【ZWZ】调心滚子轴承\230/530CA/W33X</t>
  </si>
  <si>
    <t>【ZWZ】调心滚子轴承\230/600CAK/W33</t>
  </si>
  <si>
    <t>【ZWZ】调心滚子轴承\230/630CA/C3W33</t>
  </si>
  <si>
    <t>【ZWZ】调心滚子轴承\230/670CA/W33</t>
  </si>
  <si>
    <t>【ZWZ】调心滚子轴承\22344CA</t>
  </si>
  <si>
    <t>【ZWZ】调心滚子轴承\239/900CA/W33</t>
  </si>
  <si>
    <t>【ZWZ】调心滚子轴承\23168CAK</t>
  </si>
  <si>
    <t>【ZWZ】圆锥磙子轴承\K6580/K6535</t>
  </si>
  <si>
    <t>【ZWZ】圆柱滚子轴承\N217EM</t>
  </si>
  <si>
    <t>【ZWZ】圆柱滚子轴承\N226EM</t>
  </si>
  <si>
    <t>【ZWZ】圆柱滚子轴承\N307EM</t>
  </si>
  <si>
    <t>【ZWZ】圆柱滚子轴承\N314EM</t>
  </si>
  <si>
    <t>【ZWZ】圆柱滚子轴承\N316EM</t>
  </si>
  <si>
    <t>【ZWZ】圆柱滚子轴承\N317EM</t>
  </si>
  <si>
    <t>【ZWZ】圆柱滚子轴承\N318EM</t>
  </si>
  <si>
    <t>【ZWZ】圆柱滚子轴承\N319EM</t>
  </si>
  <si>
    <t>【ZWZ】圆柱滚子轴承\N320EM</t>
  </si>
  <si>
    <t>【ZWZ】圆柱滚子轴承\N322EM</t>
  </si>
  <si>
    <t>【ZWZ】圆柱滚子轴承\N322EM/C3</t>
  </si>
  <si>
    <t>【ZWZ】圆柱滚子轴承\NJ207EM</t>
  </si>
  <si>
    <t>【ZWZ】圆柱滚子轴承\NJ208EM</t>
  </si>
  <si>
    <t>【ZWZ】圆柱滚子轴承\NJ210EM</t>
  </si>
  <si>
    <t>【ZWZ】圆柱滚子轴承\NJ211EM</t>
  </si>
  <si>
    <t>【ZWZ】圆柱滚子轴承\NJ217EM/C3</t>
  </si>
  <si>
    <t>【ZWZ】圆柱滚子轴承\NJ218EM</t>
  </si>
  <si>
    <t>【ZWZ】圆柱滚子轴承\NJ219E/C3</t>
  </si>
  <si>
    <t>【ZWZ】圆柱滚子轴承\NJ219EM</t>
  </si>
  <si>
    <t>【ZWZ】圆柱滚子轴承\NJ2210EM</t>
  </si>
  <si>
    <t>【ZWZ】圆柱滚子轴承\NJ2211EM</t>
  </si>
  <si>
    <t>【ZWZ】圆柱滚子轴承\NJ2218EM</t>
  </si>
  <si>
    <t>【ZWZ】圆柱滚子轴承\NJ222EM</t>
  </si>
  <si>
    <t>【ZWZ】圆柱滚子轴承\NJ222EMC3</t>
  </si>
  <si>
    <t>【ZWZ】圆柱滚子轴承\NJ2224EM</t>
  </si>
  <si>
    <t>【ZWZ】圆柱滚子轴承\NJ2230EM</t>
  </si>
  <si>
    <t>【ZWZ】圆柱滚子轴承\NJ224EM/C3</t>
  </si>
  <si>
    <t>【ZWZ】圆柱滚子轴承\NJ224EM</t>
  </si>
  <si>
    <t>【ZWZ】圆柱滚子轴承\NJ226EM</t>
  </si>
  <si>
    <t>【ZWZ】圆柱滚子轴承\NJ2308E</t>
  </si>
  <si>
    <t>【ZWZ】圆柱滚子轴承\NJ2310EM</t>
  </si>
  <si>
    <t>【ZWZ】圆柱滚子轴承\NJ2316EM</t>
  </si>
  <si>
    <t>【ZWZ】圆柱滚子轴承\NJ2317EM</t>
  </si>
  <si>
    <t>【ZWZ】圆柱滚子轴承\NJ232EM</t>
  </si>
  <si>
    <t>【ZWZ】圆柱滚子轴承\NJ308EM</t>
  </si>
  <si>
    <t>【ZWZ】圆柱滚子轴承\NJ309EM</t>
  </si>
  <si>
    <t>【ZWZ】圆柱滚子轴承\NJ313EM</t>
  </si>
  <si>
    <t>【ZWZ】圆柱滚子轴承\NJ313EM/C3</t>
  </si>
  <si>
    <t>【ZWZ】圆柱滚子轴承\NJ320EM</t>
  </si>
  <si>
    <t>【ZWZ】圆柱滚子轴承\NJ320EM/C3</t>
  </si>
  <si>
    <t>【ZWZ】圆柱滚子轴承\NJ326EM/C3</t>
  </si>
  <si>
    <t>【ZWZ】圆柱滚子轴承\NU1012M</t>
  </si>
  <si>
    <t>【ZWZ】圆柱滚子轴承\NU1022M</t>
  </si>
  <si>
    <t>【ZWZ】圆柱滚子轴承\NU1022M/C3</t>
  </si>
  <si>
    <t>【ZWZ】圆柱滚子轴承\NU1024M</t>
  </si>
  <si>
    <t>【ZWZ】圆柱滚子轴承\NU1024M/C3</t>
  </si>
  <si>
    <t>【ZWZ】圆柱滚子轴承\NU1026M</t>
  </si>
  <si>
    <t>【ZWZ】圆柱滚子轴承\NU1026M/C3</t>
  </si>
  <si>
    <t>【ZWZ】圆柱滚子轴承\NU1028M/C3</t>
  </si>
  <si>
    <t>【ZWZ】圆柱滚子轴承\NU1028M</t>
  </si>
  <si>
    <t>【ZWZ】圆柱滚子轴承\NU1034M</t>
  </si>
  <si>
    <t>【ZWZ】圆柱滚子轴承\NU1034M/C3</t>
  </si>
  <si>
    <t>【ZWZ】圆柱滚子轴承\NU1036M</t>
  </si>
  <si>
    <t>【ZWZ】圆柱滚子轴承\NU1036M/C3</t>
  </si>
  <si>
    <t>【ZWZ】圆柱滚子轴承\NU1038M</t>
  </si>
  <si>
    <t>【ZWZ】圆柱滚子轴承\NU1040M</t>
  </si>
  <si>
    <t>【ZWZ】圆柱滚子轴承\NU1044M</t>
  </si>
  <si>
    <t>【ZWZ】圆柱滚子轴承\NU1044M/C3</t>
  </si>
  <si>
    <t>【ZWZ】圆柱滚子轴承\NU1048M/C3</t>
  </si>
  <si>
    <t>【ZWZ】圆柱滚子轴承\NU1052M/C3</t>
  </si>
  <si>
    <t>【ZWZ】圆柱滚子轴承\NU1056M</t>
  </si>
  <si>
    <t>【ZWZ】圆柱滚子轴承\NU207EM</t>
  </si>
  <si>
    <t>【ZWZ】圆柱滚子轴承\NU208EM</t>
  </si>
  <si>
    <t>【ZWZ】圆柱滚子轴承\NU209EM</t>
  </si>
  <si>
    <t>【ZWZ】圆柱滚子轴承\NU210EM</t>
  </si>
  <si>
    <t>【ZWZ】圆柱滚子轴承\NU212EM</t>
  </si>
  <si>
    <t>【ZWZ】圆柱滚子轴承\NU213EM</t>
  </si>
  <si>
    <t>【ZWZ】圆柱滚子轴承\NU218EM/C3</t>
  </si>
  <si>
    <t>【ZWZ】圆柱滚子轴承\NU219EM</t>
  </si>
  <si>
    <t>【ZWZ】圆柱滚子轴承\NU219EM/C3</t>
  </si>
  <si>
    <t>【ZWZ】圆柱滚子轴承\NU2210EM</t>
  </si>
  <si>
    <t>【ZWZ】圆柱滚子轴承\NU2212EM</t>
  </si>
  <si>
    <t>【ZWZ】圆柱滚子轴承\NU2216EM</t>
  </si>
  <si>
    <t>【ZWZ】圆柱滚子轴承\NU2217EM/C3</t>
  </si>
  <si>
    <t>【ZWZ】圆柱滚子轴承\NU2217EM</t>
  </si>
  <si>
    <t>【ZWZ】圆柱滚子轴承\NU2218EM</t>
  </si>
  <si>
    <t>【ZWZ】圆柱滚子轴承\NU222EM</t>
  </si>
  <si>
    <t>【ZWZ】圆柱滚子轴承\NU2226EM</t>
  </si>
  <si>
    <t>【ZWZ】圆柱滚子轴承\NU2226EM/C3</t>
  </si>
  <si>
    <t>【ZWZ】圆柱滚子轴承\NU2232EM</t>
  </si>
  <si>
    <t>【ZWZ】圆柱滚子轴承\NU2232EM/C3</t>
  </si>
  <si>
    <t>【ZWZ】圆柱滚子轴承\NU2234EM</t>
  </si>
  <si>
    <t>【ZWZ】圆柱滚子轴承\NU2234EM/C3</t>
  </si>
  <si>
    <t>【ZWZ】圆柱滚子轴承\NU2236EM</t>
  </si>
  <si>
    <t>【ZWZ】圆柱滚子轴承\NU224EM</t>
  </si>
  <si>
    <t>【ZWZ】圆柱滚子轴承\NU224EM/C3</t>
  </si>
  <si>
    <t>【ZWZ】圆柱滚子轴承\NU228EM</t>
  </si>
  <si>
    <t>【ZWZ】圆柱滚子轴承\NU230EM/C3</t>
  </si>
  <si>
    <t>【ZWZ】圆柱滚子轴承\NU2310EM</t>
  </si>
  <si>
    <t>【ZWZ】圆柱滚子轴承\NU2313EM</t>
  </si>
  <si>
    <t>【ZWZ】圆柱滚子轴承\NU2316EM</t>
  </si>
  <si>
    <t>【ZWZ】圆柱滚子轴承\NU2317EM/C3</t>
  </si>
  <si>
    <t>【ZWZ】圆柱滚子轴承\NU2322EM</t>
  </si>
  <si>
    <t>【ZWZ】圆柱滚子轴承\NU2324EM</t>
  </si>
  <si>
    <t>【ZWZ】圆柱滚子轴承\NU234EM</t>
  </si>
  <si>
    <t>【ZWZ】圆柱滚子轴承\NU234EM/C3</t>
  </si>
  <si>
    <t>【ZWZ】圆柱滚子轴承\NU240EM/C3</t>
  </si>
  <si>
    <t>【ZWZ】圆柱滚子轴承\NU260M</t>
  </si>
  <si>
    <t>【ZWZ】圆柱滚子轴承\NU260M/C3</t>
  </si>
  <si>
    <t>【ZWZ】圆柱滚子轴承\NU311E</t>
  </si>
  <si>
    <t>【ZWZ】圆柱滚子轴承\NU312EM</t>
  </si>
  <si>
    <t>【ZWZ】圆柱滚子轴承\NU313EM/C3</t>
  </si>
  <si>
    <t>【ZWZ】圆柱滚子轴承\NU314EM</t>
  </si>
  <si>
    <t>【ZWZ】圆柱滚子轴承\NU315EM</t>
  </si>
  <si>
    <t>【ZWZ】圆柱滚子轴承\NU316EM</t>
  </si>
  <si>
    <t>【ZWZ】圆柱滚子轴承\NU317EM/C3</t>
  </si>
  <si>
    <t>【ZWZ】圆柱滚子轴承\NU318EM</t>
  </si>
  <si>
    <t>【ZWZ】圆柱滚子轴承\NU320EM</t>
  </si>
  <si>
    <t>【ZWZ】圆柱滚子轴承\NU320EM/C3</t>
  </si>
  <si>
    <t>【ZWZ】圆柱滚子轴承\NU322EM</t>
  </si>
  <si>
    <t>【ZWZ】调心球轴承\2316K</t>
  </si>
  <si>
    <t>【ZWZ】调心球轴承\1310TN1</t>
  </si>
  <si>
    <t>【ZWZ】调心球轴承\1212TN1</t>
  </si>
  <si>
    <t>【ZWZ】调心球轴承\1214K</t>
  </si>
  <si>
    <t>【ZWZ】调心球轴承\1312TN1</t>
  </si>
  <si>
    <t>【ZWZ】调心球轴承\1218K/C3</t>
  </si>
  <si>
    <t>【ZWZ】调心球轴承\1219</t>
  </si>
  <si>
    <t>【ZWZ】调心球轴承\2219</t>
  </si>
  <si>
    <t>【ZWZ】调心球轴承\2219K</t>
  </si>
  <si>
    <t>【ZWZ】调心球轴承\2317</t>
  </si>
  <si>
    <t>【ZWZ】调心球轴承\1221</t>
  </si>
  <si>
    <t>【ZWZ】调心球轴承\1318M</t>
  </si>
  <si>
    <t>【ZWZ】调心球轴承\2318</t>
  </si>
  <si>
    <t>【ZWZ】调心球轴承\2222</t>
  </si>
  <si>
    <t>【ZWZ】调心球轴承\2320</t>
  </si>
  <si>
    <t>【ZWZ】调心球轴承\1226</t>
  </si>
  <si>
    <t>【ZWZ】调心球轴承\1322</t>
  </si>
  <si>
    <t>【ZWZ】调心球轴承\2322</t>
  </si>
  <si>
    <t>【ZWZ】调心球轴承\11228</t>
  </si>
  <si>
    <t>【ZWZ】调心球轴承\1211/P5</t>
  </si>
  <si>
    <t>【ZWZ】圆柱滚子轴承\NU326EM</t>
  </si>
  <si>
    <t>【ZWZ】圆柱滚子轴承\NU328EM/C3</t>
  </si>
  <si>
    <t>【ZWZ】圆柱滚子轴承\NU336EM</t>
  </si>
  <si>
    <t>【ZWZ】圆柱滚子轴承\NUP309E</t>
  </si>
  <si>
    <t>【ZWZ】圆柱滚子轴承\N310EM/Z1</t>
  </si>
  <si>
    <t>【ZWZ】圆柱滚子轴承\N319EM/Z1</t>
  </si>
  <si>
    <t>【ZWZ】圆柱滚子轴承\NU319EM/Z1</t>
  </si>
  <si>
    <t>【ZWZ】圆柱滚子轴承\N320EM/Z1</t>
  </si>
  <si>
    <t>【ZWZ】圆柱滚子轴承\NU224M/C3Z1</t>
  </si>
  <si>
    <t>【ZWZ】圆柱滚子轴承\N322EM/Z1</t>
  </si>
  <si>
    <t>【ZWZ】圆柱滚子轴承\NU322EM/P63Z1</t>
  </si>
  <si>
    <t>【ZWZ】圆柱滚子轴承\NU322EMZ1</t>
  </si>
  <si>
    <t>【ZWZ】圆柱滚子轴承\NU228EM/P63Z1</t>
  </si>
  <si>
    <t>【ZWZ】圆柱滚子轴承\NU228M/Z1</t>
  </si>
  <si>
    <t>【ZWZ】圆柱滚子轴承\NU324M/P63Z1</t>
  </si>
  <si>
    <t>【ZWZ】圆柱滚子轴承\NU324M/C3Z1</t>
  </si>
  <si>
    <t>【ZWZ】圆柱滚子轴承\N326M/Z1</t>
  </si>
  <si>
    <t>【ZWZ】圆柱滚子轴承\N328M/Z1</t>
  </si>
  <si>
    <t>【ZWZ】圆柱滚子轴承\NU328EM/P6Z1</t>
  </si>
  <si>
    <t>【ZWZ】圆柱滚子轴承\NU234M/P5</t>
  </si>
  <si>
    <t>【ZWZ】圆柱滚子轴承\N330M/Z1</t>
  </si>
  <si>
    <t>【ZWZ】圆柱滚子轴承\NU332M-DT</t>
  </si>
  <si>
    <t>【ZWZ】圆柱滚子轴承\NU2234EM/P53</t>
  </si>
  <si>
    <t>【ZWZ】圆柱滚子轴承\NU2332M/P63Z1</t>
  </si>
  <si>
    <t>【ZWZ】圆柱滚子轴承\NU211ETN1/SPC9</t>
  </si>
  <si>
    <t>【ZWZ】圆柱滚子轴承\NJ220M/P5</t>
  </si>
  <si>
    <t>【ZWZ】圆柱滚子轴承\NU221EM/P5</t>
  </si>
  <si>
    <t>【ZWZ】圆柱滚子轴承\N222M/P5</t>
  </si>
  <si>
    <t>【ZWZ】圆柱滚子轴承\N319EM/P5</t>
  </si>
  <si>
    <t>【ZWZ】圆柱滚子轴承\N319EM/P53Z1</t>
  </si>
  <si>
    <t>【ZWZ】圆柱滚子轴承\N320EMP5</t>
  </si>
  <si>
    <t>【ZWZ】圆柱滚子轴承\N320EM/P53Z1</t>
  </si>
  <si>
    <t>【ZWZ】圆柱滚子轴承\NU320EM/P5</t>
  </si>
  <si>
    <t>【ZWZ】圆柱滚子轴承\NU224M/P5</t>
  </si>
  <si>
    <t>【ZWZ】圆柱滚子轴承\NU321EM/P5</t>
  </si>
  <si>
    <t>【ZWZ】圆柱滚子轴承\N226M/P5</t>
  </si>
  <si>
    <t>【ZWZ】圆柱滚子轴承\NJ226M/P5</t>
  </si>
  <si>
    <t>【ZWZ】圆柱滚子轴承\NU226M/P5S0</t>
  </si>
  <si>
    <t>【ZWZ】圆柱滚子轴承\N322EM/P5Z1</t>
  </si>
  <si>
    <t>【ZWZ】圆柱滚子轴承\N228Q1/P5</t>
  </si>
  <si>
    <t>【ZWZ】圆柱滚子轴承\N324M/P5</t>
  </si>
  <si>
    <t>【ZWZ】圆柱滚子轴承\NJ2324M/P5</t>
  </si>
  <si>
    <t>【ZWZ】圆柱滚子轴承\NN3034K/P5</t>
  </si>
  <si>
    <t>【ZWZ】圆柱滚子轴承\NU230M/P53</t>
  </si>
  <si>
    <t>【ZWZ】圆柱滚子轴承\NU230M/P5</t>
  </si>
  <si>
    <t>【ZWZ】圆柱滚子轴承\N326M/P5</t>
  </si>
  <si>
    <t>【ZWZ】圆柱滚子轴承\N328M/P5</t>
  </si>
  <si>
    <t>【ZWZ】圆柱滚子轴承\NN3040/P5</t>
  </si>
  <si>
    <t>【ZWZ】圆柱滚子轴承\N330M/P5</t>
  </si>
  <si>
    <t>【ZWZ】圆柱滚子轴承\NJ236M/P5</t>
  </si>
  <si>
    <t>【ZWZ】圆柱滚子轴承\NU236M/P63</t>
  </si>
  <si>
    <t>【ZWZ】圆柱滚子轴承\N236M/P5</t>
  </si>
  <si>
    <t>【ZWZ】圆柱滚子轴承\NJ238M/P5</t>
  </si>
  <si>
    <t>【ZWZ】圆柱滚子轴承\NU238M/P5</t>
  </si>
  <si>
    <t>【ZWZ】圆柱滚子轴承\NU2238M/P5</t>
  </si>
  <si>
    <t>【ZWZ】圆柱滚子轴承\NU240M/P5</t>
  </si>
  <si>
    <t>【ZWZ】圆柱滚子轴承\NU1048M/P5</t>
  </si>
  <si>
    <t>【ZWZ】圆柱滚子轴承\NJ2248MA/P5</t>
  </si>
  <si>
    <t>【ZWZ】圆柱滚子轴承\NCF2938V/C3</t>
  </si>
  <si>
    <t>【ZWZ】圆柱滚子轴承\NCF2956V</t>
  </si>
  <si>
    <t>【ZWZ】圆柱滚子轴承\NJ2340M</t>
  </si>
  <si>
    <t>【ZWZ】圆柱滚子轴承\NCF2960V</t>
  </si>
  <si>
    <t>【ZWZ】圆柱滚子轴承\NU2344M</t>
  </si>
  <si>
    <t>【ZWZ】圆柱滚子轴承\NU1060M/C3</t>
  </si>
  <si>
    <t>【ZWZ】圆柱滚子轴承\NCF2968V</t>
  </si>
  <si>
    <t>【ZWZ】圆柱滚子轴承\NU2252MA</t>
  </si>
  <si>
    <t>【ZWZ】圆柱滚子轴承\NU252M</t>
  </si>
  <si>
    <t>【ZWZ】圆柱滚子轴承\NU1064M/C3</t>
  </si>
  <si>
    <t>【ZWZ】圆柱滚子轴承\NU2256EM</t>
  </si>
  <si>
    <t>【ZWZ】圆柱滚子轴承\NU256M/C3</t>
  </si>
  <si>
    <t>【ZWZ】圆柱滚子轴承\NU256M</t>
  </si>
  <si>
    <t>【ZWZ】圆柱滚子轴承\NJ068M</t>
  </si>
  <si>
    <t>【ZWZ】圆柱滚子轴承\NJ1076M</t>
  </si>
  <si>
    <t>【ZWZ】圆柱滚子轴承\NU356M</t>
  </si>
  <si>
    <t>【ZWZ】圆柱滚子轴承\N306M</t>
  </si>
  <si>
    <t>【ZWZ】圆柱滚子轴承\NN3030K</t>
  </si>
  <si>
    <t>【ZWZ】圆柱滚子轴承\NF28/530</t>
  </si>
  <si>
    <t>【ZWZ】圆柱滚子轴承\N348M</t>
  </si>
  <si>
    <t>【ZWZ】圆柱滚子轴承\NU348M/C3</t>
  </si>
  <si>
    <t>【ZWZ】圆柱滚子轴承\NU1068M</t>
  </si>
  <si>
    <t>【ZWZ】圆柱滚子轴承\NU352M</t>
  </si>
  <si>
    <t>【ZWZ】圆柱滚子轴承\NU264M</t>
  </si>
  <si>
    <t>【ZWZ】圆柱滚子轴承\NCF1892V</t>
  </si>
  <si>
    <t>【ZWZ】圆柱滚子轴承\NJ28/530</t>
  </si>
  <si>
    <t>【ZWZ】圆柱滚子轴承\NCF29/500V/C3</t>
  </si>
  <si>
    <t>【ZWZ】圆柱滚子轴承\NF28/560</t>
  </si>
  <si>
    <t>【ZWZ】圆柱滚子轴承\NFP38/670Q1/C9YAD</t>
  </si>
  <si>
    <t>【ZWZ】圆柱滚子轴承\NUP19/630</t>
  </si>
  <si>
    <t>【ZWZ】圆柱滚子轴承\N221M</t>
  </si>
  <si>
    <t>【ZWZ】圆柱滚子轴承\NJ221M</t>
  </si>
  <si>
    <t>【ZWZ】圆柱滚子轴承\NU221EM</t>
  </si>
  <si>
    <t>【ZWZ】圆柱滚子轴承\NCF2928V</t>
  </si>
  <si>
    <t>【ZWZ】圆柱滚子轴承\NJ415M</t>
  </si>
  <si>
    <t>【ZWZ】圆柱滚子轴承\N2318M</t>
  </si>
  <si>
    <t>【ZWZ】圆柱滚子轴承\NJ2318M</t>
  </si>
  <si>
    <t>【ZWZ】圆柱滚子轴承\NU2318EM</t>
  </si>
  <si>
    <t>【ZWZ】圆柱滚子轴承\NJ2318M/C3</t>
  </si>
  <si>
    <t>【ZWZ】圆柱滚子轴承\NU2318EM/C3</t>
  </si>
  <si>
    <t>【ZWZ】圆柱滚子轴承\NU2222M/C3</t>
  </si>
  <si>
    <t>【ZWZ】圆柱滚子轴承\NU222M/C3</t>
  </si>
  <si>
    <t>【ZWZ】圆柱滚子轴承\NU222M/P6</t>
  </si>
  <si>
    <t>【ZWZ】圆柱滚子轴承\NUP222EM</t>
  </si>
  <si>
    <t>【ZWZ】圆柱滚子轴承\N222M/C3</t>
  </si>
  <si>
    <t>【ZWZ】圆柱滚子轴承\NJ2222M</t>
  </si>
  <si>
    <t>【ZWZ】圆柱滚子轴承\NU2222M/P6</t>
  </si>
  <si>
    <t>【ZWZ】圆柱滚子轴承\N1026M</t>
  </si>
  <si>
    <t>【ZWZ】圆柱滚子轴承\NJ1026M</t>
  </si>
  <si>
    <t>【ZWZ】圆柱滚子轴承\NJ2319M</t>
  </si>
  <si>
    <t>【ZWZ】圆柱滚子轴承\NU2319M</t>
  </si>
  <si>
    <t>【ZWZ】圆柱滚子轴承\NCF2930V</t>
  </si>
  <si>
    <t>【ZWZ】圆柱滚子轴承\NJ2320M</t>
  </si>
  <si>
    <t>【ZWZ】圆柱滚子轴承\NJ2320M/C3</t>
  </si>
  <si>
    <t>【ZWZ】圆柱滚子轴承\NU2320M</t>
  </si>
  <si>
    <t>【ZWZ】圆柱滚子轴承\N224M</t>
  </si>
  <si>
    <t>【ZWZ】圆柱滚子轴承\NU224EM/P6</t>
  </si>
  <si>
    <t>【ZWZ】圆柱滚子轴承\NJ2226M/C3</t>
  </si>
  <si>
    <t>【ZWZ】圆柱滚子轴承\NU2224M</t>
  </si>
  <si>
    <t>【ZWZ】圆柱滚子轴承\RN228M</t>
  </si>
  <si>
    <t>【ZWZ】圆柱滚子轴承\N321EM/C3</t>
  </si>
  <si>
    <t>【ZWZ】圆柱滚子轴承\NJ321EM</t>
  </si>
  <si>
    <t>【ZWZ】圆柱滚子轴承\NU321EM</t>
  </si>
  <si>
    <t>【ZWZ】圆柱滚子轴承\NJ1030M</t>
  </si>
  <si>
    <t>【ZWZ】圆柱滚子轴承\NU1030M/P6</t>
  </si>
  <si>
    <t>【ZWZ】圆柱滚子轴承\NU226M/P6</t>
  </si>
  <si>
    <t>【ZWZ】圆柱滚子轴承\NUP226EM</t>
  </si>
  <si>
    <t>【ZWZ】圆柱滚子轴承\NJ2226M</t>
  </si>
  <si>
    <t>【ZWZ】圆柱滚子轴承\NUP2226M</t>
  </si>
  <si>
    <t>【ZWZ】圆柱滚子轴承\NU2226M</t>
  </si>
  <si>
    <t>【ZWZ】圆柱滚子轴承\NJ322M</t>
  </si>
  <si>
    <t>【ZWZ】圆柱滚子轴承\NU322M/C3</t>
  </si>
  <si>
    <t>【ZWZ】圆柱滚子轴承\NU322M/P6</t>
  </si>
  <si>
    <t>【ZWZ】圆柱滚子轴承\NU2322M/C3</t>
  </si>
  <si>
    <t>【ZWZ】圆柱滚子轴承\NJ1032M</t>
  </si>
  <si>
    <t>【ZWZ】圆柱滚子轴承\NJ228M</t>
  </si>
  <si>
    <t>【ZWZ】圆柱滚子轴承\NU228E/P6</t>
  </si>
  <si>
    <t>【ZWZ】圆柱滚子轴承\NU228M/C3</t>
  </si>
  <si>
    <t>【ZWZ】圆柱滚子轴承\NUP228M</t>
  </si>
  <si>
    <t>【ZWZ】圆柱滚子轴承\NU228M</t>
  </si>
  <si>
    <t>【ZWZ】圆柱滚子轴承\NJ2228M</t>
  </si>
  <si>
    <t>【ZWZ】圆柱滚子轴承\NU2228M/C3</t>
  </si>
  <si>
    <t>【ZWZ】圆柱滚子轴承\NU2228M/P6</t>
  </si>
  <si>
    <t>【ZWZ】圆柱滚子轴承\N2228E</t>
  </si>
  <si>
    <t>【ZWZ】圆柱滚子轴承\NCF2936V</t>
  </si>
  <si>
    <t>【ZWZ】圆柱滚子轴承\NJ324M</t>
  </si>
  <si>
    <t>【ZWZ】圆柱滚子轴承\NJ324M/C3</t>
  </si>
  <si>
    <t>【ZWZ】圆柱滚子轴承\NU324M</t>
  </si>
  <si>
    <t>【ZWZ】圆柱滚子轴承\NU324M/P6</t>
  </si>
  <si>
    <t>【ZWZ】圆柱滚子轴承\N324M</t>
  </si>
  <si>
    <t>【ZWZ】圆柱滚子轴承\NJ2324M</t>
  </si>
  <si>
    <t>【ZWZ】圆柱滚子轴承\N2324M/C3</t>
  </si>
  <si>
    <t>【ZWZ】圆柱滚子轴承\N2324M</t>
  </si>
  <si>
    <t>【ZWZ】圆柱滚子轴承\RN328M</t>
  </si>
  <si>
    <t>【ZWZ】圆柱滚子轴承\N1034M</t>
  </si>
  <si>
    <t>【ZWZ】圆柱滚子轴承\NJ230M</t>
  </si>
  <si>
    <t>【ZWZ】圆柱滚子轴承\NJ230M/C3</t>
  </si>
  <si>
    <t>【ZWZ】圆柱滚子轴承\NU230M</t>
  </si>
  <si>
    <t>【ZWZ】圆柱滚子轴承\NUP230M</t>
  </si>
  <si>
    <t>【ZWZ】圆柱滚子轴承\N230E/C3</t>
  </si>
  <si>
    <t>【ZWZ】圆柱滚子轴承\NU326M/C3</t>
  </si>
  <si>
    <t>【ZWZ】圆柱滚子轴承\NU326M</t>
  </si>
  <si>
    <t>【ZWZ】圆柱滚子轴承\N2326M</t>
  </si>
  <si>
    <t>【ZWZ】圆柱滚子轴承\NJ2326M</t>
  </si>
  <si>
    <t>【ZWZ】圆柱滚子轴承\NU2326M</t>
  </si>
  <si>
    <t>【ZWZ】圆柱滚子轴承\N232EM</t>
  </si>
  <si>
    <t>【ZWZ】圆柱滚子轴承\NUP232EM</t>
  </si>
  <si>
    <t>【ZWZ】圆柱滚子轴承\NU232EM/P6</t>
  </si>
  <si>
    <t>【ZWZ】圆柱滚子轴承\NU232EM/P63</t>
  </si>
  <si>
    <t>【ZWZ】圆柱滚子轴承\NJ2328M</t>
  </si>
  <si>
    <t>【ZWZ】圆柱滚子轴承\NU2328M</t>
  </si>
  <si>
    <t>【ZWZ】圆柱滚子轴承\NJ328M</t>
  </si>
  <si>
    <t>【ZWZ】圆柱滚子轴承\N328M/C3</t>
  </si>
  <si>
    <t>【ZWZ】圆柱滚子轴承\NCF2944V</t>
  </si>
  <si>
    <t>【ZWZ】圆柱滚子轴承\NCF2944V/P6</t>
  </si>
  <si>
    <t>【ZWZ】圆柱滚子轴承\N234M</t>
  </si>
  <si>
    <t>【ZWZ】圆柱滚子轴承\NJ234M</t>
  </si>
  <si>
    <t>【ZWZ】圆柱滚子轴承\NJ234M/C3</t>
  </si>
  <si>
    <t>【ZWZ】圆柱滚子轴承\NJ1040M</t>
  </si>
  <si>
    <t>【ZWZ】圆柱滚子轴承\NU2330M</t>
  </si>
  <si>
    <t>【ZWZ】圆柱滚子轴承\NJ330M/C3</t>
  </si>
  <si>
    <t>【ZWZ】圆柱滚子轴承\NU330M</t>
  </si>
  <si>
    <t>【ZWZ】圆柱滚子轴承\NU330M/P63</t>
  </si>
  <si>
    <t>【ZWZ】圆柱滚子轴承\N330M/C3</t>
  </si>
  <si>
    <t>【ZWZ】圆柱滚子轴承\NJ330EM</t>
  </si>
  <si>
    <t>【ZWZ】圆柱滚子轴承\N236M</t>
  </si>
  <si>
    <t>【ZWZ】圆柱滚子轴承\NJ236M</t>
  </si>
  <si>
    <t>【ZWZ】圆柱滚子轴承\NU236M/P6</t>
  </si>
  <si>
    <t>【ZWZ】圆柱滚子轴承\NJ2236EM</t>
  </si>
  <si>
    <t>【ZWZ】圆柱滚子轴承\NU2236EM/C3</t>
  </si>
  <si>
    <t>【ZWZ】圆柱滚子轴承\NU2332M</t>
  </si>
  <si>
    <t>【ZWZ】圆柱滚子轴承\N2332M</t>
  </si>
  <si>
    <t>【ZWZ】圆柱滚子轴承\N332M</t>
  </si>
  <si>
    <t>【ZWZ】圆柱滚子轴承\NJ332M</t>
  </si>
  <si>
    <t>【ZWZ】圆柱滚子轴承\NU332M</t>
  </si>
  <si>
    <t>【ZWZ】圆柱滚子轴承\NU332M/C3</t>
  </si>
  <si>
    <t>【ZWZ】圆柱滚子轴承\NJ238M</t>
  </si>
  <si>
    <t>【ZWZ】圆柱滚子轴承\NU238M/C3</t>
  </si>
  <si>
    <t>【ZWZ】圆柱滚子轴承\N238EM</t>
  </si>
  <si>
    <t>【ZWZ】圆柱滚子轴承\NU238M</t>
  </si>
  <si>
    <t>【ZWZ】圆柱滚子轴承\NU2238M/C3</t>
  </si>
  <si>
    <t>【ZWZ】圆柱滚子轴承\NJ2334M</t>
  </si>
  <si>
    <t>【ZWZ】深沟球轴承\6214</t>
  </si>
  <si>
    <t>【ZWZ】深沟球轴承\6232</t>
  </si>
  <si>
    <t>【ZWZ】调心球轴承\N214M</t>
  </si>
  <si>
    <t>【ZWZ】圆柱滚子轴承\NU2334M/P6</t>
  </si>
  <si>
    <t>【ZWZ】圆柱滚子轴承\NU2334M/C3</t>
  </si>
  <si>
    <t>【ZWZ】圆柱滚子轴承\N334M</t>
  </si>
  <si>
    <t>【ZWZ】圆柱滚子轴承\N334M/P6</t>
  </si>
  <si>
    <t>【ZWZ】圆柱滚子轴承\NJ334M</t>
  </si>
  <si>
    <t>【ZWZ】圆柱滚子轴承\NU334M</t>
  </si>
  <si>
    <t>【ZWZ】圆柱滚子轴承\NU334M/P6</t>
  </si>
  <si>
    <t>【ZWZ】圆柱滚子轴承\NU334M/P63</t>
  </si>
  <si>
    <t>【ZWZ】圆柱滚子轴承\N240M</t>
  </si>
  <si>
    <t>【ZWZ】圆柱滚子轴承\NJ240M</t>
  </si>
  <si>
    <t>【ZWZ】圆柱滚子轴承\NJ240M/P6</t>
  </si>
  <si>
    <t>【ZWZ】圆柱滚子轴承\NU240M</t>
  </si>
  <si>
    <t>【ZWZ】圆柱滚子轴承\NCF2952V</t>
  </si>
  <si>
    <t>【ZWZ】圆柱滚子轴承\NU2336M</t>
  </si>
  <si>
    <t>【ZWZ】圆柱滚子轴承\N336M</t>
  </si>
  <si>
    <t>【ZWZ】圆柱滚子轴承\NJ336EM</t>
  </si>
  <si>
    <t>【ZWZ】圆柱滚子轴承\NU336M/C3</t>
  </si>
  <si>
    <t>【ZWZ】圆柱滚子轴承\N338M</t>
  </si>
  <si>
    <t>【ZWZ】圆柱滚子轴承\NU338M</t>
  </si>
  <si>
    <t>【ZWZ】圆柱滚子轴承\NU2244M</t>
  </si>
  <si>
    <t>【ZWZ】圆柱滚子轴承\N244M</t>
  </si>
  <si>
    <t>【ZWZ】圆柱滚子轴承\NU244M</t>
  </si>
  <si>
    <t>【ZWZ】圆柱滚子轴承\NU244M/C3</t>
  </si>
  <si>
    <t>【ZWZ】圆柱滚子轴承\NU1052M/P6</t>
  </si>
  <si>
    <t>【ZWZ】圆柱滚子轴承\NU2052EM</t>
  </si>
  <si>
    <t>【ZWZ】圆柱滚子轴承\NU340M/C3</t>
  </si>
  <si>
    <t>【ZWZ】圆柱滚子轴承\NU1056M/C3</t>
  </si>
  <si>
    <t>【ZWZ】圆柱滚子轴承\NU248M</t>
  </si>
  <si>
    <t>【ZWZ】圆柱滚子轴承\NJ344EM</t>
  </si>
  <si>
    <t>【ZWZ】圆柱滚子轴承\NU1060M</t>
  </si>
  <si>
    <t>【ZWZ】圆柱滚子轴承\NU1064M</t>
  </si>
  <si>
    <t>【ZWZ】圆柱滚子轴承\RN222M</t>
  </si>
  <si>
    <t>【ZWZ】圆柱滚子轴承\N230E/P6</t>
  </si>
  <si>
    <t>【ZWZ】圆柱滚子轴承\N228EM</t>
  </si>
  <si>
    <t>【ZWZ】圆柱滚子轴承\N311EM/Z1</t>
  </si>
  <si>
    <t>【ZWZ】圆柱滚子轴承\N312EM/Z1</t>
  </si>
  <si>
    <t>【ZWZ】圆柱滚子轴承\N313EM/Z1</t>
  </si>
  <si>
    <t>【ZWZ】圆柱滚子轴承\NU313EM/Z1</t>
  </si>
  <si>
    <t>【ZWZ】圆柱滚子轴承\NU316EM/Z1</t>
  </si>
  <si>
    <t>【ZWZ】圆柱滚子轴承\NU219M/C3Z1</t>
  </si>
  <si>
    <t>【ZWZ】圆柱滚子轴承\N220M/P63Z1</t>
  </si>
  <si>
    <t>【ZWZ】圆柱滚子轴承\NU220M/C3Z1</t>
  </si>
  <si>
    <t>【ZWZ】圆柱滚子轴承\N317EM/Z1</t>
  </si>
  <si>
    <t>【ZWZ】圆柱滚子轴承\NU318EM/Z1</t>
  </si>
  <si>
    <t>【ZWZ】圆柱滚子轴承\NU222EM/Z1</t>
  </si>
  <si>
    <t>【ZWZ】圆柱滚子轴承\NJ305EM</t>
  </si>
  <si>
    <t>【ZWZ】圆柱滚子轴承\NUP2206EM</t>
  </si>
  <si>
    <t>【ZWZ】圆柱滚子轴承\NJ406M</t>
  </si>
  <si>
    <t>【ZWZ】圆柱滚子轴承\NU311EM/P5</t>
  </si>
  <si>
    <t>【ZWZ】圆柱滚子轴承\N215E/P5</t>
  </si>
  <si>
    <t>【ZWZ】圆柱滚子轴承\NU314EM/P5</t>
  </si>
  <si>
    <t>【ZWZ】圆柱滚子轴承\NU218MP5</t>
  </si>
  <si>
    <t>【ZWZ】圆柱滚子轴承\NU2316M/P5</t>
  </si>
  <si>
    <t>【ZWZ】圆柱滚子轴承\N220E/P5</t>
  </si>
  <si>
    <t>【ZWZ】圆柱滚子轴承\N308EM</t>
  </si>
  <si>
    <t>【ZWZ】圆柱滚子轴承\N309EM/Z1</t>
  </si>
  <si>
    <t>【ZWZ】圆柱滚子轴承\N314M/Z1</t>
  </si>
  <si>
    <t>【ZWZ】圆柱滚子轴承\NU315M/P6</t>
  </si>
  <si>
    <t>【ZWZ】圆柱滚子轴承\NU309M/C3</t>
  </si>
  <si>
    <t>【ZWZ】圆柱滚子轴承\NJ309EM/C3</t>
  </si>
  <si>
    <t>【ZWZ】圆柱滚子轴承\NU2211EM</t>
  </si>
  <si>
    <t>【ZWZ】圆柱滚子轴承\NU212M</t>
  </si>
  <si>
    <t>【ZWZ】圆柱滚子轴承\N212EM</t>
  </si>
  <si>
    <t>【ZWZ】圆柱滚子轴承\RN312M</t>
  </si>
  <si>
    <t>【ZWZ】圆柱滚子轴承\NJ409M</t>
  </si>
  <si>
    <t>【ZWZ】圆柱滚子轴承\NJ311M/C3</t>
  </si>
  <si>
    <t>【ZWZ】圆柱滚子轴承\N2311E</t>
  </si>
  <si>
    <t>【ZWZ】圆柱滚子轴承\NU2311M</t>
  </si>
  <si>
    <t>【ZWZ】圆柱滚子轴承\NJ2311M</t>
  </si>
  <si>
    <t>【ZWZ】圆柱滚子轴承\NJ213EM</t>
  </si>
  <si>
    <t>【ZWZ】圆柱滚子轴承\N213EM</t>
  </si>
  <si>
    <t>【ZWZ】圆柱滚子轴承\NU213M</t>
  </si>
  <si>
    <t>【ZWZ】圆柱滚子轴承\NJ213M</t>
  </si>
  <si>
    <t>【ZWZ】圆柱滚子轴承\NU2213EM</t>
  </si>
  <si>
    <t>【ZWZ】圆柱滚子轴承\NJ2213EM</t>
  </si>
  <si>
    <t>【ZWZ】圆柱滚子轴承\NU214M</t>
  </si>
  <si>
    <t>【ZWZ】圆柱滚子轴承\NU214M/C3</t>
  </si>
  <si>
    <t>【ZWZ】圆柱滚子轴承\NJ2214M</t>
  </si>
  <si>
    <t>【ZWZ】圆柱滚子轴承\N2214M</t>
  </si>
  <si>
    <t>【ZWZ】圆柱滚子轴承\NU2214M</t>
  </si>
  <si>
    <t>【ZWZ】圆柱滚子轴承\NU2214M/C3</t>
  </si>
  <si>
    <t>【ZWZ】圆柱滚子轴承\NJ410M</t>
  </si>
  <si>
    <t>【ZWZ】圆柱滚子轴承\NU312M</t>
  </si>
  <si>
    <t>【ZWZ】圆柱滚子轴承\N312M/P5</t>
  </si>
  <si>
    <t>【ZWZ】圆柱滚子轴承\NJ312M</t>
  </si>
  <si>
    <t>【ZWZ】圆柱滚子轴承\NUP312E/P6</t>
  </si>
  <si>
    <t>【ZWZ】圆柱滚子轴承\NU312M/C3</t>
  </si>
  <si>
    <t>【ZWZ】圆柱滚子轴承\N312M</t>
  </si>
  <si>
    <t>【ZWZ】圆柱滚子轴承\NJ2312M/C3</t>
  </si>
  <si>
    <t>【ZWZ】圆柱滚子轴承\N215EM</t>
  </si>
  <si>
    <t>【ZWZ】圆柱滚子轴承\NJ215M</t>
  </si>
  <si>
    <t>【ZWZ】圆柱滚子轴承\NU215M</t>
  </si>
  <si>
    <t>【ZWZ】圆柱滚子轴承\NU215M/C3</t>
  </si>
  <si>
    <t>【ZWZ】圆柱滚子轴承\N2215M</t>
  </si>
  <si>
    <t>【ZWZ】圆柱滚子轴承\NU2215M</t>
  </si>
  <si>
    <t>【ZWZ】圆柱滚子轴承\NU2215M/C3</t>
  </si>
  <si>
    <t>【ZWZ】圆柱滚子轴承\NJ313M</t>
  </si>
  <si>
    <t>【ZWZ】圆柱滚子轴承\N2313EM</t>
  </si>
  <si>
    <t>【ZWZ】圆柱滚子轴承\NJ2313M</t>
  </si>
  <si>
    <t>【ZWZ】圆柱滚子轴承\NJ216M</t>
  </si>
  <si>
    <t>【ZWZ】圆柱滚子轴承\N216M</t>
  </si>
  <si>
    <t>【ZWZ】圆柱滚子轴承\NF216M</t>
  </si>
  <si>
    <t>【ZWZ】圆柱滚子轴承\NU216M/P6</t>
  </si>
  <si>
    <t>【ZWZ】圆柱滚子轴承\NJ216EM</t>
  </si>
  <si>
    <t>【ZWZ】圆柱滚子轴承\NJ2216M</t>
  </si>
  <si>
    <t>【ZWZ】圆柱滚子轴承\N2216EM</t>
  </si>
  <si>
    <t>【ZWZ】圆柱滚子轴承\NJ412M</t>
  </si>
  <si>
    <t>【ZWZ】圆柱滚子轴承\NU314M/C3</t>
  </si>
  <si>
    <t>【ZWZ】圆柱滚子轴承\NU314EM/YA8</t>
  </si>
  <si>
    <t>【ZWZ】圆柱滚子轴承\NUP314EM/YA8</t>
  </si>
  <si>
    <t>【ZWZ】圆柱滚子轴承\NJ314M/C3</t>
  </si>
  <si>
    <t>【ZWZ】圆柱滚子轴承\N314EM/YA8</t>
  </si>
  <si>
    <t>【ZWZ】圆柱滚子轴承\NJ314EM/YA8</t>
  </si>
  <si>
    <t>【ZWZ】圆柱滚子轴承\NJ2314M</t>
  </si>
  <si>
    <t>【ZWZ】圆柱滚子轴承\NU2314M</t>
  </si>
  <si>
    <t>【ZWZ】圆柱滚子轴承\NU217M</t>
  </si>
  <si>
    <t>【ZWZ】圆柱滚子轴承\NU217M/C3</t>
  </si>
  <si>
    <t>【ZWZ】圆柱滚子轴承\RN219M</t>
  </si>
  <si>
    <t>【ZWZ】圆柱滚子轴承\NF1021M/C4</t>
  </si>
  <si>
    <t>【ZWZ】圆柱滚子轴承\NJ315M</t>
  </si>
  <si>
    <t>【ZWZ】圆柱滚子轴承\NU315M</t>
  </si>
  <si>
    <t>【ZWZ】圆柱滚子轴承\NU2315M/C3</t>
  </si>
  <si>
    <t>【ZWZ】圆柱滚子轴承\NJ2315M</t>
  </si>
  <si>
    <t>【ZWZ】圆柱滚子轴承\NU2315M</t>
  </si>
  <si>
    <t>【ZWZ】圆柱滚子轴承\N218M</t>
  </si>
  <si>
    <t>【ZWZ】圆柱滚子轴承\NF218M</t>
  </si>
  <si>
    <t>【ZWZ】圆柱滚子轴承\NJ218M</t>
  </si>
  <si>
    <t>【ZWZ】圆柱滚子轴承\N2218M</t>
  </si>
  <si>
    <t>【ZWZ】圆柱滚子轴承\NUP2218EM</t>
  </si>
  <si>
    <t>【ZWZ】圆柱滚子轴承\NUP316M</t>
  </si>
  <si>
    <t>【ZWZ】圆柱滚子轴承\NJ316M</t>
  </si>
  <si>
    <t>【ZWZ】圆柱滚子轴承\N316M/P5</t>
  </si>
  <si>
    <t>【ZWZ】圆柱滚子轴承\NJ316M/P5</t>
  </si>
  <si>
    <t>【ZWZ】圆柱滚子轴承\NU316M/C3</t>
  </si>
  <si>
    <t>【ZWZ】圆柱滚子轴承\NJ2316M/C3</t>
  </si>
  <si>
    <t>【ZWZ】圆柱滚子轴承\N219EM</t>
  </si>
  <si>
    <t>【ZWZ】圆柱滚子轴承\NJ220M</t>
  </si>
  <si>
    <t>【ZWZ】圆柱滚子轴承\N220M</t>
  </si>
  <si>
    <t>【ZWZ】圆柱滚子轴承\NU220M/C3</t>
  </si>
  <si>
    <t>【ZWZ】圆柱滚子轴承\NU220M/P6</t>
  </si>
  <si>
    <t>【ZWZ】圆柱滚子轴承\NJ2220M</t>
  </si>
  <si>
    <t>【ZWZ】圆柱滚子轴承\NJ414M</t>
  </si>
  <si>
    <t>【ZWZ】圆柱滚子轴承\N317EM/P5</t>
  </si>
  <si>
    <t>【ZWZ】圆柱滚子轴承\NUP317EM</t>
  </si>
  <si>
    <t>【ZWZ】圆柱滚子轴承\NJ317EM</t>
  </si>
  <si>
    <t>【ZWZ】圆柱滚子轴承\NJ317EM/C3</t>
  </si>
  <si>
    <t>【ZWZ】圆柱滚子轴承\N2317EM</t>
  </si>
  <si>
    <t>【ZWZ】圆柱滚子轴承\NU2317EM</t>
  </si>
  <si>
    <t>【ZWZ】圆柱滚子轴承\NJ318M</t>
  </si>
  <si>
    <t>【ZWZ】圆柱滚子轴承\N318M/P5</t>
  </si>
  <si>
    <t>【ZWZ】圆柱滚子轴承\NU318M/C3</t>
  </si>
  <si>
    <t>【ZWZ】圆柱滚子轴承\N318EM/C3</t>
  </si>
  <si>
    <t>【ZWZ】圆柱滚子轴承\NJ319M</t>
  </si>
  <si>
    <t>【ZWZ】圆柱滚子轴承\NU319M/C3</t>
  </si>
  <si>
    <t>【ZWZ】圆柱滚子轴承\NU319M</t>
  </si>
  <si>
    <t>【ZWZ】圆柱滚子轴承\NJ2209EM</t>
  </si>
  <si>
    <t>【ZWZ】圆柱滚子轴承\NJ308EM/C3</t>
  </si>
  <si>
    <t>【ZWZ】圆柱滚子轴承\N210EM</t>
  </si>
  <si>
    <t>【ZWZ】圆柱滚子轴承\RN220M</t>
  </si>
  <si>
    <t>【ZWZ】圆柱滚子轴承\NJ311M</t>
  </si>
  <si>
    <t>【ZWZ】圆柱滚子轴承\NJ2206EM</t>
  </si>
  <si>
    <t>【ZWZ】圆柱滚子轴承\NJ2207EM/C3</t>
  </si>
  <si>
    <t>【ZWZ】圆柱滚子轴承\NJ212EM</t>
  </si>
  <si>
    <t>【ZWZ】圆柱滚子轴承\NJ2212EM</t>
  </si>
  <si>
    <t>【ZWZ】圆柱滚子轴承\NJ2213M</t>
  </si>
  <si>
    <t>【ZWZ】圆柱滚子轴承\RNU1017M</t>
  </si>
  <si>
    <t>【ZWZ】圆柱滚子轴承\NJ413M</t>
  </si>
  <si>
    <t>【ZWZ】圆柱滚子轴承\NJ205EM</t>
  </si>
  <si>
    <t>【ZWZ】圆柱滚子轴承\NU3156/C3</t>
  </si>
  <si>
    <t>【ZWZ】圆柱滚子轴承\NU2352M</t>
  </si>
  <si>
    <t>【ZWZ】圆柱滚子轴承\NU2356EM</t>
  </si>
  <si>
    <t>【ZWZ】圆柱滚子轴承\NU2364/HCR</t>
  </si>
  <si>
    <t>【ZWZ】圆柱滚子轴承\NU2368M/W33C3</t>
  </si>
  <si>
    <t>【ZWZ】圆柱滚子轴承\NU3196M</t>
  </si>
  <si>
    <t>【ZWZ】圆柱滚子轴承\NU3192MA</t>
  </si>
  <si>
    <t>【ZWZ】圆柱滚子轴承\NU3168WB/C3</t>
  </si>
  <si>
    <t>【ZWZ】圆柱滚子轴承\NU3184EM/C3</t>
  </si>
  <si>
    <t>【ZWZ】圆柱滚子轴承\NU3188F3/C3</t>
  </si>
  <si>
    <t>【ZWZ】圆柱滚子轴承\NU3172M/C3</t>
  </si>
  <si>
    <t>【ZWZ】推力滚子推力轴承\29460</t>
  </si>
  <si>
    <t>【ZWZ】推力调心滚子轴承\29422</t>
  </si>
  <si>
    <t>【ZWZ】推力调心滚子轴承\29428</t>
  </si>
  <si>
    <t>【ZWZ】深沟球轴承\30315/7315E\LYC</t>
  </si>
  <si>
    <t>【ZWZ】深沟球轴承\6209</t>
  </si>
  <si>
    <t>【ZWZ】深沟球轴承\6210</t>
  </si>
  <si>
    <t>【ZWZ】深沟球轴承\6224</t>
  </si>
  <si>
    <t>【ZWZ】深沟球轴承\6226</t>
  </si>
  <si>
    <t>【ZWZ】深沟球轴承\6022-2RS</t>
  </si>
  <si>
    <t>【ZWZ】深沟球轴承\6024/C3</t>
  </si>
  <si>
    <t>【ZWZ】深沟球轴承\6026/C3</t>
  </si>
  <si>
    <t>【ZWZ】调心滚子轴承\51326</t>
  </si>
  <si>
    <t>【ZWZ】球面滚子轴承\30318</t>
  </si>
  <si>
    <t>【ZWZ】双列圆锥滚子轴承\352220</t>
  </si>
  <si>
    <t>【ZWZ】圆锥滚子轴承\32311A</t>
  </si>
  <si>
    <t>【ZWZ】圆锥滚子轴承\K65237/K65500</t>
  </si>
  <si>
    <t>【ZWZ】圆锥滚子轴承\30613</t>
  </si>
  <si>
    <t>【ZWZ】圆锥滚子轴承\30615</t>
  </si>
  <si>
    <t>【ZWZ】圆锥滚子轴承\K645/K632</t>
  </si>
  <si>
    <t>【ZWZ】圆锥滚子轴承\KH913849/KH913810</t>
  </si>
  <si>
    <t>【ZWZ】圆锥滚子轴承\K594/K592A</t>
  </si>
  <si>
    <t>【ZWZ】圆锥滚子轴承\33218</t>
  </si>
  <si>
    <t>【ZWZ】圆锥滚子轴承\33120</t>
  </si>
  <si>
    <t>【ZWZ】圆锥滚子轴承\JM205149/JM205110</t>
  </si>
  <si>
    <t>【ZWZ】推力圆锥滚子轴承\917/45.1PZSV</t>
  </si>
  <si>
    <t>【ZWZ】圆锥滚子轴承\30318/P6</t>
  </si>
  <si>
    <t>【ZWZ】圆锥滚子轴承\HH221449/HH221410</t>
  </si>
  <si>
    <t>【ZWZ】圆锥滚子轴承\HH221434/HH221410</t>
  </si>
  <si>
    <t>【ZWZ】圆锥滚子轴承\32028X2A/P6</t>
  </si>
  <si>
    <t>【ZWZ】圆锥滚子轴承\K938/K932</t>
  </si>
  <si>
    <t>【ZWZ】圆锥滚子轴承\32224/P6</t>
  </si>
  <si>
    <t>【ZWZ】圆锥滚子轴承\32932X2A</t>
  </si>
  <si>
    <t>【ZWZ】圆锥滚子轴承\30321</t>
  </si>
  <si>
    <t>【ZWZ】圆锥滚子轴承\32030X2A/P6</t>
  </si>
  <si>
    <t>【ZWZ】圆锥滚子轴承\30226/P6</t>
  </si>
  <si>
    <t>【ZWZ】圆锥滚子轴承\KJHM534149/KJHM534110</t>
  </si>
  <si>
    <t>【ZWZ】圆锥滚子轴承\95525/95925</t>
  </si>
  <si>
    <t>【ZWZ】圆锥滚子轴承\30228/P6</t>
  </si>
  <si>
    <t>【ZWZ】圆锥滚子轴承\32228/P6</t>
  </si>
  <si>
    <t>【ZWZ】圆锥滚子轴承\KHH228349/KHH228310</t>
  </si>
  <si>
    <t>【ZWZ】圆锥滚子轴承\32324/P6</t>
  </si>
  <si>
    <t>【ZWZ】圆锥滚子轴承\32230/P6</t>
  </si>
  <si>
    <t>【ZWZ】圆锥滚子轴承\KHH926749/KHH926710</t>
  </si>
  <si>
    <t>【ZWZ】圆锥滚子轴承\32326</t>
  </si>
  <si>
    <t>【ZWZ】圆锥滚子轴承\32326/YA6</t>
  </si>
  <si>
    <t>【ZWZ】圆锥滚子轴承\32036X2A</t>
  </si>
  <si>
    <t>【ZWZ】圆锥滚子轴承\32328</t>
  </si>
  <si>
    <t>【ZWZ】圆锥滚子轴承\30328</t>
  </si>
  <si>
    <t>【ZWZ】圆锥滚子轴承\JHM840449/JHM840410</t>
  </si>
  <si>
    <t>【ZWZ】圆锥滚子轴承\KHH932145/KHH932110</t>
  </si>
  <si>
    <t>【ZWZ】圆锥滚子轴承\KHH234048/KHH234010</t>
  </si>
  <si>
    <t>【ZWZ】圆锥滚子轴承\32040X2A/P6</t>
  </si>
  <si>
    <t>【ZWZ】圆锥滚子轴承\93825/93125</t>
  </si>
  <si>
    <t>【ZWZ】圆锥滚子轴承\31330</t>
  </si>
  <si>
    <t>【ZWZ】圆锥滚子轴承\32948X2A</t>
  </si>
  <si>
    <t>【ZWZ】圆锥滚子轴承\KH242649/KH242610</t>
  </si>
  <si>
    <t>【ZWZ】圆锥滚子轴承\32332</t>
  </si>
  <si>
    <t>【ZWZ】圆锥滚子轴承\32238/P6</t>
  </si>
  <si>
    <t>【ZWZ】圆锥滚子轴承\32044X2A/P6</t>
  </si>
  <si>
    <t>【ZWZ】圆锥滚子轴承\M249749/M249710CD</t>
  </si>
  <si>
    <t>【ZWZ】圆锥滚子轴承\32334/YA6</t>
  </si>
  <si>
    <t>【ZWZ】圆锥滚子轴承\32240/P6</t>
  </si>
  <si>
    <t>【ZWZ】圆锥滚子轴承\30220/P6</t>
  </si>
  <si>
    <t>【ZWZ】圆锥滚子轴承\32024X2A/P6</t>
  </si>
  <si>
    <t>【ZWZ】圆锥滚子轴承\352211</t>
  </si>
  <si>
    <t>【ZWZ】圆锥滚子轴承\352217X2</t>
  </si>
  <si>
    <t>【ZWZ】圆锥滚子轴承\352218</t>
  </si>
  <si>
    <t>【ZWZ】圆锥滚子轴承\K71450/K71751D</t>
  </si>
  <si>
    <t>【ZWZ】圆锥滚子轴承\32914X2A</t>
  </si>
  <si>
    <t>【ZWZ】圆锥滚子轴承\K529/K522</t>
  </si>
  <si>
    <t>【ZWZ】圆锥滚子轴承\33113X2</t>
  </si>
  <si>
    <t>【ZWZ】圆锥滚子轴承\32917</t>
  </si>
  <si>
    <t>【ZWZ】圆锥滚子轴承\30214X3/YA6</t>
  </si>
  <si>
    <t>【ZWZ】圆锥滚子轴承\KHM516449/KHM516410</t>
  </si>
  <si>
    <t>【ZWZ】圆锥滚子轴承\32926</t>
  </si>
  <si>
    <t>【ZWZ】圆锥滚子轴承\32222-ZLJ</t>
  </si>
  <si>
    <t>【ZWZ】圆锥滚子轴承\K3585/K3525</t>
  </si>
  <si>
    <t>【ZWZ】圆锥滚子轴承\K55444D</t>
  </si>
  <si>
    <t>【ZWZ】圆锥滚子轴承\30222/P6</t>
  </si>
  <si>
    <t>【ZWZ】圆锥滚子轴承\K594A/K592A</t>
  </si>
  <si>
    <t>【ZWZ】圆锥滚子轴承\KH913849/KH913810D</t>
  </si>
  <si>
    <t>【ZWZ】圆锥滚子轴承\352217</t>
  </si>
  <si>
    <t>【ZWZ】圆锥滚子轴承\352220X2-1</t>
  </si>
  <si>
    <t>【ZWZ】圆锥滚子轴承\352122</t>
  </si>
  <si>
    <t>【ZWZ】圆锥滚子轴承\33221</t>
  </si>
  <si>
    <t>【ZWZ】圆锥滚子轴承\KM12649/KM12610</t>
  </si>
  <si>
    <t>【ZWZ】圆锥滚子轴承\32205</t>
  </si>
  <si>
    <t>【ZWZ】圆锥滚子轴承\KM86649/KM86610</t>
  </si>
  <si>
    <t>【ZWZ】圆锥滚子轴承\KLM48548/KLM48510</t>
  </si>
  <si>
    <t>【ZWZ】圆锥滚子轴承\K529X/K522</t>
  </si>
  <si>
    <t>【ZWZ】圆锥滚子轴承\K55206/K55444D</t>
  </si>
  <si>
    <t>【ZWZ】圆锥滚子轴承\KJLM714149/KJLM714110</t>
  </si>
  <si>
    <t>【ZWZ】圆锥滚子轴承\H961649/H961610</t>
  </si>
  <si>
    <t>【ZWZ】圆锥滚子轴承\HH953749/HH953710</t>
  </si>
  <si>
    <t>【ZWZ】圆锥滚子轴承\K575/K572</t>
  </si>
  <si>
    <t>【ZWZ】圆锥滚子轴承\32048X2A/P6</t>
  </si>
  <si>
    <t>【ZWZ】圆锥滚子轴承\KEE420751/K421451CD</t>
  </si>
  <si>
    <t>【ZWZ】圆锥滚子轴承\KHH234010</t>
  </si>
  <si>
    <t>【ZWZ】圆锥滚子轴承\30336</t>
  </si>
  <si>
    <t>【ZWZ】圆锥滚子轴承\KH247549/KH247510</t>
  </si>
  <si>
    <t>【ZWZ】圆锥滚子轴承\32244/P6</t>
  </si>
  <si>
    <t>【ZWZ】圆锥滚子轴承\32052X2A/P6</t>
  </si>
  <si>
    <t>【ZWZ】圆锥滚子轴承\HH249949/HH249910</t>
  </si>
  <si>
    <t>【ZWZ】圆锥滚子轴承\LM757049/LM757010</t>
  </si>
  <si>
    <t>【ZWZ】圆锥滚子轴承\32340</t>
  </si>
  <si>
    <t>【ZWZ】圆锥滚子轴承\32972</t>
  </si>
  <si>
    <t>【ZWZ】圆锥滚子轴承\HM237510</t>
  </si>
  <si>
    <t>【ZWZ】圆锥滚子轴承\KEE275108</t>
  </si>
  <si>
    <t>【ZWZ】四点角接触球轴承\QJ224N2Q1</t>
  </si>
  <si>
    <t>【ZWZ】四点接触球轴承\QJ324N2</t>
  </si>
  <si>
    <t>【ZWZ】轴承\7214BM</t>
  </si>
  <si>
    <t>【ZWZ】轴承\6312</t>
  </si>
  <si>
    <t>【ZWZ】轴承座\1320</t>
  </si>
  <si>
    <t>【ZWZ】轴承座\2209</t>
  </si>
  <si>
    <t>【ZWZ】轴承座\UCF216</t>
  </si>
  <si>
    <t>GNWZBP(TH)ZYCG2020-257</t>
  </si>
  <si>
    <t>2020年度北京配送（神华天泓）瓦房店轴承商城铺货长协采购购供货合同（北京销售分公司）</t>
  </si>
  <si>
    <t>瓦房店轴承股份有限公司北京销售分公司</t>
  </si>
  <si>
    <t>【清新环境】单筒\02-0914000-01\管束式除尘除雾器\SPC-GC-TZFA\国产</t>
  </si>
  <si>
    <t>北京清新环境技术股份有限公司</t>
  </si>
  <si>
    <t>清新环境</t>
  </si>
  <si>
    <t>GNWZBP(TH)ZYCG2020-230</t>
  </si>
  <si>
    <t>2020年度北京配送（天泓公司）清新环境管束式除尘除雾器备件集团级单一来源长协采购</t>
  </si>
  <si>
    <t>【清新环境】单筒\02-0914000-02\管束式除尘除雾器\SPC-GC-TZFB\国产</t>
  </si>
  <si>
    <t>【NSK】角接触球轴承\5206\NSK</t>
  </si>
  <si>
    <t>恩斯克投资有限公司</t>
  </si>
  <si>
    <t>NSK</t>
  </si>
  <si>
    <t>GNWZBP(TH)ZYCG2020-247</t>
  </si>
  <si>
    <t>国家能源e购商城2020年度北京配送（天泓公司）恩斯克轴承商城铺货长协采购供货合同（上海恩斯凯-北配）</t>
  </si>
  <si>
    <t>上海恩斯凯轴承有限公司</t>
  </si>
  <si>
    <t>【清新环境】单筒\02-0914000-03\管束式除尘除雾器\SPC-GC-TZFC\国产</t>
  </si>
  <si>
    <t>【NSK】角接触球轴承\5207\NSK</t>
  </si>
  <si>
    <t>【NSK】角接触球轴承\5209\NSK</t>
  </si>
  <si>
    <t>【清新环境】单筒\02-0914000-04\管束式除尘除雾器\SPC-GC-TZFA2\国产</t>
  </si>
  <si>
    <t>【NSK】角接触球轴承\5211\NSK</t>
  </si>
  <si>
    <t>【NSK】角接触球轴承\5214\NSK</t>
  </si>
  <si>
    <t>【清新环境】单筒\02-0914000-05\管束式除尘除雾器\SPC-GC-TZFA+\国产</t>
  </si>
  <si>
    <t>【NSK】角接触球轴承\5216\NSK</t>
  </si>
  <si>
    <t>【清新环境】单筒\02-0914000-06\管束式除尘除雾器\SPC-GC-TZFB+\国产</t>
  </si>
  <si>
    <t>【NSK】角接触球轴承\5307\NSK</t>
  </si>
  <si>
    <t>【NSK】角接触球轴承\5307C3\NSK</t>
  </si>
  <si>
    <t>【NSK】角接触球轴承\5308\NSK</t>
  </si>
  <si>
    <t>GNWZBP(TH)ZYCG2020-245</t>
  </si>
  <si>
    <t>国家能源e购商城2020年度北京配送（天泓公司）恩斯克轴承商城铺货长协采购供货合同（山东骥瑞-北配）</t>
  </si>
  <si>
    <t>山东骥瑞精工轴承有限公司</t>
  </si>
  <si>
    <t>【NSK】角接触球轴承\5309\NSK</t>
  </si>
  <si>
    <t>【NSK】角接触球轴承\5310\NSK</t>
  </si>
  <si>
    <t>【NSK】角接触球轴承\5311\NSK</t>
  </si>
  <si>
    <t>【清新环境】单筒\02-0914000-07\管束式除尘除雾器\SPC-GC-TZFD\国产</t>
  </si>
  <si>
    <t>【清新环境】单筒\02-0914000-08\管束式除尘除雾器\SPC-GC-TZFE\国产</t>
  </si>
  <si>
    <t>【清新环境】外筒\02-0914012-01\管束式除尘除雾器\SPC-GC-TZ系列\国产</t>
  </si>
  <si>
    <t>【NSK】角接触球轴承\5312\NSK</t>
  </si>
  <si>
    <t>【NSK】角接触球轴承\5313\NSK</t>
  </si>
  <si>
    <t>【NSK】调心球轴承\1216\NSK</t>
  </si>
  <si>
    <t>【NSK】调心球轴承\1218\NSK</t>
  </si>
  <si>
    <t>【NSK】调心球轴承\1220\NSK</t>
  </si>
  <si>
    <t>【清新环境】外筒\02-0914012-02\管束式除尘除雾器\SPC-GC-TZ系列\国产</t>
  </si>
  <si>
    <t>【NSK】调心球轴承\1222\NSK</t>
  </si>
  <si>
    <t>【NSK】调心球轴承\1315\NSK</t>
  </si>
  <si>
    <t>【清新环境】外筒\02-0914012-03\管束式除尘除雾器\SPC-GC-TZ系列\国产</t>
  </si>
  <si>
    <t>【NSK】调心球轴承\1316\NSK</t>
  </si>
  <si>
    <t>【NSK】调心球轴承\1317\NSK</t>
  </si>
  <si>
    <t>【NSK】调心球轴承\1318\NSK</t>
  </si>
  <si>
    <t>【攀钢（丰镇站）】钢轨\50kg/m\24.96m\U71Mn\有孔</t>
  </si>
  <si>
    <t>GNWZBP（TH）ZECG2020-049</t>
  </si>
  <si>
    <t>国家能源e购商城攀钢钢轨配件丰镇站铺货采购合同</t>
  </si>
  <si>
    <t>【攀钢（丰镇站）】钢轨\50kg/m\25.00m\U75V\有孔</t>
  </si>
  <si>
    <t>【攀钢（丰镇站）】钢轨\50kg/m\24.92m\U75V\有孔</t>
  </si>
  <si>
    <t>【攀钢（丰镇站）】钢轨\60kg/m\12.50m\U71Mn\有孔</t>
  </si>
  <si>
    <t>【攀钢（丰镇站）】钢轨\50kg/m\12.50m\U71Mn\无孔</t>
  </si>
  <si>
    <t>【攀钢（丰镇站）】钢轨\50kg/m\12.50m\U71Mn\有孔</t>
  </si>
  <si>
    <t>【攀钢（丰镇站）】淬火钢轨\50kg/m\25.00m\U71Mn\有孔</t>
  </si>
  <si>
    <t>【攀钢（丰镇站）】钢轨\50kg/m\25.00m\U71Mn\一端孔</t>
  </si>
  <si>
    <t>【攀钢（丰镇站）】钢轨\50kg/m\25.00m\U71Mn\有孔</t>
  </si>
  <si>
    <t>【攀钢（丰镇站）】淬火钢轨\60kg/m\25.00m\U75V\有孔</t>
  </si>
  <si>
    <t>【攀钢（丰镇站）】钢轨\60kg/m\25.00m\U71Mn\有孔</t>
  </si>
  <si>
    <t>【攀钢（丰镇站）】淬火钢轨\50kg/m\25.00m\U71Mn\一端孔</t>
  </si>
  <si>
    <t>【攀钢（丰镇站）】淬火钢轨\60kg/m\25.00m\U75V\一端孔</t>
  </si>
  <si>
    <t>【攀钢（丰镇站）】钢轨\50kg/m\25.00m\U71Mn\无孔</t>
  </si>
  <si>
    <t>【攀钢（丰镇站）】淬火钢轨\75kg/m\25.00m\U75V\无孔</t>
  </si>
  <si>
    <t>【攀钢（丰镇站）】钢轨\60kg/m\24.92m\U75V\有孔</t>
  </si>
  <si>
    <t>【攀钢（丰镇站）】钢轨\60kg/m\24.96m\U75V\有孔</t>
  </si>
  <si>
    <t>【攀钢（丰镇站）】钢轨\60kg/m\25.00m\U75V\无孔</t>
  </si>
  <si>
    <t>【攀钢（丰镇站）】钢轨\60kg/m\25.00m\U75V\有孔</t>
  </si>
  <si>
    <t>【攀钢（丰镇站）】淬火钢轨\60kg/m\24.92m\U75V\有孔</t>
  </si>
  <si>
    <t>【攀钢（丰镇站）】淬火钢轨\60kg/m\25.00m\U75V\无孔</t>
  </si>
  <si>
    <t>【攀钢（丰镇站）】钢轨\50kg/m\24.84m\U71Mn\有孔</t>
  </si>
  <si>
    <t>【攀钢（丰镇站）】钢轨\50kg/m\24.92m\U71Mn\有孔</t>
  </si>
  <si>
    <t>【攀钢（丰镇站）】钢轨\60kg/m\24.84m\U75V\有孔</t>
  </si>
  <si>
    <t>【攀钢（丰镇站）】钢轨\75kg/m\12.50m\U75V\有孔</t>
  </si>
  <si>
    <t>【攀钢（丰镇站）】钢轨\60kg/m\12.50m\U75V\有孔</t>
  </si>
  <si>
    <t>【攀钢（丰镇站）】淬火钢轨\60kg/m\24.96m\U75V\有孔</t>
  </si>
  <si>
    <t>【攀钢（丰镇站）】钢轨\75kg/m\25.00m\U75V\有孔</t>
  </si>
  <si>
    <t>【攀钢（丰镇站）】淬火钢轨\75kg/m\25.00m\U75V\一端孔</t>
  </si>
  <si>
    <t>【攀钢（丰镇站）】钢轨\60kg/m\25.00m\U75V\一端孔</t>
  </si>
  <si>
    <t>【攀钢（丰镇站）】钢轨\60kg/m\25.00m\U71Mn\一端孔</t>
  </si>
  <si>
    <t>【攀钢（丰镇站）】钢轨\60kg/m\24.84m\U71Mn\有孔</t>
  </si>
  <si>
    <t>【攀钢（丰镇站）】钢轨\60kg/m\24.96m\U71Mn\有孔</t>
  </si>
  <si>
    <t>【攀钢（丰镇站）】钢轨\60kg/m\25.00m\U71Mn\无孔</t>
  </si>
  <si>
    <t>【攀钢（丰镇站）】钢轨\75kg/m\25.00m\U75V\无孔</t>
  </si>
  <si>
    <t>【攀钢（丰镇站）】钢轨\新廓形60N\25.00m\U75V\无孔</t>
  </si>
  <si>
    <t>【攀钢（丰镇站）】淬火钢轨\75kg/m\25.00m\PG4\无孔</t>
  </si>
  <si>
    <t>【攀钢（丰镇站）】钢轨\75kg/m\25.00m\PG4\一端孔</t>
  </si>
  <si>
    <t>【攀钢（丰镇站）】淬火钢轨\60kg/m\百米轨\PG4\无孔</t>
  </si>
  <si>
    <t>【攀钢（丰镇站）】淬火钢轨\60kg/m\25.00m\PG4\无孔</t>
  </si>
  <si>
    <t>【攀钢（丰镇站）】淬火钢轨\60kg/m\25.00m\PG4\有孔</t>
  </si>
  <si>
    <t>【攀钢（丰镇站）】钢轨\60kg/m\25.00m\PG4\无孔</t>
  </si>
  <si>
    <t>【攀钢（丰镇站）】钢轨\新廓形60N\25.00m\PG4\无孔</t>
  </si>
  <si>
    <t>【攀钢（丰镇站）】淬火钢轨\新廓形75N\25.00m\PG4\无孔</t>
  </si>
  <si>
    <t>【攀钢（丰镇站）】钢轨\新廓形75N\25.00m\PG4\无孔</t>
  </si>
  <si>
    <t>【攀钢（丰镇站）】钢轨\75kg/m\25.00m\PG4\无孔</t>
  </si>
  <si>
    <t>【攀钢（丰镇站）】钢轨\75kg/m\25.00m\PG5\无孔</t>
  </si>
  <si>
    <t>【NSK】调心球轴承\1319\NSK</t>
  </si>
  <si>
    <t>【NSK】调心球轴承\1320\NSK</t>
  </si>
  <si>
    <t>【NSK】调心球轴承\2214\NSK</t>
  </si>
  <si>
    <t>【NSK】调心球轴承\2218\NSK</t>
  </si>
  <si>
    <t>【NSK】调心球轴承\2220\NSK</t>
  </si>
  <si>
    <t>【NSK】调心球轴承\2310\NSK</t>
  </si>
  <si>
    <t>【NSK】调心球轴承\2311\NSK</t>
  </si>
  <si>
    <t>【NSK】调心球轴承\2312\NSK</t>
  </si>
  <si>
    <t>【NSK】调心球轴承\2313\NSK</t>
  </si>
  <si>
    <t>【NSK】调心球轴承\2314\NSK</t>
  </si>
  <si>
    <t>【NSK】调心球轴承\2316\NSK</t>
  </si>
  <si>
    <t>【NSK】调心球轴承\1215K\NSK</t>
  </si>
  <si>
    <t>【NSK】调心球轴承\1218K\NSK</t>
  </si>
  <si>
    <t>【NSK】调心球轴承\1320K\NSK</t>
  </si>
  <si>
    <t>【NSK】调心球轴承\2307\NSK</t>
  </si>
  <si>
    <t>【NSK】调心球轴承\2308\NSK</t>
  </si>
  <si>
    <t>【NSK】调心球轴承\2309\NSK</t>
  </si>
  <si>
    <t>【NSK】调心球轴承\2311K\NSK</t>
  </si>
  <si>
    <t>GNWZBP(TH)ZYCG2020-243</t>
  </si>
  <si>
    <t>国家能源e购商城2020年度北京配送（天泓公司）恩斯克轴承商城铺货长协采购供货合同(鸿辉传动）</t>
  </si>
  <si>
    <t>鸿辉传动技术(大连)有限公司</t>
  </si>
  <si>
    <t>【NSK】调心球轴承\2311KC3\NSK</t>
  </si>
  <si>
    <t>GNWZBP(TH)ZYCG2020-242</t>
  </si>
  <si>
    <t>国家能源e购商城2020年度北京配送（天泓公司）恩斯克轴承商城铺货长协采购（广东大华））</t>
  </si>
  <si>
    <t>广东大华轴承有限公司</t>
  </si>
  <si>
    <t>【NSK】调心球轴承\2312K\NSK</t>
  </si>
  <si>
    <t>【NSK】调心球轴承\2313K\NSK</t>
  </si>
  <si>
    <t>【NSK】调心球轴承\2315\NSK</t>
  </si>
  <si>
    <t>【NSK】调心滚子轴承\21308EAE4\NSK</t>
  </si>
  <si>
    <t>【NSK】调心滚子轴承\21309EAE4\NSK</t>
  </si>
  <si>
    <t>【NSK】调心滚子轴承\21310EAE4\NSK</t>
  </si>
  <si>
    <t>【NSK】调心滚子轴承\21311EAE4\NSK</t>
  </si>
  <si>
    <t>【NSK】调心滚子轴承\21312EAE4\NSK</t>
  </si>
  <si>
    <t>【NSK】调心滚子轴承\21313EAKE4\NSK</t>
  </si>
  <si>
    <t>【NSK】调心滚子轴承\21314EAKE4\NSK</t>
  </si>
  <si>
    <t>【NSK】调心滚子轴承\21315EAE4\NSK</t>
  </si>
  <si>
    <t>【NSK】调心滚子轴承\21315EAE4C3\NSK</t>
  </si>
  <si>
    <t>【NSK】调心滚子轴承\21316EAE4\NSK</t>
  </si>
  <si>
    <t>【NSK】调心滚子轴承\21318EAE4\NSK</t>
  </si>
  <si>
    <t>【NSK】调心滚子轴承\22206CKE4S11\NSK</t>
  </si>
  <si>
    <t>【NSK】调心滚子轴承\22211EAE4\NSK</t>
  </si>
  <si>
    <t>【NSK】调心滚子轴承\22213EAKE4C3\NSK</t>
  </si>
  <si>
    <t>【NSK】调心滚子轴承\22215EAE4\NSK</t>
  </si>
  <si>
    <t>【NSK】调心滚子轴承\22216EAKE4C3\NSK</t>
  </si>
  <si>
    <t>【NSK】调心滚子轴承\22217EAKE4C3\NSK</t>
  </si>
  <si>
    <t>【NSK】调心滚子轴承\22224EAE4C3\NSK</t>
  </si>
  <si>
    <t>【NSK】调心滚子轴承\22224EAKE4\NSK</t>
  </si>
  <si>
    <t>【NSK】调心滚子轴承\22226EAE4C3\NSK</t>
  </si>
  <si>
    <t>【NSK】调心滚子轴承\22228CAME4C3S11\NSK</t>
  </si>
  <si>
    <t>【NSK】调心滚子轴承\22228CAME4S11\NSK</t>
  </si>
  <si>
    <t>【NSK】调心滚子轴承\22230CAME4C3S11\NSK</t>
  </si>
  <si>
    <t>【NSK】调心滚子轴承\22230CAMKE4S11\NSK</t>
  </si>
  <si>
    <t>【NSK】调心滚子轴承\22232CAMKE4C3S11\NSK</t>
  </si>
  <si>
    <t>【NSK】调心滚子轴承\22232CAMKE4S11\NSK</t>
  </si>
  <si>
    <t>【NSK】调心滚子轴承\22234CDE4S11\NSK</t>
  </si>
  <si>
    <t>【NSK】调心滚子轴承\22234CAMKE4C3S11\NSK</t>
  </si>
  <si>
    <t>【NSK】调心滚子轴承\22234CAMKE4S11\NSK</t>
  </si>
  <si>
    <t>【NSK】调心滚子轴承\22238CAME4C3S11\NSK</t>
  </si>
  <si>
    <t>【NSK】调心滚子轴承\22238CAMKE4C3S11\NSK</t>
  </si>
  <si>
    <t>【NSK】调心滚子轴承\22240CAMKE4S11\NSK</t>
  </si>
  <si>
    <t>【NSK】调心滚子轴承\22248CAME4S11\NSK</t>
  </si>
  <si>
    <t>【NSK】调心滚子轴承\22252CAME4S11\NSK</t>
  </si>
  <si>
    <t>【NSK】调心滚子轴承\22252CAME4C3S11\NSK</t>
  </si>
  <si>
    <t>【NSK】调心滚子轴承\22256CAME4S11\NSK</t>
  </si>
  <si>
    <t>【NSK】调心滚子轴承\22260CAME4S11\NSK</t>
  </si>
  <si>
    <t>【NSK】调心滚子轴承\22309EAKE4\NSK</t>
  </si>
  <si>
    <t>【NSK】调心滚子轴承\22310EAE4\NSK</t>
  </si>
  <si>
    <t>【NSK】调心滚子轴承\22310EAE4C3\NSK</t>
  </si>
  <si>
    <t>【NSK】调心滚子轴承\22312EAE4C3\NSK</t>
  </si>
  <si>
    <t>【NSK】调心滚子轴承\22315EAE4\NSK</t>
  </si>
  <si>
    <t>【NSK】调心滚子轴承\22315EAE4C3\NSK</t>
  </si>
  <si>
    <t>【NSK】调心滚子轴承\22316EAE4\NSK</t>
  </si>
  <si>
    <t>【NSK】调心滚子轴承\22317EAE4\NSK</t>
  </si>
  <si>
    <t>【NSK】调心滚子轴承\22318EAE4C3\NSK</t>
  </si>
  <si>
    <t>【NSK】调心滚子轴承\22319EAE4\NSK</t>
  </si>
  <si>
    <t>【NSK】调心滚子轴承\22320EAE4\NSK</t>
  </si>
  <si>
    <t>【NSK】调心滚子轴承\22324CAME4C3S11\NSK</t>
  </si>
  <si>
    <t>【NSK】调心滚子轴承\22326CAME4S11\NSK</t>
  </si>
  <si>
    <t>【NSK】调心滚子轴承\22328CAME4C3S11\NSK</t>
  </si>
  <si>
    <t>【NSK】调心滚子轴承\22328CAME4S11\NSK</t>
  </si>
  <si>
    <t>【NSK】调心滚子轴承\22328CAMKE4S11\NSK</t>
  </si>
  <si>
    <t>【NSK】调心滚子轴承\22330CAME4C3S11\NSK</t>
  </si>
  <si>
    <t>【NSK】调心滚子轴承\22330CAME4S11\NSK</t>
  </si>
  <si>
    <t>【NSK】圆柱滚子轴承\NUP208ET\NSK</t>
  </si>
  <si>
    <t>GNWZBP(TH)ZYCG2020-249</t>
  </si>
  <si>
    <t>国家能源e购商城2020年度北京配送（天泓公司）恩斯克轴承商城铺货长协采购（浙江光越-北配）供货合同</t>
  </si>
  <si>
    <t>浙江光越传动科技有限公司</t>
  </si>
  <si>
    <t>【NSK】圆柱滚子轴承\NUP209ET\NSK</t>
  </si>
  <si>
    <t>【NSK】圆柱滚子轴承\NUP210ET\NSK</t>
  </si>
  <si>
    <t>【NSK】圆柱滚子轴承\NUP212ET\NSK</t>
  </si>
  <si>
    <t>【NSK】圆柱滚子轴承\NUP309ET\NSK</t>
  </si>
  <si>
    <t>【NSK】圆柱滚子轴承\NUP310ET\NSK</t>
  </si>
  <si>
    <t>【NSK】圆柱滚子轴承\NUP311EW\NSK</t>
  </si>
  <si>
    <t>【NSK】圆柱滚子轴承\NJ406W\NSK</t>
  </si>
  <si>
    <t>【NSK】圆柱滚子轴承\NJ409W\NSK</t>
  </si>
  <si>
    <t>【NSK】圆柱滚子轴承\NJ410W\NSK</t>
  </si>
  <si>
    <t>【NSK】调心滚子轴承\22332CAMKE4S11\NSK</t>
  </si>
  <si>
    <t>【NSK】调心滚子轴承\22334CAME4C3S11\NSK</t>
  </si>
  <si>
    <t>【NSK】调心滚子轴承\22334CAME4S11\NSK</t>
  </si>
  <si>
    <t>【NSK】调心滚子轴承\22336CAME4S11\NSK</t>
  </si>
  <si>
    <t>【NSK】调心滚子轴承\22338CAME4C3S11\NSK</t>
  </si>
  <si>
    <t>【NSK】调心滚子轴承\22338CAME4S11\NSK</t>
  </si>
  <si>
    <t>【NSK】调心滚子轴承\22338CAMKE4C3S11\NSK</t>
  </si>
  <si>
    <t>【NSK】调心滚子轴承\22338CAMKE4S11\NSK</t>
  </si>
  <si>
    <t>【NSK】调心滚子轴承\22340CAME4C3S11\NSK</t>
  </si>
  <si>
    <t>【NSK】调心滚子轴承\22340CAME4S11\NSK</t>
  </si>
  <si>
    <t>【NSK】调心滚子轴承\22348CAME4S11\NSK</t>
  </si>
  <si>
    <t>【NSK】调心滚子轴承\22352CAME4C3S11\NSK</t>
  </si>
  <si>
    <t>【NSK】调心滚子轴承\23022CAME4S11\NSK</t>
  </si>
  <si>
    <t>【NSK】调心滚子轴承\23028CAME4C3S11\NSK</t>
  </si>
  <si>
    <t>【NSK】调心滚子轴承\23028CAMKE4C3S11\NSK</t>
  </si>
  <si>
    <t>【NSK】调心滚子轴承\23030CAME4S11\NSK</t>
  </si>
  <si>
    <t>【NSK】调心滚子轴承\23034CAMKE4C3S11\NSK</t>
  </si>
  <si>
    <t>【NSK】调心滚子轴承\23036CAMKE4C3S11\NSK</t>
  </si>
  <si>
    <t>【NSK】调心滚子轴承\23036CAMKE4S11\NSK</t>
  </si>
  <si>
    <t>【NSK】调心滚子轴承\23038CAME4S11\NSK</t>
  </si>
  <si>
    <t>【NSK】角接触球轴承\QJ220ME\NSK</t>
  </si>
  <si>
    <t>【NSK】角接触球轴承\QJ328ME\NSK</t>
  </si>
  <si>
    <t>【NSK】调心滚子轴承\23040CAME4S11\NSK</t>
  </si>
  <si>
    <t>【NSK】调心滚子轴承\23040CAMKE4S11\NSK</t>
  </si>
  <si>
    <t>【NSK】调心滚子轴承\23044CAME4S11\NSK</t>
  </si>
  <si>
    <t>【NSK】调心滚子轴承\23044CAMKE4C3S11\NSK</t>
  </si>
  <si>
    <t>【NSK】调心滚子轴承\23044CAMKE4S11\NSK</t>
  </si>
  <si>
    <t>【NSK】调心滚子轴承\23048CAME4C3S11\NSK</t>
  </si>
  <si>
    <t>【NSK】调心滚子轴承\23048CAME4S11\NSK</t>
  </si>
  <si>
    <t>【NSK】调心滚子轴承\23048CAMKE4C3S11\NSK</t>
  </si>
  <si>
    <t>【NSK】调心滚子轴承\23048CAMKE4S11\NSK</t>
  </si>
  <si>
    <t>【NSK】调心滚子轴承\23052CAME4S11\NSK</t>
  </si>
  <si>
    <t>【NSK】调心滚子轴承\23052CAMKE4C3S11\NSK</t>
  </si>
  <si>
    <t>【NSK】调心滚子轴承\23056CAME4S11\NSK</t>
  </si>
  <si>
    <t>【NSK】调心滚子轴承\23060CAME4S11\NSK</t>
  </si>
  <si>
    <t>【NSK】调心滚子轴承\23060CAMKE4C3S11\NSK</t>
  </si>
  <si>
    <t>【NSK】调心滚子轴承\23060CAMKE4S11\NSK</t>
  </si>
  <si>
    <t>【NSK】调心滚子轴承\23068CAME4S11\NSK</t>
  </si>
  <si>
    <t>【NSK】调心滚子轴承\23068CAMKE4C3S11\NSK</t>
  </si>
  <si>
    <t>【NSK】调心滚子轴承\23068CAMKE4S11\NSK</t>
  </si>
  <si>
    <t>【NSK】调心滚子轴承\23072CAME4S11\NSK</t>
  </si>
  <si>
    <t>【NSK】调心滚子轴承\23072CAMKE4C3S11\NSK</t>
  </si>
  <si>
    <t>【NSK】外球面轴承座\UCF207D1\NSK</t>
  </si>
  <si>
    <t>【NSK】调心滚子轴承\23072CAMKE4S11\NSK</t>
  </si>
  <si>
    <t>【NSK】调心滚子轴承\23076CAME4C3S11\NSK</t>
  </si>
  <si>
    <t>【NSK】调心滚子轴承\23084CAME4S11\NSK</t>
  </si>
  <si>
    <t>【NSK】调心滚子轴承\23120CAME4S11\NSK</t>
  </si>
  <si>
    <t>【NSK】调心滚子轴承\23122CAME4C3S11\NSK</t>
  </si>
  <si>
    <t>【NSK】调心滚子轴承\23122CAME4S11\NSK</t>
  </si>
  <si>
    <t>【NSK】调心滚子轴承\23124CAME4S11\NSK</t>
  </si>
  <si>
    <t>【NSK】调心滚子轴承\23126CAME4S11\NSK</t>
  </si>
  <si>
    <t>【NSK】调心滚子轴承\23128CAME4S11\NSK</t>
  </si>
  <si>
    <t>【NSK】调心滚子轴承\23130CAME4C3S11\NSK</t>
  </si>
  <si>
    <t>【NSK】调心滚子轴承\23130CAME4S11\NSK</t>
  </si>
  <si>
    <t>【NSK】调心滚子轴承\23132CAME4C3S11\NSK</t>
  </si>
  <si>
    <t>【NSK】调心滚子轴承\23132CAME4S11\NSK</t>
  </si>
  <si>
    <t>【NSK】调心滚子轴承\23134CAME4S11\NSK</t>
  </si>
  <si>
    <t>【NSK】调心滚子轴承\23134CAMKE4C3S11\NSK</t>
  </si>
  <si>
    <t>【NSK】调心滚子轴承\23134CAMKE4S11\NSK</t>
  </si>
  <si>
    <t>【NSK】调心滚子轴承\23136CAME4C3S11\NSK</t>
  </si>
  <si>
    <t>【NSK】调心滚子轴承\23136CAME4S11\NSK</t>
  </si>
  <si>
    <t>【NSK】调心滚子轴承\23136CAMKE4C3S11\NSK</t>
  </si>
  <si>
    <t>【NSK】调心滚子轴承\23138CAME4C3S11\NSK</t>
  </si>
  <si>
    <t>【NSK】调心滚子轴承\23138CAME4S11\NSK</t>
  </si>
  <si>
    <t>【NSK】调心滚子轴承\23140CAME4C3S11\NSK</t>
  </si>
  <si>
    <t>【NSK】调心滚子轴承\23144CAME4C3S11\NSK</t>
  </si>
  <si>
    <t>【NSK】调心滚子轴承\23148CAME4C3S11\NSK</t>
  </si>
  <si>
    <t>【NSK】调心滚子轴承\23148CAME4S11\NSK</t>
  </si>
  <si>
    <t>【NSK】调心滚子轴承\23148CAMKE4C3S11\NSK</t>
  </si>
  <si>
    <t>【NSK】调心滚子轴承\23148CAMKE4S11\NSK</t>
  </si>
  <si>
    <t>【NSK】调心滚子轴承\23152CAME4S11\NSK</t>
  </si>
  <si>
    <t>【NSK】调心滚子轴承\23156CAME4C3S11\NSK</t>
  </si>
  <si>
    <t>【NSK】调心滚子轴承\23156CAME4S11\NSK</t>
  </si>
  <si>
    <t>【NSK】带座球轴承\UCF210D1\NSK</t>
  </si>
  <si>
    <t>【NSK】调心滚子轴承\23156CAMKE4S11\NSK</t>
  </si>
  <si>
    <t>【NSK】调心球轴承\2316K\NSK</t>
  </si>
  <si>
    <t>【NSK】调心滚子轴承\23160CAME4C3S11\NSK</t>
  </si>
  <si>
    <t>【NSK】调心滚子轴承\23164CAME4C3S11\NSK</t>
  </si>
  <si>
    <t>【NSK】调心滚子轴承\23164CAME4S11\NSK</t>
  </si>
  <si>
    <t>【NSK】调心滚子轴承\23168CAMKE4S11\NSK</t>
  </si>
  <si>
    <t>【NSK】调心滚子轴承\23218CAME4C3S11\NSK</t>
  </si>
  <si>
    <t>【NSK】调心滚子轴承\23218CAMKE4S11\NSK</t>
  </si>
  <si>
    <t>【NSK】调心滚子轴承\23220CAME4C3S11\NSK</t>
  </si>
  <si>
    <t>【NSK】调心滚子轴承\23222CAMKE4S11\NSK</t>
  </si>
  <si>
    <t>【NSK】调心滚子轴承\23222CAME4S11\NSK</t>
  </si>
  <si>
    <t>【NSK】调心滚子轴承\23224CAMKE4S11\NSK</t>
  </si>
  <si>
    <t>【NSK】调心滚子轴承\23226CAME4S11\NSK</t>
  </si>
  <si>
    <t>【NSK】调心滚子轴承\23226CAMKE4S11\NSK</t>
  </si>
  <si>
    <t>【NSK】调心滚子轴承\23228CAME4S11\NSK</t>
  </si>
  <si>
    <t>【NSK】调心滚子轴承\23228CAMKE4S11\NSK</t>
  </si>
  <si>
    <t>【NSK】调心滚子轴承\23232CAME4S11\NSK</t>
  </si>
  <si>
    <t>【NSK】调心滚子轴承\23234CAME4S11\NSK</t>
  </si>
  <si>
    <t>【NSK】调心滚子轴承\23234CAME4C3S11\NSK</t>
  </si>
  <si>
    <t>【NSK】调心滚子轴承\23236CAME4C3S11\NSK</t>
  </si>
  <si>
    <t>【NSK】外球面轴承座\UCF211D1\NSK</t>
  </si>
  <si>
    <t>【NSK】外球面轴承座\UCP206D1\NSK</t>
  </si>
  <si>
    <t>【NSK】外球面轴承座\UCP208D1\NSK</t>
  </si>
  <si>
    <t>【NSK】外球面轴承座\UCP213D1\NSK</t>
  </si>
  <si>
    <t>【NSK】外球面轴承座\UCP214D1\NSK</t>
  </si>
  <si>
    <t>【NSK】调心滚子轴承\23238CAME4C3S11\NSK</t>
  </si>
  <si>
    <t>【NSK】调心滚子轴承\23244CAME4C3S11\NSK</t>
  </si>
  <si>
    <t>【NSK】调心滚子轴承\23260CAMKE4S11\NSK</t>
  </si>
  <si>
    <t>【NSK】调心滚子轴承\23264CAME4S11\NSK</t>
  </si>
  <si>
    <t>【NSK】调心滚子轴承\23940CAME4S11\NSK</t>
  </si>
  <si>
    <t>【NSK】调心滚子轴承\22336CAME4C3S11\NSK</t>
  </si>
  <si>
    <t>【NSK】调心滚子轴承\23944CAME4S11\NSK</t>
  </si>
  <si>
    <t>【NSK】调心滚子轴承\23948CAME4S11\NSK</t>
  </si>
  <si>
    <t>【NSK】调心滚子轴承\23972CAME4C3S11\NSK</t>
  </si>
  <si>
    <t>【NSK】调心滚子轴承\23976CAME4S11\NSK</t>
  </si>
  <si>
    <t>【NSK】调心滚子轴承\24032CAME4S11\NSK</t>
  </si>
  <si>
    <t>【NSK】调心滚子轴承\24034CAME4S11\NSK</t>
  </si>
  <si>
    <t>【NSK】调心滚子轴承\24036CAME4S11\NSK</t>
  </si>
  <si>
    <t>【NSK】调心滚子轴承\24038CAME4S11\NSK</t>
  </si>
  <si>
    <t>【NSK】调心滚子轴承\24044CAME4S11\NSK</t>
  </si>
  <si>
    <t>【NSK】调心滚子轴承\24048CAME4C3S11\NSK</t>
  </si>
  <si>
    <t>【NSK】调心滚子轴承\24056CAME4S11\NSK</t>
  </si>
  <si>
    <t>【NSK】调心滚子轴承\24064CAME4S11\NSK</t>
  </si>
  <si>
    <t>【NSK】调心滚子轴承\24072CAME4S11\NSK</t>
  </si>
  <si>
    <t>【NSK】调心滚子轴承\24124CAME4C3S11\NSK</t>
  </si>
  <si>
    <t>【NSK】带座球轴承\UCFC205D1\NSK</t>
  </si>
  <si>
    <t>【NSK】带座球轴承\UCFL207D1\NSK</t>
  </si>
  <si>
    <t>【清新环境】外筒\02-0914012-04\管束式除尘除雾器\SPC-GC-TZ系列\国产</t>
  </si>
  <si>
    <t>【NSK】调心滚子轴承\24126CAME4C3S11\NSK</t>
  </si>
  <si>
    <t>【NSK】调心滚子轴承\24130CAME4C3S11\NSK</t>
  </si>
  <si>
    <t>【NSK】调心滚子轴承\24136CAME4C3S11\NSK</t>
  </si>
  <si>
    <t>【NSK】调心滚子轴承\24144CAME4S11\NSK</t>
  </si>
  <si>
    <t>【NSK】调心滚子轴承\24148CAME4C3S11\NSK</t>
  </si>
  <si>
    <t>【NSK】调心滚子轴承\24148CAME4S11\NSK</t>
  </si>
  <si>
    <t>【NSK】调心滚子轴承\24152CAME4S11\NSK</t>
  </si>
  <si>
    <t>【NSK】带座外球面轴承\UCFL208D1\NSK</t>
  </si>
  <si>
    <t>【NSK】带座外球面轴承\UCP205D1\NSK</t>
  </si>
  <si>
    <t>【NSK】带座外球面轴承\UCP210D1\NSK</t>
  </si>
  <si>
    <t>【NSK】推力滚子轴承\29317E\NSK</t>
  </si>
  <si>
    <t>【NSK】推力滚子轴承\29320E\NSK</t>
  </si>
  <si>
    <t>【NSK】推力滚子轴承\29324E\NSK</t>
  </si>
  <si>
    <t>【NSK】推力滚子轴承\29328E\NSK</t>
  </si>
  <si>
    <t>【NSK】推力滚子轴承\29330E\NSK</t>
  </si>
  <si>
    <t>【NSK】推力滚子轴承\29332E\NSK</t>
  </si>
  <si>
    <t>【NSK】推力滚子轴承\29340E\NSK</t>
  </si>
  <si>
    <t>【NSK】推力滚子轴承\29356M\NSK</t>
  </si>
  <si>
    <t>【NSK】推力滚子轴承\29420E\NSK</t>
  </si>
  <si>
    <t>【NSK】推力滚子轴承\29418E\NSK</t>
  </si>
  <si>
    <t>【清新环境】叶轮\02-0914011-YL-X\管束式除尘除雾器\SPC-GC-TZ系列\国产</t>
  </si>
  <si>
    <t>【NSK】推力滚子轴承\29422E\NSK</t>
  </si>
  <si>
    <t>【NSK】推力滚子轴承\29426E\NSK</t>
  </si>
  <si>
    <t>【NSK】推力滚子轴承\29430E\NSK</t>
  </si>
  <si>
    <t>【NSK】推力滚子轴承\29480M\NSK</t>
  </si>
  <si>
    <t>【NSK】圆锥滚子轴承\HR30202\NSK</t>
  </si>
  <si>
    <t>【NSK】圆锥滚子轴承\HR30203J\NSK</t>
  </si>
  <si>
    <t>【NSK】圆锥滚子轴承\HR30211J\NSK</t>
  </si>
  <si>
    <t>【NSK】圆锥滚子轴承\HR30216J\NSK</t>
  </si>
  <si>
    <t>【NSK】圆锥滚子轴承\HR30220J\NSK</t>
  </si>
  <si>
    <t>【NSK】圆锥滚子轴承\HR30226J\NSK</t>
  </si>
  <si>
    <t>【清新环境】叶轮\02-0914011-YL-F\管束式除尘除雾器\SPC-GC-TZ系列\国产</t>
  </si>
  <si>
    <t>【NSK】调心球轴承\1200\NSK</t>
  </si>
  <si>
    <t>【NSK】调心球轴承\1203\NSK</t>
  </si>
  <si>
    <t>【NSK】调心球轴承\1204\NSK</t>
  </si>
  <si>
    <t>【NSK】调心球轴承\1205\NSK</t>
  </si>
  <si>
    <t>【NSK】调心球轴承\1206\NSK</t>
  </si>
  <si>
    <t>【NSK】调心球轴承\1206K\NSK</t>
  </si>
  <si>
    <t>【NSK】调心球轴承\1207\NSK</t>
  </si>
  <si>
    <t>【NSK】调心球轴承\1208\NSK</t>
  </si>
  <si>
    <t>【NSK】调心球轴承\1208K\NSK</t>
  </si>
  <si>
    <t>【NSK】调心球轴承\1209\NSK</t>
  </si>
  <si>
    <t>【NSK】调心球轴承\1210\NSK</t>
  </si>
  <si>
    <t>【NSK】调心球轴承\1211\NSK</t>
  </si>
  <si>
    <t>【NSK】调心球轴承\1211K\NSK</t>
  </si>
  <si>
    <t>【NSK】调心球轴承\1212\NSK</t>
  </si>
  <si>
    <t>【NSK】调心球轴承\1213\NSK</t>
  </si>
  <si>
    <t>【NSK】调心球轴承\1214\NSK</t>
  </si>
  <si>
    <t>【NSK】调心球轴承\1305\NSK</t>
  </si>
  <si>
    <t>【NSK】调心球轴承\1305K\NSK</t>
  </si>
  <si>
    <t>【清新环境】叶轮\02-0914011-YL-D\管束式除尘除雾器\SPC-GC-TZ系列\国产</t>
  </si>
  <si>
    <t>【NSK】圆锥滚子轴承\HR30228J\NSK</t>
  </si>
  <si>
    <t>【NSK】圆锥滚子轴承\30230\NSK</t>
  </si>
  <si>
    <t>【NSK】圆锥滚子轴承\30234\NSK</t>
  </si>
  <si>
    <t>【NSK】圆锥滚子轴承\30236\NSK</t>
  </si>
  <si>
    <t>【NSK】圆锥滚子轴承\HR30311J\NSK</t>
  </si>
  <si>
    <t>【NSK】圆锥滚子轴承\HR30313J\NSK</t>
  </si>
  <si>
    <t>【NSK】圆锥滚子轴承\HR30315J\NSK</t>
  </si>
  <si>
    <t>【NSK】圆锥滚子轴承\HR30319J\NSK</t>
  </si>
  <si>
    <t>【NSK】圆锥滚子轴承\HR30322J\NSK</t>
  </si>
  <si>
    <t>【NSK】圆锥滚子轴承\HR30326J\NSK</t>
  </si>
  <si>
    <t>【NSK】调心球轴承\1306\NSK</t>
  </si>
  <si>
    <t>【NSK】调心球轴承\1312\NSK</t>
  </si>
  <si>
    <t>【NSK】调心球轴承\1313\NSK</t>
  </si>
  <si>
    <t>【NSK】调心球轴承\1313K\NSK</t>
  </si>
  <si>
    <t>【NSK】调心球轴承\2202\NSK</t>
  </si>
  <si>
    <t>【NSK】调心球轴承\2206\NSK</t>
  </si>
  <si>
    <t>【NSK】调心球轴承\2207\NSK</t>
  </si>
  <si>
    <t>【NSK】调心球轴承\2209\NSK</t>
  </si>
  <si>
    <t>【NSK】调心球轴承\2211\NSK</t>
  </si>
  <si>
    <t>【NSK】圆锥滚子轴承\HR30330J\NSK</t>
  </si>
  <si>
    <t>【NSK】圆锥滚子轴承\HR32206J\NSK</t>
  </si>
  <si>
    <t>【NSK】圆锥滚子轴承\HR32209J\NSK</t>
  </si>
  <si>
    <t>【NSK】圆锥滚子轴承\HR32215J\NSK</t>
  </si>
  <si>
    <t>【NSK】圆锥滚子轴承\HR32240J\NSK</t>
  </si>
  <si>
    <t>【NSK】圆锥滚子轴承\HR32304J\NSK</t>
  </si>
  <si>
    <t>【NSK】圆锥滚子轴承\HR32312J\NSK</t>
  </si>
  <si>
    <t>【NSK】圆锥滚子轴承\HR32315J\NSK</t>
  </si>
  <si>
    <t>【NSK】圆锥滚子轴承\HR32321J\NSK</t>
  </si>
  <si>
    <t>【NSK】圆锥滚子轴承\HR32322J\NSK</t>
  </si>
  <si>
    <t>【NSK】调心球轴承\2215\NSK</t>
  </si>
  <si>
    <t>【NSK】调心球轴承\2215K\NSK</t>
  </si>
  <si>
    <t>【NSK】调心球轴承\2216\NSK</t>
  </si>
  <si>
    <t>【NSK】调心球轴承\2219\NSK</t>
  </si>
  <si>
    <t>【NSK】调心球轴承\2222\NSK</t>
  </si>
  <si>
    <t>【NSK】调心球轴承\2303\NSK</t>
  </si>
  <si>
    <t>【NSK】调心球轴承\2307C3\NSK</t>
  </si>
  <si>
    <t>【NSK】调心球轴承\2320\NSK</t>
  </si>
  <si>
    <t>【NSK】调心球轴承\2908\NSK</t>
  </si>
  <si>
    <t>【NSK】圆锥滚子轴承\HR32922J\NSK</t>
  </si>
  <si>
    <t>【NSK】圆锥滚子轴承\HR33012J\NSK</t>
  </si>
  <si>
    <t>【NSK】圆锥滚子轴承\HR33015J\NSK</t>
  </si>
  <si>
    <t>【NSK】圆锥滚子轴承\HR33021J\NSK</t>
  </si>
  <si>
    <t>【NSK】圆锥滚子轴承\HR33112J\NSK</t>
  </si>
  <si>
    <t>【NSK】圆锥滚子轴承\HR33115J\NSK</t>
  </si>
  <si>
    <t>【NSK】圆锥滚子轴承\HR33205J\NSK</t>
  </si>
  <si>
    <t>【NSK】圆锥滚子轴承\HR33206J\NSK</t>
  </si>
  <si>
    <t>【NSK】圆锥滚子轴承\HR33207J\NSK</t>
  </si>
  <si>
    <t>【NSK】圆锥滚子轴承\HR33208J\NSK</t>
  </si>
  <si>
    <t>【清新环境】系统分水管\02-0914003\管束式除尘除雾器\SPC-GC-TZ系列\国产</t>
  </si>
  <si>
    <t>【清新环境】系统连接管φ20\02-0914001\管束式除尘除雾器\SPC-GC-TZ系列\国产</t>
  </si>
  <si>
    <t>【NSK】外球面轴承座\UCT209D1\NSK</t>
  </si>
  <si>
    <t>【清新环境】系统排水管S-U\02-0914002\管束式除尘除雾器\SPC-GC-TZ系列\国产</t>
  </si>
  <si>
    <t>【NSK】圆锥滚子轴承\HR33211J\NSK</t>
  </si>
  <si>
    <t>【NSK】圆锥滚子轴承\HR33214J\NSK</t>
  </si>
  <si>
    <t>【NSK】圆锥滚子轴承\HR33215J\NSK</t>
  </si>
  <si>
    <t>【NSK】圆锥滚子轴承\HR33220J\NSK</t>
  </si>
  <si>
    <t>【NSK】圆锥滚子轴承\HR30206J\NSK</t>
  </si>
  <si>
    <t>【NSK】圆锥滚子轴承\HR30207J\NSK</t>
  </si>
  <si>
    <t>【NSK】圆锥滚子轴承\HR30212J\NSK</t>
  </si>
  <si>
    <t>【NSK】圆锥滚子轴承\HR30213J\NSK</t>
  </si>
  <si>
    <t>【NSK】圆锥滚子轴承\HR30214J\NSK</t>
  </si>
  <si>
    <t>【NSK】角接触球轴承\3308BTNG\NSK</t>
  </si>
  <si>
    <t>【NSK】角接触球轴承\7004A\NSK</t>
  </si>
  <si>
    <t>【NSK】角接触球轴承\7007A5TYNDULP4\NSK</t>
  </si>
  <si>
    <t>【NSK】角接触球轴承\7008A\NSK</t>
  </si>
  <si>
    <t>【NSK】角接触球轴承\7009A\NSK</t>
  </si>
  <si>
    <t>【NSK】角接触球轴承\7011A\NSK</t>
  </si>
  <si>
    <t>【NSK】角接触球轴承\7018A\NSK</t>
  </si>
  <si>
    <t>【NSK】角接触球轴承\7021A\NSK</t>
  </si>
  <si>
    <t>【NSK】角接触球轴承\7030A\NSK</t>
  </si>
  <si>
    <t>【NSK】角接触球轴承\7040A\NSK</t>
  </si>
  <si>
    <t>【NSK】角接触球轴承\7204AW\NSK</t>
  </si>
  <si>
    <t>【NSK】角接触球轴承\7205A\NSK</t>
  </si>
  <si>
    <t>【NSK】角接触球轴承\7206A\NSK</t>
  </si>
  <si>
    <t>【NSK】角接触球轴承\7206AW\NSK</t>
  </si>
  <si>
    <t>【NSK】角接触球轴承\7207A\NSK</t>
  </si>
  <si>
    <t>【NSK】角接触球轴承\7209A\NSK</t>
  </si>
  <si>
    <t>【NSK】角接触球轴承\7209CTYNSULP5\NSK</t>
  </si>
  <si>
    <t>【NSK】角接触球轴承\7210A\NSK</t>
  </si>
  <si>
    <t>【NSK】角接触球轴承\7210A5TYNSUMP4\NSK</t>
  </si>
  <si>
    <t>【NSK】角接触球轴承\7210B\NSK</t>
  </si>
  <si>
    <t>【清新环境】分水器喷嘴\02-0914005\管束式除尘除雾器\SPC-GC-TZ系列\国产</t>
  </si>
  <si>
    <t>【NSK】角接触球轴承\7211A\NSK</t>
  </si>
  <si>
    <t>【NSK】角接触球轴承\7211B\NSK</t>
  </si>
  <si>
    <t>【NSK】角接触球轴承\7212A\NSK</t>
  </si>
  <si>
    <t>【NSK】角接触球轴承\7212AW\NSK</t>
  </si>
  <si>
    <t>【NSK】角接触球轴承\7214AW\NSK</t>
  </si>
  <si>
    <t>【NSK】角接触球轴承\7215AW\NSK</t>
  </si>
  <si>
    <t>【NSK】角接触球轴承\7215BDB\NSK</t>
  </si>
  <si>
    <t>【NSK】角接触球轴承\7216A\NSK</t>
  </si>
  <si>
    <t>【NSK】角接触球轴承\7216AW\NSK</t>
  </si>
  <si>
    <t>【NSK】角接触球轴承\7217B\NSK</t>
  </si>
  <si>
    <t>【NSK】角接触球轴承\7220A\NSK</t>
  </si>
  <si>
    <t>【NSK】角接触球轴承\7222A\NSK</t>
  </si>
  <si>
    <t>【NSK】角接触球轴承\7224B\NSK</t>
  </si>
  <si>
    <t>【NSK】角接触球轴承\7228A\NSK</t>
  </si>
  <si>
    <t>【NSK】角接触球轴承\7230B\NSK</t>
  </si>
  <si>
    <t>【NSK】角接触球轴承\7232A\NSK</t>
  </si>
  <si>
    <t>【NSK】角接触球轴承\7232B\NSK</t>
  </si>
  <si>
    <t>【NSK】角接触球轴承\7234A\NSK</t>
  </si>
  <si>
    <t>【NSK】角接触球轴承\7236A\NSK</t>
  </si>
  <si>
    <t>【NSK】角接触球轴承\7303BW\NSK</t>
  </si>
  <si>
    <t>【清新环境】分水管喷嘴顶部空心\02-0914006\管束式除尘除雾器\SPC-GC-TZ系列\国产</t>
  </si>
  <si>
    <t>【NSK】圆柱滚子轴承\HR30215J\NSK</t>
  </si>
  <si>
    <t>【NSK】圆锥滚子轴承\HR30218J\NSK</t>
  </si>
  <si>
    <t>【NSK】圆锥滚子轴承\HR30219J\NSK</t>
  </si>
  <si>
    <t>【NSK】圆锥滚子轴承\HR30222J\NSK</t>
  </si>
  <si>
    <t>【NSK】圆锥滚子轴承\HR30302J\NSK</t>
  </si>
  <si>
    <t>【NSK】圆锥滚子轴承\HR30304J\NSK</t>
  </si>
  <si>
    <t>【NSK】圆锥滚子轴承\HR30308J\NSK</t>
  </si>
  <si>
    <t>【NSK】圆锥滚子轴承\HR30310J\NSK</t>
  </si>
  <si>
    <t>【NSK】圆锥滚子轴承\HR30317J\NSK</t>
  </si>
  <si>
    <t>【NSK】圆锥滚子轴承\HR30324J\NSK</t>
  </si>
  <si>
    <t>【NSK】角接触球轴承\7305A\NSK</t>
  </si>
  <si>
    <t>【NSK】角接触球轴承\7305AW\NSK</t>
  </si>
  <si>
    <t>【NSK】角接触球轴承\7305B\NSK</t>
  </si>
  <si>
    <t>【NSK】角接触球轴承\7306A\NSK</t>
  </si>
  <si>
    <t>【NSK】角接触球轴承\7306BW\NSK</t>
  </si>
  <si>
    <t>【NSK】角接触球轴承\7306BWG\NSK</t>
  </si>
  <si>
    <t>【NSK】角接触球轴承\7307AW\NSK</t>
  </si>
  <si>
    <t>【NSK】角接触球轴承\7308A\NSK</t>
  </si>
  <si>
    <t>【NSK】角接触球轴承\7308AW\NSK</t>
  </si>
  <si>
    <t>【NSK】角接触球轴承\7308B\NSK</t>
  </si>
  <si>
    <t>【NSK】圆锥滚子轴承\HR30311DJ\NSK</t>
  </si>
  <si>
    <t>【NSK】圆锥滚子轴承\HR 32009 XJ\NSK</t>
  </si>
  <si>
    <t>【NSK】圆锥滚子轴承\HR32021XJ\NSK</t>
  </si>
  <si>
    <t>【NSK】圆锥滚子轴承\HR32024XJ\NSK</t>
  </si>
  <si>
    <t>【NSK】圆锥滚子轴承\HR32026XJ\NSK</t>
  </si>
  <si>
    <t>【NSK】圆锥滚子轴承\HR32028XJ\NSK</t>
  </si>
  <si>
    <t>【NSK】圆锥滚子轴承\HR32034XJ\NSK</t>
  </si>
  <si>
    <t>【NSK】圆锥滚子轴承\HR32036XJ\NSK</t>
  </si>
  <si>
    <t>【NSK】圆锥滚子轴承\HR32040XJ\NSK</t>
  </si>
  <si>
    <t>【NSK】圆锥滚子轴承\HR32048XJ\NSK</t>
  </si>
  <si>
    <t>【清新环境】分水管喷嘴角度实心\02-0914007\管束式除尘除雾器\SPC-GC-TZ系列\国产</t>
  </si>
  <si>
    <t>【NSK】角接触球轴承\7308BW\NSK</t>
  </si>
  <si>
    <t>【NSK】角接触球轴承\7309AW\NSK</t>
  </si>
  <si>
    <t>【NSK】角接触球轴承\7309BW\NSK</t>
  </si>
  <si>
    <t>【NSK】角接触球轴承\7311A\NSK</t>
  </si>
  <si>
    <t>【NSK】角接触球轴承\7311BDB\NSK</t>
  </si>
  <si>
    <t>【NSK】角接触球轴承\7312A\NSK</t>
  </si>
  <si>
    <t>【NSK】角接触球轴承\7312B\NSK</t>
  </si>
  <si>
    <t>【NSK】角接触球轴承\7314A\NSK</t>
  </si>
  <si>
    <t>【NSK】角接触球轴承\7315A\NSK</t>
  </si>
  <si>
    <t>【NSK】角接触球轴承\7315AW\NSK</t>
  </si>
  <si>
    <t>【NSK】圆锥滚子轴承\HR32052XJ\NSK</t>
  </si>
  <si>
    <t>【NSK】圆锥滚子轴承\HR32056XJ\NSK</t>
  </si>
  <si>
    <t>【NSK】圆锥滚子轴承\HR32207J\NSK</t>
  </si>
  <si>
    <t>【NSK】圆锥滚子轴承\HR32208J\NSK</t>
  </si>
  <si>
    <t>【NSK】圆锥滚子轴承\HR32210J\NSK</t>
  </si>
  <si>
    <t>【NSK】圆锥滚子轴承\HR32211J\NSK</t>
  </si>
  <si>
    <t>【NSK】圆锥滚子轴承\HR32213J\NSK</t>
  </si>
  <si>
    <t>【NSK】圆锥滚子轴承\HR32214J\NSK</t>
  </si>
  <si>
    <t>【NSK】圆锥滚子轴承\HR32216J\NSK</t>
  </si>
  <si>
    <t>【NSK】圆锥滚子轴承\HR32217J\NSK</t>
  </si>
  <si>
    <t>【清新环境】上封闭板\02-0914008-01\管束式除尘除雾器\SPC-GC-TZ系列\国产</t>
  </si>
  <si>
    <t>【NSK】圆锥滚子轴承\HR32218J\NSK</t>
  </si>
  <si>
    <t>【NSK】圆锥滚子轴承\HR32220J\NSK</t>
  </si>
  <si>
    <t>【NSK】圆锥滚子轴承\HR32222J\NSK</t>
  </si>
  <si>
    <t>【NSK】圆锥滚子轴承\HR32228J\NSK</t>
  </si>
  <si>
    <t>【NSK】圆锥滚子轴承\HR32230J\NSK</t>
  </si>
  <si>
    <t>【NSK】圆锥滚子轴承\HR32232J\NSK</t>
  </si>
  <si>
    <t>【NSK】圆锥滚子轴承\HR32306J\NSK</t>
  </si>
  <si>
    <t>【NSK】圆锥滚子轴承\HR32307J\NSK</t>
  </si>
  <si>
    <t>【NSK】圆锥滚子轴承\HR32308J\NSK</t>
  </si>
  <si>
    <t>【NSK】圆锥滚子轴承\HR32310J\NSK</t>
  </si>
  <si>
    <t>【NSK】角接触球轴承\7315BDB\NSK</t>
  </si>
  <si>
    <t>【NSK】角接触球轴承\7316AW\NSK</t>
  </si>
  <si>
    <t>【NSK】角接触球轴承\7317A\NSK</t>
  </si>
  <si>
    <t>【NSK】角接触球轴承\7317B\NSK</t>
  </si>
  <si>
    <t>【NSK】角接触球轴承\7318A\NSK</t>
  </si>
  <si>
    <t>【NSK】角接触球轴承\7318AW\NSK</t>
  </si>
  <si>
    <t>【NSK】角接触球轴承\7319AW\NSK</t>
  </si>
  <si>
    <t>【NSK】角接触球轴承\7320B\NSK</t>
  </si>
  <si>
    <t>【NSK】角接触球轴承\7320BW\NSK</t>
  </si>
  <si>
    <t>【NSK】角接触球轴承\7324BDB\NSK</t>
  </si>
  <si>
    <t>【清新环境】下封闭板\02-0914008-02\管束式除尘除雾器\SPC-GC-TZ系列\国产</t>
  </si>
  <si>
    <t>【NSK】圆锥滚子轴承\HR32311J\NSK</t>
  </si>
  <si>
    <t>【NSK】圆锥滚子轴承\HR32313J\NSK</t>
  </si>
  <si>
    <t>【NSK】圆锥滚子轴承\HR32314J\NSK</t>
  </si>
  <si>
    <t>【NSK】圆锥滚子轴承\HR32316J\NSK</t>
  </si>
  <si>
    <t>【NSK】圆锥滚子轴承\HR32324J\NSK</t>
  </si>
  <si>
    <t>【NSK】圆锥滚子轴承\HR33010J\NSK</t>
  </si>
  <si>
    <t>【NSK】圆锥滚子轴承\HR33018J\NSK</t>
  </si>
  <si>
    <t>【NSK】圆锥滚子轴承\HR33210J\NSK</t>
  </si>
  <si>
    <t>【NSK】圆锥滚子轴承\HR33212J\NSK</t>
  </si>
  <si>
    <t>【NSK】圆锥滚子轴承\HR33213J\NSK</t>
  </si>
  <si>
    <t>【NSK】角接触球轴承\7328B\NSK</t>
  </si>
  <si>
    <t>【NSK】角接触球轴承\7330A\NSK</t>
  </si>
  <si>
    <t>【NSK】角接触球轴承\7330B\NSK</t>
  </si>
  <si>
    <t>【NSK】角接触球轴承\7332B\NSK</t>
  </si>
  <si>
    <t>【NSK】角接触球轴承\7334B\NSK</t>
  </si>
  <si>
    <t>【NSK】角接触球轴承\7408BW\NSK</t>
  </si>
  <si>
    <t>【NSK】圆锥滚子轴承\HR33216J\NSK</t>
  </si>
  <si>
    <t>【清新环境】分水器组件\02-0914010\管束式除尘除雾器\SPC-GC-TZ系列\国产</t>
  </si>
  <si>
    <t>【NSK】推力球轴承\51209\NSK</t>
  </si>
  <si>
    <t>【NSK】推力球轴承\52217\NSK</t>
  </si>
  <si>
    <t>【NSK】推力球轴承\51307\NSK</t>
  </si>
  <si>
    <t>【NSK】推力球轴承\51408\NSK</t>
  </si>
  <si>
    <t>【NSK】推力球轴承\51306\NSK</t>
  </si>
  <si>
    <t>【NSK】推力球轴承\51310\NSK</t>
  </si>
  <si>
    <t>【NSK】推力球轴承\51305\NSK</t>
  </si>
  <si>
    <t>【NSK】推力球轴承\51206\NSK</t>
  </si>
  <si>
    <t>【NSK】推力球轴承\51113\NSK</t>
  </si>
  <si>
    <t>【NSK】推力球轴承\51410\NSK</t>
  </si>
  <si>
    <t>【NSK】深沟球轴承\6003ZZCM\NSK</t>
  </si>
  <si>
    <t>【NSK】深沟球轴承\6004ZZC3E**\NSK</t>
  </si>
  <si>
    <t>【NSK】深沟球轴承\6034\NSK</t>
  </si>
  <si>
    <t>【NSK】深沟球轴承\6034C3\NSK</t>
  </si>
  <si>
    <t>【NSK】深沟球轴承\6036\NSK</t>
  </si>
  <si>
    <t>【NSK】深沟球轴承\6036C3\NSK</t>
  </si>
  <si>
    <t>【NSK】深沟球轴承\6202CM\NSK</t>
  </si>
  <si>
    <t>【NSK】深沟球轴承\6204DDUCM\NSK</t>
  </si>
  <si>
    <t>【NSK】深沟球轴承\6206ZZCM\NSK</t>
  </si>
  <si>
    <t>【NSK】深沟球轴承\6208CM\NSK</t>
  </si>
  <si>
    <t>【NSK】推力球轴承\51406\NSK</t>
  </si>
  <si>
    <t>【NSK】推力球轴承\51226X\NSK</t>
  </si>
  <si>
    <t>【NSK】推力球轴承\51220\NSK</t>
  </si>
  <si>
    <t>【NSK】推力球轴承\51213\NSK</t>
  </si>
  <si>
    <t>【NSK】推力球轴承\51211\NSK</t>
  </si>
  <si>
    <t>【NSK】推力球轴承\51210\NSK</t>
  </si>
  <si>
    <t>【NSK】推力球轴承\51118\NSK</t>
  </si>
  <si>
    <t>【NSK】推力球轴承\51114\NSK</t>
  </si>
  <si>
    <t>【NSK】推力球轴承\51109\NSK</t>
  </si>
  <si>
    <t>【NSK】推力球轴承\51318\NSK</t>
  </si>
  <si>
    <t>【清新环境】分水器堵头\02-0914021\管束式除尘除雾器\SPC-GC-TZ系列\国产</t>
  </si>
  <si>
    <t>【NSK】深沟球轴承\6209CM\NSK</t>
  </si>
  <si>
    <t>【NSK】深沟球轴承\6211C3E\NSK</t>
  </si>
  <si>
    <t>【NSK】深沟球轴承\6212C3E\NSK</t>
  </si>
  <si>
    <t>【NSK】深沟球轴承\6212ZZCM\NSK</t>
  </si>
  <si>
    <t>【NSK】深沟球轴承\6214C3E\NSK</t>
  </si>
  <si>
    <t>【NSK】深沟球轴承\6214ZCM\NSK</t>
  </si>
  <si>
    <t>【NSK】深沟球轴承\6215DDUCM\NSK</t>
  </si>
  <si>
    <t>【NSK】深沟球轴承\6217C3E\NSK</t>
  </si>
  <si>
    <t>【NSK】深沟球轴承\6217CM\NSK</t>
  </si>
  <si>
    <t>【NSK】深沟球轴承\6219CM\NSK</t>
  </si>
  <si>
    <t>【NSK】推力球轴承\51311\NSK</t>
  </si>
  <si>
    <t>【NSK】推力球轴承\51222\NSK</t>
  </si>
  <si>
    <t>【NSK】推力球轴承\51217\NSK</t>
  </si>
  <si>
    <t>【NSK】推力球轴承\51215\NSK</t>
  </si>
  <si>
    <t>【NSK】推力球轴承\51315\NSK</t>
  </si>
  <si>
    <t>【NSK】推力球轴承\51122\NSK</t>
  </si>
  <si>
    <t>【NSK】推力球轴承\51120\NSK</t>
  </si>
  <si>
    <t>【NSK】推力球轴承\51405\NSK</t>
  </si>
  <si>
    <t>【NSK】推力球轴承\51214\NSK</t>
  </si>
  <si>
    <t>【NSK】推力球轴承\51100\NSK</t>
  </si>
  <si>
    <t>【NSK】深沟球轴承\6220NR\NSK</t>
  </si>
  <si>
    <t>【NSK】深沟球轴承\6221NR\NSK</t>
  </si>
  <si>
    <t>【NSK】深沟球轴承\6222C3E\NSK</t>
  </si>
  <si>
    <t>【NSK】深沟球轴承\6224C3E\NSK</t>
  </si>
  <si>
    <t>【NSK】深沟球轴承\6224DDU\NSK</t>
  </si>
  <si>
    <t>【NSK】深沟球轴承\6226CM\NSK</t>
  </si>
  <si>
    <t>【NSK】深沟球轴承\6228C3E\NSK</t>
  </si>
  <si>
    <t>【NSK】深沟球轴承\6230CM\NSK</t>
  </si>
  <si>
    <t>【NSK】深沟球轴承\6232C3E\NSK</t>
  </si>
  <si>
    <t>【NSK】深沟球轴承\6232CM\NSK</t>
  </si>
  <si>
    <t>【NSK】推力球轴承\51140X\NSK</t>
  </si>
  <si>
    <t>【NSK】推力球轴承\51230X\NSK</t>
  </si>
  <si>
    <t>【清新环境】分水器密封垫\02-0914022\管束式除尘除雾器\SPC-GC-TZ系列\国产</t>
  </si>
  <si>
    <t>【NSK】深沟球轴承\6236C3\NSK</t>
  </si>
  <si>
    <t>【NSK】深沟球轴承\6300CM\NSK</t>
  </si>
  <si>
    <t>【NSK】深沟球轴承\6302NR*\NSK</t>
  </si>
  <si>
    <t>【NSK】深沟球轴承\6304CM\NSK</t>
  </si>
  <si>
    <t>【NSK】深沟球轴承\6306NR*\NSK</t>
  </si>
  <si>
    <t>【NSK】深沟球轴承\6306ZZCM\NSK</t>
  </si>
  <si>
    <t>【NSK】深沟球轴承\6307C3E\NSK</t>
  </si>
  <si>
    <t>【NSK】深沟球轴承\6308CM\NSK</t>
  </si>
  <si>
    <t>【NSK】深沟球轴承\6308VVCM\NSK</t>
  </si>
  <si>
    <t>【NSK】深沟球轴承\6309 C3E\NSK</t>
  </si>
  <si>
    <t>【NSK】深沟球轴承\6000\NSK</t>
  </si>
  <si>
    <t>【NSK】深沟球轴承\6001\NSK</t>
  </si>
  <si>
    <t>【NSK】深沟球轴承\6002\NSK</t>
  </si>
  <si>
    <t>【NSK】深沟球轴承\6003\NSK</t>
  </si>
  <si>
    <t>【NSK】深沟球轴承\6004\NSK</t>
  </si>
  <si>
    <t>【NSK】深沟球轴承\6006\NSK</t>
  </si>
  <si>
    <t>【NSK】深沟球轴承\6007\NSK</t>
  </si>
  <si>
    <t>【NSK】深沟球轴承\6008\NSK</t>
  </si>
  <si>
    <t>【NSK】深沟球轴承\6009\NSK</t>
  </si>
  <si>
    <t>【NSK】深沟球轴承\6010\NSK</t>
  </si>
  <si>
    <t>【NSK】深沟球轴承\6309DDUCM\NSK</t>
  </si>
  <si>
    <t>【NSK】深沟球轴承\6309ZZNR*\NSK</t>
  </si>
  <si>
    <t>【NSK】深沟球轴承\6310C3E\NSK</t>
  </si>
  <si>
    <t>【NSK】深沟球轴承\6310VVC3E\NSK</t>
  </si>
  <si>
    <t>【NSK】深沟球轴承\6311ZZC3E\NSK</t>
  </si>
  <si>
    <t>【NSK】深沟球轴承\6311ZZCM\NSK</t>
  </si>
  <si>
    <t>【NSK】深沟球轴承\6312NR*\NSK</t>
  </si>
  <si>
    <t>【NSK】深沟球轴承\6313C3E\NSK</t>
  </si>
  <si>
    <t>【NSK】深沟球轴承\6314CM\NSK</t>
  </si>
  <si>
    <t>【NSK】深沟球轴承\6315CM\NSK</t>
  </si>
  <si>
    <t>【NSK】深沟球轴承\6011\NSK</t>
  </si>
  <si>
    <t>【NSK】深沟球轴承\6012\NSK</t>
  </si>
  <si>
    <t>【NSK】深沟球轴承\6013\NSK</t>
  </si>
  <si>
    <t>【NSK】深沟球轴承\6014\NSK</t>
  </si>
  <si>
    <t>【NSK】深沟球轴承\6015\NSK</t>
  </si>
  <si>
    <t>【NSK】深沟球轴承\6016\NSK</t>
  </si>
  <si>
    <t>【NSK】深沟球轴承\6017\NSK</t>
  </si>
  <si>
    <t>【NSK】深沟球轴承\6018\NSK</t>
  </si>
  <si>
    <t>【NSK】深沟球轴承\6019\NSK</t>
  </si>
  <si>
    <t>【NSK】深沟球轴承\6020\NSK</t>
  </si>
  <si>
    <t>【清新环境】A型阶梯环\02-0914025-01\管束式除尘除雾器\SPC-GC-TZ系列\国产</t>
  </si>
  <si>
    <t>【NSK】深沟球轴承\6021\NSK</t>
  </si>
  <si>
    <t>【NSK】深沟球轴承\6022\NSK</t>
  </si>
  <si>
    <t>【NSK】深沟球轴承\6024\NSK</t>
  </si>
  <si>
    <t>【NSK】深沟球轴承\6026\NSK</t>
  </si>
  <si>
    <t>【NSK】深沟球轴承\6028\NSK</t>
  </si>
  <si>
    <t>【NSK】深沟球轴承\6030\NSK</t>
  </si>
  <si>
    <t>【NSK】深沟球轴承\6200\NSK</t>
  </si>
  <si>
    <t>【NSK】深沟球轴承\6202\NSK</t>
  </si>
  <si>
    <t>【NSK】深沟球轴承\6203\NSK</t>
  </si>
  <si>
    <t>【NSK】深沟球轴承\6204\NSK</t>
  </si>
  <si>
    <t>【NSK】深沟球轴承\6317C3E\NSK</t>
  </si>
  <si>
    <t>【NSK】深沟球轴承\6318C3E\NSK</t>
  </si>
  <si>
    <t>【NSK】深沟球轴承\6318ZCM\NSK</t>
  </si>
  <si>
    <t>【NSK】深沟球轴承\6319C3E\NSK</t>
  </si>
  <si>
    <t>【NSK】深沟球轴承\6322C3E\NSK</t>
  </si>
  <si>
    <t>【NSK】深沟球轴承\6328CM\NSK</t>
  </si>
  <si>
    <t>【NSK】深沟球轴承\6338MC3E\NSK</t>
  </si>
  <si>
    <t>【NSK】深沟球轴承\6908CM\NSK</t>
  </si>
  <si>
    <t>【NSK】深沟球轴承\6920DDU\NSK</t>
  </si>
  <si>
    <t>【NSK】深沟球轴承\6924\NSK</t>
  </si>
  <si>
    <t>【NSK】深沟球轴承\6205\NSK</t>
  </si>
  <si>
    <t>【NSK】深沟球轴承\6206\NSK</t>
  </si>
  <si>
    <t>【NSK】深沟球轴承\6208\NSK</t>
  </si>
  <si>
    <t>【NSK】深沟球轴承\6209\NSK</t>
  </si>
  <si>
    <t>【NSK】深沟球轴承\6210\NSK</t>
  </si>
  <si>
    <t>【NSK】深沟球轴承\6211\NSK</t>
  </si>
  <si>
    <t>【NSK】深沟球轴承\6212\NSK</t>
  </si>
  <si>
    <t>【NSK】深沟球轴承\6213\NSK</t>
  </si>
  <si>
    <t>【NSK】深沟球轴承\6214\NSK</t>
  </si>
  <si>
    <t>【NSK】深沟球轴承\6215\NSK</t>
  </si>
  <si>
    <t>【NSK】深沟球轴承\6936\NSK</t>
  </si>
  <si>
    <t>【NSK】深沟球轴承\6938M\NSK</t>
  </si>
  <si>
    <t>【NSK】深沟球轴承\6216\NSK</t>
  </si>
  <si>
    <t>【NSK】深沟球轴承\6217\NSK</t>
  </si>
  <si>
    <t>【NSK】深沟球轴承\6218\NSK</t>
  </si>
  <si>
    <t>【NSK】深沟球轴承\6219\NSK</t>
  </si>
  <si>
    <t>【NSK】深沟球轴承\6220\NSK</t>
  </si>
  <si>
    <t>【NSK】深沟球轴承\6221\NSK</t>
  </si>
  <si>
    <t>【NSK】深沟球轴承\6222\NSK</t>
  </si>
  <si>
    <t>【NSK】深沟球轴承\6224\NSK</t>
  </si>
  <si>
    <t>【NSK】深沟球轴承\6226\NSK</t>
  </si>
  <si>
    <t>【NSK】深沟球轴承\6228\NSK</t>
  </si>
  <si>
    <t>【NSK】深沟球轴承\6230\NSK</t>
  </si>
  <si>
    <t>【NSK】深沟球轴承\6232\NSK</t>
  </si>
  <si>
    <t>【NSK】深沟球轴承\6234\NSK</t>
  </si>
  <si>
    <t>【NSK】深沟球轴承\6238\NSK</t>
  </si>
  <si>
    <t>【NSK】深沟球轴承\6300\NSK</t>
  </si>
  <si>
    <t>【NSK】深沟球轴承\6301\NSK</t>
  </si>
  <si>
    <t>【NSK】深沟球轴承\6302\NSK</t>
  </si>
  <si>
    <t>【NSK】深沟球轴承\6303\NSK</t>
  </si>
  <si>
    <t>【NSK】深沟球轴承\6304\NSK</t>
  </si>
  <si>
    <t>【NSK】深沟球轴承\6305\NSK</t>
  </si>
  <si>
    <t>【NSK】推力球轴承\51130X\NSK</t>
  </si>
  <si>
    <t>【NSK】推力球轴承\51236\NSK</t>
  </si>
  <si>
    <t>【NSK】推力球轴承\51322X\NSK</t>
  </si>
  <si>
    <t>【NSK】推力球轴承\51324X\NSK</t>
  </si>
  <si>
    <t>【NSK】推力球轴承\51326X\NSK</t>
  </si>
  <si>
    <t>【NSK】推力球轴承\51328X\NSK</t>
  </si>
  <si>
    <t>【NSK】推力球轴承\51336X\NSK</t>
  </si>
  <si>
    <t>【NSK】推力球轴承\51414\NSK</t>
  </si>
  <si>
    <t>【NSK】推力球轴承\51415\NSK</t>
  </si>
  <si>
    <t>【NSK】推力球轴承\54213U\NSK</t>
  </si>
  <si>
    <t>【NSK】深沟球轴承\6307\NSK</t>
  </si>
  <si>
    <t>【NSK】深沟球轴承\6308\NSK</t>
  </si>
  <si>
    <t>【NSK】深沟球轴承\6309\NSK</t>
  </si>
  <si>
    <t>【NSK】深沟球轴承\6310\NSK</t>
  </si>
  <si>
    <t>【NSK】深沟球轴承\6311\NSK</t>
  </si>
  <si>
    <t>【NSK】深沟球轴承\6312\NSK</t>
  </si>
  <si>
    <t>【NSK】深沟球轴承\6313\NSK</t>
  </si>
  <si>
    <t>【NSK】深沟球轴承\6314\NSK</t>
  </si>
  <si>
    <t>【NSK】深沟球轴承\6315\NSK</t>
  </si>
  <si>
    <t>【NSK】深沟球轴承\6316\NSK</t>
  </si>
  <si>
    <t>【NSK】深沟球轴承\6317\NSK</t>
  </si>
  <si>
    <t>【NSK】深沟球轴承\6318\NSK</t>
  </si>
  <si>
    <t>【NSK】深沟球轴承\6319\NSK</t>
  </si>
  <si>
    <t>【NSK】深沟球轴承\6320\NSK</t>
  </si>
  <si>
    <t>【NSK】深沟球轴承\6321\NSK</t>
  </si>
  <si>
    <t>【NSK】深沟球轴承\6322\NSK</t>
  </si>
  <si>
    <t>【NSK】深沟球轴承\6324\NSK</t>
  </si>
  <si>
    <t>【NSK】深沟球轴承\6326\NSK</t>
  </si>
  <si>
    <t>【NSK】深沟球轴承\6328\NSK</t>
  </si>
  <si>
    <t>【NSK】深沟球轴承\6330\NSK</t>
  </si>
  <si>
    <t>【NSK】深沟球轴承\6403\NSK</t>
  </si>
  <si>
    <t>【NSK】深沟球轴承\6407\NSK</t>
  </si>
  <si>
    <t>【NSK】深沟球轴承\6410\NSK</t>
  </si>
  <si>
    <t>【NSK】深沟球轴承\6413\NSK</t>
  </si>
  <si>
    <t>【NSK】深沟球轴承\6415\NSK</t>
  </si>
  <si>
    <t>【NSK】深沟球轴承\6418\NSK</t>
  </si>
  <si>
    <t>【NSK】深沟球轴承\16004\NSK</t>
  </si>
  <si>
    <t>【NSK】深沟球轴承\16005\NSK</t>
  </si>
  <si>
    <t>【NSK】深沟球轴承\16007\NSK</t>
  </si>
  <si>
    <t>【NSK】深沟球轴承\16010\NSK</t>
  </si>
  <si>
    <t>【NSK】深沟球轴承\16013\NSK</t>
  </si>
  <si>
    <t>【NSK】深沟球轴承\16008\NSK</t>
  </si>
  <si>
    <t>【NSK】深沟球轴承\6801\NSK</t>
  </si>
  <si>
    <t>【NSK】深沟球轴承\6805\NSK</t>
  </si>
  <si>
    <t>【NSK】深沟球轴承\6811\NSK</t>
  </si>
  <si>
    <t>【NSK】深沟球轴承\6814\NSK</t>
  </si>
  <si>
    <t>【NSK】深沟球轴承\6824\NSK</t>
  </si>
  <si>
    <t>【NSK】深沟球轴承\6826\NSK</t>
  </si>
  <si>
    <t>【NSK】深沟球轴承\6834\NSK</t>
  </si>
  <si>
    <t>【NSK】深沟球轴承\6903\NSK</t>
  </si>
  <si>
    <t>【NSK】推力滚子轴承\29318M\NSK</t>
  </si>
  <si>
    <t>【NSK】推力滚子轴承\29324M\NSK</t>
  </si>
  <si>
    <t>【NSK】推力滚子轴承\29326E\NSK</t>
  </si>
  <si>
    <t>【NSK】推力滚子轴承\29336M\NSK</t>
  </si>
  <si>
    <t>【NSK】推力滚子轴承\29344M\NSK</t>
  </si>
  <si>
    <t>【NSK】推力滚子轴承\29428E\NSK</t>
  </si>
  <si>
    <t>【NSK】推力滚子轴承\29436M\NSK</t>
  </si>
  <si>
    <t>【NSK】推力滚子轴承\29438M\NSK</t>
  </si>
  <si>
    <t>【清新环境】B型阶梯环\02-0914025-02\管束式除尘除雾器\SPC-GC-TZ系列\国产</t>
  </si>
  <si>
    <t>【NSK】调心滚子轴承\22219CAME4S11\NSK</t>
  </si>
  <si>
    <t>【NSK】调心滚子轴承\22220CAMKE4C3S11\NSK</t>
  </si>
  <si>
    <t>【NSK】调心滚子轴承\22222CAME4S11\NSK</t>
  </si>
  <si>
    <t>【NSK】调心滚子轴承\22236CDE4S11\NSK</t>
  </si>
  <si>
    <t>【NSK】调心滚子轴承\22314CAME4S11\NSK</t>
  </si>
  <si>
    <t>【NSK】调心滚子轴承\22317CAME4S11\NSK</t>
  </si>
  <si>
    <t>【NSK】调心滚子轴承\22324CAME4S11\NSK</t>
  </si>
  <si>
    <t>【NSK】调心滚子轴承\22336CAMKE4S11\NSK</t>
  </si>
  <si>
    <t>【NSK】调心滚子轴承\23030CAME4C3S11\NSK</t>
  </si>
  <si>
    <t>【NSK】调心滚子轴承\23030CDE4S11\NSK</t>
  </si>
  <si>
    <t>【NSK】深沟球轴承\6904\NSK</t>
  </si>
  <si>
    <t>【NSK】深沟球轴承\6906\NSK</t>
  </si>
  <si>
    <t>【NSK】深沟球轴承\6908\NSK</t>
  </si>
  <si>
    <t>【NSK】深沟球轴承\6909\NSK</t>
  </si>
  <si>
    <t>【NSK】深沟球轴承\6912\NSK</t>
  </si>
  <si>
    <t>【NSK】深沟球轴承\6916\NSK</t>
  </si>
  <si>
    <t>【NSK】深沟球轴承\6926\NSK</t>
  </si>
  <si>
    <t>【NSK】深沟球轴承\16011C3\NSK</t>
  </si>
  <si>
    <t>【NSK】深沟球轴承\6000DDU\NSK</t>
  </si>
  <si>
    <t>【NSK】深沟球轴承\6000ZZ\NSK</t>
  </si>
  <si>
    <t>【NSK】深沟球轴承\6002VV\NSK</t>
  </si>
  <si>
    <t>【NSK】深沟球轴承\6002ZZ\NSK</t>
  </si>
  <si>
    <t>【NSK】深沟球轴承\6003VV\NSK</t>
  </si>
  <si>
    <t>【NSK】深沟球轴承\6003ZZ\NSK</t>
  </si>
  <si>
    <t>【NSK】深沟球轴承\6004VV\NSK</t>
  </si>
  <si>
    <t>【NSK】深沟球轴承\6005DDU\NSK</t>
  </si>
  <si>
    <t>【NSK】深沟球轴承\6006ZZ\NSK</t>
  </si>
  <si>
    <t>【NSK】深沟球轴承\6007C3\NSK</t>
  </si>
  <si>
    <t>【NSK】深沟球轴承\6007DDU\NSK</t>
  </si>
  <si>
    <t>【NSK】深沟球轴承\6007ZZC3\NSK</t>
  </si>
  <si>
    <t>【NSK】深沟球轴承\6008DDU\NSK</t>
  </si>
  <si>
    <t>【NSK】深沟球轴承\6007ZZ\NSK</t>
  </si>
  <si>
    <t>【NSK】深沟球轴承\6009C3\NSK</t>
  </si>
  <si>
    <t>【NSK】深沟球轴承\6009DDU\NSK</t>
  </si>
  <si>
    <t>【NSK】深沟球轴承\6009ZZ\NSK</t>
  </si>
  <si>
    <t>【NSK】深沟球轴承\6010C3\NSK</t>
  </si>
  <si>
    <t>【NSK】深沟球轴承\6010DDU\NSK</t>
  </si>
  <si>
    <t>【NSK】深沟球轴承\6010ZZ\NSK</t>
  </si>
  <si>
    <t>【NSK】深沟球轴承\6011DDU\NSK</t>
  </si>
  <si>
    <t>【NSK】深沟球轴承\6011ZZ\NSK</t>
  </si>
  <si>
    <t>【NSK】深沟球轴承\6012C3\NSK</t>
  </si>
  <si>
    <t>【NSK】深沟球轴承\6012DDU\NSK</t>
  </si>
  <si>
    <t>【NSK】深沟球轴承\6012VV\NSK</t>
  </si>
  <si>
    <t>【NSK】深沟球轴承\6012ZZ\NSK</t>
  </si>
  <si>
    <t>【NSK】深沟球轴承\6013DDU\NSK</t>
  </si>
  <si>
    <t>【NSK】深沟球轴承\6013ZZ\NSK</t>
  </si>
  <si>
    <t>【NSK】深沟球轴承\6014DDU\NSK</t>
  </si>
  <si>
    <t>【NSK】深沟球轴承\6014ZZ\NSK</t>
  </si>
  <si>
    <t>【NSK】深沟球轴承\6017C3\NSK</t>
  </si>
  <si>
    <t>【NSK】深沟球轴承\6017DDU\NSK</t>
  </si>
  <si>
    <t>【NSK】深沟球轴承\6017ZZ\NSK</t>
  </si>
  <si>
    <t>【NSK】深沟球轴承\6018C3\NSK</t>
  </si>
  <si>
    <t>【NSK】深沟球轴承\6018DDU\NSK</t>
  </si>
  <si>
    <t>【NSK】深沟球轴承\6019C3\NSK</t>
  </si>
  <si>
    <t>【NSK】深沟球轴承\6019ZZ\NSK</t>
  </si>
  <si>
    <t>【NSK】深沟球轴承\6020C3\NSK</t>
  </si>
  <si>
    <t>【NSK】深沟球轴承\6020ZZ\NSK</t>
  </si>
  <si>
    <t>【NSK】深沟球轴承\6022ZZC3\NSK</t>
  </si>
  <si>
    <t>【NSK】深沟球轴承\6024ZZ\NSK</t>
  </si>
  <si>
    <t>【NSK】深沟球轴承\6024DDU\NSK</t>
  </si>
  <si>
    <t>【NSK】调心滚子轴承\23088CAME4C3S11\NSK</t>
  </si>
  <si>
    <t>【NSK】调心滚子轴承\23120CE4C3S11\NSK</t>
  </si>
  <si>
    <t>【NSK】调心滚子轴承\23124CE4S11\NSK</t>
  </si>
  <si>
    <t>【NSK】调心滚子轴承\23138CE4S11\NSK</t>
  </si>
  <si>
    <t>【NSK】调心滚子轴承\23220CE4S11\NSK</t>
  </si>
  <si>
    <t>【NSK】调心滚子轴承\23260CAMKE4C3S11\NSK</t>
  </si>
  <si>
    <t>【NSK】调心滚子轴承\24026CE4S11\NSK</t>
  </si>
  <si>
    <t>【NSK】调心滚子轴承\24036CE4C3S11\NSK</t>
  </si>
  <si>
    <t>【NSK】调心滚子轴承\24036CE4S11\NSK</t>
  </si>
  <si>
    <t>【NSK】调心滚子轴承\24122CE4S11\NSK</t>
  </si>
  <si>
    <t>【清新环境】锥筒一体式\02-0914029\管束式除尘除雾器\SPC-GC-TZ系列\国产</t>
  </si>
  <si>
    <t>【NSK】深沟球轴承\6028MC3\NSK</t>
  </si>
  <si>
    <t>【NSK】深沟球轴承\6028C3\NSK</t>
  </si>
  <si>
    <t>【NSK】深沟球轴承\6030C3\NSK</t>
  </si>
  <si>
    <t>【NSK】深沟球轴承\6032M\NSK</t>
  </si>
  <si>
    <t>【NSK】深沟球轴承\6032MC3\NSK</t>
  </si>
  <si>
    <t>【NSK】深沟球轴承\6032C3\NSK</t>
  </si>
  <si>
    <t>【NSK】深沟球轴承\6032DDU\NSK</t>
  </si>
  <si>
    <t>【NSK】深沟球轴承\6034M\NSK</t>
  </si>
  <si>
    <t>【NSK】深沟球轴承\6034MC3\NSK</t>
  </si>
  <si>
    <t>【NSK】深沟球轴承\6036MC3\NSK</t>
  </si>
  <si>
    <t>【NSK】深沟球轴承\6038MC3\NSK</t>
  </si>
  <si>
    <t>【NSK】深沟球轴承\6805VV\NSK</t>
  </si>
  <si>
    <t>【NSK】深沟球轴承\6814VV\NSK</t>
  </si>
  <si>
    <t>【NSK】深沟球轴承\6903ZZ\NSK</t>
  </si>
  <si>
    <t>【NSK】深沟球轴承\6907VV\NSK</t>
  </si>
  <si>
    <t>【NSK】深沟球轴承\6908DDU\NSK</t>
  </si>
  <si>
    <t>【NSK】深沟球轴承\6916DDU\NSK</t>
  </si>
  <si>
    <t>【NSK】深沟球轴承\6200ZZ\NSK</t>
  </si>
  <si>
    <t>【NSK】深沟球轴承\6200ZZC3\NSK</t>
  </si>
  <si>
    <t>【NSK】深沟球轴承\6201VV\NSK</t>
  </si>
  <si>
    <t>【NSK】深沟球轴承\6201ZZC3\NSK</t>
  </si>
  <si>
    <t>【NSK】深沟球轴承\6201Z\NSK</t>
  </si>
  <si>
    <t>【NSK】深沟球轴承\6202C3\NSK</t>
  </si>
  <si>
    <t>【NSK】深沟球轴承\6202VV\NSK</t>
  </si>
  <si>
    <t>【NSK】深沟球轴承\6202ZZ\NSK</t>
  </si>
  <si>
    <t>【NSK】深沟球轴承\6202ZZC3\NSK</t>
  </si>
  <si>
    <t>【NSK】深沟球轴承\6203DDUC3\NSK</t>
  </si>
  <si>
    <t>【NSK】深沟球轴承\6203VV\NSK</t>
  </si>
  <si>
    <t>【NSK】深沟球轴承\6203ZZ\NSK</t>
  </si>
  <si>
    <t>【NSK】深沟球轴承\6203ZZC3\NSK</t>
  </si>
  <si>
    <t>【NSK】深沟球轴承\6204C3\NSK</t>
  </si>
  <si>
    <t>【NSK】深沟球轴承\6204ZZC3\NSK</t>
  </si>
  <si>
    <t>【NSK】深沟球轴承\6204DDU\NSK</t>
  </si>
  <si>
    <t>【NSK】深沟球轴承\6204Z\NSK</t>
  </si>
  <si>
    <t>【NSK】深沟球轴承\6205C3\NSK</t>
  </si>
  <si>
    <t>【NSK】深沟球轴承\6205ZZC3\NSK</t>
  </si>
  <si>
    <t>【NSK】深沟球轴承\6205Z\NSK</t>
  </si>
  <si>
    <t>【NSK】深沟球轴承\6206DDUC3\NSK</t>
  </si>
  <si>
    <t>【NSK】深沟球轴承\6207C3\NSK</t>
  </si>
  <si>
    <t>【NSK】深沟球轴承\6208NR*\NSK</t>
  </si>
  <si>
    <t>【NSK】深沟球轴承\6209NR*\NSK</t>
  </si>
  <si>
    <t>【NSK】深沟球轴承\6209C3\NSK</t>
  </si>
  <si>
    <t>【NSK】深沟球轴承\6209DDUC3\NSK</t>
  </si>
  <si>
    <t>【NSK】深沟球轴承\6209ZZ\NSK</t>
  </si>
  <si>
    <t>【NSK】深沟球轴承\6209ZZC3\NSK</t>
  </si>
  <si>
    <t>【NSK】深沟球轴承\6210DDUC3\NSK</t>
  </si>
  <si>
    <t>【NSK】深沟球轴承\6210ZZ\NSK</t>
  </si>
  <si>
    <t>【NSK】深沟球轴承\6210Z\NSK</t>
  </si>
  <si>
    <t>【NSK】深沟球轴承\6211ZZC3\NSK</t>
  </si>
  <si>
    <t>【NSK】深沟球轴承\6211Z\NSK</t>
  </si>
  <si>
    <t>【NSK】调心滚子轴承\24126CE4C3S11\NSK</t>
  </si>
  <si>
    <t>【NSK】调心滚子轴承\24126CE4S11\NSK</t>
  </si>
  <si>
    <t>【NSK】调心滚子轴承\24130CE4S11\NSK</t>
  </si>
  <si>
    <t>【NSK】调心滚子轴承\22236CDE4C3S11\NSK</t>
  </si>
  <si>
    <t>【NSK】圆锥滚子轴承\HR30310DJ\NSK</t>
  </si>
  <si>
    <t>【NSK】圆锥滚子轴承\HR30318DJ\NSK</t>
  </si>
  <si>
    <t>【NSK】圆锥滚子轴承\HR32022XJ\NSK</t>
  </si>
  <si>
    <t>【NSK】圆锥滚子轴承\HR32030XJ\NSK</t>
  </si>
  <si>
    <t>【NSK】圆锥滚子轴承\HR32204J\NSK</t>
  </si>
  <si>
    <t>【NSK】圆锥滚子轴承\HR32205\NSK</t>
  </si>
  <si>
    <t>【NSK】圆锥滚子轴承\HR33006J\NSK</t>
  </si>
  <si>
    <t>【NSK】圆锥滚子轴承\HR33011J\NSK</t>
  </si>
  <si>
    <t>【NSK】圆锥滚子轴承\HR31313J\NSK</t>
  </si>
  <si>
    <t>【NSK】深沟球轴承\6212C3\NSK</t>
  </si>
  <si>
    <t>【NSK】深沟球轴承\6212DDUC3\NSK</t>
  </si>
  <si>
    <t>【NSK】深沟球轴承\6212ZZC3\NSK</t>
  </si>
  <si>
    <t>【NSK】深沟球轴承\6213M\NSK</t>
  </si>
  <si>
    <t>【NSK】深沟球轴承\6213NR*\NSK</t>
  </si>
  <si>
    <t>【NSK】深沟球轴承\6213C3\NSK</t>
  </si>
  <si>
    <t>【NSK】深沟球轴承\6213DDU\NSK</t>
  </si>
  <si>
    <t>【NSK】深沟球轴承\6213ZZ\NSK</t>
  </si>
  <si>
    <t>【NSK】深沟球轴承\6213ZZC3\NSK</t>
  </si>
  <si>
    <t>【NSK】深沟球轴承\6214MC3\NSK</t>
  </si>
  <si>
    <t>【NSK】深沟球轴承\6214C3\NSK</t>
  </si>
  <si>
    <t>【NSK】深沟球轴承\6214DDUC3\NSK</t>
  </si>
  <si>
    <t>【NSK】深沟球轴承\6214ZZC3\NSK</t>
  </si>
  <si>
    <t>【NSK】深沟球轴承\6215C3\NSK</t>
  </si>
  <si>
    <t>【NSK】深沟球轴承\6215DDU\NSK</t>
  </si>
  <si>
    <t>【NSK】深沟球轴承\6215DDUC3\NSK</t>
  </si>
  <si>
    <t>【NSK】深沟球轴承\6215ZZ\NSK</t>
  </si>
  <si>
    <t>【NSK】深沟球轴承\6215ZZC3\NSK</t>
  </si>
  <si>
    <t>【NSK】深沟球轴承\6216NR*\NSK</t>
  </si>
  <si>
    <t>【NSK】深沟球轴承\6216C3\NSK</t>
  </si>
  <si>
    <t>【NSK】深沟球轴承\6216DDU\NSK</t>
  </si>
  <si>
    <t>【NSK】深沟球轴承\6216DDUC3\NSK</t>
  </si>
  <si>
    <t>【NSK】深沟球轴承\6216ZZ\NSK</t>
  </si>
  <si>
    <t>【NSK】深沟球轴承\6216ZZC3\NSK</t>
  </si>
  <si>
    <t>【NSK】深沟球轴承\6217NR*\NSK</t>
  </si>
  <si>
    <t>【NSK】深沟球轴承\6217C3\NSK</t>
  </si>
  <si>
    <t>【NSK】深沟球轴承\6217DDU\NSK</t>
  </si>
  <si>
    <t>【NSK】深沟球轴承\6217ZZ\NSK</t>
  </si>
  <si>
    <t>【NSK】深沟球轴承\6217ZZC3\NSK</t>
  </si>
  <si>
    <t>【NSK】深沟球轴承\6218C3\NSK</t>
  </si>
  <si>
    <t>【NSK】深沟球轴承\6218DDU\NSK</t>
  </si>
  <si>
    <t>【NSK】深沟球轴承\6218ZZC3\NSK</t>
  </si>
  <si>
    <t>【NSK】深沟球轴承\6219C3\NSK</t>
  </si>
  <si>
    <t>【NSK】深沟球轴承\6219DDU\NSK</t>
  </si>
  <si>
    <t>【NSK】深沟球轴承\6219ZZ\NSK</t>
  </si>
  <si>
    <t>【NSK】深沟球轴承\6219Z\NSK</t>
  </si>
  <si>
    <t>【NSK】深沟球轴承\6200DDU\NSK</t>
  </si>
  <si>
    <t>【NSK】深沟球轴承\6220DDU\NSK</t>
  </si>
  <si>
    <t>【NSK】深沟球轴承\6220ZZ\NSK</t>
  </si>
  <si>
    <t>【NSK】深沟球轴承\6220ZZC3\NSK</t>
  </si>
  <si>
    <t>【NSK】深沟球轴承\6205DDU\NSK</t>
  </si>
  <si>
    <t>【NSK】深沟球轴承\6206DDU\NSK</t>
  </si>
  <si>
    <t>【NSK】深沟球轴承\6208DDU\NSK</t>
  </si>
  <si>
    <t>【NSK】深沟球轴承\6209DDU\NSK</t>
  </si>
  <si>
    <t>【NSK】深沟球轴承\6221C3\NSK</t>
  </si>
  <si>
    <t>【NSK】深沟球轴承\6210DDU\NSK</t>
  </si>
  <si>
    <t>【NSK】深沟球轴承\6211DDU\NSK</t>
  </si>
  <si>
    <t>【NSK】深沟球轴承\6212DDU\NSK</t>
  </si>
  <si>
    <t>【NSK】深沟球轴承\6214DDU\NSK</t>
  </si>
  <si>
    <t>【NSK】深沟球轴承\6222ZZ\NSK</t>
  </si>
  <si>
    <t>【NSK】圆柱滚子轴承\N205W\NSK</t>
  </si>
  <si>
    <t>【NSK】圆柱滚子轴承\N206W\NSK</t>
  </si>
  <si>
    <t>【NSK】圆柱滚子轴承\N207W\NSK</t>
  </si>
  <si>
    <t>【NSK】圆柱滚子轴承\N210W\NSK</t>
  </si>
  <si>
    <t>【NSK】圆柱滚子轴承\N211W\NSK</t>
  </si>
  <si>
    <t>【NSK】圆柱滚子轴承\N212W\NSK</t>
  </si>
  <si>
    <t>【NSK】圆柱滚子轴承\N213W\NSK</t>
  </si>
  <si>
    <t>【NSK】圆柱滚子轴承\N214W\NSK</t>
  </si>
  <si>
    <t>【NSK】圆柱滚子轴承\N215W\NSK</t>
  </si>
  <si>
    <t>【NSK】圆柱滚子轴承\N217W\NSK</t>
  </si>
  <si>
    <t>【NSK】深沟球轴承\6222ZZC3\NSK</t>
  </si>
  <si>
    <t>【NSK】深沟球轴承\6224C3\NSK</t>
  </si>
  <si>
    <t>【NSK】深沟球轴承\6226MC3\NSK</t>
  </si>
  <si>
    <t>【NSK】深沟球轴承\6226ZZ\NSK</t>
  </si>
  <si>
    <t>【NSK】深沟球轴承\6230MC3\NSK</t>
  </si>
  <si>
    <t>【NSK】深沟球轴承\6230C3\NSK</t>
  </si>
  <si>
    <t>【NSK】深沟球轴承\6232M\NSK</t>
  </si>
  <si>
    <t>【NSK】深沟球轴承\6232C3\NSK</t>
  </si>
  <si>
    <t>【NSK】深沟球轴承\6234M\NSK</t>
  </si>
  <si>
    <t>【NSK】深沟球轴承\6236M\NSK</t>
  </si>
  <si>
    <t>【NSK】深沟球轴承\6236MC3\NSK</t>
  </si>
  <si>
    <t>【NSK】深沟球轴承\6238M\NSK</t>
  </si>
  <si>
    <t>【NSK】深沟球轴承\6238MC3\NSK</t>
  </si>
  <si>
    <t>【NSK】深沟球轴承\6240M\NSK</t>
  </si>
  <si>
    <t>【NSK】深沟球轴承\6240MC3\NSK</t>
  </si>
  <si>
    <t>【NSK】深沟球轴承\6300DDU\NSK</t>
  </si>
  <si>
    <t>【NSK】深沟球轴承\6006DDU\NSK</t>
  </si>
  <si>
    <t>【NSK】深沟球轴承\6301VV\NSK</t>
  </si>
  <si>
    <t>【NSK】深沟球轴承\6304C3\NSK</t>
  </si>
  <si>
    <t>【NSK】深沟球轴承\6304ZZ\NSK</t>
  </si>
  <si>
    <t>【NSK】深沟球轴承\6305DDU\NSK</t>
  </si>
  <si>
    <t>【NSK】深沟球轴承\6305DDUC3\NSK</t>
  </si>
  <si>
    <t>【NSK】深沟球轴承\6305ZZ\NSK</t>
  </si>
  <si>
    <t>【NSK】深沟球轴承\6306C3\NSK</t>
  </si>
  <si>
    <t>【NSK】深沟球轴承\6306DDU\NSK</t>
  </si>
  <si>
    <t>【NSK】深沟球轴承\6306DDUC3\NSK</t>
  </si>
  <si>
    <t>【NSK】深沟球轴承\6306Z\NSK</t>
  </si>
  <si>
    <t>【NSK】深沟球轴承\6307C3\NSK</t>
  </si>
  <si>
    <t>【NSK】深沟球轴承\6307ZZC3\NSK</t>
  </si>
  <si>
    <t>【NSK】深沟球轴承\6307DDU\NSK</t>
  </si>
  <si>
    <t>【NSK】深沟球轴承\6307Z\NSK</t>
  </si>
  <si>
    <t>【NSK】深沟球轴承\6308 C3\NSK</t>
  </si>
  <si>
    <t>【NSK】深沟球轴承\6308DDUC3\NSK</t>
  </si>
  <si>
    <t>【NSK】深沟球轴承\6308ZZ\NSK</t>
  </si>
  <si>
    <t>【NSK】深沟球轴承\6308ZZC3\NSK</t>
  </si>
  <si>
    <t>【NSK】深沟球轴承\6308DDU\NSK</t>
  </si>
  <si>
    <t>【NSK】深沟球轴承\6309DDUC3\NSK</t>
  </si>
  <si>
    <t>【NSK】深沟球轴承\6309ZZC3\NSK</t>
  </si>
  <si>
    <t>【NSK】深沟球轴承\6309DDU\NSK</t>
  </si>
  <si>
    <t>【NSK】深沟球轴承\6309Z\NSK</t>
  </si>
  <si>
    <t>【NSK】深沟球轴承\6310DDU\NSK</t>
  </si>
  <si>
    <t>【NSK】深沟球轴承\6310DDUC3\NSK</t>
  </si>
  <si>
    <t>【NSK】深沟球轴承\6310ZZC3\NSK</t>
  </si>
  <si>
    <t>【NSK】深沟球轴承\6310Z\NSK</t>
  </si>
  <si>
    <t>【NSK】深沟球轴承\6311C3\NSK</t>
  </si>
  <si>
    <t>【NSK】深沟球轴承\6311DDUC3\NSK</t>
  </si>
  <si>
    <t>【NSK】深沟球轴承\6311ZZ\NSK</t>
  </si>
  <si>
    <t>【NSK】深沟球轴承\6311ZZC3\NSK</t>
  </si>
  <si>
    <t>【NSK】深沟球轴承\6312DDU\NSK</t>
  </si>
  <si>
    <t>【NSK】深沟球轴承\6312DDUC3\NSK</t>
  </si>
  <si>
    <t>【NSK】圆柱滚子轴承\N221M\NSK</t>
  </si>
  <si>
    <t>【NSK】圆柱滚子轴承\N221W\NSK</t>
  </si>
  <si>
    <t>【NSK】圆柱滚子轴承\N224M\NSK</t>
  </si>
  <si>
    <t>【NSK】圆柱滚子轴承\N226W\NSK</t>
  </si>
  <si>
    <t>【NSK】圆柱滚子轴承\N228M\NSK</t>
  </si>
  <si>
    <t>【NSK】圆柱滚子轴承\N230M\NSK</t>
  </si>
  <si>
    <t>【NSK】圆柱滚子轴承\N236M\NSK</t>
  </si>
  <si>
    <t>【NSK】圆柱滚子轴承\N305W\NSK</t>
  </si>
  <si>
    <t>【NSK】圆柱滚子轴承\N307W\NSK</t>
  </si>
  <si>
    <t>【NSK】圆柱滚子轴承\N308W\NSK</t>
  </si>
  <si>
    <t>【NSK】圆柱滚子轴承\N309W\NSK</t>
  </si>
  <si>
    <t>【NSK】圆柱滚子轴承\N309WC3\NSK</t>
  </si>
  <si>
    <t>【NSK】圆柱滚子轴承\N310W\NSK</t>
  </si>
  <si>
    <t>【NSK】圆柱滚子轴承\N312W\NSK</t>
  </si>
  <si>
    <t>【NSK】圆柱滚子轴承\N312WC3\NSK</t>
  </si>
  <si>
    <t>【NSK】圆柱滚子轴承\N313W\NSK</t>
  </si>
  <si>
    <t>【NSK】圆柱滚子轴承\N314M\NSK</t>
  </si>
  <si>
    <t>【NSK】圆柱滚子轴承\N314W\NSK</t>
  </si>
  <si>
    <t>【NSK】圆柱滚子轴承\N315W\NSK</t>
  </si>
  <si>
    <t>【NSK】圆柱滚子轴承\N316W\NSK</t>
  </si>
  <si>
    <t>【NSK】深沟球轴承\6312ZZ\NSK</t>
  </si>
  <si>
    <t>【NSK】深沟球轴承\6312ZZC3\NSK</t>
  </si>
  <si>
    <t>【NSK】深沟球轴承\6312Z\NSK</t>
  </si>
  <si>
    <t>【NSK】深沟球轴承\6313DDU\NSK</t>
  </si>
  <si>
    <t>【NSK】深沟球轴承\6313ZZ\NSK</t>
  </si>
  <si>
    <t>【NSK】深沟球轴承\6313ZZC3\NSK</t>
  </si>
  <si>
    <t>【NSK】深沟球轴承\6313Z\NSK</t>
  </si>
  <si>
    <t>【NSK】深沟球轴承\6314DDU\NSK</t>
  </si>
  <si>
    <t>【NSK】深沟球轴承\6314DDUC3\NSK</t>
  </si>
  <si>
    <t>【NSK】深沟球轴承\6314ZZC3\NSK</t>
  </si>
  <si>
    <t>【NSK】深沟球轴承\6314Z\NSK</t>
  </si>
  <si>
    <t>【NSK】深沟球轴承\6315MC3\NSK</t>
  </si>
  <si>
    <t>【NSK】深沟球轴承\6315DDU\NSK</t>
  </si>
  <si>
    <t>【NSK】深沟球轴承\6315DDUC3\NSK</t>
  </si>
  <si>
    <t>【NSK】深沟球轴承\6315ZZ\NSK</t>
  </si>
  <si>
    <t>【NSK】深沟球轴承\6315ZZC3\NSK</t>
  </si>
  <si>
    <t>【NSK】深沟球轴承\6315Z\NSK</t>
  </si>
  <si>
    <t>【NSK】深沟球轴承\6316MC3\NSK</t>
  </si>
  <si>
    <t>【NSK】深沟球轴承\6316DDU\NSK</t>
  </si>
  <si>
    <t>【NSK】深沟球轴承\6316DDUC3\NSK</t>
  </si>
  <si>
    <t>【NSK】深沟球轴承\6316ZZ\NSK</t>
  </si>
  <si>
    <t>【NSK】深沟球轴承\6316ZZC3\NSK</t>
  </si>
  <si>
    <t>【NSK】深沟球轴承\6317MC3\NSK</t>
  </si>
  <si>
    <t>【NSK】深沟球轴承\6317C3\NSK</t>
  </si>
  <si>
    <t>【NSK】深沟球轴承\6317DDU\NSK</t>
  </si>
  <si>
    <t>【NSK】深沟球轴承\6317ZZ\NSK</t>
  </si>
  <si>
    <t>【NSK】深沟球轴承\6317Z\NSK</t>
  </si>
  <si>
    <t>【NSK】深沟球轴承\6317ZZC3\NSK</t>
  </si>
  <si>
    <t>【NSK】深沟球轴承\6318DDU\NSK</t>
  </si>
  <si>
    <t>【NSK】深沟球轴承\6318ZZ\NSK</t>
  </si>
  <si>
    <t>【NSK】深沟球轴承\6319MC3\NSK</t>
  </si>
  <si>
    <t>【NSK】深沟球轴承\6319DDU\NSK</t>
  </si>
  <si>
    <t>【NSK】深沟球轴承\6319ZZC3\NSK</t>
  </si>
  <si>
    <t>【NSK】深沟球轴承\6319ZZ\NSK</t>
  </si>
  <si>
    <t>【NSK】深沟球轴承\6320MC3\NSK</t>
  </si>
  <si>
    <t>【NSK】深沟球轴承\6320ZZ\NSK</t>
  </si>
  <si>
    <t>【NSK】深沟球轴承\6321C3\NSK</t>
  </si>
  <si>
    <t>【NSK】深沟球轴承\6322C3\NSK</t>
  </si>
  <si>
    <t>【NSK】深沟球轴承\6324MC3\NSK</t>
  </si>
  <si>
    <t>【NSK】深沟球轴承\6324C3\NSK</t>
  </si>
  <si>
    <t>【NSK】深沟球轴承\6326M\NSK</t>
  </si>
  <si>
    <t>【NSK】深沟球轴承\6326C3\NSK</t>
  </si>
  <si>
    <t>【NSK】深沟球轴承\6328M\NSK</t>
  </si>
  <si>
    <t>【NSK】深沟球轴承\6328MC3\NSK</t>
  </si>
  <si>
    <t>【NSK】深沟球轴承\6328C3\NSK</t>
  </si>
  <si>
    <t>【NSK】深沟球轴承\6330M\NSK</t>
  </si>
  <si>
    <t>【NSK】深沟球轴承\6332M\NSK</t>
  </si>
  <si>
    <t>【NSK】深沟球轴承\6322MC3\NSK</t>
  </si>
  <si>
    <t>【NSK】深沟球轴承\6334M\NSK</t>
  </si>
  <si>
    <t>【NSK】深沟球轴承\6338MC3\NSK</t>
  </si>
  <si>
    <t>【NSK】圆柱滚子轴承\N318W\NSK</t>
  </si>
  <si>
    <t>【NSK】圆柱滚子轴承\N319MC3\NSK</t>
  </si>
  <si>
    <t>【NSK】圆柱滚子轴承\N319W\NSK</t>
  </si>
  <si>
    <t>【NSK】圆柱滚子轴承\N320W\NSK</t>
  </si>
  <si>
    <t>【NSK】圆柱滚子轴承\N322W\NSK</t>
  </si>
  <si>
    <t>【NSK】圆柱滚子轴承\N324M\NSK</t>
  </si>
  <si>
    <t>【NSK】圆柱滚子轴承\N324W\NSK</t>
  </si>
  <si>
    <t>【NSK】圆柱滚子轴承\N326M\NSK</t>
  </si>
  <si>
    <t>【NSK】圆柱滚子轴承\N326MC3\NSK</t>
  </si>
  <si>
    <t>【NSK】圆柱滚子轴承\N328M\NSK</t>
  </si>
  <si>
    <t>【清新环境】上三爪伸缩架\02-0914032-01\管束式除尘除雾器\SPC-GC-TZ系列\国产</t>
  </si>
  <si>
    <t>【NSK】深沟球轴承\6409C3\NSK</t>
  </si>
  <si>
    <t>【NSK】深沟球轴承\6410C3\NSK</t>
  </si>
  <si>
    <t>【NSK】深沟球轴承\6413C3\NSK</t>
  </si>
  <si>
    <t>【NSK】深沟球轴承\6415C3\NSK</t>
  </si>
  <si>
    <t>【NSK】圆柱滚子轴承\N334M\NSK</t>
  </si>
  <si>
    <t>【NSK】圆柱滚子轴承\NJ1030\NSK</t>
  </si>
  <si>
    <t>【NSK】圆柱滚子轴承\NJ209EW\NSK</t>
  </si>
  <si>
    <t>【NSK】圆柱滚子轴承\NJ2206W\NSK</t>
  </si>
  <si>
    <t>【NSK】圆柱滚子轴承\NJ2208W\NSK</t>
  </si>
  <si>
    <t>【NSK】圆柱滚子轴承\NJ220W\NSK</t>
  </si>
  <si>
    <t>【NSK】圆柱滚子轴承\NJ2222EM\NSK</t>
  </si>
  <si>
    <t>【NSK】圆柱滚子轴承\NJ2228W\NSK</t>
  </si>
  <si>
    <t>【NSK】圆柱滚子轴承\NJ226W\NSK</t>
  </si>
  <si>
    <t>【NSK】圆柱滚子轴承\NJ230W\NSK</t>
  </si>
  <si>
    <t>【NSK】圆柱滚子轴承\NJ2314W\NSK</t>
  </si>
  <si>
    <t>【NSK】圆柱滚子轴承\NJ2318W\NSK</t>
  </si>
  <si>
    <t>【NSK】圆柱滚子轴承\NJ2319W\NSK</t>
  </si>
  <si>
    <t>【NSK】圆柱滚子轴承\NJ234M\NSK</t>
  </si>
  <si>
    <t>【NSK】圆柱滚子轴承\NJ312W\NSK</t>
  </si>
  <si>
    <t>【NSK】圆柱滚子轴承\NJ313W\NSK</t>
  </si>
  <si>
    <t>【NSK】圆柱滚子轴承\NJ322W\NSK</t>
  </si>
  <si>
    <t>【NSK】圆柱滚子轴承\NJ414M\NSK</t>
  </si>
  <si>
    <t>【NSK】圆柱滚子轴承\NU1020\NSK</t>
  </si>
  <si>
    <t>【NSK】圆柱滚子轴承\NU1022\NSK</t>
  </si>
  <si>
    <t>【NSK】圆柱滚子轴承\NU1034\NSK</t>
  </si>
  <si>
    <t>【NSK】圆柱滚子轴承\NU1034C3\NSK</t>
  </si>
  <si>
    <t>【NSK】圆柱滚子轴承\NU1038\NSK</t>
  </si>
  <si>
    <t>【NSK】圆柱滚子轴承\NU1044MM\NSK</t>
  </si>
  <si>
    <t>【NSK】圆柱滚子轴承\NU204W\NSK</t>
  </si>
  <si>
    <t>【NSK】圆柱滚子轴承\NU215W\NSK</t>
  </si>
  <si>
    <t>【NSK】圆柱滚子轴承\NU217WC3\NSK</t>
  </si>
  <si>
    <t>【NSK】圆柱滚子轴承\NU2205W\NSK</t>
  </si>
  <si>
    <t>【NSK】圆柱滚子轴承\NU221W\NSK</t>
  </si>
  <si>
    <t>【NSK】圆柱滚子轴承\NU2228W\NSK</t>
  </si>
  <si>
    <t>【NSK】圆柱滚子轴承\NU222W\NSK</t>
  </si>
  <si>
    <t>【NSK】圆柱滚子轴承\NU222WC3\NSK</t>
  </si>
  <si>
    <t>【NSK】圆柱滚子轴承\NU2236EMC3\NSK</t>
  </si>
  <si>
    <t>【NSK】圆柱滚子轴承\NU2236M\NSK</t>
  </si>
  <si>
    <t>【NSK】圆柱滚子轴承\NU2244EM\NSK</t>
  </si>
  <si>
    <t>【NSK】圆柱滚子轴承\NU224W\NSK</t>
  </si>
  <si>
    <t>【NSK】圆柱滚子轴承\NU224WC3\NSK</t>
  </si>
  <si>
    <t>【NSK】圆柱滚子轴承\NU226W\NSK</t>
  </si>
  <si>
    <t>【NSK】圆柱滚子轴承\NU228W\NSK</t>
  </si>
  <si>
    <t>【NSK】圆柱滚子轴承\NU2308W\NSK</t>
  </si>
  <si>
    <t>【NSK】圆柱滚子轴承\NU230W\NSK</t>
  </si>
  <si>
    <t>【NSK】圆柱滚子轴承\NU2318W\NSK</t>
  </si>
  <si>
    <t>【NSK】圆柱滚子轴承\NU2334EM\NSK</t>
  </si>
  <si>
    <t>【NSK】圆柱滚子轴承\NU313W\NSK</t>
  </si>
  <si>
    <t>【NSK】圆柱滚子轴承\NU315W\NSK</t>
  </si>
  <si>
    <t>【NSK】圆柱滚子轴承\NU317W\NSK</t>
  </si>
  <si>
    <t>【NSK】圆柱滚子轴承\NU318W\NSK</t>
  </si>
  <si>
    <t>【NSK】圆柱滚子轴承\NU319W\NSK</t>
  </si>
  <si>
    <t>【NSK】圆柱滚子轴承\NU320WC3\NSK</t>
  </si>
  <si>
    <t>【NSK】圆柱滚子轴承\NU322W\NSK</t>
  </si>
  <si>
    <t>【NSK】角接触球轴承\7202B\NSK</t>
  </si>
  <si>
    <t>【NSK】角接触球轴承\7203BW\NSK</t>
  </si>
  <si>
    <t>【NSK】角接触球轴承\7206BWG\NSK</t>
  </si>
  <si>
    <t>【NSK】角接触球轴承\7207BG\NSK</t>
  </si>
  <si>
    <t>【NSK】角接触球轴承\7207BW\NSK</t>
  </si>
  <si>
    <t>【NSK】角接触球轴承\7209BG\NSK</t>
  </si>
  <si>
    <t>【NSK】角接触球轴承\7209B\NSK</t>
  </si>
  <si>
    <t>【NSK】角接触球轴承\7210BWG\NSK</t>
  </si>
  <si>
    <t>【NSK】角接触球轴承\7210BG\NSK</t>
  </si>
  <si>
    <t>【NSK】角接触球轴承\7213B\NSK</t>
  </si>
  <si>
    <t>【NSK】角接触球轴承\7215BG\NSK</t>
  </si>
  <si>
    <t>【NSK】角接触球轴承\7219BG\NSK</t>
  </si>
  <si>
    <t>【NSK】角接触球轴承\7219B\NSK</t>
  </si>
  <si>
    <t>【NSK】角接触球轴承\7220BG\NSK</t>
  </si>
  <si>
    <t>【NSK】角接触球轴承\7220CTYNSULP4\NSK</t>
  </si>
  <si>
    <t>【NSK】角接触球轴承\7221BG\NSK</t>
  </si>
  <si>
    <t>【NSK】角接触球轴承\7222BG\NSK</t>
  </si>
  <si>
    <t>【NSK】角接触球轴承\7224BG\NSK</t>
  </si>
  <si>
    <t>【NSK】角接触球轴承\7226BG\NSK</t>
  </si>
  <si>
    <t>【NSK】角接触球轴承\7228BG\NSK</t>
  </si>
  <si>
    <t>【NSK】角接触球轴承\7228B\NSK</t>
  </si>
  <si>
    <t>【NSK】角接触球轴承\7230BG\NSK</t>
  </si>
  <si>
    <t>【NSK】角接触球轴承\7232BG\NSK</t>
  </si>
  <si>
    <t>【NSK】角接触球轴承\7234BG\NSK</t>
  </si>
  <si>
    <t>【NSK】角接触球轴承\7236BG\NSK</t>
  </si>
  <si>
    <t>【NSK】角接触球轴承\7307BW\NSK</t>
  </si>
  <si>
    <t>【NSK】角接触球轴承\7308BG\NSK</t>
  </si>
  <si>
    <t>【NSK】角接触球轴承\7309BG\NSK</t>
  </si>
  <si>
    <t>【NSK】角接触球轴承\7309B\NSK</t>
  </si>
  <si>
    <t>【NSK】角接触球轴承\7310BG\NSK</t>
  </si>
  <si>
    <t>【NSK】角接触球轴承\7311BWDB\NSK</t>
  </si>
  <si>
    <t>【NSK】角接触球轴承\7311BW\NSK</t>
  </si>
  <si>
    <t>【NSK】角接触球轴承\7311B\NSK</t>
  </si>
  <si>
    <t>【NSK】角接触球轴承\7314BG\NSK</t>
  </si>
  <si>
    <t>【NSK】角接触球轴承\7314B\NSK</t>
  </si>
  <si>
    <t>【NSK】角接触球轴承\7315BG\NSK</t>
  </si>
  <si>
    <t>【NSK】角接触球轴承\7315B\NSK</t>
  </si>
  <si>
    <t>【NSK】角接触球轴承\7316BG\NSK</t>
  </si>
  <si>
    <t>【NSK】角接触球轴承\7317BG\NSK</t>
  </si>
  <si>
    <t>【NSK】角接触球轴承\7317BWG\NSK</t>
  </si>
  <si>
    <t>【NSK】角接触球轴承\7320BG\NSK</t>
  </si>
  <si>
    <t>【NSK】角接触球轴承\7324BG\NSK</t>
  </si>
  <si>
    <t>【NSK】角接触球轴承\7326BG\NSK</t>
  </si>
  <si>
    <t>【NSK】角接触球轴承\7328BG\NSK</t>
  </si>
  <si>
    <t>【NSK】角接触球轴承\7330BG\NSK</t>
  </si>
  <si>
    <t>【NSK】角接触球轴承\7332BG\NSK</t>
  </si>
  <si>
    <t>【NSK】角接触球轴承\7334BG\NSK</t>
  </si>
  <si>
    <t>【NSK】角接触球轴承\7408BG\NSK</t>
  </si>
  <si>
    <t>【NSK】角接触球轴承\7410BG\NSK</t>
  </si>
  <si>
    <t>【NSK】角接触球轴承\7412BG\NSK</t>
  </si>
  <si>
    <t>【NSK】圆柱滚子轴承\NU324W\NSK</t>
  </si>
  <si>
    <t>【NSK】圆柱滚子轴承\NU324WC3\NSK</t>
  </si>
  <si>
    <t>【NSK】圆柱滚子轴承\NU328W\NSK</t>
  </si>
  <si>
    <t>【NSK】圆柱滚子轴承\NU409W\NSK</t>
  </si>
  <si>
    <t>【NSK】圆柱滚子轴承\NUP317W\NSK</t>
  </si>
  <si>
    <t>【NSK】带座球轴承\UCF203D1\NSK</t>
  </si>
  <si>
    <t>【NSK】带座球轴承\UCFL201D1\NSK</t>
  </si>
  <si>
    <t>【NSK】带座球轴承\UCFL203D1\NSK</t>
  </si>
  <si>
    <t>【NSK】带座球轴承\UCP203D1\NSK</t>
  </si>
  <si>
    <t>【NSK】带座球轴承\UCP217D1\NSK</t>
  </si>
  <si>
    <t>【NSK】带座球轴承\UCP318D1\NSK</t>
  </si>
  <si>
    <t>【NSK】带座球轴承\UCT206D1\NSK</t>
  </si>
  <si>
    <t>【NSK】带座外球面轴承\UCP207D1\NSK</t>
  </si>
  <si>
    <t>【NSK】带座外球面轴承\UCP212D1\NSK</t>
  </si>
  <si>
    <t>【清新环境】下三爪伸缩架\02-0914032-02\管束式除尘除雾器\SPC-GC-TZ系列\国产</t>
  </si>
  <si>
    <t>【清新环境】加长三爪伸缩架\02-0914032-03\管束式除尘除雾器\SPC-GC-TZ系列\国产</t>
  </si>
  <si>
    <t>【NSK】圆柱滚子轴承\N307ET\NSK</t>
  </si>
  <si>
    <t>【NSK】圆柱滚子轴承\NJ207EW\NSK</t>
  </si>
  <si>
    <t>【NSK】圆柱滚子轴承\NJ207ET\NSK</t>
  </si>
  <si>
    <t>【NSK】圆柱滚子轴承\NJ208EW\NSK</t>
  </si>
  <si>
    <t>【NSK】圆柱滚子轴承\NJ208ET\NSK</t>
  </si>
  <si>
    <t>【NSK】圆柱滚子轴承\NJ208ETC3\NSK</t>
  </si>
  <si>
    <t>【NSK】圆柱滚子轴承\NJ209ET\NSK</t>
  </si>
  <si>
    <t>【NSK】圆柱滚子轴承\NJ210EW\NSK</t>
  </si>
  <si>
    <t>【NSK】圆柱滚子轴承\NJ210ET\NSK</t>
  </si>
  <si>
    <t>【NSK】圆柱滚子轴承\NJ212EW\NSK</t>
  </si>
  <si>
    <t>【NSK】圆柱滚子轴承\NJ212ET\NSK</t>
  </si>
  <si>
    <t>【NSK】圆柱滚子轴承\NJ213EW\NSK</t>
  </si>
  <si>
    <t>【NSK】圆柱滚子轴承\NJ218EM\NSK</t>
  </si>
  <si>
    <t>【NSK】圆柱滚子轴承\NJ219ET\NSK</t>
  </si>
  <si>
    <t>【NSK】圆柱滚子轴承\NJ220EM\NSK</t>
  </si>
  <si>
    <t>【NSK】圆柱滚子轴承\NJ220EMC3\NSK</t>
  </si>
  <si>
    <t>【NSK】圆柱滚子轴承\NJ220ET\NSK</t>
  </si>
  <si>
    <t>【NSK】圆柱滚子轴承\NJ2206ET\NSK</t>
  </si>
  <si>
    <t>【NSK】圆柱滚子轴承\NJ2207ETC3\NSK</t>
  </si>
  <si>
    <t>【NSK】圆柱滚子轴承\NJ2208ET\NSK</t>
  </si>
  <si>
    <t>【NSK】圆柱滚子轴承\NJ2210EM\NSK</t>
  </si>
  <si>
    <t>【NSK】圆柱滚子轴承\NJ2210ET\NSK</t>
  </si>
  <si>
    <t>【NSK】圆柱滚子轴承\NJ2212ET\NSK</t>
  </si>
  <si>
    <t>【NSK】圆柱滚子轴承\NJ2213ET\NSK</t>
  </si>
  <si>
    <t>【NSK】圆柱滚子轴承\NJ2218ET\NSK</t>
  </si>
  <si>
    <t>【NSK】圆柱滚子轴承\NJ2220EM\NSK</t>
  </si>
  <si>
    <t>【NSK】圆柱滚子轴承\NJ2226EM\NSK</t>
  </si>
  <si>
    <t>【NSK】圆柱滚子轴承\NJ2226EMC3\NSK</t>
  </si>
  <si>
    <t>【NSK】圆柱滚子轴承\NJ2228EM\NSK</t>
  </si>
  <si>
    <t>【NSK】圆柱滚子轴承\NJ2232EMC3\NSK</t>
  </si>
  <si>
    <t>【NSK】圆柱滚子轴承\NJ224EMC3\NSK</t>
  </si>
  <si>
    <t>【NSK】圆柱滚子轴承\NJ224EM\NSK</t>
  </si>
  <si>
    <t>【NSK】圆柱滚子轴承\NJ226EM\NSK</t>
  </si>
  <si>
    <t>【NSK】圆柱滚子轴承\NJ2306ET\NSK</t>
  </si>
  <si>
    <t>【NSK】圆柱滚子轴承\NJ2307ET\NSK</t>
  </si>
  <si>
    <t>【NSK】圆柱滚子轴承\NJ2308ET\NSK</t>
  </si>
  <si>
    <t>【NSK】圆柱滚子轴承\NJ2310ET\NSK</t>
  </si>
  <si>
    <t>【NSK】圆柱滚子轴承\NJ2312EM\NSK</t>
  </si>
  <si>
    <t>【NSK】圆柱滚子轴承\NJ2316EM\NSK</t>
  </si>
  <si>
    <t>【NSK】圆柱滚子轴承\NJ2316EMC3\NSK</t>
  </si>
  <si>
    <t>【NSK】圆柱滚子轴承\NJ232EM\NSK</t>
  </si>
  <si>
    <t>【NSK】圆柱滚子轴承\NJ2320EMC3\NSK</t>
  </si>
  <si>
    <t>【NSK】圆柱滚子轴承\NJ2322EMC3\NSK</t>
  </si>
  <si>
    <t>【NSK】圆柱滚子轴承\NJ2324EM\NSK</t>
  </si>
  <si>
    <t>【NSK】圆柱滚子轴承\NJ2328EM\NSK</t>
  </si>
  <si>
    <t>【NSK】圆柱滚子轴承\NJ234EM\NSK</t>
  </si>
  <si>
    <t>【NSK】圆柱滚子轴承\NJ236EM\NSK</t>
  </si>
  <si>
    <t>【NSK】圆柱滚子轴承\NJ238EM\NSK</t>
  </si>
  <si>
    <t>【NSK】圆柱滚子轴承\NJ240EM\NSK</t>
  </si>
  <si>
    <t>【NSK】圆柱滚子轴承\NJ306EW\NSK</t>
  </si>
  <si>
    <t>【清新环境】固定管箍\02-0914033\管束式除尘除雾器\SPC-GC-TZ系列\国产</t>
  </si>
  <si>
    <t>【清新环境】雾滴汇集器网状\02-0914026\管束式除尘除雾器\SPC-GC-TZ系列\国产</t>
  </si>
  <si>
    <t>【NSK】圆柱滚子轴承\NJ306ET\NSK</t>
  </si>
  <si>
    <t>【NSK】圆柱滚子轴承\NJ307EW\NSK</t>
  </si>
  <si>
    <t>【NSK】圆柱滚子轴承\NJ308EW\NSK</t>
  </si>
  <si>
    <t>【NSK】圆柱滚子轴承\NJ308EM\NSK</t>
  </si>
  <si>
    <t>【NSK】圆柱滚子轴承\NJ308ET\NSK</t>
  </si>
  <si>
    <t>【NSK】圆柱滚子轴承\NJ309EW\NSK</t>
  </si>
  <si>
    <t>【NSK】圆柱滚子轴承\NJ309EM\NSK</t>
  </si>
  <si>
    <t>【NSK】圆柱滚子轴承\NJ309ET\NSK</t>
  </si>
  <si>
    <t>【NSK】圆柱滚子轴承\NJ310EW\NSK</t>
  </si>
  <si>
    <t>【NSK】圆柱滚子轴承\NJ310EM\NSK</t>
  </si>
  <si>
    <t>【NSK】圆柱滚子轴承\NJ310EMC3\NSK</t>
  </si>
  <si>
    <t>【NSK】圆柱滚子轴承\NJ311EW\NSK</t>
  </si>
  <si>
    <t>【NSK】圆柱滚子轴承\NJ311EM\NSK</t>
  </si>
  <si>
    <t>【NSK】圆柱滚子轴承\NJ311EMC3\NSK</t>
  </si>
  <si>
    <t>【NSK】圆柱滚子轴承\NJ311ET\NSK</t>
  </si>
  <si>
    <t>【NSK】圆柱滚子轴承\NJ312EM\NSK</t>
  </si>
  <si>
    <t>【NSK】圆柱滚子轴承\NJ312EMC3\NSK</t>
  </si>
  <si>
    <t>【NSK】圆柱滚子轴承\NJ313EM\NSK</t>
  </si>
  <si>
    <t>【NSK】圆柱滚子轴承\NJ314EM\NSK</t>
  </si>
  <si>
    <t>【NSK】圆柱滚子轴承\NJ314EMC3\NSK</t>
  </si>
  <si>
    <t>【NSK】圆柱滚子轴承\NJ314ET\NSK</t>
  </si>
  <si>
    <t>【NSK】圆柱滚子轴承\NJ315EM\NSK</t>
  </si>
  <si>
    <t>【NSK】圆柱滚子轴承\NJ316EM\NSK</t>
  </si>
  <si>
    <t>【NSK】圆柱滚子轴承\NJ316ET\NSK</t>
  </si>
  <si>
    <t>【NSK】圆柱滚子轴承\NJ320EM\NSK</t>
  </si>
  <si>
    <t>【NSK】圆柱滚子轴承\NJ336EMC3\NSK</t>
  </si>
  <si>
    <t>【NSK】圆柱滚子轴承\NJ407W\NSK</t>
  </si>
  <si>
    <t>【NSK】圆柱滚子轴承\NU204ET\NSK</t>
  </si>
  <si>
    <t>【NSK】圆柱滚子轴承\NU208EM\NSK</t>
  </si>
  <si>
    <t>【NSK】圆柱滚子轴承\NU209EM\NSK</t>
  </si>
  <si>
    <t>【NSK】圆柱滚子轴承\NU210EM\NSK</t>
  </si>
  <si>
    <t>【NSK】圆柱滚子轴承\NU211EM\NSK</t>
  </si>
  <si>
    <t>【NSK】圆柱滚子轴承\NU211EMC3\NSK</t>
  </si>
  <si>
    <t>【NSK】圆柱滚子轴承\NU211ET\NSK</t>
  </si>
  <si>
    <t>【NSK】圆柱滚子轴承\NU211ETC3\NSK</t>
  </si>
  <si>
    <t>【NSK】圆柱滚子轴承\NU212EW\NSK</t>
  </si>
  <si>
    <t>【NSK】圆柱滚子轴承\NU212EWC3\NSK</t>
  </si>
  <si>
    <t>【NSK】圆柱滚子轴承\NU212EM\NSK</t>
  </si>
  <si>
    <t>【NSK】圆柱滚子轴承\NU212ET\NSK</t>
  </si>
  <si>
    <t>【NSK】圆柱滚子轴承\NU212ETC3\NSK</t>
  </si>
  <si>
    <t>【NSK】圆柱滚子轴承\NU213ET\NSK</t>
  </si>
  <si>
    <t>【NSK】圆柱滚子轴承\NU214EM\NSK</t>
  </si>
  <si>
    <t>【NSK】圆柱滚子轴承\NU214EMC3\NSK</t>
  </si>
  <si>
    <t>【NSK】圆柱滚子轴承\NU214ET\NSK</t>
  </si>
  <si>
    <t>【NSK】圆柱滚子轴承\NU215EM\NSK</t>
  </si>
  <si>
    <t>【NSK】圆柱滚子轴承\NU215EMC3\NSK</t>
  </si>
  <si>
    <t>【NSK】圆柱滚子轴承\NU215ET\NSK</t>
  </si>
  <si>
    <t>【NSK】圆柱滚子轴承\NU216EM\NSK</t>
  </si>
  <si>
    <t>【NSK】圆柱滚子轴承\NU216EMC3\NSK</t>
  </si>
  <si>
    <t>【NSK】圆柱滚子轴承\NU216ET\NSK</t>
  </si>
  <si>
    <t>【清新环境】雾滴汇集器环状\02-0914027\管束式除尘除雾器\SPC-GC-TZ系列\国产</t>
  </si>
  <si>
    <t>【NSK】圆柱滚子轴承\NU217EM\NSK</t>
  </si>
  <si>
    <t>【NSK】圆柱滚子轴承\NU218EM\NSK</t>
  </si>
  <si>
    <t>【NSK】圆柱滚子轴承\NU218EMC3\NSK</t>
  </si>
  <si>
    <t>【NSK】圆柱滚子轴承\NU218ET\NSK</t>
  </si>
  <si>
    <t>【NSK】圆柱滚子轴承\NU219EM\NSK</t>
  </si>
  <si>
    <t>【NSK】圆柱滚子轴承\NU219EMC3\NSK</t>
  </si>
  <si>
    <t>【NSK】圆柱滚子轴承\NU220EM\NSK</t>
  </si>
  <si>
    <t>【NSK】圆柱滚子轴承\NU220EMC3\NSK</t>
  </si>
  <si>
    <t>【NSK】圆柱滚子轴承\NU220ET\NSK</t>
  </si>
  <si>
    <t>【NSK】圆柱滚子轴承\NU220ETC3\NSK</t>
  </si>
  <si>
    <t>【NSK】圆柱滚子轴承\NU2206ET\NSK</t>
  </si>
  <si>
    <t>【NSK】圆柱滚子轴承\NU2209ET\NSK</t>
  </si>
  <si>
    <t>【NSK】圆柱滚子轴承\NU2210EM\NSK</t>
  </si>
  <si>
    <t>【NSK】圆柱滚子轴承\NU2210ET\NSK</t>
  </si>
  <si>
    <t>【NSK】圆柱滚子轴承\NU2211ET\NSK</t>
  </si>
  <si>
    <t>【NSK】圆柱滚子轴承\NU2212EM\NSK</t>
  </si>
  <si>
    <t>【NSK】圆柱滚子轴承\NU2212ET\NSK</t>
  </si>
  <si>
    <t>【NSK】圆柱滚子轴承\NU2213ET\NSK</t>
  </si>
  <si>
    <t>【NSK】圆柱滚子轴承\NU2215EMC3\NSK</t>
  </si>
  <si>
    <t>【NSK】圆柱滚子轴承\NU2215ET\NSK</t>
  </si>
  <si>
    <t>【NSK】圆柱滚子轴承\NU2216ET\NSK</t>
  </si>
  <si>
    <t>【NSK】圆柱滚子轴承\NU2217ET\NSK</t>
  </si>
  <si>
    <t>【NSK】圆柱滚子轴承\NU2218EM\NSK</t>
  </si>
  <si>
    <t>【NSK】圆柱滚子轴承\NU222EM\NSK</t>
  </si>
  <si>
    <t>【NSK】圆柱滚子轴承\NU222ET\NSK</t>
  </si>
  <si>
    <t>【NSK】圆柱滚子轴承\NU2220EM\NSK</t>
  </si>
  <si>
    <t>【NSK】圆柱滚子轴承\NU2222EMC3\NSK</t>
  </si>
  <si>
    <t>【NSK】圆柱滚子轴承\NU2224EM\NSK</t>
  </si>
  <si>
    <t>【NSK】圆柱滚子轴承\NU2226EM\NSK</t>
  </si>
  <si>
    <t>【NSK】圆柱滚子轴承\NU2226EMC3\NSK</t>
  </si>
  <si>
    <t>【NSK】圆柱滚子轴承\NU2228EM\NSK</t>
  </si>
  <si>
    <t>【NSK】圆柱滚子轴承\NU2228EMC3\NSK</t>
  </si>
  <si>
    <t>【NSK】圆柱滚子轴承\NU2232EMC3\NSK</t>
  </si>
  <si>
    <t>【NSK】圆柱滚子轴承\NU2234EM\NSK</t>
  </si>
  <si>
    <t>【NSK】圆柱滚子轴承\NU2236EM\NSK</t>
  </si>
  <si>
    <t>【NSK】圆柱滚子轴承\NU2232EM\NSK</t>
  </si>
  <si>
    <t>【NSK】圆柱滚子轴承\NU2238EM\NSK</t>
  </si>
  <si>
    <t>【NSK】圆柱滚子轴承\NU2238EMC3\NSK</t>
  </si>
  <si>
    <t>【NSK】圆柱滚子轴承\NU224EM\NSK</t>
  </si>
  <si>
    <t>【NSK】圆柱滚子轴承\NU224EMC3\NSK</t>
  </si>
  <si>
    <t>【NSK】圆柱滚子轴承\NU2240EM\NSK</t>
  </si>
  <si>
    <t>【NSK】圆柱滚子轴承\NU228EM\NSK</t>
  </si>
  <si>
    <t>【NSK】圆柱滚子轴承\NU230EM\NSK</t>
  </si>
  <si>
    <t>【NSK】圆柱滚子轴承\NU2306ET\NSK</t>
  </si>
  <si>
    <t>【NSK】圆柱滚子轴承\NU2308ET\NSK</t>
  </si>
  <si>
    <t>【NSK】圆柱滚子轴承\NU2309ET\NSK</t>
  </si>
  <si>
    <t>【NSK】圆柱滚子轴承\NU2310EM\NSK</t>
  </si>
  <si>
    <t>【NSK】圆柱滚子轴承\NU2310ET\NSK</t>
  </si>
  <si>
    <t>【NSK】圆柱滚子轴承\NU2312EM\NSK</t>
  </si>
  <si>
    <t>【NSK】圆柱滚子轴承\NU2312ET\NSK</t>
  </si>
  <si>
    <t>【清新环境】上封堵板\02-0914028\管束式除尘除雾器\SPC-GC-TZ系列\国产</t>
  </si>
  <si>
    <t>【NSK】圆柱滚子轴承\NU2313EM\NSK</t>
  </si>
  <si>
    <t>【NSK】圆柱滚子轴承\NU2316EM\NSK</t>
  </si>
  <si>
    <t>【NSK】圆柱滚子轴承\NU232EM\NSK</t>
  </si>
  <si>
    <t>【NSK】圆柱滚子轴承\NU2320EMC3\NSK</t>
  </si>
  <si>
    <t>【NSK】圆柱滚子轴承\NU2322EM\NSK</t>
  </si>
  <si>
    <t>【NSK】圆柱滚子轴承\NU2322EMC3\NSK</t>
  </si>
  <si>
    <t>【NSK】圆柱滚子轴承\NU2324EM\NSK</t>
  </si>
  <si>
    <t>【NSK】圆柱滚子轴承\NU2326EM\NSK</t>
  </si>
  <si>
    <t>【NSK】圆柱滚子轴承\NU2328EM\NSK</t>
  </si>
  <si>
    <t>【NSK】圆柱滚子轴承\NU2334EMC3\NSK</t>
  </si>
  <si>
    <t>【NSK】圆柱滚子轴承\NU2338EMC3\NSK</t>
  </si>
  <si>
    <t>【NSK】圆柱滚子轴承\NU234EM\NSK</t>
  </si>
  <si>
    <t>【NSK】圆柱滚子轴承\NU236EM\NSK</t>
  </si>
  <si>
    <t>【NSK】圆柱滚子轴承\NU238EM\NSK</t>
  </si>
  <si>
    <t>【NSK】圆柱滚子轴承\NU238EMC3\NSK</t>
  </si>
  <si>
    <t>【NSK】圆柱滚子轴承\NU240EM\NSK</t>
  </si>
  <si>
    <t>【NSK】圆柱滚子轴承\NU244EM\NSK</t>
  </si>
  <si>
    <t>【NSK】圆柱滚子轴承\NU244EMC3\NSK</t>
  </si>
  <si>
    <t>【NSK】圆柱滚子轴承\NU260MC3\NSK</t>
  </si>
  <si>
    <t>【NSK】圆柱滚子轴承\NU305EW\NSK</t>
  </si>
  <si>
    <t>【NSK】圆柱滚子轴承\NU306ET\NSK</t>
  </si>
  <si>
    <t>【NSK】圆柱滚子轴承\NU307EM\NSK</t>
  </si>
  <si>
    <t>【NSK】圆柱滚子轴承\NU307ET\NSK</t>
  </si>
  <si>
    <t>【NSK】圆柱滚子轴承\NU308EW\NSK</t>
  </si>
  <si>
    <t>【NSK】圆柱滚子轴承\NU308EWC3\NSK</t>
  </si>
  <si>
    <t>【NSK】圆柱滚子轴承\NU308EM\NSK</t>
  </si>
  <si>
    <t>【NSK】圆柱滚子轴承\NU308ET\NSK</t>
  </si>
  <si>
    <t>【NSK】圆柱滚子轴承\NU309EM\NSK</t>
  </si>
  <si>
    <t>【NSK】圆柱滚子轴承\NU309EMC3\NSK</t>
  </si>
  <si>
    <t>【NSK】圆柱滚子轴承\NU309ET\NSK</t>
  </si>
  <si>
    <t>【NSK】圆柱滚子轴承\NU310EM\NSK</t>
  </si>
  <si>
    <t>【NSK】圆柱滚子轴承\NU310EMC3\NSK</t>
  </si>
  <si>
    <t>【NSK】圆柱滚子轴承\NU310ET\NSK</t>
  </si>
  <si>
    <t>【NSK】圆柱滚子轴承\NU311EM\NSK</t>
  </si>
  <si>
    <t>【NSK】圆柱滚子轴承\NU311EMC3\NSK</t>
  </si>
  <si>
    <t>【NSK】圆柱滚子轴承\NU311ET\NSK</t>
  </si>
  <si>
    <t>【NSK】圆柱滚子轴承\NU312EMC3\NSK</t>
  </si>
  <si>
    <t>【NSK】圆柱滚子轴承\NU312ET\NSK</t>
  </si>
  <si>
    <t>【NSK】圆柱滚子轴承\NU313EM\NSK</t>
  </si>
  <si>
    <t>【NSK】圆柱滚子轴承\NU313EMC3\NSK</t>
  </si>
  <si>
    <t>【NSK】圆柱滚子轴承\NU314EMC3\NSK</t>
  </si>
  <si>
    <t>【NSK】圆柱滚子轴承\NU314ET\NSK</t>
  </si>
  <si>
    <t>【NSK】圆柱滚子轴承\NU315EMC3\NSK</t>
  </si>
  <si>
    <t>【NSK】圆柱滚子轴承\NU315ET\NSK</t>
  </si>
  <si>
    <t>【NSK】圆柱滚子轴承\NU316EM\NSK</t>
  </si>
  <si>
    <t>【NSK】圆柱滚子轴承\NU316EMC3\NSK</t>
  </si>
  <si>
    <t>【NSK】圆柱滚子轴承\NU316ET\NSK</t>
  </si>
  <si>
    <t>【NSK】圆柱滚子轴承\NU317EMC3\NSK</t>
  </si>
  <si>
    <t>【NSK】圆柱滚子轴承\NU317ET\NSK</t>
  </si>
  <si>
    <t>【NSK】圆柱滚子轴承\NU317EM\NSK</t>
  </si>
  <si>
    <t>【NSK】圆柱滚子轴承\NU318EMC3\NSK</t>
  </si>
  <si>
    <t>【NSK】圆柱滚子轴承\NU318ETC3\NSK</t>
  </si>
  <si>
    <t>【NSK】圆柱滚子轴承\NU318EM\NSK</t>
  </si>
  <si>
    <t>【NSK】圆柱滚子轴承\NU319EM\NSK</t>
  </si>
  <si>
    <t>【NSK】圆柱滚子轴承\NU319ET\NSK</t>
  </si>
  <si>
    <t>【NSK】圆柱滚子轴承\NU319EMC3\NSK</t>
  </si>
  <si>
    <t>【NSK】圆柱滚子轴承\NU320EM\NSK</t>
  </si>
  <si>
    <t>【NSK】圆柱滚子轴承\NU320EMC3\NSK</t>
  </si>
  <si>
    <t>【NSK】圆柱滚子轴承\NU322EMC3\NSK</t>
  </si>
  <si>
    <t>【NSK】圆柱滚子轴承\NU324EMC3\NSK</t>
  </si>
  <si>
    <t>【NSK】圆柱滚子轴承\NU324EM\NSK</t>
  </si>
  <si>
    <t>【NSK】圆柱滚子轴承\NU326EM\NSK</t>
  </si>
  <si>
    <t>【NSK】圆柱滚子轴承\NU326EMC3\NSK</t>
  </si>
  <si>
    <t>【NSK】圆柱滚子轴承\NU328EM\NSK</t>
  </si>
  <si>
    <t>【NSK】圆柱滚子轴承\NU328EMC3\NSK</t>
  </si>
  <si>
    <t>【NSK】圆柱滚子轴承\NU330EM\NSK</t>
  </si>
  <si>
    <t>【NSK】圆柱滚子轴承\NU330EMC3\NSK</t>
  </si>
  <si>
    <t>【NSK】圆柱滚子轴承\NU332EM\NSK</t>
  </si>
  <si>
    <t>【NSK】圆柱滚子轴承\NU322EM\NSK</t>
  </si>
  <si>
    <t>【NSK】圆柱滚子轴承\NU332EMC3\NSK</t>
  </si>
  <si>
    <t>【NSK】圆柱滚子轴承\NU334EM\NSK</t>
  </si>
  <si>
    <t>【NSK】圆柱滚子轴承\NU334EMC3\NSK</t>
  </si>
  <si>
    <t>【NSK】圆柱滚子轴承\NU336EM\NSK</t>
  </si>
  <si>
    <t>【NSK】圆柱滚子轴承\NU336EMC3\NSK</t>
  </si>
  <si>
    <t>【NSK】圆柱滚子轴承\NU338EM\NSK</t>
  </si>
  <si>
    <t>【NSK】圆柱滚子轴承\NU413W\NSK</t>
  </si>
  <si>
    <t>【Redhat】linux操作系统一年（5*8服务）仅限2个物理CPU或2个虚拟机</t>
  </si>
  <si>
    <t>红帽软件（北京）有限公司</t>
  </si>
  <si>
    <t>Redhat</t>
  </si>
  <si>
    <t>IT专区服务器操作系统商品铺货采购合同</t>
  </si>
  <si>
    <t>国电物资集团有限公司电子商务中心</t>
  </si>
  <si>
    <t>【Redhat】linux操作系统一年（7*24服务）仅限2个物理CPU或2个虚拟机</t>
  </si>
  <si>
    <t>【Redhat】linux操作系统三年（5*8服务）仅限2个物理CPU或2个虚拟机</t>
  </si>
  <si>
    <t>【Redhat】linux操作系统三年（7*24服务）仅限2个物理CPU或2个虚拟机</t>
  </si>
  <si>
    <t>【Redhat】linux操作系统一年（5*8服务）仅限2个物理CPU，不限虚拟机数量</t>
  </si>
  <si>
    <t>【Redhat】linux操作系统一年（7*24服务）仅限2个物理CPU，不限虚拟机数量</t>
  </si>
  <si>
    <t>【Redhat】linux操作系统三年（5*8服务）仅限2个物理CPU，不限虚拟机数量</t>
  </si>
  <si>
    <t>【Redhat】linux操作系统三年（7*24服务）仅限2个物理CPU，不限虚拟机数量</t>
  </si>
  <si>
    <t>【格瑞斯特】冷凝器\ECM 2\0.0004m2\玻璃/Q235\进口</t>
  </si>
  <si>
    <t>厦门格瑞斯特环保科技有限公司</t>
  </si>
  <si>
    <t>格瑞斯特</t>
  </si>
  <si>
    <t>GNWZBP(TH)ZYCG2020-259</t>
  </si>
  <si>
    <t>国家能源e购商城厦门格瑞斯特CEMS备件商城铺货长协采购</t>
  </si>
  <si>
    <t>【格瑞斯特】伴热取样管线\SWG-K\进口</t>
  </si>
  <si>
    <t>【格瑞斯特】一氧化碳分析模块\EL3020-CO\烟气连续监测系统\FGAS-06\进口</t>
  </si>
  <si>
    <t>【格瑞斯特】烟气湿度变送器\GRST-SD\0-40Vol%\±2%\国产</t>
  </si>
  <si>
    <t>【格瑞斯特】取样探头\GSP-05 HH\格瑞斯特\国产</t>
  </si>
  <si>
    <t>【格瑞斯特】测量气室\768569\烟气连续监测系统\FGAS-06\进口</t>
  </si>
  <si>
    <t>【格瑞斯特】一氧化碳检测器\746271\烟气连续监测系统\FGAS-06\进口</t>
  </si>
  <si>
    <t>【格瑞斯特】烟尘仪\181WS\0-10mg m3\进口</t>
  </si>
  <si>
    <t>【格瑞斯特】二氧化碳检测器\74531\烟气连续监测系统\FGAS-06\进口</t>
  </si>
  <si>
    <t>【格瑞斯特】SO2检测器\78923\CEMS分析仪 EL3020\进口</t>
  </si>
  <si>
    <t>【格瑞斯特】一氧化氮检测器\73256\烟气连续监测系统\FGAS-06\进口</t>
  </si>
  <si>
    <t>【格瑞斯特】氨逃逸分析仪\RB110\0-10mg m3\进口</t>
  </si>
  <si>
    <t>【格瑞斯特】吹扫风机\HCBLW‐S‐BLO\进口</t>
  </si>
  <si>
    <t>【格瑞斯特】吹扫单元\ACCAIR‐B\烟气连续监测系统\FGAS-06\进口</t>
  </si>
  <si>
    <t>【格瑞斯特】控制器\CON181‐MC\烟尘仪\进口</t>
  </si>
  <si>
    <t>【格瑞斯特】控制主板\HCWS WSB 230\烟尘仪\进口</t>
  </si>
  <si>
    <t>【华宇通】侧齿汽封\MCCF-ZDQF-300U-20821-022\华宇通\国产</t>
  </si>
  <si>
    <t>秦皇岛华宇通电力科技有限公司</t>
  </si>
  <si>
    <t>华宇通</t>
  </si>
  <si>
    <t>GNWZBP(TH)ZYCG2020-229</t>
  </si>
  <si>
    <t>国家能源e购商城华宇通密封油挡等备件区域级长协采购框架合同</t>
  </si>
  <si>
    <t>【华宇通】侧齿汽封圈\MCCF-GZGB-300U-20821-023\华宇通\国产</t>
  </si>
  <si>
    <t>【华宇通】侧齿汽封圈\MCCF-GZYD-300U-20821-024\华宇通\国产</t>
  </si>
  <si>
    <t>【华宇通】侧齿汽封圈\MCCF-GPQF-300U-20821-025\华宇通\国产</t>
  </si>
  <si>
    <t>【华宇通】侧齿汽封圈\MCCF-GZYJ-300U-20821-026\华宇通\国产</t>
  </si>
  <si>
    <t>【华宇通】侧齿汽封圈\MCCF-DGQF-300U-20821-027\华宇通\国产</t>
  </si>
  <si>
    <t>【华宇通】侧齿汽封圈\MCCF-DYQF-300U-20821-028\华宇通\国产</t>
  </si>
  <si>
    <t>【华宇通】侧齿汽封圈\MCCF-ZDQF-300/600-20821-029\华宇通\国产</t>
  </si>
  <si>
    <t>【华宇通】侧齿汽封圈\MCCF-GZGB-300/600-20821-030\华宇通\国产</t>
  </si>
  <si>
    <t>【华宇通】侧齿汽封圈\MCCF-GZYD-300/600-20821-031\华宇通\国产</t>
  </si>
  <si>
    <t>【华宇通】侧齿汽封圈\MCCF-GPQF-300/600-20821-032\华宇通\国产</t>
  </si>
  <si>
    <t>【华宇通】侧齿汽封圈\MCCF-GZYJ-300/600-20821-033\华宇通\国产</t>
  </si>
  <si>
    <t>【华宇通】侧齿汽封圈\MCCF-DGQF-300/600-20821-034\华宇通\国产</t>
  </si>
  <si>
    <t>【华宇通】侧齿汽封圈\MCCF-DYQF-300/600-20821-035\华宇通\国产</t>
  </si>
  <si>
    <t>【华宇通】侧齿汽封圈\MCCF-ZDQF-600A-20821-036\华宇通\国产</t>
  </si>
  <si>
    <t>【华宇通】侧齿汽封圈\MCCF-GZGB-600A-20821-037\华宇通\国产</t>
  </si>
  <si>
    <t>【华宇通】侧齿汽封圈\MCCF-GZYD-600A-20821-038\华宇通\国产</t>
  </si>
  <si>
    <t>【华宇通】侧齿汽封圈\MCCF-GPQF-600A-20821-039\华宇通\国产</t>
  </si>
  <si>
    <t>【华宇通】侧齿汽封圈\MCCF-GZYJ-600A-20821-040\华宇通\国产</t>
  </si>
  <si>
    <t>【华宇通】侧齿汽封圈\MCCF-DGQF-600A-20821-041\华宇通\国产</t>
  </si>
  <si>
    <t>【华宇通】侧齿汽封圈\MCCF-DYQF-600A-20821-042\华宇通\国产</t>
  </si>
  <si>
    <t>【华宇通】梳齿汽封圈\MSCF-ZDQF-300U-20821-046\华宇通\国产</t>
  </si>
  <si>
    <t>【华宇通】梳齿汽封圈\MSCF-GZGB-300U-20821-047\华宇通\国产</t>
  </si>
  <si>
    <t>【华宇通】梳齿汽封圈\MSCF-GZYD-300U-20821-048\华宇通\国产</t>
  </si>
  <si>
    <t>【华宇通】梳齿汽封圈\MSCF-GPQF-300U-20821-049\华宇通\国产</t>
  </si>
  <si>
    <t>【华宇通】梳齿汽封圈\MSCF-GZYJ-300U-20821-050\华宇通\国产</t>
  </si>
  <si>
    <t>【华宇通】梳齿汽封圈\MSCF-DGQF-300U-20821-051\华宇通\国产</t>
  </si>
  <si>
    <t>【华宇通】梳齿汽封圈\MSCF-DYQF-300U-20821-052\华宇通\国产</t>
  </si>
  <si>
    <t>【华宇通】梳齿汽封圈\MSCF-ZDQF-300/600-20821-053\华宇通\国产</t>
  </si>
  <si>
    <t>【华宇通】梳齿汽封圈\MSCF-GZGB-300/600-20821-054\华宇通\国产</t>
  </si>
  <si>
    <t>【华宇通】梳齿汽封圈\MSCF-GZYD-300/600-20821-055\华宇通\国产</t>
  </si>
  <si>
    <t>【华宇通】梳齿汽封圈\MSCF-GPQF-300/600-20821-056\华宇通\国产</t>
  </si>
  <si>
    <t>【华宇通】梳齿汽封圈\MSCF-GZYJ-300/600-20821-057\华宇通\国产</t>
  </si>
  <si>
    <t>【华宇通】梳齿汽封圈\MSCF-DGQF-300/600-20821-058\华宇通\国产</t>
  </si>
  <si>
    <t>【华宇通】梳齿汽封圈\MSCF-DYQF-300/600-20821-059\华宇通\国产</t>
  </si>
  <si>
    <t>【华宇通】梳齿汽封圈\MSCF-ZDQF-600A-20821-060\华宇通\国产</t>
  </si>
  <si>
    <t>【华宇通】梳齿汽封圈\MSCF-GZGB-600A-20821-061\华宇通\国产</t>
  </si>
  <si>
    <t>【华宇通】梳齿汽封圈\MSCF-GZYD-600A-20821-062\华宇通\国产</t>
  </si>
  <si>
    <t>【华宇通】梳齿汽封圈\MSCF-GPQF-600A-20821-063\华宇通\国产</t>
  </si>
  <si>
    <t>【华宇通】梳齿汽封圈\MSCF-GZYJ-600A-20821-064\华宇通\国产</t>
  </si>
  <si>
    <t>【华宇通】梳齿汽封圈\MSCF-DGQF-600A-20821-065\华宇通\国产</t>
  </si>
  <si>
    <t>【华宇通】梳齿汽封圈\MSCF-DYQF-600A-20821-066\华宇通\国产</t>
  </si>
  <si>
    <t>【华宇通】蜂窝汽封\MFW-ZDQF-300U-20821-001\华宇通\国产</t>
  </si>
  <si>
    <t>【华宇通】蜂窝汽封圈\MFW-GZGB-300U-20821-002\华宇通\国产</t>
  </si>
  <si>
    <t>【华宇通】蜂窝汽封圈\MFW-GZYD-300U-20821-003\华宇通\国产</t>
  </si>
  <si>
    <t>【华宇通】蜂窝汽封圈\MFW-GPQF-300U-20821-004\华宇通\国产</t>
  </si>
  <si>
    <t>【华宇通】蜂窝汽封圈\MFW-GZYJ-300U-20821-005\华宇通\国产</t>
  </si>
  <si>
    <t>【华宇通】蜂窝汽封圈\MFW-DGQF-300U-20821-006\华宇通\国产</t>
  </si>
  <si>
    <t>【华宇通】蜂窝汽封圈\MFW-DYQF-300U-20821-007\华宇通\国产</t>
  </si>
  <si>
    <t>【华宇通】蜂窝汽封圈\MFW-ZDQF-300/600-20821-008\华宇通\国产</t>
  </si>
  <si>
    <t>【华宇通】蜂窝汽封圈\MFW-GZGB-300/600-20821-009\华宇通\国产</t>
  </si>
  <si>
    <t>【华宇通】蜂窝汽封圈\MFW-GZYD-300/600-20821-010\华宇通\国产</t>
  </si>
  <si>
    <t>【华宇通】蜂窝汽封圈\MFW-GPQF-300/600-20821-011\华宇通\国产</t>
  </si>
  <si>
    <t>【华宇通】蜂窝汽封圈\MFW-GZYJ-300/600-20821-012\华宇通\国产</t>
  </si>
  <si>
    <t>【华宇通】蜂窝汽封圈\MFW-DGQF-300/600-20821-013\华宇通\国产</t>
  </si>
  <si>
    <t>【华宇通】蜂窝汽封圈\MFW-DYQF-300/600-20821-014\华宇通\国产</t>
  </si>
  <si>
    <t>【华宇通】蜂窝汽封圈\MFW-ZDQF-600A-20821-015\华宇通\国产</t>
  </si>
  <si>
    <t>【华宇通】蜂窝汽封圈\MFW-GZGB-600A-20821-016\华宇通\国产</t>
  </si>
  <si>
    <t>【华宇通】蜂窝汽封圈\MFW-GZYD-600A-20821-017\华宇通\国产</t>
  </si>
  <si>
    <t>【华宇通】蜂窝汽封圈\MFW-GPQF-600A-20821-018\华宇通\国产</t>
  </si>
  <si>
    <t>【华宇通】蜂窝汽封圈\MFW-GZYJ-600A-20821-019\华宇通\国产</t>
  </si>
  <si>
    <t>【华宇通】蜂窝汽封圈\MFW-DGQF-600A-20821-020\华宇通\国产</t>
  </si>
  <si>
    <t>【华宇通】蜂窝汽封圈\MFW-DYQF-600A-20821-021\华宇通\国产</t>
  </si>
  <si>
    <t>【华宇通】蜂窝汽封圈\MJCFW-ZDQF-300U-20821-043\华宇通\国产</t>
  </si>
  <si>
    <t>【华宇通】蜂窝汽封圈\MJCFW-ZDQF-300/600-20821-044\华宇通\国产</t>
  </si>
  <si>
    <t>【华宇通】蜂窝汽封圈\MJCFW-ZDQF-600A-20821-045\华宇通\国产</t>
  </si>
  <si>
    <t>【华宇通】油挡\QMYD-Q300U-20612-032\华宇通\国产</t>
  </si>
  <si>
    <t>【华宇通】油挡\QMYD-Q300/600-20612-034\华宇通\国产</t>
  </si>
  <si>
    <t>【华宇通】油挡\QMYD-Q600A-20612-036\华宇通\国产</t>
  </si>
  <si>
    <t>【华宇通】油挡\QMYD-D300U-20612-038\华宇通\国产</t>
  </si>
  <si>
    <t>【华宇通】油挡\QMYD-D300/600-20612-040\华宇通\国产</t>
  </si>
  <si>
    <t>【华宇通】油挡\QMYD-D600A-20612-042\华宇通\国产</t>
  </si>
  <si>
    <t>【华宇通】油挡\QMYD-L300U-20612-044\华宇通\国产</t>
  </si>
  <si>
    <t>【华宇通】油挡\QMYD-L300/600-20612-046\华宇通\国产</t>
  </si>
  <si>
    <t>【华宇通】油挡\QMYD-L600A-20612-048\华宇通\国产</t>
  </si>
  <si>
    <t>【华宇通】阻汽片\MQJ-ZQP-300-20821-67\华宇通\国产</t>
  </si>
  <si>
    <t>【华宇通】阻汽片\MQJ-ZQP-600-20821-68\华宇通\国产</t>
  </si>
  <si>
    <t>【华宇通】阻汽片\MQJ-ZQP-1000-20821-69\华宇通\国产</t>
  </si>
  <si>
    <t>【华宇通】油挡\MYD-FJDJ-300U-20612-001\华宇通\国产</t>
  </si>
  <si>
    <t>【华宇通】油挡\MYD-FJDJ-300/600-20612-003\华宇通\国产</t>
  </si>
  <si>
    <t>【华宇通】油挡\MYD-FJDJ-600A-20612-005\华宇通\国产</t>
  </si>
  <si>
    <t>【华宇通】油挡\MYD-FJZC-300U-20612-007\华宇通\国产</t>
  </si>
  <si>
    <t>【华宇通】油挡\MYD-FJZC-300/600-20612-009\华宇通\国产</t>
  </si>
  <si>
    <t>【华宇通】油挡\MYD-FJZC-600A-20612-011\华宇通\国产</t>
  </si>
  <si>
    <t>【华宇通】油挡\MYD-GSDJ-300U-20612-013\华宇通\国产</t>
  </si>
  <si>
    <t>【华宇通】油挡\MYD-GSDJ-300/600-20612-015\华宇通\国产</t>
  </si>
  <si>
    <t>【华宇通】油挡\MYD-GSDJ-600A-20612-017\华宇通\国产</t>
  </si>
  <si>
    <t>【华宇通】油挡\MYD-MMJS-300U-20612-019\华宇通\国产</t>
  </si>
  <si>
    <t>【华宇通】油挡\MYD-MMJS-300/600-20612-021\华宇通\国产</t>
  </si>
  <si>
    <t>【华宇通】油挡\MYD-MMJS-600A-20612-023\华宇通\国产</t>
  </si>
  <si>
    <t>【华宇通】油挡\MYD-MMDW-300U-20612-025\华宇通\国产</t>
  </si>
  <si>
    <t>【华宇通】油挡\MYD-MMDW-300/600-20612-027\华宇通\国产</t>
  </si>
  <si>
    <t>【华宇通】油挡\MYD-MMDW-600A-20612-029\华宇通\国产</t>
  </si>
  <si>
    <t>【华宇通】油挡\MYD-Q300U-20612-031\华宇通\国产</t>
  </si>
  <si>
    <t>【华宇通】油挡\MYD-Q300/600-20612-033\华宇通\国产</t>
  </si>
  <si>
    <t>【华宇通】油挡\MYD-Q600A-20612-035\华宇通\国产</t>
  </si>
  <si>
    <t>【华宇通】油挡\MYD-D300U-20612-037\华宇通\国产</t>
  </si>
  <si>
    <t>【华宇通】油挡\MYD-D300/600-20612-039\华宇通\国产</t>
  </si>
  <si>
    <t>【华宇通】油挡\MYD-D600A-20612-041\华宇通\国产</t>
  </si>
  <si>
    <t>【华宇通】油挡\MYD-L300U-20612-043\华宇通\国产</t>
  </si>
  <si>
    <t>【华宇通】油挡\MYD-L300/600-20612-045\华宇通\国产</t>
  </si>
  <si>
    <t>【华宇通】油挡\MYD-L600A-20612-047\华宇通\国产</t>
  </si>
  <si>
    <t>【华宇通】油挡\FDMF-CLGS-20612-049\华宇通</t>
  </si>
  <si>
    <t>【华宇通】油挡\FDMF-CLDS-20612-050\华宇通</t>
  </si>
  <si>
    <t>【华宇通】油挡\SSOB-FJDJ-300U-20612-002\华宇通\国产</t>
  </si>
  <si>
    <t>【华宇通】油挡\SSOB-FJDJ-300/600-20612-004\华宇通\国产</t>
  </si>
  <si>
    <t>【华宇通】油挡\SSOB-FJDJ-600A-20612-006\华宇通\国产</t>
  </si>
  <si>
    <t>【华宇通】油挡\SSOB-FJZC-300U-20612-008\华宇通\国产</t>
  </si>
  <si>
    <t>【华宇通】油挡\SSOB-FJZC-300/600-20612-010\华宇通\国产</t>
  </si>
  <si>
    <t>【华宇通】油挡\SSOB-FJZC-600A-20612-012\华宇通\国产</t>
  </si>
  <si>
    <t>【华宇通】油挡\SSOB-GSDJ-300U-20612-014\华宇通\国产</t>
  </si>
  <si>
    <t>【华宇通】油挡\SSOB-GSDJ-300/600-20612-016\华宇通\国产</t>
  </si>
  <si>
    <t>【华宇通】油挡\SSOB-GSDJ-600A-20612-018\华宇通\国产</t>
  </si>
  <si>
    <t>【华宇通】油挡\SSOB-MMJS-300U-20612-020\华宇通\国产</t>
  </si>
  <si>
    <t>【华宇通】油挡\SSOB-MMJS-300/600-20612-022\华宇通\国产</t>
  </si>
  <si>
    <t>【华宇通】油挡\SSOB-MMJS-600A-20612-024\华宇通\国产</t>
  </si>
  <si>
    <t>【华宇通】油挡\SSOB-MMDW-300U-20612-026\华宇通\国产</t>
  </si>
  <si>
    <t>【华宇通】油挡\SSOB-MMDW-300/600-20612-028\华宇通\国产</t>
  </si>
  <si>
    <t>【华宇通】油挡\SSOB-MMDW-600A-20612-030\华宇通\国产</t>
  </si>
  <si>
    <t>【沈重型】螺旋输送器绞龙右旋\DM001.1264.3.0\磨煤机\BBD4360\国产</t>
  </si>
  <si>
    <t>沈阳重型电站设备成套有限公司</t>
  </si>
  <si>
    <t>沈重型</t>
  </si>
  <si>
    <t>GNWZBP(TH)ZYCG2020-260</t>
  </si>
  <si>
    <t>国家能源e购商城沈阳重型磨煤机备件商城铺货长协采购</t>
  </si>
  <si>
    <t>【沈重型】小齿轮轮齿\DM001.1264.2.1\磨煤机\BBD4360\国产</t>
  </si>
  <si>
    <t>【沈重型】小齿轮轴\DM001.1264.2.2\磨煤机\BBD4360\国产</t>
  </si>
  <si>
    <t>【沈重型】止退螺母\DM001.467.3.01\磨煤机\BBD4360\国产</t>
  </si>
  <si>
    <t>【沈重型】衬板螺栓\DM001.467.3.08\磨煤机\BBD4360\国产</t>
  </si>
  <si>
    <t>【沈重型】衬板螺栓\DM001.467.3.05\磨煤机\BBD4360\国产</t>
  </si>
  <si>
    <t>【沈重型】绞龙螺旋叶片右旋\DM001.1264.3.1\磨煤机\BBD4360\国产</t>
  </si>
  <si>
    <t>【沈重型】绞笼轴密封装置\DM001.4264.6.0\磨煤机\BBD4360\国产</t>
  </si>
  <si>
    <t>【沈重型】绞龙撑杆\DM001.1264.7.0\磨煤机\BBD4360\国产</t>
  </si>
  <si>
    <t>【沈重型】中空密封垫\DM001.4264.-20\磨煤机\BBD4360\国产</t>
  </si>
  <si>
    <t>【沈重型】静密封环\DM002.4254.09.01\磨煤机\DMS4254\国产</t>
  </si>
  <si>
    <t>【沈重型】动密封环\DM002.4254.09.02\磨煤机\DMS4254\国产</t>
  </si>
  <si>
    <t>【沈重型】中空管密封\DM002.4254.09.03\磨煤机\DMS4254\国产</t>
  </si>
  <si>
    <t>【沈重型】螺旋套右旋\DM002.4254.05.02\磨煤机\DMS4254\国产</t>
  </si>
  <si>
    <t>【沈重型】离合器鼓筒毂\DM002.4254.900,01\磨煤机\DMS4254\国产</t>
  </si>
  <si>
    <t>【沈重型】离合器鼓筒\DM002.4254.900.02\磨煤机\DMS4254\国产</t>
  </si>
  <si>
    <t>【沈重型】离合器星形轮\DM002.4254.900.03\磨煤机\DMS4254\国产</t>
  </si>
  <si>
    <t>【沈重型】离合器磨擦片\DM002.4254.900.04\磨煤机\DMS4254\进口</t>
  </si>
  <si>
    <t>【沈重型】离合器气囊\DM002.4254.900.05\磨煤机\DMS4254\进口</t>
  </si>
  <si>
    <t>【沈重型】减速机高速联轴器\DM002.4254.06.01\磨煤机\DMS4254\国产</t>
  </si>
  <si>
    <t>【沈重型】大齿轮\DM002.4254.01.00\磨煤机\DMS4254\国产</t>
  </si>
  <si>
    <t>【沈重型】小齿轮\DM002.4254.02.00\磨煤机\DMS4254\国产</t>
  </si>
  <si>
    <t>【沈重型】止退螺母\DM002.4254.04.06\磨煤机\DMS4254\国产</t>
  </si>
  <si>
    <t>【沈重型】防爆压力释放恒压装置\DM001.4360.1000\磨煤机\BBD4360\国产</t>
  </si>
  <si>
    <t>【沈重型】挡油密封\DM002.4254.01.01\磨煤机\DMS4254\国产</t>
  </si>
  <si>
    <t>【沈重型】衬板螺栓\DM002.4254.04.01\磨煤机\DMS4254\国产</t>
  </si>
  <si>
    <t>【沈重型】衬板螺栓\DM002.4254.04.02\磨煤机\DMS4254\国产</t>
  </si>
  <si>
    <t>【沈重型】衬板螺栓\DM002.4254.04.03\磨煤机\DMS4254\国产</t>
  </si>
  <si>
    <t>【沈重型】衬板螺栓\DM002.4254.04.04\磨煤机\DMS4254\国产</t>
  </si>
  <si>
    <t>【沈重型】筒体衬板\DM002.4254.04.00\磨煤机\DMS4254\国产</t>
  </si>
  <si>
    <t>【沈重型】大牙轮\DM003.70402.00\磨煤机\BBD4060\国产</t>
  </si>
  <si>
    <t>【沈重型】小牙轮\DM003.51402.5\磨煤机\BBD4060\国产</t>
  </si>
  <si>
    <t>【沈重型】小齿轮轴\DM003.51402.18\磨煤机\BBD4060\国产</t>
  </si>
  <si>
    <t>【沈重型】左螺旋管\DM004.4254.05.01\磨煤机\DMS4254\国产</t>
  </si>
  <si>
    <t>【沈重型】小牙轮\DM004.4254.02.00\磨煤机\DMS4254\国产</t>
  </si>
  <si>
    <t>【沈重型】大牙轮\DM004.4254.01.00\磨煤机\DMS4254\国产</t>
  </si>
  <si>
    <t>【沈重型】螺旋管\DM005.1224.10\磨煤机\MTZ3560\国产</t>
  </si>
  <si>
    <t>【沈重型】轴瓦\DM006.40402.50\磨煤机\BBD4060B\国产</t>
  </si>
  <si>
    <t>【沈重型】大齿轮\DM006.81522.00\磨煤机\BBD4060B\国产</t>
  </si>
  <si>
    <t>【沈重型】齿轮联轴器\DM006.ZL15.240-260\磨煤机\BBD4060B\国产</t>
  </si>
  <si>
    <t>【沈重型】电机联轴器\DM006.ZL12.130-180\磨煤机\BBD4060B\国产</t>
  </si>
  <si>
    <t>【沈重型】绞笼轴承座\DM006.20402.1\磨煤机\BBD4060B\国产</t>
  </si>
  <si>
    <t>【沈重型】齿轮连接组件\DM006.70402.2.7\磨煤机\BBD4060B\国产</t>
  </si>
  <si>
    <t>【沈重型】输送装置绞笼\DM006.20602.1.00\磨煤机\BBD4060B\国产</t>
  </si>
  <si>
    <t>【沈重型】绞笼棒\DM006.40451.01\磨煤机\BBD4060B\国产</t>
  </si>
  <si>
    <t>【沈重型】绞笼衬板\DM006.40451.07\磨煤机\BBD4060B\国产</t>
  </si>
  <si>
    <t>【沈重型】绞笼轴\DM006.30422.1.20\磨煤机\BBD4060B\国产</t>
  </si>
  <si>
    <t>【沈重型】左旋绞笼叶片\DM006.80602.1.30\磨煤机\BBD4060B\国产</t>
  </si>
  <si>
    <t>【沈重型】一级分配器格栅\DM006.51403.02\磨煤机\BBD4060B\国产</t>
  </si>
  <si>
    <t>【沈重型】绞笼链条\DM006.40452.00\磨煤机\BBD4060B\国产</t>
  </si>
  <si>
    <t>【沈重型】小牙轮轴\DM006.02522.03\磨煤机\BBD4060B\国产</t>
  </si>
  <si>
    <t>【沈重型】小牙轮\DM006.02522.01\磨煤机\BBD4060B\国产</t>
  </si>
  <si>
    <t>【沈重型】非驱动端耳轴\DM006.80402.1\磨煤机\BBD4060B\国产</t>
  </si>
  <si>
    <t>【沈重型】耳轴螺栓\DM006.80402.2\磨煤机\BBD4060B\国产</t>
  </si>
  <si>
    <t>【沈重型】小齿轮非驱动端轴承座\DM006.51402.12\磨煤机\BBD4060B\国产</t>
  </si>
  <si>
    <t>【沈重型】中空轴密封垫\DM006.20402.8.00\磨煤机\BBD4060B\国产</t>
  </si>
  <si>
    <t>【沈重型】热风盒\DM006.80602.20\磨煤机\BBD4060B\国产</t>
  </si>
  <si>
    <t>【沈重型】大瓦检查孔盖\DM006.40402.5\磨煤机\BBD4060B\国产</t>
  </si>
  <si>
    <t>【沈重型】减速机冷油器\DM006.51404.01\磨煤机\BBD4060B\国产</t>
  </si>
  <si>
    <t>【沈重型】喷油气泵\DZPY0535002-QB\磨煤机\BBD4060B\国产</t>
  </si>
  <si>
    <t>【沈重型】分段式大齿轮齿段\DM001.4300.1.01\磨煤机\BBD4360\国产</t>
  </si>
  <si>
    <t>【沈重型】小齿轮\DM001.4300.2.01\磨煤机\BBD4360\国产</t>
  </si>
  <si>
    <t>【沈重型】高速联轴器\DM001.4300.3.00\磨煤机\BBD4360\国产</t>
  </si>
  <si>
    <t>【沈重型】小齿轮联轴器弹簧\DM001.1210T.10.3\磨煤机\BBD4360\国产</t>
  </si>
  <si>
    <t>【沈重型】减速机联轴器弹簧\DM001.1150T.10.3\磨煤机\BBD4360\国产</t>
  </si>
  <si>
    <t>【沈重型】低压油泵密封\HL495\磨煤机\DMS4254\国产</t>
  </si>
  <si>
    <t>【沈重型】过滤器壳体\A04-094435\磨煤机\DMS4254\国产</t>
  </si>
  <si>
    <t>【沈重型】球磨机小齿轮轴\DM007.2964.02\磨煤机\MTZ2964\国产</t>
  </si>
  <si>
    <t>【沈重型】球磨机小齿轮\DM007.2964.03\磨煤机\MTZ2964\国产</t>
  </si>
  <si>
    <t>【沈重型】低速联轴器\DM003.ZL15.280-260\磨煤机\BBD4060\国产</t>
  </si>
  <si>
    <t>【沈重型】高速联轴器\DM003.ZL13.200-160\磨煤机\BBD4060\国产</t>
  </si>
  <si>
    <t>【沈重型】左旋绞龙\DM003.30822.1.00\磨煤机\BBD4060\国产</t>
  </si>
  <si>
    <t>【沈重型】绞笼绞翅左旋\DM003.30802.1.10\磨煤机\BBD4060\国产</t>
  </si>
  <si>
    <t>【沈重型】盖\DM003.30802.1.50\磨煤机\BBD4060\国产</t>
  </si>
  <si>
    <t>【沈重型】螺母\DM003.30802.1.3\磨煤机\BBD4060\国产</t>
  </si>
  <si>
    <t>【沈重型】防护块\DM003.30802.1.40\磨煤机\BBD4060\国产</t>
  </si>
  <si>
    <t>【沈重型】螺柱\DM003.30802.1.1\磨煤机\BBD4060\国产</t>
  </si>
  <si>
    <t>【沈重型】套筒\DM003.30802.1.2\磨煤机\BBD4060\国产</t>
  </si>
  <si>
    <t>【沈重型】透盖\DM003.30802.1.30\磨煤机\BBD4060\国产</t>
  </si>
  <si>
    <t>【沈重型】圆环链\DM003.30802.1.60\磨煤机\BBD4060\国产</t>
  </si>
  <si>
    <t>【沈重型】中空轴密封垫\DMMF003.00.8\磨煤机\BBD4060\国产</t>
  </si>
  <si>
    <t>【沈重型】料位计差压管\DM003.30802.4.00\磨煤机\BBD4060\国产</t>
  </si>
  <si>
    <t>【沈重型】减速机冷油器油泵\4060HR-DM003.80115.05\磨煤机\BBD4060\国产</t>
  </si>
  <si>
    <t>【沈重型】变速箱与电机联轴器\DM004.4254.003.03\磨煤机\DMS4254\国产</t>
  </si>
  <si>
    <t>【沈重型】变速箱离合器连接组件\DM004.4254.003.01\磨煤机\DMS4254\国产</t>
  </si>
  <si>
    <t>【沈重型】空气管道减速箱旋转密封\DM004.4254.003.04\磨煤机\DMS4254\国产</t>
  </si>
  <si>
    <t>【沈重型】离合器切换阀压力罐\DM004.4254.004.01\磨煤机\DMS4254\国产</t>
  </si>
  <si>
    <t>【沈重型】压缩空气滤清器\DM004.4254.004.02\磨煤机\DMS4254\国产</t>
  </si>
  <si>
    <t>【沈重型】压缩空气调压阀\DM004.4254.004.03\磨煤机\DMS4254\国产</t>
  </si>
  <si>
    <t>【沈重型】左螺旋输送器\DM004.4254.005.01\磨煤机\DMS4254\国产</t>
  </si>
  <si>
    <t>【沈重型】密封风室迷宫密封内外套\DM004.4254.006.00\磨煤机\DMS4254\国产</t>
  </si>
  <si>
    <t>【沈重型】密封风室内密封垫\DM004.4254.006.04\磨煤机\DMS4254\国产</t>
  </si>
  <si>
    <t>【沈重型】密封风室外密封垫\DM004.4254.006.05\磨煤机\DMS4254\国产</t>
  </si>
  <si>
    <t>【沈重型】油站低压油泵\D05-035501\磨煤机\DMS4254\进口</t>
  </si>
  <si>
    <t>【沈重型】油站高压油泵\D05-035503\磨煤机\DMS4254\进口</t>
  </si>
  <si>
    <t>【沈重型】喷油分配器\DZHB-200\磨煤机\BBD4060\国产</t>
  </si>
  <si>
    <t>【沈重型】喷油分配器\DZHB-100\磨煤机\BBD4060\国产</t>
  </si>
  <si>
    <t>【沈重型】喷油换向阀\DZHB-300\磨煤机\DMS4254\国产</t>
  </si>
  <si>
    <t>【肯特】阀芯阀杆组件\600LB 10" WC6\调节阀\1200\Kentintrol\进口</t>
  </si>
  <si>
    <t>优联新光科技（北京）有限公司</t>
  </si>
  <si>
    <t>肯特</t>
  </si>
  <si>
    <t>GNWZBP(TH)ZYCG2020-236</t>
  </si>
  <si>
    <t>国家能源e购商城肯特调节阀备件区域级长协采购框架合同</t>
  </si>
  <si>
    <t>优联新光科技(北京)有限公司</t>
  </si>
  <si>
    <t>【肯特】阀芯阀杆组件\600LB 12" WC6\调节阀\1200\Kentintrol\进口</t>
  </si>
  <si>
    <t>【肯特】阀芯阀杆组件\600LB 14" WC6\调节阀\1200\Kentintrol\进口</t>
  </si>
  <si>
    <t>【肯特】阀芯阀杆组件\600LB 16" WC6\调节阀\1200\Kentintrol\进口</t>
  </si>
  <si>
    <t>【肯特】阀芯阀杆组件\600LB 18" WC6\调节阀\1200\Kentintrol\进口</t>
  </si>
  <si>
    <t>【肯特】阀芯阀杆组件\900LB 1" WC6\调节阀\1200\Kentintrol\进口</t>
  </si>
  <si>
    <t>【肯特】阀芯阀杆组件\900LB 2" WC6\调节阀\1200\Kentintrol\进口</t>
  </si>
  <si>
    <t>【肯特】阀芯阀杆组件\900LB 3" WC6\调节阀\1200\Kentintrol\进口</t>
  </si>
  <si>
    <t>【肯特】阀芯阀杆组件\900LB 4" WC6\调节阀\1200\Kentintrol\进口</t>
  </si>
  <si>
    <t>【肯特】阀芯阀杆组件\900LB 6" WC6\调节阀\1200\Kentintrol\进口</t>
  </si>
  <si>
    <t>【肯特】阀芯阀杆组件\900LB 8" WC6\调节阀\1200\Kentintrol\进口</t>
  </si>
  <si>
    <t>【肯特】阀芯阀杆组件\1500LB 1" WC6\调节阀\1200\Kentintrol\进口</t>
  </si>
  <si>
    <t>【肯特】阀芯阀杆组件\1500LB 2" WC6\调节阀\1200\Kentintrol\进口</t>
  </si>
  <si>
    <t>【肯特】阀芯阀杆组件\1500LB 3" WC6\调节阀\1200\Kentintrol\进口</t>
  </si>
  <si>
    <t>【肯特】阀芯阀杆组件\1500LB 4" WC6\调节阀\1200\Kentintrol\进口</t>
  </si>
  <si>
    <t>【肯特】阀芯阀杆组件\1500LB 6" WC6\调节阀\1200\Kentintrol\进口</t>
  </si>
  <si>
    <t>【肯特】阀芯阀杆组件\2500LB 1" WC6\调节阀\1200\Kentintrol\进口</t>
  </si>
  <si>
    <t>【肯特】阀芯阀杆组件\2500LB 2" WC6\调节阀\1200\Kentintrol\进口</t>
  </si>
  <si>
    <t>【肯特】阀芯阀杆组件\2500LB 3" WC6\调节阀\1200\Kentintrol\进口</t>
  </si>
  <si>
    <t>【肯特】阀芯阀杆组件\2500LB 4" WC6\调节阀\1200\Kentintrol\进口</t>
  </si>
  <si>
    <t>【肯特】阀芯阀杆组件\2500LB 6" WC6\调节阀\1200\Kentintrol\进口</t>
  </si>
  <si>
    <t>【肯特】阀芯阀杆组件\2500LB 8" WC6\调节阀\1200\Kentintrol\进口</t>
  </si>
  <si>
    <t>【肯特】阀芯阀杆组件\150LB 1" WC9\调节阀\1200\Kentintrol\进口</t>
  </si>
  <si>
    <t>【肯特】阀芯阀杆组件\150LB 2" WC9\调节阀\1200\Kentintrol\进口</t>
  </si>
  <si>
    <t>【肯特】阀芯阀杆组件\150LB 3" WC9\调节阀\1200\Kentintrol\进口</t>
  </si>
  <si>
    <t>【肯特】阀芯阀杆组件\150LB 4" WC9\调节阀\1200\Kentintrol\进口</t>
  </si>
  <si>
    <t>【肯特】阀芯阀杆组件\150LB 6" WC9\调节阀\1200\Kentintrol\进口</t>
  </si>
  <si>
    <t>【肯特】阀芯阀杆组件\150LB 8" WC9\调节阀\1200\Kentintrol\进口</t>
  </si>
  <si>
    <t>【肯特】阀芯阀杆组件\150LB 10" WC9\调节阀\1200\Kentintrol\进口</t>
  </si>
  <si>
    <t>【肯特】阀芯阀杆组件\150LB 12" WC9\调节阀\1200\Kentintrol\进口</t>
  </si>
  <si>
    <t>【肯特】阀芯阀杆组件\150LB 14" WC9\调节阀\1200\Kentintrol\进口</t>
  </si>
  <si>
    <t>【肯特】阀芯阀杆组件\150LB 16" WC9\调节阀\1200\Kentintrol\进口</t>
  </si>
  <si>
    <t>【肯特】阀芯阀杆组件\150LB 18" WC9\调节阀\1200\Kentintrol\进口</t>
  </si>
  <si>
    <t>【肯特】阀芯阀杆组件\300LB 1" WC9\调节阀\1200\Kentintrol\进口</t>
  </si>
  <si>
    <t>【肯特】阀芯阀杆组件\300LB 2" WC9\调节阀\1200\Kentintrol\进口</t>
  </si>
  <si>
    <t>【肯特】阀芯阀杆组件\300LB 3" WC9\调节阀\1200\Kentintrol\进口</t>
  </si>
  <si>
    <t>【肯特】阀芯阀杆组件\300LB 4" WC9\调节阀\1200\Kentintrol\进口</t>
  </si>
  <si>
    <t>【肯特】阀芯阀杆组件\300LB 6" WC9\调节阀\1200\Kentintrol\进口</t>
  </si>
  <si>
    <t>【肯特】阀芯阀杆组件\300LB 8" WC9\调节阀\1200\Kentintrol\进口</t>
  </si>
  <si>
    <t>【肯特】阀芯阀杆组件\300LB 10" WC9\调节阀\1200\Kentintrol\进口</t>
  </si>
  <si>
    <t>【肯特】阀芯阀杆组件\300LB 12" WC9\调节阀\1200\Kentintrol\进口</t>
  </si>
  <si>
    <t>【肯特】阀芯阀杆组件\300LB 14" WC9\调节阀\1200\Kentintrol\进口</t>
  </si>
  <si>
    <t>【肯特】阀芯阀杆组件\300LB 16" WC9\调节阀\1200\Kentintrol\进口</t>
  </si>
  <si>
    <t>【肯特】阀芯阀杆组件\300LB 18" WC9\调节阀\1200\Kentintrol\进口</t>
  </si>
  <si>
    <t>【肯特】阀芯阀杆组件\600LB 1" WC9\调节阀\1200\Kentintrol\进口</t>
  </si>
  <si>
    <t>【肯特】阀芯阀杆组件\600LB 2" WC9\调节阀\1200\Kentintrol\进口</t>
  </si>
  <si>
    <t>【肯特】阀芯阀杆组件\600LB 3" WC9\调节阀\1200\Kentintrol\进口</t>
  </si>
  <si>
    <t>【肯特】阀芯阀杆组件\600LB 4" WC9\调节阀\1200\Kentintrol\进口</t>
  </si>
  <si>
    <t>【肯特】阀芯阀杆组件\600LB 6" WC9\调节阀\1200\Kentintrol\进口</t>
  </si>
  <si>
    <t>【肯特】阀芯阀杆组件\600LB 8" WC9\调节阀\1200\Kentintrol\进口</t>
  </si>
  <si>
    <t>【肯特】阀芯阀杆组件\600LB 10" WC9\调节阀\1200\Kentintrol\进口</t>
  </si>
  <si>
    <t>【肯特】阀芯阀杆组件\600LB 12" WC9\调节阀\1200\Kentintrol\进口</t>
  </si>
  <si>
    <t>【肯特】阀芯阀杆组件\600LB 14" WC9\调节阀\1200\Kentintrol\进口</t>
  </si>
  <si>
    <t>【肯特】阀芯阀杆组件\600LB 16" WC9\调节阀\1200\Kentintrol\进口</t>
  </si>
  <si>
    <t>【肯特】阀芯阀杆组件\600LB 18" WC9\调节阀\1200\Kentintrol\进口</t>
  </si>
  <si>
    <t>【肯特】阀芯阀杆组件\900LB 1" WC9\调节阀\1200\Kentintrol\进口</t>
  </si>
  <si>
    <t>【肯特】阀芯阀杆组件\900LB 2" WC9\调节阀\1200\Kentintrol\进口</t>
  </si>
  <si>
    <t>【肯特】阀芯阀杆组件\900LB 3" WC9\调节阀\1200\Kentintrol\进口</t>
  </si>
  <si>
    <t>【肯特】阀芯阀杆组件\900LB 4" WC9\调节阀\1200\Kentintrol\进口</t>
  </si>
  <si>
    <t>【肯特】阀芯阀杆组件\900LB 6" WC9\调节阀\1200\Kentintrol\进口</t>
  </si>
  <si>
    <t>【肯特】阀芯阀杆组件\900LB 8" WC9\调节阀\1200\Kentintrol\进口</t>
  </si>
  <si>
    <t>【肯特】阀芯阀杆组件\1500LB 1" WC9\调节阀\1200\Kentintrol\进口</t>
  </si>
  <si>
    <t>【肯特】阀芯阀杆组件\1500LB 2" WC9\调节阀\1200\Kentintrol\进口</t>
  </si>
  <si>
    <t>【肯特】阀芯阀杆组件\1500LB 3" WC9\调节阀\1200\Kentintrol\进口</t>
  </si>
  <si>
    <t>【肯特】阀芯阀杆组件\1500LB 4" WC9\调节阀\1200\Kentintrol\进口</t>
  </si>
  <si>
    <t>【肯特】阀芯阀杆组件\1500LB 6" WC9\调节阀\1200\Kentintrol\进口</t>
  </si>
  <si>
    <t>【肯特】阀芯阀杆组件\2500LB 1" WC9\调节阀\1200\Kentintrol\进口</t>
  </si>
  <si>
    <t>【肯特】阀芯阀杆组件\2500LB 2" WC9\调节阀\1200\Kentintrol\进口</t>
  </si>
  <si>
    <t>【肯特】阀芯阀杆组件\2500LB 3" WC9\调节阀\1200\Kentintrol\进口</t>
  </si>
  <si>
    <t>【肯特】阀芯阀杆组件\2500LB 4" WC9\调节阀\1200\Kentintrol\进口</t>
  </si>
  <si>
    <t>【肯特】阀芯阀杆组件\2500LB 6" WC9\调节阀\1200\Kentintrol\进口</t>
  </si>
  <si>
    <t>【肯特】阀芯阀杆组件\2500LB 8" WC9\调节阀\1200\Kentintrol\进口</t>
  </si>
  <si>
    <t>【肯特】垫片\AZ06149PC-BZ06425JK\调节阀\19\Kentintrol\进口</t>
  </si>
  <si>
    <t>【肯特】垫片\DB08001JN\调节阀\Kentintrol\进口</t>
  </si>
  <si>
    <t>【肯特】垫片\AZ08117PC-BZ08305JK\调节阀\19\Kentintrol\进口</t>
  </si>
  <si>
    <t>【肯特】垫片\DB10001JN\调节阀\Kentintrol\进口</t>
  </si>
  <si>
    <t>【肯特】垫片\DB12001JN\调节阀\19\Kentintrol\进口</t>
  </si>
  <si>
    <t>【肯特】垫片\DB14001JN\调节阀\1200\Kentintrol\进口</t>
  </si>
  <si>
    <t>【肯特】垫片\DBXA50001JN1A2A\调节阀\1200\Kentintrol\进口</t>
  </si>
  <si>
    <t>【肯特】垫片\DB15001JN1B2B\调节阀\1200\Kentintrol\进口</t>
  </si>
  <si>
    <t>【肯特】垫片\DB02002JN1C2C\调节阀\1200\Kentintrol\进口</t>
  </si>
  <si>
    <t>【肯特】垫片\DB03001JN1D2D\调节阀\1200\Kentintrol\进口</t>
  </si>
  <si>
    <t>【肯特】垫片\DBXD6001JN1D2D\调节阀\1200\Kentintrol\进口</t>
  </si>
  <si>
    <t>【肯特】垫片\DB04001JN1E2E\调节阀\1200\Kentintrol\进口</t>
  </si>
  <si>
    <t>【肯特】垫片\DBXE5001JN1E2E\调节阀\1200\Kentintrol\进口</t>
  </si>
  <si>
    <t>【肯特】垫片\DB06001JN1F2F\调节阀\1200\Kentintrol\进口</t>
  </si>
  <si>
    <t>【肯特】垫片\DB06003JN1F2F\调节阀\1200\Kentintrol\进口</t>
  </si>
  <si>
    <t>【肯特】垫片\ICT08025DF1S1F2F\调节阀\1200\Kentintrol\进口</t>
  </si>
  <si>
    <t>【肯特】垫片\DB08001JN1G2G\调节阀\1200\Kentintrol\进口</t>
  </si>
  <si>
    <t>【肯特】垫片\ICT08031JK30JK29JK\调节阀\1200\Kentintrol\进口</t>
  </si>
  <si>
    <t>【肯特】垫片\DB06003JN\调节阀\19\Kentintrol\进口</t>
  </si>
  <si>
    <t>【肯特】阀体\150LB 2" WCB\调节阀\19\Kentintrol\进口</t>
  </si>
  <si>
    <t>【肯特】阀体\150LB 3" WCB\调节阀\19\Kentintrol\进口</t>
  </si>
  <si>
    <t>【肯特】阀体\150LB 4" WCB\调节阀\19\Kentintrol\进口</t>
  </si>
  <si>
    <t>【肯特】阀体\150LB 6" WCB\调节阀\19\Kentintrol\进口</t>
  </si>
  <si>
    <t>【肯特】阀体\150LB 8" WCB\调节阀\19\Kentintrol\进口</t>
  </si>
  <si>
    <t>【肯特】阀体\150LB 10" WCB\调节阀\19\Kentintrol\进口</t>
  </si>
  <si>
    <t>【肯特】阀体\150LB 12" WCB\调节阀\19\Kentintrol\进口</t>
  </si>
  <si>
    <t>【肯特】阀体\150LB 14" WCB\调节阀\19\Kentintrol\进口</t>
  </si>
  <si>
    <t>【肯特】阀体\150LB 16" WCB\调节阀\19\Kentintrol\进口</t>
  </si>
  <si>
    <t>【肯特】阀体\150LB 18" WCB\调节阀\19\Kentintrol\进口</t>
  </si>
  <si>
    <t>【肯特】阀体\300LB 1" WCB\调节阀\19\Kentintrol\进口</t>
  </si>
  <si>
    <t>【肯特】阀体\300LB 2" WCB\调节阀\19\Kentintrol\进口</t>
  </si>
  <si>
    <t>【肯特】阀体\300LB 3" WCB\调节阀\19\Kentintrol\进口</t>
  </si>
  <si>
    <t>【肯特】阀体\300LB 4" WCB\调节阀\19\Kentintrol\进口</t>
  </si>
  <si>
    <t>【肯特】阀体\300LB 6" WCB\调节阀\19\Kentintrol\进口</t>
  </si>
  <si>
    <t>【肯特】阀体\300LB 8" WCB\调节阀\19\Kentintrol\进口</t>
  </si>
  <si>
    <t>【肯特】阀体\300LB 10" WCB\调节阀\19\Kentintrol\进口</t>
  </si>
  <si>
    <t>【肯特】阀体\300LB 12" WCB\调节阀\19\Kentintrol\进口</t>
  </si>
  <si>
    <t>【肯特】阀体\300LB 14" WCB\调节阀\19\Kentintrol\进口</t>
  </si>
  <si>
    <t>【肯特】阀体\300LB 16" WCB\调节阀\19\Kentintrol\进口</t>
  </si>
  <si>
    <t>【肯特】阀体\300LB 18" WCB\调节阀\19\Kentintrol\进口</t>
  </si>
  <si>
    <t>【肯特】阀体\600LB 1" WCB\调节阀\19\Kentintrol\进口</t>
  </si>
  <si>
    <t>【肯特】阀体\600LB 2" WCB\调节阀\19\Kentintrol\进口</t>
  </si>
  <si>
    <t>【肯特】阀体\600LB 3" WCB\调节阀\19\Kentintrol\进口</t>
  </si>
  <si>
    <t>【肯特】阀体\600LB 4" WCB\调节阀\19\Kentintrol\进口</t>
  </si>
  <si>
    <t>【肯特】阀体\600LB 6" WCB\调节阀\19\Kentintrol\进口</t>
  </si>
  <si>
    <t>【肯特】阀体\600LB 8" WCB\调节阀\19\Kentintrol\进口</t>
  </si>
  <si>
    <t>【肯特】阀体\600LB 10" WCB\调节阀\19\Kentintrol\进口</t>
  </si>
  <si>
    <t>【肯特】阀体\600LB 12" WCB\调节阀\19\Kentintrol\进口</t>
  </si>
  <si>
    <t>【肯特】阀体\600LB 14" WCB\调节阀\19\Kentintrol\进口</t>
  </si>
  <si>
    <t>【肯特】阀体\600LB 16" WCB\调节阀\19\Kentintrol\进口</t>
  </si>
  <si>
    <t>【肯特】阀体\600LB 18" WCB\调节阀\19\Kentintrol\进口</t>
  </si>
  <si>
    <t>【肯特】阀体\900LB 1" WCB\调节阀\19\Kentintrol\进口</t>
  </si>
  <si>
    <t>【肯特】阀体\900LB 2" WCB\调节阀\19\Kentintrol\进口</t>
  </si>
  <si>
    <t>【肯特】阀体\900LB 3" WCB\调节阀\19\Kentintrol\进口</t>
  </si>
  <si>
    <t>【肯特】阀体\900LB 4" WCB\调节阀\19\Kentintrol\进口</t>
  </si>
  <si>
    <t>【肯特】阀体\900LB 6" WCB\调节阀\19\Kentintrol\进口</t>
  </si>
  <si>
    <t>【肯特】阀体\900LB 8" WCB\调节阀\19\Kentintrol\进口</t>
  </si>
  <si>
    <t>【肯特】阀体\1500LB 1" WCB\调节阀\19\Kentintrol\进口</t>
  </si>
  <si>
    <t>【肯特】阀体\1500LB 2" WCB\调节阀\19\Kentintrol\进口</t>
  </si>
  <si>
    <t>【肯特】阀体\1500LB 3" WCB\调节阀\19\Kentintrol\进口</t>
  </si>
  <si>
    <t>【肯特】阀体\1500LB 4" WCB\调节阀\19\Kentintrol\进口</t>
  </si>
  <si>
    <t>【肯特】阀体\1500LB 6" WCB\调节阀\19\Kentintrol\进口</t>
  </si>
  <si>
    <t>【肯特】阀体\2500LB 1" WCB\调节阀\19\Kentintrol\进口</t>
  </si>
  <si>
    <t>【肯特】阀体\2500LB 2" WCB\调节阀\19\Kentintrol\进口</t>
  </si>
  <si>
    <t>【肯特】阀体\2500LB 3" WCB\调节阀\19\Kentintrol\进口</t>
  </si>
  <si>
    <t>【肯特】阀体\2500LB 4" WCB\调节阀\19\Kentintrol\进口</t>
  </si>
  <si>
    <t>【肯特】阀体\2500LB 6" WCB\调节阀\19\Kentintrol\进口</t>
  </si>
  <si>
    <t>【肯特】阀体\2500LB 8" WCB\调节阀\19\Kentintrol\进口</t>
  </si>
  <si>
    <t>【肯特】阀体\150LB 1" WC6\调节阀\19\Kentintrol\进口</t>
  </si>
  <si>
    <t>【肯特】阀体\150LB 2" WC6\调节阀\19\Kentintrol\进口</t>
  </si>
  <si>
    <t>【肯特】阀体\150LB 3" WC6\调节阀\19\Kentintrol\进口</t>
  </si>
  <si>
    <t>【肯特】阀体\150LB 4" WC6\调节阀\19\Kentintrol\进口</t>
  </si>
  <si>
    <t>【肯特】阀体\150LB 6" WC6\调节阀\19\Kentintrol\进口</t>
  </si>
  <si>
    <t>【肯特】阀体\150LB 8" WC6\调节阀\19\Kentintrol\进口</t>
  </si>
  <si>
    <t>【肯特】阀体\150LB 10" WC6\调节阀\19\Kentintrol\进口</t>
  </si>
  <si>
    <t>【肯特】阀体\150LB 12" WC6\调节阀\19\Kentintrol\进口</t>
  </si>
  <si>
    <t>【肯特】阀体\150LB 14" WC6\调节阀\19\Kentintrol\进口</t>
  </si>
  <si>
    <t>【肯特】阀体\150LB 16" WC6\调节阀\19\Kentintrol\进口</t>
  </si>
  <si>
    <t>【肯特】阀体\150LB 18" WC6\调节阀\19\Kentintrol\进口</t>
  </si>
  <si>
    <t>【肯特】阀体\300LB 1" WC6\调节阀\19\Kentintrol\进口</t>
  </si>
  <si>
    <t>【肯特】阀体\300LB 2" WC6\调节阀\19\Kentintrol\进口</t>
  </si>
  <si>
    <t>【肯特】阀体\300LB 3" WC6\调节阀\19\Kentintrol\进口</t>
  </si>
  <si>
    <t>【肯特】阀体\300LB 4" WC6\调节阀\19\Kentintrol\进口</t>
  </si>
  <si>
    <t>【肯特】阀体\300LB 6" WC6\调节阀\19\Kentintrol\进口</t>
  </si>
  <si>
    <t>【肯特】阀体\300LB 8" WC6\调节阀\19\Kentintrol\进口</t>
  </si>
  <si>
    <t>【肯特】阀体\300LB 10" WC6\调节阀\19\Kentintrol\进口</t>
  </si>
  <si>
    <t>【肯特】阀体\300LB 12" WC6\调节阀\19\Kentintrol\进口</t>
  </si>
  <si>
    <t>【肯特】阀体\300LB 14" WC6\调节阀\19\Kentintrol\进口</t>
  </si>
  <si>
    <t>【肯特】阀体\300LB 16" WC6\调节阀\19\Kentintrol\进口</t>
  </si>
  <si>
    <t>【肯特】阀体\300LB 18" WC6\调节阀\19\Kentintrol\进口</t>
  </si>
  <si>
    <t>【肯特】阀体\600LB 1" WC6\调节阀\19\Kentintrol\进口</t>
  </si>
  <si>
    <t>【肯特】阀体\600LB 2" WC6\调节阀\19\Kentintrol\进口</t>
  </si>
  <si>
    <t>【肯特】阀体\600LB 3" WC6\调节阀\19\Kentintrol\进口</t>
  </si>
  <si>
    <t>【肯特】阀体\600LB 4" WC6\调节阀\19\Kentintrol\进口</t>
  </si>
  <si>
    <t>【肯特】阀体\600LB 6" WC6\调节阀\19\Kentintrol\进口</t>
  </si>
  <si>
    <t>【肯特】阀体\600LB 8" WC6\调节阀\19\Kentintrol\进口</t>
  </si>
  <si>
    <t>【肯特】阀体\600LB 10" WC6\调节阀\19\Kentintrol\进口</t>
  </si>
  <si>
    <t>【肯特】阀体\600LB 12" WC6\调节阀\19\Kentintrol\进口</t>
  </si>
  <si>
    <t>【肯特】阀体\600LB 14" WC6\调节阀\19\Kentintrol\进口</t>
  </si>
  <si>
    <t>【肯特】阀体\600LB 16" WC6\调节阀\19\Kentintrol\进口</t>
  </si>
  <si>
    <t>【肯特】阀体\600LB 18" WC6\调节阀\19\Kentintrol\进口</t>
  </si>
  <si>
    <t>【肯特】阀体\900LB 1" WC6\调节阀\19\Kentintrol\进口</t>
  </si>
  <si>
    <t>【肯特】阀体\900LB 2" WC6\调节阀\19\Kentintrol\进口</t>
  </si>
  <si>
    <t>【肯特】阀体\900LB 3" WC6\调节阀\19\Kentintrol\进口</t>
  </si>
  <si>
    <t>【肯特】阀体\900LB 4" WC6\调节阀\19\Kentintrol\进口</t>
  </si>
  <si>
    <t>【肯特】阀体\900LB 6" WC6\调节阀\19\Kentintrol\进口</t>
  </si>
  <si>
    <t>【肯特】阀体\900LB 8" WC6\调节阀\19\Kentintrol\进口</t>
  </si>
  <si>
    <t>【肯特】阀体\1500LB 1" WC6\调节阀\19\Kentintrol\进口</t>
  </si>
  <si>
    <t>【肯特】阀体\1500LB 2" WC6\调节阀\19\Kentintrol\进口</t>
  </si>
  <si>
    <t>【肯特】阀体\1500LB 3" WC6\调节阀\19\Kentintrol\进口</t>
  </si>
  <si>
    <t>【肯特】阀体\1500LB 4" WC6\调节阀\19\Kentintrol\进口</t>
  </si>
  <si>
    <t>【肯特】阀体\1500LB 6" WC6\调节阀\19\Kentintrol\进口</t>
  </si>
  <si>
    <t>【肯特】阀体\2500LB 1" WC6\调节阀\19\Kentintrol\进口</t>
  </si>
  <si>
    <t>【肯特】阀体\2500LB 2" WC6\调节阀\19\Kentintrol\进口</t>
  </si>
  <si>
    <t>【肯特】阀体\2500LB 3" WC6\调节阀\19\Kentintrol\进口</t>
  </si>
  <si>
    <t>【肯特】阀体\2500LB 4" WC6\调节阀\19\Kentintrol\进口</t>
  </si>
  <si>
    <t>【肯特】阀体\2500LB 6" WC6\调节阀\19\Kentintrol\进口</t>
  </si>
  <si>
    <t>【肯特】阀体\2500LB 8" WC6\调节阀\19\Kentintrol\进口</t>
  </si>
  <si>
    <t>【肯特】阀体\150LB 1" WC9\调节阀\19\Kentintrol\进口</t>
  </si>
  <si>
    <t>【肯特】阀体\150LB 2" WC9\调节阀\19\Kentintrol\进口</t>
  </si>
  <si>
    <t>【肯特】阀体\150LB 3" WC9\调节阀\19\Kentintrol\进口</t>
  </si>
  <si>
    <t>【肯特】阀体\150LB 4" WC9\调节阀\19\Kentintrol\进口</t>
  </si>
  <si>
    <t>【肯特】阀体\150LB 6" WC9\调节阀\19\Kentintrol\进口</t>
  </si>
  <si>
    <t>【肯特】阀体\150LB 8" WC9\调节阀\19\Kentintrol\进口</t>
  </si>
  <si>
    <t>【肯特】阀体\150LB 10" WC9\调节阀\19\Kentintrol\进口</t>
  </si>
  <si>
    <t>【肯特】阀体\150LB 12" WC9\调节阀\19\Kentintrol\进口</t>
  </si>
  <si>
    <t>【肯特】阀体\150LB 14" WC9\调节阀\19\Kentintrol\进口</t>
  </si>
  <si>
    <t>【肯特】阀体\150LB 16" WC9\调节阀\19\Kentintrol\进口</t>
  </si>
  <si>
    <t>【肯特】阀体\150LB 18" WC9\调节阀\19\Kentintrol\进口</t>
  </si>
  <si>
    <t>【肯特】阀体\300LB 1" WC9\调节阀\19\Kentintrol\进口</t>
  </si>
  <si>
    <t>【肯特】阀体\300LB 2" WC9\调节阀\19\Kentintrol\进口</t>
  </si>
  <si>
    <t>【肯特】阀体\300LB 3" WC9\调节阀\19\Kentintrol\进口</t>
  </si>
  <si>
    <t>【肯特】阀体\300LB 4" WC9\调节阀\19\Kentintrol\进口</t>
  </si>
  <si>
    <t>【肯特】阀体\300LB 6" WC9\调节阀\19\Kentintrol\进口</t>
  </si>
  <si>
    <t>【肯特】阀体\300LB 8" WC9\调节阀\19\Kentintrol\进口</t>
  </si>
  <si>
    <t>【肯特】阀体\300LB 10" WC9\调节阀\19\Kentintrol\进口</t>
  </si>
  <si>
    <t>【肯特】阀体\300LB 12" WC9\调节阀\19\Kentintrol\进口</t>
  </si>
  <si>
    <t>【肯特】阀体\300LB 14" WC9\调节阀\19\Kentintrol\进口</t>
  </si>
  <si>
    <t>【肯特】阀体\300LB 16" WC9\调节阀\19\Kentintrol\进口</t>
  </si>
  <si>
    <t>【肯特】阀体\300LB 18" WC9\调节阀\19\Kentintrol\进口</t>
  </si>
  <si>
    <t>【肯特】阀体\600LB 1" WC9\调节阀\19\Kentintrol\进口</t>
  </si>
  <si>
    <t>【肯特】阀体\600LB 2" WC9\调节阀\19\Kentintrol\进口</t>
  </si>
  <si>
    <t>【肯特】阀体\600LB 3" WC9\调节阀\19\Kentintrol\进口</t>
  </si>
  <si>
    <t>【肯特】阀体\600LB 4" WC9\调节阀\19\Kentintrol\进口</t>
  </si>
  <si>
    <t>【肯特】阀体\600LB 6" WC9\调节阀\19\Kentintrol\进口</t>
  </si>
  <si>
    <t>【肯特】阀体\600LB 8" WC9\调节阀\19\Kentintrol\进口</t>
  </si>
  <si>
    <t>【肯特】阀体\600LB 10" WC9\调节阀\19\Kentintrol\进口</t>
  </si>
  <si>
    <t>【肯特】阀体\600LB 12" WC9\调节阀\19\Kentintrol\进口</t>
  </si>
  <si>
    <t>【肯特】阀体\600LB 14" WC9\调节阀\19\Kentintrol\进口</t>
  </si>
  <si>
    <t>【肯特】阀体\600LB 16" WC9\调节阀\19\Kentintrol\进口</t>
  </si>
  <si>
    <t>【肯特】阀体\600LB 18" WC9\调节阀\19\Kentintrol\进口</t>
  </si>
  <si>
    <t>【肯特】阀体\900LB 1" WC9\调节阀\19\Kentintrol\进口</t>
  </si>
  <si>
    <t>【肯特】阀体\900LB 2" WC9\调节阀\19\Kentintrol\进口</t>
  </si>
  <si>
    <t>【肯特】阀体\900LB 3" WC9\调节阀\19\Kentintrol\进口</t>
  </si>
  <si>
    <t>【肯特】阀体\900LB 4" WC9\调节阀\19\Kentintrol\进口</t>
  </si>
  <si>
    <t>【肯特】阀体\900LB 6" WC9\调节阀\19\Kentintrol\进口</t>
  </si>
  <si>
    <t>【肯特】阀体\900LB 8" WC9\调节阀\19\Kentintrol\进口</t>
  </si>
  <si>
    <t>【肯特】阀体\1500LB 1" WC9\调节阀\19\Kentintrol\进口</t>
  </si>
  <si>
    <t>【肯特】阀体\1500LB 2" WC9\调节阀\19\Kentintrol\进口</t>
  </si>
  <si>
    <t>【肯特】阀体\1500LB 3" WC9\调节阀\19\Kentintrol\进口</t>
  </si>
  <si>
    <t>【肯特】阀体\1500LB 4" WC9\调节阀\19\Kentintrol\进口</t>
  </si>
  <si>
    <t>【肯特】阀体\1500LB 6" WC9\调节阀\19\Kentintrol\进口</t>
  </si>
  <si>
    <t>【肯特】阀体\2500LB 1" WC9\调节阀\19\Kentintrol\进口</t>
  </si>
  <si>
    <t>【肯特】阀体\2500LB 2" WC9\调节阀\19\Kentintrol\进口</t>
  </si>
  <si>
    <t>【肯特】阀体\2500LB 3" WC9\调节阀\19\Kentintrol\进口</t>
  </si>
  <si>
    <t>【肯特】阀体\2500LB 4" WC9\调节阀\19\Kentintrol\进口</t>
  </si>
  <si>
    <t>【肯特】阀体\2500LB 6" WC9\调节阀\19\Kentintrol\进口</t>
  </si>
  <si>
    <t>【肯特】阀体\2500LB 8" WC9\调节阀\19\Kentintrol\进口</t>
  </si>
  <si>
    <t>【肯特】阀体\150LB 1" WCB\调节阀\1200\Kentintrol\进口</t>
  </si>
  <si>
    <t>【肯特】阀体\150LB 2" WCB\调节阀\1200\Kentintrol\进口</t>
  </si>
  <si>
    <t>【肯特】阀体\150LB 3" WCB\调节阀\1200\Kentintrol\进口</t>
  </si>
  <si>
    <t>【肯特】阀体\150LB 4" WCB\调节阀\1200\Kentintrol\进口</t>
  </si>
  <si>
    <t>【肯特】阀体\150LB 6" WCB\调节阀\1200\Kentintrol\进口</t>
  </si>
  <si>
    <t>【肯特】阀体\150LB 8" WCB\调节阀\1200\Kentintrol\进口</t>
  </si>
  <si>
    <t>【肯特】阀体\150LB 10" WCB\调节阀\1200\Kentintrol\进口</t>
  </si>
  <si>
    <t>【肯特】阀体\150LB 12" WCB\调节阀\1200\Kentintrol\进口</t>
  </si>
  <si>
    <t>【肯特】阀体\150LB 14" WCB\调节阀\1200\Kentintrol\进口</t>
  </si>
  <si>
    <t>【肯特】阀体\150LB 16" WCB\调节阀\1200\Kentintrol\进口</t>
  </si>
  <si>
    <t>【肯特】阀体\150LB 18" WCB\调节阀\1200\Kentintrol\进口</t>
  </si>
  <si>
    <t>【肯特】阀体\300LB 1" WCB\调节阀\1200\Kentintrol\进口</t>
  </si>
  <si>
    <t>【肯特】阀体\300LB 2" WCB\调节阀\1200\Kentintrol\进口</t>
  </si>
  <si>
    <t>【肯特】阀体\300LB 3" WCB\调节阀\1200\Kentintrol\进口</t>
  </si>
  <si>
    <t>【肯特】阀体\300LB 4" WCB\调节阀\1200\Kentintrol\进口</t>
  </si>
  <si>
    <t>【肯特】阀体\300LB 6" WCB\调节阀\1200\Kentintrol\进口</t>
  </si>
  <si>
    <t>【肯特】阀体\300LB 8" WCB\调节阀\1200\Kentintrol\进口</t>
  </si>
  <si>
    <t>【肯特】阀体\300LB 10" WCB\调节阀\1200\Kentintrol\进口</t>
  </si>
  <si>
    <t>【肯特】阀体\300LB 12" WCB\调节阀\1200\Kentintrol\进口</t>
  </si>
  <si>
    <t>【肯特】阀体\300LB 14" WCB\调节阀\1200\Kentintrol\进口</t>
  </si>
  <si>
    <t>【肯特】阀体\300LB 16" WCB\调节阀\1200\Kentintrol\进口</t>
  </si>
  <si>
    <t>【肯特】阀体\300LB 18" WCB\调节阀\1200\Kentintrol\进口</t>
  </si>
  <si>
    <t>【肯特】阀体\600LB 1" WCB\调节阀\1200\Kentintrol\进口</t>
  </si>
  <si>
    <t>【肯特】阀体\600LB 2" WCB\调节阀\1200\Kentintrol\进口</t>
  </si>
  <si>
    <t>【肯特】阀体\600LB 3" WCB\调节阀\1200\Kentintrol\进口</t>
  </si>
  <si>
    <t>【肯特】阀体\600LB 4" WCB\调节阀\1200\Kentintrol\进口</t>
  </si>
  <si>
    <t>【肯特】阀体\600LB 6" WCB\调节阀\1200\Kentintrol\进口</t>
  </si>
  <si>
    <t>【肯特】阀体\600LB 8" WCB\调节阀\1200\Kentintrol\进口</t>
  </si>
  <si>
    <t>【肯特】阀体\600LB 10" WCB\调节阀\1200\Kentintrol\进口</t>
  </si>
  <si>
    <t>【肯特】阀体\600LB 12" WCB\调节阀\1200\Kentintrol\进口</t>
  </si>
  <si>
    <t>【肯特】阀体\600LB 14" WCB\调节阀\1200\Kentintrol\进口</t>
  </si>
  <si>
    <t>【肯特】阀体\600LB 16" WCB\调节阀\1200\Kentintrol\进口</t>
  </si>
  <si>
    <t>【肯特】阀体\600LB 18" WCB\调节阀\1200\Kentintrol\进口</t>
  </si>
  <si>
    <t>【肯特】阀体\900LB 1" WCB\调节阀\1200\Kentintrol\进口</t>
  </si>
  <si>
    <t>【肯特】阀体\900LB 2" WCB\调节阀\1200\Kentintrol\进口</t>
  </si>
  <si>
    <t>【肯特】阀体\900LB 3" WCB\调节阀\1200\Kentintrol\进口</t>
  </si>
  <si>
    <t>【肯特】阀体\900LB 4" WCB\调节阀\1200\Kentintrol\进口</t>
  </si>
  <si>
    <t>【肯特】阀体\900LB 6" WCB\调节阀\1200\Kentintrol\进口</t>
  </si>
  <si>
    <t>【肯特】阀体\900LB 8" WCB\调节阀\1200\Kentintrol\进口</t>
  </si>
  <si>
    <t>【肯特】阀体\1500LB 1" WCB\调节阀\1200\Kentintrol\进口</t>
  </si>
  <si>
    <t>【肯特】阀体\1500LB 2" WCB\调节阀\1200\Kentintrol\进口</t>
  </si>
  <si>
    <t>【肯特】阀体\1500LB 3" WCB\调节阀\1200\Kentintrol\进口</t>
  </si>
  <si>
    <t>【肯特】阀体\1500LB 4" WCB\调节阀\1200\Kentintrol\进口</t>
  </si>
  <si>
    <t>【肯特】阀体\1500LB 6" WCB\调节阀\1200\Kentintrol\进口</t>
  </si>
  <si>
    <t>【肯特】阀体\2500LB 1" WCB\调节阀\1200\Kentintrol\进口</t>
  </si>
  <si>
    <t>【肯特】阀体\2500LB 2" WCB\调节阀\1200\Kentintrol\进口</t>
  </si>
  <si>
    <t>【肯特】阀体\2500LB 3" WCB\调节阀\1200\Kentintrol\进口</t>
  </si>
  <si>
    <t>【肯特】阀体\2500LB 4" WCB\调节阀\1200\Kentintrol\进口</t>
  </si>
  <si>
    <t>【肯特】阀体\2500LB 6" WCB\调节阀\1200\Kentintrol\进口</t>
  </si>
  <si>
    <t>【肯特】阀体\2500LB 8" WCB\调节阀\1200\Kentintrol\进口</t>
  </si>
  <si>
    <t>【肯特】阀体\150LB 1" WC6\调节阀\1200\Kentintrol\进口</t>
  </si>
  <si>
    <t>【肯特】阀体\150LB 2" WC6\调节阀\1200\Kentintrol\进口</t>
  </si>
  <si>
    <t>【肯特】阀体\150LB 3" WC6\调节阀\1200\Kentintrol\进口</t>
  </si>
  <si>
    <t>【肯特】阀体\150LB 4" WC6\调节阀\1200\Kentintrol\进口</t>
  </si>
  <si>
    <t>【肯特】阀体\150LB 6" WC6\调节阀\1200\Kentintrol\进口</t>
  </si>
  <si>
    <t>【肯特】阀体\150LB 8" WC6\调节阀\1200\Kentintrol\进口</t>
  </si>
  <si>
    <t>【肯特】阀体\150LB 10" WC6\调节阀\1200\Kentintrol\进口</t>
  </si>
  <si>
    <t>【肯特】阀体\150LB 12" WC6\调节阀\1200\Kentintrol\进口</t>
  </si>
  <si>
    <t>【肯特】阀体\150LB 14" WC6\调节阀\1200\Kentintrol\进口</t>
  </si>
  <si>
    <t>【肯特】阀体\150LB 16" WC6\调节阀\1200\Kentintrol\进口</t>
  </si>
  <si>
    <t>【肯特】阀体\150LB 18" WC6\调节阀\1200\Kentintrol\进口</t>
  </si>
  <si>
    <t>【肯特】阀体\300LB 1" WC6\调节阀\1200\Kentintrol\进口</t>
  </si>
  <si>
    <t>【肯特】阀体\300LB 2" WC6\调节阀\1200\Kentintrol\进口</t>
  </si>
  <si>
    <t>【肯特】阀体\300LB 3" WC6\调节阀\1200\Kentintrol\进口</t>
  </si>
  <si>
    <t>【肯特】阀体\300LB 4" WC6\调节阀\1200\Kentintrol\进口</t>
  </si>
  <si>
    <t>【肯特】阀体\300LB 6" WC6\调节阀\1200\Kentintrol\进口</t>
  </si>
  <si>
    <t>【肯特】阀体\300LB 8" WC6\调节阀\1200\Kentintrol\进口</t>
  </si>
  <si>
    <t>【肯特】阀体\300LB 10" WC6\调节阀\1200\Kentintrol\进口</t>
  </si>
  <si>
    <t>【肯特】阀体\300LB 12" WC6\调节阀\1200\Kentintrol\进口</t>
  </si>
  <si>
    <t>【肯特】阀体\300LB 14" WC6\调节阀\1200\Kentintrol\进口</t>
  </si>
  <si>
    <t>【肯特】阀体\300LB 16" WC6\调节阀\1200\Kentintrol\进口</t>
  </si>
  <si>
    <t>【肯特】阀体\300LB 18" WC6\调节阀\1200\Kentintrol\进口</t>
  </si>
  <si>
    <t>【肯特】阀体\600LB 1" WC6\调节阀\1200\Kentintrol\进口</t>
  </si>
  <si>
    <t>【肯特】阀体\600LB 2" WC6\调节阀\1200\Kentintrol\进口</t>
  </si>
  <si>
    <t>【肯特】阀体\600LB 3" WC6\调节阀\1200\Kentintrol\进口</t>
  </si>
  <si>
    <t>【肯特】阀体\600LB 4" WC6\调节阀\1200\Kentintrol\进口</t>
  </si>
  <si>
    <t>【肯特】阀体\600LB 6" WC6\调节阀\1200\Kentintrol\进口</t>
  </si>
  <si>
    <t>【肯特】阀体\600LB 8" WC6\调节阀\1200\Kentintrol\进口</t>
  </si>
  <si>
    <t>【肯特】阀体\600LB 10" WC6\调节阀\1200\Kentintrol\进口</t>
  </si>
  <si>
    <t>【肯特】阀体\600LB 12" WC6\调节阀\1200\Kentintrol\进口</t>
  </si>
  <si>
    <t>【肯特】阀体\600LB 14" WC6\调节阀\1200\Kentintrol\进口</t>
  </si>
  <si>
    <t>【肯特】阀体\600LB 16" WC6\调节阀\1200\Kentintrol\进口</t>
  </si>
  <si>
    <t>【肯特】阀体\600LB 18" WC6\调节阀\1200\Kentintrol\进口</t>
  </si>
  <si>
    <t>【肯特】阀体\900LB 1" WC6\调节阀\1200\Kentintrol\进口</t>
  </si>
  <si>
    <t>【肯特】阀体\900LB 2" WC6\调节阀\1200\Kentintrol\进口</t>
  </si>
  <si>
    <t>【肯特】阀体\900LB 3" WC6\调节阀\1200\Kentintrol\进口</t>
  </si>
  <si>
    <t>【肯特】阀体\900LB 4" WC6\调节阀\1200\Kentintrol\进口</t>
  </si>
  <si>
    <t>【肯特】阀体\900LB 6" WC6\调节阀\1200\Kentintrol\进口</t>
  </si>
  <si>
    <t>【肯特】阀体\900LB 8" WC6\调节阀\1200\Kentintrol\进口</t>
  </si>
  <si>
    <t>【肯特】阀体\1500LB 1" WC6\调节阀\1200\Kentintrol\进口</t>
  </si>
  <si>
    <t>【肯特】阀体\1500LB 2" WC6\调节阀\1200\Kentintrol\进口</t>
  </si>
  <si>
    <t>【肯特】阀体\1500LB 3" WC6\调节阀\1200\Kentintrol\进口</t>
  </si>
  <si>
    <t>【肯特】阀体\1500LB 4" WC6\调节阀\1200\Kentintrol\进口</t>
  </si>
  <si>
    <t>【肯特】阀体\1500LB 6" WC6\调节阀\1200\Kentintrol\进口</t>
  </si>
  <si>
    <t>【肯特】阀体\2500LB 1" WC6\调节阀\1200\Kentintrol\进口</t>
  </si>
  <si>
    <t>【肯特】阀体\2500LB 2" WC6\调节阀\1200\Kentintrol\进口</t>
  </si>
  <si>
    <t>【肯特】阀体\2500LB 3" WC6\调节阀\1200\Kentintrol\进口</t>
  </si>
  <si>
    <t>【肯特】阀体\2500LB 4" WC6\调节阀\1200\Kentintrol\进口</t>
  </si>
  <si>
    <t>【肯特】阀体\2500LB 6" WC6\调节阀\1200\Kentintrol\进口</t>
  </si>
  <si>
    <t>【肯特】阀体\2500LB 8" WC6\调节阀\1200\Kentintrol\进口</t>
  </si>
  <si>
    <t>【肯特】阀体\150LB 1" WC9\调节阀\1200\Kentintrol\进口</t>
  </si>
  <si>
    <t>【肯特】阀体\150LB 2" WC9\调节阀\1200\Kentintrol\进口</t>
  </si>
  <si>
    <t>【肯特】阀体\150LB 3" WC9\调节阀\1200\Kentintrol\进口</t>
  </si>
  <si>
    <t>【肯特】阀体\150LB 4" WC9\调节阀\1200\Kentintrol\进口</t>
  </si>
  <si>
    <t>【肯特】阀体\150LB 6" WC9\调节阀\1200\Kentintrol\进口</t>
  </si>
  <si>
    <t>【肯特】阀体\150LB 8" WC9\调节阀\1200\Kentintrol\进口</t>
  </si>
  <si>
    <t>【肯特】阀体\150LB 10" WC9\调节阀\1200\Kentintrol\进口</t>
  </si>
  <si>
    <t>【肯特】阀体\150LB 12" WC9\调节阀\1200\Kentintrol\进口</t>
  </si>
  <si>
    <t>【肯特】阀体\150LB 14" WC9\调节阀\1200\Kentintrol\进口</t>
  </si>
  <si>
    <t>【肯特】阀体\150LB 16" WC9\调节阀\1200\Kentintrol\进口</t>
  </si>
  <si>
    <t>【肯特】阀体\150LB 18" WC9\调节阀\1200\Kentintrol\进口</t>
  </si>
  <si>
    <t>【肯特】阀体\300LB 1" WC9\调节阀\1200\Kentintrol\进口</t>
  </si>
  <si>
    <t>【肯特】阀体\300LB 2" WC9\调节阀\1200\Kentintrol\进口</t>
  </si>
  <si>
    <t>【肯特】阀体\300LB 3" WC9\调节阀\1200\Kentintrol\进口</t>
  </si>
  <si>
    <t>【肯特】阀体\300LB 4" WC9\调节阀\1200\Kentintrol\进口</t>
  </si>
  <si>
    <t>【肯特】阀体\300LB 6" WC9\调节阀\1200\Kentintrol\进口</t>
  </si>
  <si>
    <t>【肯特】阀体\300LB 8" WC9\调节阀\1200\Kentintrol\进口</t>
  </si>
  <si>
    <t>【肯特】阀体\300LB 10" WC9\调节阀\1200\Kentintrol\进口</t>
  </si>
  <si>
    <t>【肯特】阀体\300LB 12" WC9\调节阀\1200\Kentintrol\进口</t>
  </si>
  <si>
    <t>【肯特】阀体\300LB 14" WC9\调节阀\1200\Kentintrol\进口</t>
  </si>
  <si>
    <t>【肯特】阀体\300LB 16" WC9\调节阀\1200\Kentintrol\进口</t>
  </si>
  <si>
    <t>【肯特】阀体\300LB 18" WC9\调节阀\1200\Kentintrol\进口</t>
  </si>
  <si>
    <t>【肯特】阀体\600LB 1" WC9\调节阀\1200\Kentintrol\进口</t>
  </si>
  <si>
    <t>【肯特】阀体\600LB 2" WC9\调节阀\1200\Kentintrol\进口</t>
  </si>
  <si>
    <t>【肯特】阀体\600LB 3" WC9\调节阀\1200\Kentintrol\进口</t>
  </si>
  <si>
    <t>【肯特】阀体\600LB 4" WC9\调节阀\1200\Kentintrol\进口</t>
  </si>
  <si>
    <t>【肯特】阀体\600LB 6" WC9\调节阀\1200\Kentintrol\进口</t>
  </si>
  <si>
    <t>【肯特】阀体\600LB 8" WC9\调节阀\1200\Kentintrol\进口</t>
  </si>
  <si>
    <t>【肯特】阀体\600LB 10" WC9\调节阀\1200\Kentintrol\进口</t>
  </si>
  <si>
    <t>【肯特】阀体\600LB 12" WC9\调节阀\1200\Kentintrol\进口</t>
  </si>
  <si>
    <t>【肯特】阀体\600LB 14" WC9\调节阀\1200\Kentintrol\进口</t>
  </si>
  <si>
    <t>【肯特】阀体\600LB 16" WC9\调节阀\1200\Kentintrol\进口</t>
  </si>
  <si>
    <t>【肯特】阀体\600LB 18" WC9\调节阀\1200\Kentintrol\进口</t>
  </si>
  <si>
    <t>【肯特】阀体\900LB 1" WC9\调节阀\1200\Kentintrol\进口</t>
  </si>
  <si>
    <t>【肯特】阀体\900LB 2" WC9\调节阀\1200\Kentintrol\进口</t>
  </si>
  <si>
    <t>【肯特】阀体\900LB 3" WC9\调节阀\1200\Kentintrol\进口</t>
  </si>
  <si>
    <t>【肯特】阀体\900LB 4" WC9\调节阀\1200\Kentintrol\进口</t>
  </si>
  <si>
    <t>【肯特】阀体\900LB 6" WC9\调节阀\1200\Kentintrol\进口</t>
  </si>
  <si>
    <t>【肯特】阀体\900LB 8" WC9\调节阀\1200\Kentintrol\进口</t>
  </si>
  <si>
    <t>【肯特】阀体\1500LB 1" WC9\调节阀\1200\Kentintrol\进口</t>
  </si>
  <si>
    <t>【肯特】阀体\1500LB 2" WC9\调节阀\1200\Kentintrol\进口</t>
  </si>
  <si>
    <t>【肯特】阀体\1500LB 3" WC9\调节阀\1200\Kentintrol\进口</t>
  </si>
  <si>
    <t>【肯特】阀体\1500LB 4" WC9\调节阀\1200\Kentintrol\进口</t>
  </si>
  <si>
    <t>【肯特】阀体\1500LB 6" WC9\调节阀\1200\Kentintrol\进口</t>
  </si>
  <si>
    <t>【肯特】阀体\2500LB 1" WC9\调节阀\1200\Kentintrol\进口</t>
  </si>
  <si>
    <t>【肯特】阀体\2500LB 2" WC9\调节阀\1200\Kentintrol\进口</t>
  </si>
  <si>
    <t>【肯特】阀体\2500LB 3" WC9\调节阀\1200\Kentintrol\进口</t>
  </si>
  <si>
    <t>【肯特】阀体\2500LB 4" WC9\调节阀\1200\Kentintrol\进口</t>
  </si>
  <si>
    <t>【肯特】阀体\2500LB 6" WC9\调节阀\1200\Kentintrol\进口</t>
  </si>
  <si>
    <t>【肯特】阀体\2500LB 8" WC9\调节阀\1200\Kentintrol\进口</t>
  </si>
  <si>
    <t>【肯特】阀笼\150LB 2" WCB\调节阀\1200\Kentintrol\进口</t>
  </si>
  <si>
    <t>【肯特】阀笼\150LB 3" WCB\调节阀\1200\Kentintrol\进口</t>
  </si>
  <si>
    <t>【肯特】阀笼\150LB 4" WCB\调节阀\1200\Kentintrol\进口</t>
  </si>
  <si>
    <t>【肯特】阀笼\150LB 6" WCB\调节阀\1200\Kentintrol\进口</t>
  </si>
  <si>
    <t>【肯特】阀笼\150LB 8" WCB\调节阀\1200\Kentintrol\进口</t>
  </si>
  <si>
    <t>【肯特】阀笼\150LB 10" WCB\调节阀\1200\Kentintrol\进口</t>
  </si>
  <si>
    <t>【肯特】阀笼\150LB 12" WCB\调节阀\1200\Kentintrol\进口</t>
  </si>
  <si>
    <t>【肯特】阀笼\150LB 14" WCB\调节阀\1200\Kentintrol\进口</t>
  </si>
  <si>
    <t>【肯特】阀笼\150LB 16" WCB\调节阀\1200\Kentintrol\进口</t>
  </si>
  <si>
    <t>【肯特】阀笼\150LB 18" WCB\调节阀\1200\Kentintrol\进口</t>
  </si>
  <si>
    <t>【肯特】阀笼\300LB 1" WCB\调节阀\1200\Kentintrol\进口</t>
  </si>
  <si>
    <t>【肯特】阀笼\300LB 2" WCB\调节阀\1200\Kentintrol\进口</t>
  </si>
  <si>
    <t>【肯特】阀笼\300LB 3" WCB\调节阀\1200\Kentintrol\进口</t>
  </si>
  <si>
    <t>【肯特】阀笼\300LB 4" WCB\调节阀\1200\Kentintrol\进口</t>
  </si>
  <si>
    <t>【肯特】阀笼\300LB 6" WCB\调节阀\1200\Kentintrol\进口</t>
  </si>
  <si>
    <t>【肯特】阀笼\300LB 8" WCB\调节阀\1200\Kentintrol\进口</t>
  </si>
  <si>
    <t>【肯特】阀笼\300LB 10" WCB\调节阀\1200\Kentintrol\进口</t>
  </si>
  <si>
    <t>【肯特】阀笼\300LB 12" WCB\调节阀\1200\Kentintrol\进口</t>
  </si>
  <si>
    <t>【肯特】阀笼\300LB 14" WCB\调节阀\1200\Kentintrol\进口</t>
  </si>
  <si>
    <t>【肯特】阀笼\300LB 16" WCB\调节阀\1200\Kentintrol\进口</t>
  </si>
  <si>
    <t>【肯特】阀笼\300LB 18" WCB\调节阀\1200\Kentintrol\进口</t>
  </si>
  <si>
    <t>【肯特】阀笼\600LB 1" WCB\调节阀\1200\Kentintrol\进口</t>
  </si>
  <si>
    <t>【肯特】阀笼\600LB 2" WCB\调节阀\1200\Kentintrol\进口</t>
  </si>
  <si>
    <t>【肯特】阀笼\600LB 3" WCB\调节阀\1200\Kentintrol\进口</t>
  </si>
  <si>
    <t>【肯特】阀笼\600LB 4" WCB\调节阀\1200\Kentintrol\进口</t>
  </si>
  <si>
    <t>【肯特】阀笼\600LB 6" WCB\调节阀\1200\Kentintrol\进口</t>
  </si>
  <si>
    <t>【肯特】阀笼\600LB 8" WCB\调节阀\1200\Kentintrol\进口</t>
  </si>
  <si>
    <t>【肯特】阀笼\600LB 10" WCB\调节阀\1200\Kentintrol\进口</t>
  </si>
  <si>
    <t>【肯特】阀笼\600LB 12" WCB\调节阀\1200\Kentintrol\进口</t>
  </si>
  <si>
    <t>【肯特】阀笼\600LB 14" WCB\调节阀\1200\Kentintrol\进口</t>
  </si>
  <si>
    <t>【肯特】阀笼\600LB 16" WCB\调节阀\1200\Kentintrol\进口</t>
  </si>
  <si>
    <t>【肯特】阀笼\600LB 18" WCB\调节阀\1200\Kentintrol\进口</t>
  </si>
  <si>
    <t>【肯特】阀笼\900LB 1" WCB\调节阀\1200\Kentintrol\进口</t>
  </si>
  <si>
    <t>【肯特】阀笼\900LB 2" WCB\调节阀\1200\Kentintrol\进口</t>
  </si>
  <si>
    <t>【肯特】阀笼\900LB 3" WCB\调节阀\1200\Kentintrol\进口</t>
  </si>
  <si>
    <t>【肯特】阀笼\900LB 4" WCB\调节阀\1200\Kentintrol\进口</t>
  </si>
  <si>
    <t>【肯特】阀笼\900LB 6" WCB\调节阀\1200\Kentintrol\进口</t>
  </si>
  <si>
    <t>【肯特】阀笼\900LB 8" WCB\调节阀\1200\Kentintrol\进口</t>
  </si>
  <si>
    <t>【肯特】阀笼\1500LB 1" WCB\调节阀\1200\Kentintrol\进口</t>
  </si>
  <si>
    <t>【肯特】阀笼\1500LB 2" WCB\调节阀\1200\Kentintrol\进口</t>
  </si>
  <si>
    <t>【肯特】阀笼\1500LB 3" WCB\调节阀\1200\Kentintrol\进口</t>
  </si>
  <si>
    <t>【肯特】阀笼\1500LB 4" WCB\调节阀\1200\Kentintrol\进口</t>
  </si>
  <si>
    <t>【肯特】阀笼\1500LB 6" WCB\调节阀\1200\Kentintrol\进口</t>
  </si>
  <si>
    <t>【肯特】阀笼\2500LB 1" WCB\调节阀\1200\Kentintrol\进口</t>
  </si>
  <si>
    <t>【肯特】阀笼\2500LB 2" WCB\调节阀\1200\Kentintrol\进口</t>
  </si>
  <si>
    <t>【肯特】阀笼\2500LB 3" WCB\调节阀\1200\Kentintrol\进口</t>
  </si>
  <si>
    <t>【肯特】阀笼\2500LB 4" WCB\调节阀\1200\Kentintrol\进口</t>
  </si>
  <si>
    <t>【肯特】阀笼\2500LB 6" WCB\调节阀\1200\Kentintrol\进口</t>
  </si>
  <si>
    <t>【肯特】阀笼\2500LB 8" WCB\调节阀\1200\Kentintrol\进口</t>
  </si>
  <si>
    <t>【肯特】阀笼\150LB 1" WC6\调节阀\1200\Kentintrol\进口</t>
  </si>
  <si>
    <t>【肯特】阀笼\150LB 2" WC6\调节阀\1200\Kentintrol\进口</t>
  </si>
  <si>
    <t>【肯特】阀笼\150LB 3" WC6\调节阀\1200\Kentintrol\进口</t>
  </si>
  <si>
    <t>【肯特】阀笼\150LB 4" WC6\调节阀\1200\Kentintrol\进口</t>
  </si>
  <si>
    <t>【肯特】阀笼\150LB 6" WC6\调节阀\1200\Kentintrol\进口</t>
  </si>
  <si>
    <t>【肯特】阀笼\150LB 8" WC6\调节阀\1200\Kentintrol\进口</t>
  </si>
  <si>
    <t>【肯特】阀笼\150LB 10" WC6\调节阀\1200\Kentintrol\进口</t>
  </si>
  <si>
    <t>【肯特】阀笼\150LB 12" WC6\调节阀\1200\Kentintrol\进口</t>
  </si>
  <si>
    <t>【肯特】阀笼\150LB 14" WC6\调节阀\1200\Kentintrol\进口</t>
  </si>
  <si>
    <t>【肯特】阀笼\150LB 16" WC6\调节阀\1200\Kentintrol\进口</t>
  </si>
  <si>
    <t>【肯特】阀笼\150LB 18" WC6\调节阀\1200\Kentintrol\进口</t>
  </si>
  <si>
    <t>【肯特】阀笼\300LB 1" WC6\调节阀\1200\Kentintrol\进口</t>
  </si>
  <si>
    <t>【肯特】阀笼\300LB 2" WC6\调节阀\1200\Kentintrol\进口</t>
  </si>
  <si>
    <t>【肯特】阀笼\300LB 3" WC6\调节阀\1200\Kentintrol\进口</t>
  </si>
  <si>
    <t>【肯特】阀笼\300LB 4" WC6\调节阀\1200\Kentintrol\进口</t>
  </si>
  <si>
    <t>【肯特】阀笼\300LB 6" WC6\调节阀\1200\Kentintrol\进口</t>
  </si>
  <si>
    <t>【肯特】阀笼\300LB 8" WC6\调节阀\1200\Kentintrol\进口</t>
  </si>
  <si>
    <t>【肯特】阀笼\300LB 10" WC6\调节阀\1200\Kentintrol\进口</t>
  </si>
  <si>
    <t>【肯特】阀笼\300LB 12" WC6\调节阀\1200\Kentintrol\进口</t>
  </si>
  <si>
    <t>【肯特】阀笼\300LB 14" WC6\调节阀\1200\Kentintrol\进口</t>
  </si>
  <si>
    <t>【肯特】阀笼\300LB 16" WC6\调节阀\1200\Kentintrol\进口</t>
  </si>
  <si>
    <t>【肯特】阀笼\300LB 18" WC6\调节阀\1200\Kentintrol\进口</t>
  </si>
  <si>
    <t>【肯特】阀笼\600LB 1" WC6\调节阀\1200\Kentintrol\进口</t>
  </si>
  <si>
    <t>【肯特】阀笼\600LB 2" WC6\调节阀\1200\Kentintrol\进口</t>
  </si>
  <si>
    <t>【肯特】阀笼\600LB 3" WC6\调节阀\1200\Kentintrol\进口</t>
  </si>
  <si>
    <t>【肯特】阀笼\600LB 4" WC6\调节阀\1200\Kentintrol\进口</t>
  </si>
  <si>
    <t>【肯特】阀笼\600LB 6" WC6\调节阀\1200\Kentintrol\进口</t>
  </si>
  <si>
    <t>【肯特】阀笼\600LB 8" WC6\调节阀\1200\Kentintrol\进口</t>
  </si>
  <si>
    <t>【肯特】阀笼\600LB 10" WC6\调节阀\1200\Kentintrol\进口</t>
  </si>
  <si>
    <t>【肯特】阀笼\600LB 12" WC6\调节阀\1200\Kentintrol\进口</t>
  </si>
  <si>
    <t>【肯特】阀笼\600LB 14" WC6\调节阀\1200\Kentintrol\进口</t>
  </si>
  <si>
    <t>【肯特】阀笼\600LB 16" WC6\调节阀\1200\Kentintrol\进口</t>
  </si>
  <si>
    <t>【肯特】阀笼\600LB 18" WC6\调节阀\1200\Kentintrol\进口</t>
  </si>
  <si>
    <t>【肯特】阀笼\900LB 1" WC6\调节阀\1200\Kentintrol\进口</t>
  </si>
  <si>
    <t>【肯特】阀笼\900LB 2" WC6\调节阀\1200\Kentintrol\进口</t>
  </si>
  <si>
    <t>【肯特】阀笼\900LB 3" WC6\调节阀\1200\Kentintrol\进口</t>
  </si>
  <si>
    <t>【肯特】阀笼\900LB 4" WC6\调节阀\1200\Kentintrol\进口</t>
  </si>
  <si>
    <t>【肯特】阀笼\900LB 6" WC6\调节阀\1200\Kentintrol\进口</t>
  </si>
  <si>
    <t>【肯特】阀笼\900LB 8" WC6\调节阀\1200\Kentintrol\进口</t>
  </si>
  <si>
    <t>【肯特】阀笼\1500LB 1" WC6\调节阀\1200\Kentintrol\进口</t>
  </si>
  <si>
    <t>【肯特】阀笼\1500LB 2" WC6\调节阀\1200\Kentintrol\进口</t>
  </si>
  <si>
    <t>【肯特】阀笼\1500LB 3" WC6\调节阀\1200\Kentintrol\进口</t>
  </si>
  <si>
    <t>【肯特】阀笼\1500LB 4" WC6\调节阀\1200\Kentintrol\进口</t>
  </si>
  <si>
    <t>【肯特】阀笼\1500LB 6" WC6\调节阀\1200\Kentintrol\进口</t>
  </si>
  <si>
    <t>【肯特】阀笼\2500LB 1" WC6\调节阀\1200\Kentintrol\进口</t>
  </si>
  <si>
    <t>【肯特】阀笼\2500LB 2" WC6\调节阀\1200\Kentintrol\进口</t>
  </si>
  <si>
    <t>【肯特】阀笼\2500LB 3" WC6\调节阀\1200\Kentintrol\进口</t>
  </si>
  <si>
    <t>【肯特】阀笼\2500LB 4" WC6\调节阀\1200\Kentintrol\进口</t>
  </si>
  <si>
    <t>【肯特】阀笼\2500LB 6" WC6\调节阀\1200\Kentintrol\进口</t>
  </si>
  <si>
    <t>【肯特】阀笼\2500LB 8" WC6\调节阀\1200\Kentintrol\进口</t>
  </si>
  <si>
    <t>【肯特】阀笼\150LB 1" WC9\调节阀\1200\Kentintrol\进口</t>
  </si>
  <si>
    <t>【肯特】阀笼\150LB 2" WC9\调节阀\1200\Kentintrol\进口</t>
  </si>
  <si>
    <t>【肯特】阀笼\150LB 3" WC9\调节阀\1200\Kentintrol\进口</t>
  </si>
  <si>
    <t>【肯特】阀笼\150LB 4" WC9\调节阀\1200\Kentintrol\进口</t>
  </si>
  <si>
    <t>【肯特】阀笼\150LB 6" WC9\调节阀\1200\Kentintrol\进口</t>
  </si>
  <si>
    <t>【肯特】阀笼\150LB 8" WC9\调节阀\1200\Kentintrol\进口</t>
  </si>
  <si>
    <t>【肯特】阀笼\150LB 10" WC9\调节阀\1200\Kentintrol\进口</t>
  </si>
  <si>
    <t>【肯特】阀笼\150LB 12" WC9\调节阀\1200\Kentintrol\进口</t>
  </si>
  <si>
    <t>【肯特】阀笼\150LB 14" WC9\调节阀\1200\Kentintrol\进口</t>
  </si>
  <si>
    <t>【肯特】阀笼\150LB 16" WC9\调节阀\1200\Kentintrol\进口</t>
  </si>
  <si>
    <t>【肯特】阀笼\150LB 18" WC9\调节阀\1200\Kentintrol\进口</t>
  </si>
  <si>
    <t>【肯特】阀笼\300LB 1" WC9\调节阀\1200\Kentintrol\进口</t>
  </si>
  <si>
    <t>【肯特】阀笼\300LB 2" WC9\调节阀\1200\Kentintrol\进口</t>
  </si>
  <si>
    <t>【肯特】阀笼\300LB 3" WC9\调节阀\1200\Kentintrol\进口</t>
  </si>
  <si>
    <t>【肯特】阀笼\300LB 4" WC9\调节阀\1200\Kentintrol\进口</t>
  </si>
  <si>
    <t>【肯特】阀笼\300LB 6" WC9\调节阀\1200\Kentintrol\进口</t>
  </si>
  <si>
    <t>【肯特】阀笼\300LB 8" WC9\调节阀\1200\Kentintrol\进口</t>
  </si>
  <si>
    <t>【肯特】阀笼\300LB 10" WC9\调节阀\1200\Kentintrol\进口</t>
  </si>
  <si>
    <t>【肯特】阀笼\300LB 12" WC9\调节阀\1200\Kentintrol\进口</t>
  </si>
  <si>
    <t>【肯特】阀笼\300LB 14" WC9\调节阀\1200\Kentintrol\进口</t>
  </si>
  <si>
    <t>【肯特】阀笼\300LB 16" WC9\调节阀\1200\Kentintrol\进口</t>
  </si>
  <si>
    <t>【肯特】阀笼\300LB 18" WC9\调节阀\1200\Kentintrol\进口</t>
  </si>
  <si>
    <t>【肯特】阀笼\600LB 1" WC9\调节阀\1200\Kentintrol\进口</t>
  </si>
  <si>
    <t>【肯特】阀笼\600LB 2" WC9\调节阀\1200\Kentintrol\进口</t>
  </si>
  <si>
    <t>【肯特】阀笼\600LB 3" WC9\调节阀\1200\Kentintrol\进口</t>
  </si>
  <si>
    <t>【肯特】阀笼\600LB 4" WC9\调节阀\1200\Kentintrol\进口</t>
  </si>
  <si>
    <t>【肯特】阀笼\600LB 6" WC9\调节阀\1200\Kentintrol\进口</t>
  </si>
  <si>
    <t>【肯特】阀笼\600LB 8" WC9\调节阀\1200\Kentintrol\进口</t>
  </si>
  <si>
    <t>【肯特】阀笼\600LB 10" WC9\调节阀\1200\Kentintrol\进口</t>
  </si>
  <si>
    <t>【肯特】阀笼\600LB 12" WC9\调节阀\1200\Kentintrol\进口</t>
  </si>
  <si>
    <t>【肯特】阀笼\600LB 14" WC9\调节阀\1200\Kentintrol\进口</t>
  </si>
  <si>
    <t>【肯特】阀笼\600LB 16" WC9\调节阀\1200\Kentintrol\进口</t>
  </si>
  <si>
    <t>【肯特】阀笼\600LB 18" WC9\调节阀\1200\Kentintrol\进口</t>
  </si>
  <si>
    <t>【肯特】阀笼\900LB 1" WC9\调节阀\1200\Kentintrol\进口</t>
  </si>
  <si>
    <t>【肯特】阀笼\900LB 2" WC9\调节阀\1200\Kentintrol\进口</t>
  </si>
  <si>
    <t>【肯特】阀笼\900LB 3" WC9\调节阀\1200\Kentintrol\进口</t>
  </si>
  <si>
    <t>【肯特】阀笼\900LB 4" WC9\调节阀\1200\Kentintrol\进口</t>
  </si>
  <si>
    <t>【肯特】阀笼\900LB 6" WC9\调节阀\1200\Kentintrol\进口</t>
  </si>
  <si>
    <t>【肯特】阀笼\900LB 8" WC9\调节阀\1200\Kentintrol\进口</t>
  </si>
  <si>
    <t>【肯特】阀笼\1500LB 1" WC9\调节阀\1200\Kentintrol\进口</t>
  </si>
  <si>
    <t>【肯特】阀笼\1500LB 2" WC9\调节阀\1200\Kentintrol\进口</t>
  </si>
  <si>
    <t>【肯特】阀笼\1500LB 3" WC9\调节阀\1200\Kentintrol\进口</t>
  </si>
  <si>
    <t>【肯特】阀笼\1500LB 4" WC9\调节阀\1200\Kentintrol\进口</t>
  </si>
  <si>
    <t>【肯特】阀笼\1500LB 6" WC9\调节阀\1200\Kentintrol\进口</t>
  </si>
  <si>
    <t>【肯特】阀笼\2500LB 1" WC9\调节阀\1200\Kentintrol\进口</t>
  </si>
  <si>
    <t>【肯特】阀笼\2500LB 2" WC9\调节阀\1200\Kentintrol\进口</t>
  </si>
  <si>
    <t>【肯特】阀笼\2500LB 3" WC9\调节阀\1200\Kentintrol\进口</t>
  </si>
  <si>
    <t>【肯特】阀笼\2500LB 4" WC9\调节阀\1200\Kentintrol\进口</t>
  </si>
  <si>
    <t>【肯特】阀笼\2500LB 6" WC9\调节阀\1200\Kentintrol\进口</t>
  </si>
  <si>
    <t>【肯特】阀笼\2500LB 8" WC9\调节阀\1200\Kentintrol\进口</t>
  </si>
  <si>
    <t>【肯特】阀座\150LB 2" WCB\调节阀\1200\Kentintrol\进口</t>
  </si>
  <si>
    <t>【肯特】阀座\150LB 3" WCB\调节阀\1200\Kentintrol\进口</t>
  </si>
  <si>
    <t>【肯特】阀座\150LB 4" WCB\调节阀\1200\Kentintrol\进口</t>
  </si>
  <si>
    <t>【肯特】阀座\150LB 6" WCB\调节阀\1200\Kentintrol\进口</t>
  </si>
  <si>
    <t>【肯特】阀座\150LB 8" WCB\调节阀\1200\Kentintrol\进口</t>
  </si>
  <si>
    <t>【肯特】阀座\150LB 10" WCB\调节阀\1200\Kentintrol\进口</t>
  </si>
  <si>
    <t>【肯特】阀座\150LB 12" WCB\调节阀\1200\Kentintrol\进口</t>
  </si>
  <si>
    <t>【肯特】阀座\150LB 14" WCB\调节阀\1200\Kentintrol\进口</t>
  </si>
  <si>
    <t>【肯特】阀座\150LB 16" WCB\调节阀\1200\Kentintrol\进口</t>
  </si>
  <si>
    <t>【肯特】阀座\150LB 18" WCB\调节阀\1200\Kentintrol\进口</t>
  </si>
  <si>
    <t>【肯特】阀座\300LB 1" WCB\调节阀\1200\Kentintrol\进口</t>
  </si>
  <si>
    <t>【肯特】阀座\300LB 2" WCB\调节阀\1200\Kentintrol\进口</t>
  </si>
  <si>
    <t>【肯特】阀座\300LB 3" WCB\调节阀\1200\Kentintrol\进口</t>
  </si>
  <si>
    <t>【肯特】阀座\300LB 4" WCB\调节阀\1200\Kentintrol\进口</t>
  </si>
  <si>
    <t>【肯特】阀座\300LB 6" WCB\调节阀\1200\Kentintrol\进口</t>
  </si>
  <si>
    <t>【肯特】阀座\300LB 8" WCB\调节阀\1200\Kentintrol\进口</t>
  </si>
  <si>
    <t>【肯特】阀座\300LB 10" WCB\调节阀\1200\Kentintrol\进口</t>
  </si>
  <si>
    <t>【肯特】阀座\300LB 12" WCB\调节阀\1200\Kentintrol\进口</t>
  </si>
  <si>
    <t>【肯特】阀座\300LB 14" WCB\调节阀\1200\Kentintrol\进口</t>
  </si>
  <si>
    <t>【肯特】阀座\300LB 16" WCB\调节阀\1200\Kentintrol\进口</t>
  </si>
  <si>
    <t>【肯特】阀座\300LB 18" WCB\调节阀\1200\Kentintrol\进口</t>
  </si>
  <si>
    <t>【肯特】阀座\600LB 1" WCB\调节阀\1200\Kentintrol\进口</t>
  </si>
  <si>
    <t>【肯特】阀座\600LB 2" WCB\调节阀\1200\Kentintrol\进口</t>
  </si>
  <si>
    <t>【肯特】阀座\600LB 3" WCB\调节阀\1200\Kentintrol\进口</t>
  </si>
  <si>
    <t>【肯特】阀座\600LB 4" WCB\调节阀\1200\Kentintrol\进口</t>
  </si>
  <si>
    <t>【肯特】阀座\600LB 6" WCB\调节阀\1200\Kentintrol\进口</t>
  </si>
  <si>
    <t>【肯特】阀座\600LB 8" WCB\调节阀\1200\Kentintrol\进口</t>
  </si>
  <si>
    <t>【肯特】阀座\600LB 10" WCB\调节阀\1200\Kentintrol\进口</t>
  </si>
  <si>
    <t>【肯特】阀座\600LB 12" WCB\调节阀\1200\Kentintrol\进口</t>
  </si>
  <si>
    <t>【肯特】阀座\600LB 14" WCB\调节阀\1200\Kentintrol\进口</t>
  </si>
  <si>
    <t>【肯特】阀座\600LB 16" WCB\调节阀\1200\Kentintrol\进口</t>
  </si>
  <si>
    <t>【肯特】阀座\600LB 18" WCB\调节阀\1200\Kentintrol\进口</t>
  </si>
  <si>
    <t>【肯特】阀座\900LB 1" WCB\调节阀\1200\Kentintrol\进口</t>
  </si>
  <si>
    <t>【肯特】阀座\900LB 2" WCB\调节阀\1200\Kentintrol\进口</t>
  </si>
  <si>
    <t>【肯特】阀座\900LB 3" WCB\调节阀\1200\Kentintrol\进口</t>
  </si>
  <si>
    <t>【肯特】阀座\900LB 4" WCB\调节阀\1200\Kentintrol\进口</t>
  </si>
  <si>
    <t>【肯特】阀座\900LB 6" WCB\调节阀\1200\Kentintrol\进口</t>
  </si>
  <si>
    <t>【肯特】阀座\900LB 8" WCB\调节阀\1200\Kentintrol\进口</t>
  </si>
  <si>
    <t>【肯特】阀座\1500LB 1" WCB\调节阀\1200\Kentintrol\进口</t>
  </si>
  <si>
    <t>【肯特】阀座\1500LB 2" WCB\调节阀\1200\Kentintrol\进口</t>
  </si>
  <si>
    <t>【肯特】阀座\1500LB 3" WCB\调节阀\1200\Kentintrol\进口</t>
  </si>
  <si>
    <t>【肯特】阀座\1500LB 4" WCB\调节阀\1200\Kentintrol\进口</t>
  </si>
  <si>
    <t>【肯特】阀座\1500LB 6" WCB\调节阀\1200\Kentintrol\进口</t>
  </si>
  <si>
    <t>【肯特】阀座\2500LB 1" WCB\调节阀\1200\Kentintrol\进口</t>
  </si>
  <si>
    <t>【肯特】阀座\2500LB 2" WCB\调节阀\1200\Kentintrol\进口</t>
  </si>
  <si>
    <t>【肯特】阀座\2500LB 3" WCB\调节阀\1200\Kentintrol\进口</t>
  </si>
  <si>
    <t>【肯特】阀座\2500LB 4" WCB\调节阀\1200\Kentintrol\进口</t>
  </si>
  <si>
    <t>【肯特】阀座\2500LB 6" WCB\调节阀\1200\Kentintrol\进口</t>
  </si>
  <si>
    <t>【肯特】阀座\2500LB 8" WCB\调节阀\1200\Kentintrol\进口</t>
  </si>
  <si>
    <t>【肯特】阀座\150LB 1" WC6\调节阀\1200\Kentintrol\进口</t>
  </si>
  <si>
    <t>【肯特】阀座\150LB 2" WC6\调节阀\1200\Kentintrol\进口</t>
  </si>
  <si>
    <t>【肯特】阀座\150LB 3" WC6\调节阀\1200\Kentintrol\进口</t>
  </si>
  <si>
    <t>【肯特】阀座\150LB 4" WC6\调节阀\1200\Kentintrol\进口</t>
  </si>
  <si>
    <t>【肯特】阀座\150LB 6" WC6\调节阀\1200\Kentintrol\进口</t>
  </si>
  <si>
    <t>【肯特】阀座\150LB 8" WC6\调节阀\1200\Kentintrol\进口</t>
  </si>
  <si>
    <t>【肯特】阀座\150LB 10" WC6\调节阀\1200\Kentintrol\进口</t>
  </si>
  <si>
    <t>【肯特】阀座\150LB 12" WC6\调节阀\1200\Kentintrol\进口</t>
  </si>
  <si>
    <t>【肯特】阀座\150LB 14" WC6\调节阀\1200\Kentintrol\进口</t>
  </si>
  <si>
    <t>【肯特】阀座\150LB 16" WC6\调节阀\1200\Kentintrol\进口</t>
  </si>
  <si>
    <t>【肯特】阀座\150LB 18" WC6\调节阀\1200\Kentintrol\进口</t>
  </si>
  <si>
    <t>【肯特】阀座\300LB 1" WC6\调节阀\1200\Kentintrol\进口</t>
  </si>
  <si>
    <t>【肯特】阀座\300LB 2" WC6\调节阀\1200\Kentintrol\进口</t>
  </si>
  <si>
    <t>【肯特】阀座\300LB 3" WC6\调节阀\1200\Kentintrol\进口</t>
  </si>
  <si>
    <t>【肯特】阀座\300LB 4" WC6\调节阀\1200\Kentintrol\进口</t>
  </si>
  <si>
    <t>【肯特】阀座\300LB 6" WC6\调节阀\1200\Kentintrol\进口</t>
  </si>
  <si>
    <t>【肯特】阀座\300LB 8" WC6\调节阀\1200\Kentintrol\进口</t>
  </si>
  <si>
    <t>【肯特】阀座\300LB 10" WC6\调节阀\1200\Kentintrol\进口</t>
  </si>
  <si>
    <t>【肯特】阀座\300LB 12" WC6\调节阀\1200\Kentintrol\进口</t>
  </si>
  <si>
    <t>【肯特】阀座\300LB 14" WC6\调节阀\1200\Kentintrol\进口</t>
  </si>
  <si>
    <t>【肯特】阀座\300LB 16" WC6\调节阀\1200\Kentintrol\进口</t>
  </si>
  <si>
    <t>【肯特】阀座\300LB 18" WC6\调节阀\1200\Kentintrol\进口</t>
  </si>
  <si>
    <t>【肯特】阀座\600LB 1" WC6\调节阀\1200\Kentintrol\进口</t>
  </si>
  <si>
    <t>【肯特】阀座\600LB 2" WC6\调节阀\1200\Kentintrol\进口</t>
  </si>
  <si>
    <t>【肯特】阀座\600LB 3" WC6\调节阀\1200\Kentintrol\进口</t>
  </si>
  <si>
    <t>【肯特】阀座\600LB 4" WC6\调节阀\1200\Kentintrol\进口</t>
  </si>
  <si>
    <t>【肯特】阀座\600LB 6" WC6\调节阀\1200\Kentintrol\进口</t>
  </si>
  <si>
    <t>【肯特】阀座\600LB 8" WC6\调节阀\1200\Kentintrol\进口</t>
  </si>
  <si>
    <t>【肯特】阀座\600LB 10" WC6\调节阀\1200\Kentintrol\进口</t>
  </si>
  <si>
    <t>【肯特】阀座\600LB 12" WC6\调节阀\1200\Kentintrol\进口</t>
  </si>
  <si>
    <t>【肯特】阀座\600LB 14" WC6\调节阀\1200\Kentintrol\进口</t>
  </si>
  <si>
    <t>【肯特】阀座\600LB 16" WC6\调节阀\1200\Kentintrol\进口</t>
  </si>
  <si>
    <t>【肯特】阀座\600LB 18" WC6\调节阀\1200\Kentintrol\进口</t>
  </si>
  <si>
    <t>【肯特】阀座\900LB 1" WC6\调节阀\1200\Kentintrol\进口</t>
  </si>
  <si>
    <t>【肯特】阀座\900LB 2" WC6\调节阀\1200\Kentintrol\进口</t>
  </si>
  <si>
    <t>【肯特】阀座\900LB 3" WC6\调节阀\1200\Kentintrol\进口</t>
  </si>
  <si>
    <t>【肯特】阀座\900LB 4" WC6\调节阀\1200\Kentintrol\进口</t>
  </si>
  <si>
    <t>【肯特】阀座\900LB 6" WC6\调节阀\1200\Kentintrol\进口</t>
  </si>
  <si>
    <t>【肯特】阀座\900LB 8" WC6\调节阀\1200\Kentintrol\进口</t>
  </si>
  <si>
    <t>【肯特】阀座\1500LB 1" WC6\调节阀\1200\Kentintrol\进口</t>
  </si>
  <si>
    <t>【肯特】阀座\1500LB 2" WC6\调节阀\1200\Kentintrol\进口</t>
  </si>
  <si>
    <t>【肯特】阀座\1500LB 3" WC6\调节阀\1200\Kentintrol\进口</t>
  </si>
  <si>
    <t>【肯特】阀座\1500LB 4" WC6\调节阀\1200\Kentintrol\进口</t>
  </si>
  <si>
    <t>【肯特】阀座\1500LB 6" WC6\调节阀\1200\Kentintrol\进口</t>
  </si>
  <si>
    <t>【肯特】阀座\2500LB 1" WC6\调节阀\1200\Kentintrol\进口</t>
  </si>
  <si>
    <t>【肯特】阀座\2500LB 2" WC6\调节阀\1200\Kentintrol\进口</t>
  </si>
  <si>
    <t>【肯特】阀座\2500LB 3" WC6\调节阀\1200\Kentintrol\进口</t>
  </si>
  <si>
    <t>【肯特】阀座\2500LB 4" WC6\调节阀\1200\Kentintrol\进口</t>
  </si>
  <si>
    <t>【肯特】阀座\2500LB 6" WC6\调节阀\1200\Kentintrol\进口</t>
  </si>
  <si>
    <t>【肯特】阀座\2500LB 8" WC6\调节阀\1200\Kentintrol\进口</t>
  </si>
  <si>
    <t>【肯特】阀座\150LB 1" WC9\调节阀\1200\Kentintrol\进口</t>
  </si>
  <si>
    <t>【肯特】阀座\150LB 2" WC9\调节阀\1200\Kentintrol\进口</t>
  </si>
  <si>
    <t>【肯特】阀座\150LB 3" WC9\调节阀\1200\Kentintrol\进口</t>
  </si>
  <si>
    <t>【肯特】阀座\150LB 4" WC9\调节阀\1200\Kentintrol\进口</t>
  </si>
  <si>
    <t>【肯特】阀座\150LB 6" WC9\调节阀\1200\Kentintrol\进口</t>
  </si>
  <si>
    <t>【肯特】阀座\150LB 8" WC9\调节阀\1200\Kentintrol\进口</t>
  </si>
  <si>
    <t>【肯特】阀座\150LB 10" WC9\调节阀\1200\Kentintrol\进口</t>
  </si>
  <si>
    <t>【肯特】阀座\150LB 12" WC9\调节阀\1200\Kentintrol\进口</t>
  </si>
  <si>
    <t>【肯特】阀座\150LB 14" WC9\调节阀\1200\Kentintrol\进口</t>
  </si>
  <si>
    <t>【肯特】阀座\150LB 16" WC9\调节阀\1200\Kentintrol\进口</t>
  </si>
  <si>
    <t>【肯特】阀座\150LB 18" WC9\调节阀\1200\Kentintrol\进口</t>
  </si>
  <si>
    <t>【肯特】阀座\300LB 1" WC9\调节阀\1200\Kentintrol\进口</t>
  </si>
  <si>
    <t>【肯特】阀座\300LB 2" WC9\调节阀\1200\Kentintrol\进口</t>
  </si>
  <si>
    <t>【肯特】阀座\300LB 3" WC9\调节阀\1200\Kentintrol\进口</t>
  </si>
  <si>
    <t>【肯特】阀座\300LB 4" WC9\调节阀\1200\Kentintrol\进口</t>
  </si>
  <si>
    <t>【肯特】阀座\300LB 6" WC9\调节阀\1200\Kentintrol\进口</t>
  </si>
  <si>
    <t>【肯特】阀座\300LB 8" WC9\调节阀\1200\Kentintrol\进口</t>
  </si>
  <si>
    <t>【肯特】阀座\300LB 10" WC9\调节阀\1200\Kentintrol\进口</t>
  </si>
  <si>
    <t>【肯特】阀座\300LB 12" WC9\调节阀\1200\Kentintrol\进口</t>
  </si>
  <si>
    <t>【肯特】阀座\300LB 14" WC9\调节阀\1200\Kentintrol\进口</t>
  </si>
  <si>
    <t>【肯特】阀座\300LB 16" WC9\调节阀\1200\Kentintrol\进口</t>
  </si>
  <si>
    <t>【肯特】阀座\300LB 18" WC9\调节阀\1200\Kentintrol\进口</t>
  </si>
  <si>
    <t>【肯特】阀座\600LB 1" WC9\调节阀\1200\Kentintrol\进口</t>
  </si>
  <si>
    <t>【肯特】阀座\600LB 2" WC9\调节阀\1200\Kentintrol\进口</t>
  </si>
  <si>
    <t>【肯特】阀座\600LB 3" WC9\调节阀\1200\Kentintrol\进口</t>
  </si>
  <si>
    <t>【肯特】阀座\600LB 4" WC9\调节阀\1200\Kentintrol\进口</t>
  </si>
  <si>
    <t>【肯特】阀座\600LB 6" WC9\调节阀\1200\Kentintrol\进口</t>
  </si>
  <si>
    <t>【肯特】阀座\600LB 8" WC9\调节阀\1200\Kentintrol\进口</t>
  </si>
  <si>
    <t>【肯特】阀座\600LB 10" WC9\调节阀\1200\Kentintrol\进口</t>
  </si>
  <si>
    <t>【肯特】阀座\600LB 12" WC9\调节阀\1200\Kentintrol\进口</t>
  </si>
  <si>
    <t>【肯特】阀座\600LB 14" WC9\调节阀\1200\Kentintrol\进口</t>
  </si>
  <si>
    <t>【肯特】阀座\600LB 16" WC9\调节阀\1200\Kentintrol\进口</t>
  </si>
  <si>
    <t>【肯特】阀座\600LB 18" WC9\调节阀\1200\Kentintrol\进口</t>
  </si>
  <si>
    <t>【肯特】阀座\900LB 1" WC9\调节阀\1200\Kentintrol\进口</t>
  </si>
  <si>
    <t>【肯特】阀座\900LB 2" WC9\调节阀\1200\Kentintrol\进口</t>
  </si>
  <si>
    <t>【肯特】阀座\900LB 3" WC9\调节阀\1200\Kentintrol\进口</t>
  </si>
  <si>
    <t>【肯特】阀座\900LB 4" WC9\调节阀\1200\Kentintrol\进口</t>
  </si>
  <si>
    <t>【肯特】阀座\900LB 6" WC9\调节阀\1200\Kentintrol\进口</t>
  </si>
  <si>
    <t>【肯特】阀座\900LB 8" WC9\调节阀\1200\Kentintrol\进口</t>
  </si>
  <si>
    <t>【肯特】阀座\1500LB 1" WC9\调节阀\1200\Kentintrol\进口</t>
  </si>
  <si>
    <t>【肯特】阀座\1500LB 2" WC9\调节阀\1200\Kentintrol\进口</t>
  </si>
  <si>
    <t>【肯特】阀座\1500LB 3" WC9\调节阀\1200\Kentintrol\进口</t>
  </si>
  <si>
    <t>【肯特】阀座\1500LB 4" WC9\调节阀\1200\Kentintrol\进口</t>
  </si>
  <si>
    <t>【肯特】阀座\1500LB 6" WC9\调节阀\1200\Kentintrol\进口</t>
  </si>
  <si>
    <t>【肯特】阀座\2500LB 1" WC9\调节阀\1200\Kentintrol\进口</t>
  </si>
  <si>
    <t>【肯特】阀座\2500LB 2" WC9\调节阀\1200\Kentintrol\进口</t>
  </si>
  <si>
    <t>【肯特】阀座\2500LB 3" WC9\调节阀\1200\Kentintrol\进口</t>
  </si>
  <si>
    <t>【肯特】阀座\2500LB 4" WC9\调节阀\1200\Kentintrol\进口</t>
  </si>
  <si>
    <t>【肯特】阀座\2500LB 6" WC9\调节阀\1200\Kentintrol\进口</t>
  </si>
  <si>
    <t>【肯特】阀座\2500LB 8" WC9\调节阀\1200\Kentintrol\进口</t>
  </si>
  <si>
    <t>【肯特】填料\DA00013PM\调节阀\SN510001116011\Kentintrol\进口</t>
  </si>
  <si>
    <t>【肯特】填料\DA00014PM\调节阀\SN510001273006\Kentintrol\进口</t>
  </si>
  <si>
    <t>【肯特】填料\DA00015PM\调节阀\SN510368003\Kentintrol\进口</t>
  </si>
  <si>
    <t>【肯特】填料\DA00016PM\调节阀\Kentintrol\进口</t>
  </si>
  <si>
    <t>【肯特】填料\DA00017PM\控制阀\7200\Kentintrol\进口</t>
  </si>
  <si>
    <t>【肯特】填料\DA00018PM\调节阀\Kentintrol\进口</t>
  </si>
  <si>
    <t>【肯特】填料\DA00019PM\调节阀\Kentintrol\进口</t>
  </si>
  <si>
    <t>【肯特】填料\DA00023TA\调节阀\Kentintrol\进口</t>
  </si>
  <si>
    <t>【肯特】填料\DA00024TA\调节阀\SN510000970-020\Kentintrol\进口</t>
  </si>
  <si>
    <t>【肯特】填料\DA00025TA\调节阀\Kentintrol\进口</t>
  </si>
  <si>
    <t>【肯特】填料\DA00026TA\调节阀\Kentintrol\进口</t>
  </si>
  <si>
    <t>【肯特】填料\DA00027TA\调节阀\Kentintrol\进口</t>
  </si>
  <si>
    <t>【肯特】填料\DA00028TA\调节阀\Kentintrol\进口</t>
  </si>
  <si>
    <t>【肯特】填料\DA00029TA\调节阀\Kentintrol\进口</t>
  </si>
  <si>
    <t>【肯特】填料\DA00030TA\调节阀\Kentintrol\进口</t>
  </si>
  <si>
    <t>【肯特】垫片\245020JK\调节阀\10\Kentintrol\进口</t>
  </si>
  <si>
    <t>【肯特】垫片\245021JK\调节阀\10\Kentintrol\进口</t>
  </si>
  <si>
    <t>【肯特】垫片\245026JK\调节阀\10\Kentintrol\进口</t>
  </si>
  <si>
    <t>【肯特】垫片\245025JK\调节阀\10\Kentintrol\进口</t>
  </si>
  <si>
    <t>【肯特】垫片\245024JK\调节阀\10\Kentintrol\进口</t>
  </si>
  <si>
    <t>【肯特】垫片\245023JK\调节阀\10\Kentintrol\进口</t>
  </si>
  <si>
    <t>【肯特】垫片\245022JK\调节阀\10\Kentintrol\进口</t>
  </si>
  <si>
    <t>【肯特】阀盖垫片\DB15001JN\调节阀\SN510001273006\Kentintrol\进口</t>
  </si>
  <si>
    <t>【肯特】垫片\DB02001JN\调节阀\19\Kentintrol\进口</t>
  </si>
  <si>
    <t>【肯特】垫片\DB02002JN\调节阀\SN510000668003\Kentintrol\进口</t>
  </si>
  <si>
    <t>【肯特】垫片\DB03001JN\调节阀\Kentintrol\进口</t>
  </si>
  <si>
    <t>【肯特】垫片\DB04001JN\调节阀\Kentintrol\进口</t>
  </si>
  <si>
    <t>【肯特】阀盖垫片\DB04002JN\调节阀\SN510368001\Kentintrol\进口</t>
  </si>
  <si>
    <t>【肯特】垫片\DB06001JN\调节阀\Kentintrol\进口</t>
  </si>
  <si>
    <t>【肯特】阀芯阀杆组件\150LB 2" WCB\调节阀\1200\Kentintrol\进口</t>
  </si>
  <si>
    <t>【肯特】阀芯阀杆组件\150LB 3" WCB\调节阀\1200\Kentintrol\进口</t>
  </si>
  <si>
    <t>【肯特】阀芯阀杆组件\150LB 4" WCB\调节阀\1200\Kentintrol\进口</t>
  </si>
  <si>
    <t>【肯特】阀芯阀杆组件\150LB 6" WCB\调节阀\1200\Kentintrol\进口</t>
  </si>
  <si>
    <t>【肯特】阀芯阀杆组件\150LB 8" WCB\调节阀\1200\Kentintrol\进口</t>
  </si>
  <si>
    <t>【肯特】阀芯阀杆组件\150LB 10" WCB\调节阀\1200\Kentintrol\进口</t>
  </si>
  <si>
    <t>【肯特】阀芯阀杆组件\150LB 12" WCB\调节阀\1200\Kentintrol\进口</t>
  </si>
  <si>
    <t>【肯特】阀芯阀杆组件\150LB 14" WCB\调节阀\1200\Kentintrol\进口</t>
  </si>
  <si>
    <t>【肯特】阀芯阀杆组件\150LB 16" WCB\调节阀\1200\Kentintrol\进口</t>
  </si>
  <si>
    <t>【肯特】阀芯阀杆组件\150LB 18" WCB\调节阀\1200\Kentintrol\进口</t>
  </si>
  <si>
    <t>【肯特】阀芯阀杆组件\300LB 1" WCB\调节阀\1200\Kentintrol\进口</t>
  </si>
  <si>
    <t>【肯特】阀芯阀杆组件\300LB 2" WCB\调节阀\1200\Kentintrol\进口</t>
  </si>
  <si>
    <t>【肯特】阀芯阀杆组件\300LB 3" WCB\调节阀\1200\Kentintrol\进口</t>
  </si>
  <si>
    <t>【肯特】阀芯阀杆组件\300LB 4" WCB\调节阀\1200\Kentintrol\进口</t>
  </si>
  <si>
    <t>【肯特】阀芯阀杆组件\300LB 6" WCB\调节阀\1200\Kentintrol\进口</t>
  </si>
  <si>
    <t>【肯特】阀芯阀杆组件\300LB 8" WCB\调节阀\1200\Kentintrol\进口</t>
  </si>
  <si>
    <t>【肯特】阀芯阀杆组件\300LB 10" WCB\调节阀\1200\Kentintrol\进口</t>
  </si>
  <si>
    <t>【肯特】阀芯阀杆组件\300LB 12" WCB\调节阀\1200\Kentintrol\进口</t>
  </si>
  <si>
    <t>【肯特】阀芯阀杆组件\300LB 14" WCB\调节阀\1200\Kentintrol\进口</t>
  </si>
  <si>
    <t>【肯特】阀芯阀杆组件\300LB 16" WCB\调节阀\1200\Kentintrol\进口</t>
  </si>
  <si>
    <t>【肯特】阀芯阀杆组件\300LB 18" WCB\调节阀\1200\Kentintrol\进口</t>
  </si>
  <si>
    <t>【肯特】阀芯阀杆组件\600LB 1" WCB\调节阀\1200\Kentintrol\进口</t>
  </si>
  <si>
    <t>【肯特】阀芯阀杆组件\600LB 2" WCB\调节阀\1200\Kentintrol\进口</t>
  </si>
  <si>
    <t>【肯特】阀芯阀杆组件\600LB 3" WCB\调节阀\1200\Kentintrol\进口</t>
  </si>
  <si>
    <t>【肯特】阀芯阀杆组件\600LB 4" WCB\调节阀\1200\Kentintrol\进口</t>
  </si>
  <si>
    <t>【肯特】阀芯阀杆组件\600LB 6" WCB\调节阀\1200\Kentintrol\进口</t>
  </si>
  <si>
    <t>【肯特】阀芯阀杆组件\600LB 8" WCB\调节阀\1200\Kentintrol\进口</t>
  </si>
  <si>
    <t>【肯特】阀芯阀杆组件\600LB 10" WCB\调节阀\1200\Kentintrol\进口</t>
  </si>
  <si>
    <t>【肯特】阀芯阀杆组件\600LB 12" WCB\调节阀\1200\Kentintrol\进口</t>
  </si>
  <si>
    <t>【肯特】阀芯阀杆组件\600LB 14" WCB\调节阀\1200\Kentintrol\进口</t>
  </si>
  <si>
    <t>【肯特】阀芯阀杆组件\600LB 16" WCB\调节阀\1200\Kentintrol\进口</t>
  </si>
  <si>
    <t>【肯特】阀芯阀杆组件\600LB 18" WCB\调节阀\1200\Kentintrol\进口</t>
  </si>
  <si>
    <t>【肯特】阀芯阀杆组件\900LB 8" WCB\调节阀\1200\Kentintrol\进口</t>
  </si>
  <si>
    <t>【肯特】阀芯阀杆组件\900LB 6" WCB\调节阀\1200\Kentintrol\进口</t>
  </si>
  <si>
    <t>【肯特】阀芯阀杆组件\900LB 4" WCB\调节阀\1200\Kentintrol\进口</t>
  </si>
  <si>
    <t>【肯特】阀芯阀杆组件\900LB 3" WCB\调节阀\1200\Kentintrol\进口</t>
  </si>
  <si>
    <t>【肯特】阀芯阀杆组件\900LB 2" WCB\调节阀\1200\Kentintrol\进口</t>
  </si>
  <si>
    <t>【肯特】阀芯阀杆组件\900LB 1" WCB\调节阀\1200\Kentintrol\进口</t>
  </si>
  <si>
    <t>【肯特】阀芯阀杆组件\1500LB 6" WCB\调节阀\1200\Kentintrol\进口</t>
  </si>
  <si>
    <t>【肯特】阀芯阀杆组件\1500LB 4" WCB\调节阀\1200\Kentintrol\进口</t>
  </si>
  <si>
    <t>【肯特】阀芯阀杆组件\1500LB 3" WCB\调节阀\1200\Kentintrol\进口</t>
  </si>
  <si>
    <t>【肯特】阀芯阀杆组件\1500LB 2" WCB\调节阀\1200\Kentintrol\进口</t>
  </si>
  <si>
    <t>【肯特】阀芯阀杆组件\1500LB 1" WCB\调节阀\1200\Kentintrol\进口</t>
  </si>
  <si>
    <t>【肯特】阀芯阀杆组件\2500LB 8" WCB\调节阀\1200\Kentintrol\进口</t>
  </si>
  <si>
    <t>【肯特】阀芯阀杆组件\2500LB 6" WCB\调节阀\1200\Kentintrol\进口</t>
  </si>
  <si>
    <t>【肯特】阀芯阀杆组件\2500LB 4" WCB\调节阀\1200\Kentintrol\进口</t>
  </si>
  <si>
    <t>【肯特】阀芯阀杆组件\2500LB 3" WCB\调节阀\1200\Kentintrol\进口</t>
  </si>
  <si>
    <t>【肯特】阀芯阀杆组件\2500LB 2" WCB\调节阀\1200\Kentintrol\进口</t>
  </si>
  <si>
    <t>【肯特】阀芯阀杆组件\2500LB 1" WCB\调节阀\1200\Kentintrol\进口</t>
  </si>
  <si>
    <t>【肯特】阀芯阀杆组件\150LB 1" WC6\调节阀\1200\Kentintrol\进口</t>
  </si>
  <si>
    <t>【肯特】阀芯阀杆组件\150LB 2" WC6\调节阀\1200\Kentintrol\进口</t>
  </si>
  <si>
    <t>【肯特】阀芯阀杆组件\150LB 3" WC6\调节阀\1200\Kentintrol\进口</t>
  </si>
  <si>
    <t>【肯特】阀芯阀杆组件\150LB 4" WC6\调节阀\1200\Kentintrol\进口</t>
  </si>
  <si>
    <t>【肯特】阀芯阀杆组件\150LB 6" WC6\调节阀\1200\Kentintrol\进口</t>
  </si>
  <si>
    <t>【肯特】阀芯阀杆组件\150LB 8" WC6\调节阀\1200\Kentintrol\进口</t>
  </si>
  <si>
    <t>【肯特】阀芯阀杆组件\150LB 10" WC6\调节阀\1200\Kentintrol\进口</t>
  </si>
  <si>
    <t>【肯特】阀芯阀杆组件\150LB 12" WC6\调节阀\1200\Kentintrol\进口</t>
  </si>
  <si>
    <t>【肯特】阀芯阀杆组件\150LB 14" WC6\调节阀\1200\Kentintrol\进口</t>
  </si>
  <si>
    <t>【肯特】阀芯阀杆组件\150LB 16" WC6\调节阀\1200\Kentintrol\进口</t>
  </si>
  <si>
    <t>【肯特】阀芯阀杆组件\150LB 18" WC6\调节阀\1200\Kentintrol\进口</t>
  </si>
  <si>
    <t>【肯特】阀芯阀杆组件\300LB 1" WC6\调节阀\1200\Kentintrol\进口</t>
  </si>
  <si>
    <t>【肯特】阀芯阀杆组件\300LB 2" WC6\调节阀\1200\Kentintrol\进口</t>
  </si>
  <si>
    <t>【肯特】阀芯阀杆组件\300LB 3" WC6\调节阀\1200\Kentintrol\进口</t>
  </si>
  <si>
    <t>【肯特】阀芯阀杆组件\300LB 4" WC6\调节阀\1200\Kentintrol\进口</t>
  </si>
  <si>
    <t>【肯特】阀芯阀杆组件\300LB 6" WC6\调节阀\1200\Kentintrol\进口</t>
  </si>
  <si>
    <t>【肯特】阀芯阀杆组件\300LB 8" WC6\调节阀\1200\Kentintrol\进口</t>
  </si>
  <si>
    <t>【肯特】阀芯阀杆组件\300LB 10" WC6\调节阀\1200\Kentintrol\进口</t>
  </si>
  <si>
    <t>【肯特】阀芯阀杆组件\300LB 12" WC6\调节阀\1200\Kentintrol\进口</t>
  </si>
  <si>
    <t>【肯特】阀芯阀杆组件\300LB 14" WC6\调节阀\1200\Kentintrol\进口</t>
  </si>
  <si>
    <t>【肯特】阀芯阀杆组件\300LB 16" WC6\调节阀\1200\Kentintrol\进口</t>
  </si>
  <si>
    <t>【肯特】阀芯阀杆组件\300LB 18" WC6\调节阀\1200\Kentintrol\进口</t>
  </si>
  <si>
    <t>【肯特】阀芯阀杆组件\600LB 1" WC6\调节阀\1200\Kentintrol\进口</t>
  </si>
  <si>
    <t>【肯特】阀芯阀杆组件\600LB 2" WC6\调节阀\1200\Kentintrol\进口</t>
  </si>
  <si>
    <t>【肯特】阀芯阀杆组件\600LB 3" WC6\调节阀\1200\Kentintrol\进口</t>
  </si>
  <si>
    <t>【肯特】阀芯阀杆组件\600LB 4" WC6\调节阀\1200\Kentintrol\进口</t>
  </si>
  <si>
    <t>【肯特】阀芯阀杆组件\600LB 6" WC6\调节阀\1200\Kentintrol\进口</t>
  </si>
  <si>
    <t>【肯特】阀芯阀杆组件\600LB 8" WC6\调节阀\1200\Kentintrol\进口</t>
  </si>
  <si>
    <t>【肯特】填料\DB01001JN\调节阀\Kentintrol\进口</t>
  </si>
  <si>
    <t>【上电】公共机\12030829\上电</t>
  </si>
  <si>
    <t>上海电气风电集团股份有限公司</t>
  </si>
  <si>
    <t>上电</t>
  </si>
  <si>
    <t>GNWZBP(TH)ZYCG2020-261</t>
  </si>
  <si>
    <t>国家能源e购商城上海电气备件铺货 采购合同</t>
  </si>
  <si>
    <t>【上电】油泵\12022487\上电</t>
  </si>
  <si>
    <t>【上电】控制模块\12023847\上电</t>
  </si>
  <si>
    <t>【上电】液压阀\12024165\上电</t>
  </si>
  <si>
    <t>【上电】冷却器\12030140\上电</t>
  </si>
  <si>
    <t>【上电】公共机\12031840\上电</t>
  </si>
  <si>
    <t>【上电】液压阀\A9B10249907\上电</t>
  </si>
  <si>
    <t>【上电】控制模块\B1000011\上电</t>
  </si>
  <si>
    <t>【上电】控制模块\B1000217\上电</t>
  </si>
  <si>
    <t>【上电】控制板\B1000883\上电</t>
  </si>
  <si>
    <t>【上电】保护器\B2000040\上电</t>
  </si>
  <si>
    <t>【上电】散热器\B1000007\上电</t>
  </si>
  <si>
    <t>【上电】保护器\B2000024\上电</t>
  </si>
  <si>
    <t>【上电】控制板\B2000201\上电</t>
  </si>
  <si>
    <t>【上电】震动传感器\B2000388\上电</t>
  </si>
  <si>
    <t>【上电】控制板\B2000202\上电</t>
  </si>
  <si>
    <t>【上电】编码器\B2000204\上电</t>
  </si>
  <si>
    <t>【上电】电动机\B4000033\上电</t>
  </si>
  <si>
    <t>【上电】电动机\B4000110\上电</t>
  </si>
  <si>
    <t>【上电】油泵\B5000335\上电</t>
  </si>
  <si>
    <t>【上电】水泵\B5000435\上电</t>
  </si>
  <si>
    <t>【上电】风扇\B5000455\上电</t>
  </si>
  <si>
    <t>【上电】蓄能器\B6000006\上电</t>
  </si>
  <si>
    <t>【上电】水泵\B8000070\上电</t>
  </si>
  <si>
    <t>【上电】密封圈\B8000101\上电</t>
  </si>
  <si>
    <t>【上电】水泵阀\B8000140\上电</t>
  </si>
  <si>
    <t>【上电】充电器\B9400027\上电</t>
  </si>
  <si>
    <t>【上电】驱动器\B9400029\上电</t>
  </si>
  <si>
    <t>【上电】驱动器\B9400033\上电</t>
  </si>
  <si>
    <t>【上电】驱动器\B9400189\上电</t>
  </si>
  <si>
    <t>【上电】控制器\B9400193\上电</t>
  </si>
  <si>
    <t>【上电】驱动器\B9400303\上电</t>
  </si>
  <si>
    <t>【上电】油泵\B5000012\上电</t>
  </si>
  <si>
    <t>【上电】散热器\B5000219\上电</t>
  </si>
  <si>
    <t>【上电】编码器\B9400395\上电</t>
  </si>
  <si>
    <t>【上电】充电器\B9400329\上电</t>
  </si>
  <si>
    <t>【上电】电池\B9400333\上电</t>
  </si>
  <si>
    <t>【上电】滤波器\B9400510\上电</t>
  </si>
  <si>
    <t>【上电】温度传感器\BF4000149\上电</t>
  </si>
  <si>
    <t>【上电】支架\BF8000012\上电</t>
  </si>
  <si>
    <t>【上电】管路组件\BF8000013\上电</t>
  </si>
  <si>
    <t>【上电】控制器\BF8000015\上电</t>
  </si>
  <si>
    <t>【上电】通讯滑环\SECBF940001\上电</t>
  </si>
  <si>
    <t>【上电】通讯滑环\SECBF940002\上电</t>
  </si>
  <si>
    <t>【上电】通讯滑环\SECBF940003\上电</t>
  </si>
  <si>
    <t>【上电】碳刷\SECBF400001\上电</t>
  </si>
  <si>
    <t>【上电】碳刷\SECBF400002\上电</t>
  </si>
  <si>
    <t>【上电】碳刷\SECBF400003\上电</t>
  </si>
  <si>
    <t>【上电】碳刷\SECBF400004\上电</t>
  </si>
  <si>
    <t>【上电】碳刷\SECBF400005\上电</t>
  </si>
  <si>
    <t>【上电】碳刷\SECBF400006\上电</t>
  </si>
  <si>
    <t>【上电】碳刷\SECBF400007\上电</t>
  </si>
  <si>
    <t>【上电】碳刷\SECBF400008\上电</t>
  </si>
  <si>
    <t>【上电】碳刷\SECBF400009\上电</t>
  </si>
  <si>
    <t>【上电】碳刷\SECBF400010\上电</t>
  </si>
  <si>
    <t>【上电】碳刷\SECBF400011\上电</t>
  </si>
  <si>
    <t>【上电】碳刷\SECBF400012\上电</t>
  </si>
  <si>
    <t>【上电】碳刷\SECBF400013\上电</t>
  </si>
  <si>
    <t>【上电】碳刷\SECBF400014\上电</t>
  </si>
  <si>
    <t>【上电】碳刷\SECBF400015\上电</t>
  </si>
  <si>
    <t>【上电】碳刷\SECBF400016\上电</t>
  </si>
  <si>
    <t>【上电】碳刷\SECBF400017\上电</t>
  </si>
  <si>
    <t>【上电】碳刷\SECBF400018\上电</t>
  </si>
  <si>
    <t>【上电】碳刷\SECBF400019\上电</t>
  </si>
  <si>
    <t>【上电】碳刷\SECBF400020\上电</t>
  </si>
  <si>
    <t>【上电】碳刷\SECBF400021\上电</t>
  </si>
  <si>
    <t>【上电】碳刷\SECBF400022\上电</t>
  </si>
  <si>
    <t>【上电】滤波器\SECBF600001\上电</t>
  </si>
  <si>
    <t>【上电】集电环\SECBF600002\上电</t>
  </si>
  <si>
    <t>【上电】控制模块\SECBF600003\上电</t>
  </si>
  <si>
    <t>【上电】编码器\SECBF600004\上电</t>
  </si>
  <si>
    <t>【上电】变压器\SECBF600005\上电</t>
  </si>
  <si>
    <t>【上电】功率模块\SECBF600006\上电</t>
  </si>
  <si>
    <t>【上电】控制板\SECBF600007\上电</t>
  </si>
  <si>
    <t>【上电】控制板\SECBF600008\上电</t>
  </si>
  <si>
    <t>【上电】齿轮箱\SECBF600011\上电</t>
  </si>
  <si>
    <t>【上电】接触器\SECBF600012\上电</t>
  </si>
  <si>
    <t>【上电】控制板\SECBF600013\上电</t>
  </si>
  <si>
    <t>【上电】电抗器\SECBF600014\上电</t>
  </si>
  <si>
    <t>【上电】油泵\SECBF600015\上电</t>
  </si>
  <si>
    <t>【上电】集电环\SECBF600016\上电</t>
  </si>
  <si>
    <t>【上电】编码器\SECBF600017\上电</t>
  </si>
  <si>
    <t>【上电】直流母排组件\SECBF600018\上电</t>
  </si>
  <si>
    <t>【上电】功率模块\SECBF600019\上电</t>
  </si>
  <si>
    <t>【上电】感应模块\SECBF600020\上电</t>
  </si>
  <si>
    <t>【上电】轴承\SECBF600021\上电</t>
  </si>
  <si>
    <t>【上电】齿轮箱\SECBF600023\上电</t>
  </si>
  <si>
    <t>【上电】液压站\SECBF600025\上电</t>
  </si>
  <si>
    <t>【上电】齿轮箱\SECBF600026\上电</t>
  </si>
  <si>
    <t>【上电】驱动器\SECBF600027\上电</t>
  </si>
  <si>
    <t>【上电】控制器\SECBF600028\上电</t>
  </si>
  <si>
    <t>【上电】电动机\SECBF600029\上电</t>
  </si>
  <si>
    <t>【上电】电动机\SECBF600030\上电</t>
  </si>
  <si>
    <t>【上电】注油器\SECBF600031\上电</t>
  </si>
  <si>
    <t>【上电】电容\SECBF600032\上电</t>
  </si>
  <si>
    <t>【上电】提升机\SECBF600033\上电</t>
  </si>
  <si>
    <t>【上电】变压器\SECBF600034\上电</t>
  </si>
  <si>
    <t>【上电】电动机\SECBF600035\上电</t>
  </si>
  <si>
    <t>【上电】变压器\SECBF600036\上电</t>
  </si>
  <si>
    <t>【上电】联轴器\SECBF600037\上电</t>
  </si>
  <si>
    <t>【上电】集电环\SECBF600038\上电</t>
  </si>
  <si>
    <t>【上电】驱动器\SECBF600039\上电</t>
  </si>
  <si>
    <t>【上电】编码器\SECBF600040\上电</t>
  </si>
  <si>
    <t>【上电】控制器\SECBF600041\上电</t>
  </si>
  <si>
    <t>【上电】控制器\SECBF600042\上电</t>
  </si>
  <si>
    <t>【上电】断路器\SECBF600043\上电</t>
  </si>
  <si>
    <t>【上电】驱动器\SECBF600044\上电</t>
  </si>
  <si>
    <t>【上电】控制器\SECBF600045\上电</t>
  </si>
  <si>
    <t>【上电】变压器\SECBF600046\上电</t>
  </si>
  <si>
    <t>【上电】通讯滑环\SECBF600047\上电</t>
  </si>
  <si>
    <t>【上电】驱动器\SECBF600048\上电</t>
  </si>
  <si>
    <t>【上电】电动机\SECBF600049\上电</t>
  </si>
  <si>
    <t>【上电】驱动器\SECBF600050\上电</t>
  </si>
  <si>
    <t>【上电】驱动器\SECBF600051\上电</t>
  </si>
  <si>
    <t>【上电】驱动器\SECBF600052\上电</t>
  </si>
  <si>
    <t>【上电】电动机\SECBF600053\上电</t>
  </si>
  <si>
    <t>【上电】电容\SECBF600054\上电</t>
  </si>
  <si>
    <t>【上电】集电环\SECBF600055\上电</t>
  </si>
  <si>
    <t>【上电】电容\SECBF600056\上电</t>
  </si>
  <si>
    <t>【上电】电动机\SECBF600057\上电</t>
  </si>
  <si>
    <t>【上电】通讯滑环\SECBF600058\上电</t>
  </si>
  <si>
    <t>【上电】驱动器\SECBF600059\上电</t>
  </si>
  <si>
    <t>【上电】通讯滑环\SECBF600060\上电</t>
  </si>
  <si>
    <t>【上电】加热器\A9B00019643\上电</t>
  </si>
  <si>
    <t>【上电】滤芯\A9B00026103\上电</t>
  </si>
  <si>
    <t>【上电】除湿机\A9B00080802\上电</t>
  </si>
  <si>
    <t>【上电】滤芯\A9B00082518\上电</t>
  </si>
  <si>
    <t>【上电】油管\A9B10005619\上电</t>
  </si>
  <si>
    <t>【上电】电动机\A9B10018096\上电</t>
  </si>
  <si>
    <t>【上电】旋转接头\A9B10007551\上电</t>
  </si>
  <si>
    <t>【上电】蓄能器\A9B10051506\上电</t>
  </si>
  <si>
    <t>【上电】控制模块\A9B10073295\上电</t>
  </si>
  <si>
    <t>【上电】加热器\A9B10076547\上电</t>
  </si>
  <si>
    <t>【上电】油泵\A9B10110618\上电</t>
  </si>
  <si>
    <t>【上电】断路器\A9B10110777\上电</t>
  </si>
  <si>
    <t>【上电】压敏电阻\A9B10110806\上电</t>
  </si>
  <si>
    <t>【上电】网络交换机\12088752\上电</t>
  </si>
  <si>
    <t>【美国寿力】弹簧\040263\螺杆空压机\LS25S-350HWC\国产</t>
  </si>
  <si>
    <t>寿力有限责任公司</t>
  </si>
  <si>
    <t>美国寿力</t>
  </si>
  <si>
    <t>GNWZBP(TH)ZYCG2020-264</t>
  </si>
  <si>
    <t>国家能源e购商城寿力空压机备件铺货区域长协采购</t>
  </si>
  <si>
    <t>湖北远东机器有限公司</t>
  </si>
  <si>
    <t>【美国寿力】润滑剂\24KT 02250051-153 5GA\螺杆空压机\LS25S-350HWC\进口</t>
  </si>
  <si>
    <t>【美国寿力】进气控制器维修包\250006-526\螺杆空压机\LS25S-350HWC\进口</t>
  </si>
  <si>
    <t>【美国寿力】冷却器维修包\88280001-251\螺杆空压机\LS25S-350HWC\国产</t>
  </si>
  <si>
    <t>【美国寿力】冷却器维修包\88280001-321\螺杆空压机\LS32S-450HWC\国产</t>
  </si>
  <si>
    <t>【美国寿力】安全阀\88290005-483\螺杆空压机\LS25S-350HWC\国产</t>
  </si>
  <si>
    <t>【美国寿力】弹性体\88291010-114\螺杆空压机\AS9008AC\国产</t>
  </si>
  <si>
    <t>【美国寿力】断油阀维修包\001684\螺杆空压机\LS25S-350HWC\进口</t>
  </si>
  <si>
    <t>【美国寿力】回油管接头\250018-427\螺杆空压机\LS25S-350HWC\国产</t>
  </si>
  <si>
    <t>【美国寿力】联轴器\88290001-644\螺杆空压机\LS25S-350HWC\进口</t>
  </si>
  <si>
    <t>【美国寿力】弯管\043406\螺杆空压机\LS25S-350HWC\国产</t>
  </si>
  <si>
    <t>【美国寿力】联轴器螺栓\88290013-850\螺杆空压机\LS25S-350HWC\进口</t>
  </si>
  <si>
    <t>【美国寿力】进气控制器\011682-001\螺杆空压机\LS25S-350HWC\进口</t>
  </si>
  <si>
    <t>【美国寿力】放油管\88290004-441\螺杆空压机\LS25S-350HWC\国产</t>
  </si>
  <si>
    <t>【美国寿力】进气阀维修包\02250169-607\螺杆空压机\AS9008AC\进口</t>
  </si>
  <si>
    <t>【美国寿力】联轴器\88290014-140\螺杆空压机\LS25S-350HWC\国产</t>
  </si>
  <si>
    <t>【美国寿力】温控阀\88298004-130\螺杆空压机\LS25S-350HWC\进口</t>
  </si>
  <si>
    <t>【美国寿力】进气阀\88292000-711\螺杆空压机\LS355HWC\进口</t>
  </si>
  <si>
    <t>【美国寿力】气冷却器\88292002-673\螺杆空压机\LS355HWC\国产</t>
  </si>
  <si>
    <t>【美国寿力】阀杆\250022-786\螺杆空压机\LS25S-350HWC\国产</t>
  </si>
  <si>
    <t>【美国寿力】放空阀维修包\88291008-364\螺杆空压机\AS9008AC\进口</t>
  </si>
  <si>
    <t>【美国寿力】回油过滤器\241771\螺杆空压机\LS25S-350HWC\进口</t>
  </si>
  <si>
    <t>【美国寿力】进气阀总成\02250169-608\螺杆空压机\AS9008AC\进口</t>
  </si>
  <si>
    <t>【美国寿力】冷却器\88291008-861\螺杆空压机\AS9008AC\国产</t>
  </si>
  <si>
    <t>【美国寿力】联轴器\88291010-113\螺杆空压机\AS9008AC\国产</t>
  </si>
  <si>
    <t>【美国寿力】气水分离器\88298004-131\螺杆空压机\LS25S-350HWC\进口</t>
  </si>
  <si>
    <t>【美国寿力】温度传感器\88291010-144\螺杆空压机\AS9008AC\国产</t>
  </si>
  <si>
    <t>【美国寿力】消声器\040758\螺杆空压机\LS25S-350HWC\国产</t>
  </si>
  <si>
    <t>【美国寿力】轴封维修包\02250169-605\螺杆空压机\AS9008AC\国产</t>
  </si>
  <si>
    <t>【美国寿力】最小压力阀\88298003-756\螺杆空压机\LS25S-350HWC\进口</t>
  </si>
  <si>
    <t>【美国寿力】电脑控制器\88298002-312\螺杆空压机\LS355HWC\进口</t>
  </si>
  <si>
    <t>【美国寿力】断油阀\88291011-889\螺杆空压机\LS25S-350HWC\进口</t>
  </si>
  <si>
    <t>【美国寿力】接头\88291007-537\螺杆空压机\TH200HWC\国产</t>
  </si>
  <si>
    <t>【美国寿力】空气过滤器壳体\88292001-381\螺杆空压机\LS355HWC\进口</t>
  </si>
  <si>
    <t>【美国寿力】联轴器\88290013-180\螺杆空压机\LS25S-350HWC\国产</t>
  </si>
  <si>
    <t>【美国寿力】管道过滤器滤芯\HC-45\螺杆空压机\LS355HWC\国产</t>
  </si>
  <si>
    <t>【美国寿力】供油管\88290013-175\螺杆空压机\LS25S-350HWC\国产</t>
  </si>
  <si>
    <t>【美国寿力】节流孔\02250125-775\螺杆空压机\LS25S-350HWC\国产</t>
  </si>
  <si>
    <t>【美国寿力】进气阀\88292010-077\螺杆空压机\TH200HWC\进口</t>
  </si>
  <si>
    <t>【美国寿力】空气过滤器总成\88298001-708\螺杆空压机\TH200HWC\进口</t>
  </si>
  <si>
    <t>【美国寿力】冷却器维修包\88280001-901\螺杆空压机\AS9008AC\国产</t>
  </si>
  <si>
    <t>【美国寿力】联轴器\88290014-137\螺杆空压机\LS25S-350HWC\国产</t>
  </si>
  <si>
    <t>【美国寿力】管道过滤器滤芯\HA-45\螺杆空压机\LS355HWC\国产</t>
  </si>
  <si>
    <t>【美国寿力】管道过滤器滤芯\HT-45\螺杆空压机\LS355HWC\国产</t>
  </si>
  <si>
    <t>【美国寿力】气冷却器\88292014-971\螺杆空压机\TH200HWC\国产</t>
  </si>
  <si>
    <t>【美国寿力】油管\88292032-937\螺杆空压机\TH200HWC\国产</t>
  </si>
  <si>
    <t>【美国寿力】电磁阀维修包\88290021-950\螺杆空压机\AS9008AC\进口</t>
  </si>
  <si>
    <t>【美国寿力】温度传感器\02250058-087\螺杆空压机\LS355HWC\国产</t>
  </si>
  <si>
    <t>【美国寿力】油冷却器\88292002-672\螺杆空压机\LS355HWC\国产</t>
  </si>
  <si>
    <t>【美国寿力】油冷却器\88298002-769\螺杆空压机\TH200HWC\国产</t>
  </si>
  <si>
    <t>【美国寿力】油滤芯\88292006-262\螺杆空压机\LS355HWC\进口</t>
  </si>
  <si>
    <t>【美国寿力】轴封\250035-013\螺杆空压机\LS355HWC\进口</t>
  </si>
  <si>
    <t>【美国寿力】最小压力阀\88298000-336\螺杆空压机\LS355HWC\进口</t>
  </si>
  <si>
    <t>【美国寿力】油气分离器滤芯\88292031-286\螺杆空压机\TH200HWC\进口</t>
  </si>
  <si>
    <t>【美国寿力】油气分离器滤芯\88298004-776\螺杆空压机\LS355HWC\进口</t>
  </si>
  <si>
    <t>【美国寿力】油气分离器滤芯\88292031-287\螺杆空压机\TH200HWC\进口</t>
  </si>
  <si>
    <t>【美国寿力】油气分离器滤芯\88298004-783\螺杆空压机\LS355HWC\进口</t>
  </si>
  <si>
    <t>【美国寿力】主机头维修包\8828001-321\螺杆空压机\LS32S-450HWC\国产</t>
  </si>
  <si>
    <t>【美国寿力】主机头维修包\8828001-323\螺杆空压机\LS32S-450HWC\国产</t>
  </si>
  <si>
    <t>【美国寿力】卸载阀\001667\螺杆式空压机\LS25S-350 LWC\进口</t>
  </si>
  <si>
    <t>【美国寿力】联轴器金属垫片\88290014-217\压缩机\LS25S-350HWC\国产</t>
  </si>
  <si>
    <t>【美国寿力】气动执行机构\88290001-129\进口</t>
  </si>
  <si>
    <t>【美国寿力】放空阀\02250100-042\空气压缩机\WS3707\进口</t>
  </si>
  <si>
    <t>【美国寿力】自动排水器\88290013-186\螺杆式空压机\TS32S-450H\进口</t>
  </si>
  <si>
    <t>【美国寿力】联轴器弹性体\88290004-892\螺杆式压缩机\LS25S-300LWC\进口</t>
  </si>
  <si>
    <t>【美国寿力】压力阀\250033-821\螺杆式压缩机\LS25S-300LWC\进口</t>
  </si>
  <si>
    <t>【美国寿力】轴封\600893-001\螺杆式压缩机\LS25S-300LWC\进口</t>
  </si>
  <si>
    <t>【美国寿力】回油软管\040413\螺杆式压缩机\LS25S-300LWC\进口</t>
  </si>
  <si>
    <t>【美国寿力】次级滤芯\02250048-734\空气压缩机\LS20-150HAC\进口</t>
  </si>
  <si>
    <t>【美国寿力】初级滤芯\250034-085\空气压缩机\LS20-150HAC\进口</t>
  </si>
  <si>
    <t>【美国寿力】电磁阀\250038-755\螺杆压缩机\LS25S-350\国产</t>
  </si>
  <si>
    <t>【美国寿力】Sullube润滑油\87250022-669\22kw-75kw\寿力</t>
  </si>
  <si>
    <t>【美国寿力】弯头\810504-025\螺杆式压缩机\LS25S-300LWC\进口</t>
  </si>
  <si>
    <t>【美国寿力】真空开关\250014-656 VP-48C-22R/6WLAQ2\IP55</t>
  </si>
  <si>
    <t>【美国寿力】活性氧化铝干燥剂\1002316\25kg/袋</t>
  </si>
  <si>
    <t>【美国寿力】控制管路过滤器\02250112-032\压缩机\LS25S-350HWC 6000V\进口</t>
  </si>
  <si>
    <t>【美国寿力】单向阀\02250115-272\螺杆空气压缩机\LS16-75H\进口</t>
  </si>
  <si>
    <t>【美国寿力】空气过滤器滤芯\88290001-469\美国寿力空气压缩机\LS16-75S\进口</t>
  </si>
  <si>
    <t>【美国寿力】进气阀活塞\240042-2991\螺杆式压缩机\LS25S-300LWC\进口</t>
  </si>
  <si>
    <t>【美国寿力】进气阀杆\02250139-188\螺杆式压缩机\LS25S-300LWC\进口</t>
  </si>
  <si>
    <t>【美国寿力】维修包\88291006-993\空气压缩机\LS25S-300L\国产</t>
  </si>
  <si>
    <t>【美国寿力】最小压力阀\89250033-821\螺杆式压缩机\LS25S-300LWC\进口</t>
  </si>
  <si>
    <t>【美国寿力】油冷却器\88290004-083\螺杆空压机\LS25S-350HWC\国产</t>
  </si>
  <si>
    <t>【美国寿力】电脑板\88290007-999\空气压缩机\LS20S-175/200\进口</t>
  </si>
  <si>
    <t>【美国寿力】油冷却器\88290003-862\螺杆式压缩机\LS25S-300L WC\进口</t>
  </si>
  <si>
    <t>【美国寿力】后冷却器\88290020-670\空气压缩机\LS32-450\国产</t>
  </si>
  <si>
    <t>【美国寿力】控制面板\88291010-070\空气压缩机\AS4508\国产</t>
  </si>
  <si>
    <t>【美国寿力】往复阀\408893\空压机\TS32-400\进口</t>
  </si>
  <si>
    <t>【美国寿力】滤芯\88292001-204\国产</t>
  </si>
  <si>
    <t>【美国寿力】压力调节器\408275\螺杆空气压缩机\LS25S-300H WC\国产</t>
  </si>
  <si>
    <t>【美国寿力】压力调节器\045099\螺杆空气压缩机\LS25S-300H WC\国产</t>
  </si>
  <si>
    <t>【美国寿力】压力传感器\88291007-640\压缩机\LS25S-300H WC\国产</t>
  </si>
  <si>
    <t>【美国寿力】空气滤芯\02250135-149\空气压缩机\LS25S-350HH\进口</t>
  </si>
  <si>
    <t>【美国寿力】空气滤芯\88298001-996\空气压缩机\LS25S-250HHAC\进口</t>
  </si>
  <si>
    <t>【美国寿力】油过滤芯\88298003-408\空气压缩机\LS25S-250HHAC\进口</t>
  </si>
  <si>
    <t>【美国寿力】二级分离器芯\88298002-137\空气压缩机\LS25S-250HHAC\进口</t>
  </si>
  <si>
    <t>【美国寿力】初级分离芯\88298001-705\空气压缩机\LS25S-250HHAC\进口</t>
  </si>
  <si>
    <t>【美国寿力】压力阀保养包\250018-262\空气压缩机\LS25S-350HH\进口</t>
  </si>
  <si>
    <t>【美国寿力】电磁阀\250038-666\空气压缩机\LS25S-350HH\进口</t>
  </si>
  <si>
    <t>【美国寿力】二级分离器芯\250034-130\空气压缩机\LS25S-350HH\进口</t>
  </si>
  <si>
    <t>【美国寿力】初级分离芯\250034-124\空气压缩机\LS25S-350HH\进口</t>
  </si>
  <si>
    <t>【美国寿力】油滤芯\02250139-996\空气压缩机\LS25S-350HH\进口</t>
  </si>
  <si>
    <t>【美国寿力】空气滤芯\88290004-372\压缩机\TS32S-400HWCKT\进口</t>
  </si>
  <si>
    <t>【美国寿力】次级油滤\02250109-321\压缩机\TS32S-400HWCKT\进口</t>
  </si>
  <si>
    <t>【美国寿力】初级油滤\02250109-319\压缩机\TS32S-400HWCKT\进口</t>
  </si>
  <si>
    <t>【美国寿力】油塞\88290001-031\空气压缩机\LS25S-350H WC\国产</t>
  </si>
  <si>
    <t>【美国寿力】压力阀\88298003-760\空气压缩机\LS250HHAC\国产</t>
  </si>
  <si>
    <t>【美国寿力】温控阀\88298004-129\空气压缩机\LS250HHAC\国产</t>
  </si>
  <si>
    <t>【美国寿力】温控阀\88290001-006\螺杆式空气压缩机\LS32-450\国产</t>
  </si>
  <si>
    <t>【美国寿力】维修包\88290018-146\螺杆式空气压缩机\AS4500\国产</t>
  </si>
  <si>
    <t>【美国寿力】视液镜\02250126-129\空气压缩机\LS25S-300L\国产</t>
  </si>
  <si>
    <t>【美国寿力】最小压力阀\242405\空气压缩机\LS16-75S\进口</t>
  </si>
  <si>
    <t>【美国寿力】气囊\250020-353\寿力空压机\LS32-450H WC SULL\国产</t>
  </si>
  <si>
    <t>【美国寿力】压力开关\250017-992\螺纹\进口</t>
  </si>
  <si>
    <t>【美国寿力】卸荷阀\044912\空气压缩机\LS25S-350\国产</t>
  </si>
  <si>
    <t>【美国寿力】放空阀\409783\空气压缩机\LS25S-350\国产</t>
  </si>
  <si>
    <t>【美国寿力】油过滤器总成\02250121-655\空压机\LS25S-350HWC\进口</t>
  </si>
  <si>
    <t>【美国寿力】油冷却器\88290014-166\螺杆式空压机\LS32-450H\国产</t>
  </si>
  <si>
    <t>【美国寿力】温控阀维修包\013697\螺杆式空压机\LS32-450H\国产</t>
  </si>
  <si>
    <t>【美国寿力】温度传感器\250039-909\螺杆式空压机\LS32-450H\国产</t>
  </si>
  <si>
    <t>【美国寿力】可调节流子\88290011-200\螺杆式空压机\LS25S-350\国产</t>
  </si>
  <si>
    <t>【美国寿力】视油镜\88290001-219\空气压缩机\LS16-60/75/100\进口</t>
  </si>
  <si>
    <t>【美国寿力】压力调节器\406929\空气压缩机\LS20S-175/200\进口</t>
  </si>
  <si>
    <t>【美国寿力】安全阀\88290005-480\空气压缩机\LS20S-175/200\进口</t>
  </si>
  <si>
    <t>【美国寿力】POPPET阀\88290003-548\空气压缩机\LS20S-175/200\进口</t>
  </si>
  <si>
    <t>【美国寿力】压力表\040691\螺杆式压缩机\LS25S-350\进口</t>
  </si>
  <si>
    <t>【美国寿力】温控阀阀芯\88291009-347\空压机\LS25S-350\进口</t>
  </si>
  <si>
    <t>【美国寿力】减压阀\02250046-568\空压机\LS25S-350\进口</t>
  </si>
  <si>
    <t>【美国寿力】压力调节器维修包\041742\空压机\LS25S-350\进口</t>
  </si>
  <si>
    <t>【美国寿力】回油管过滤器滤芯\02250117-782\螺杆空压机\LS32-450L WC SULL\国产</t>
  </si>
  <si>
    <t>【美国寿力】过滤器浮子维修包\02250115-960\空气压缩机\LS20S-175/200\进口</t>
  </si>
  <si>
    <t>【美国寿力】过滤器\88290018-880\空气压缩机\LS20S-175/200\进口</t>
  </si>
  <si>
    <t>【美国寿力】空气压缩机油\250019-662;1×18.9L\寿力</t>
  </si>
  <si>
    <t>【美国寿力】气缸\408825\螺杆空气压缩机\LS32-450\国产</t>
  </si>
  <si>
    <t>【美国寿力】机头轴封维修包\067329-001\螺杆式空压机\LS32-450\国产</t>
  </si>
  <si>
    <t>【美国寿力】弯接头\250018-430\固定式螺杆压缩机\AS3700\国产</t>
  </si>
  <si>
    <t>【美国寿力】尼龙管\02250054-861\固定式螺杆压缩机\AS3700\国产</t>
  </si>
  <si>
    <t>【美国寿力】不锈钢管\841215-004\固定式螺杆压缩机\AS3700\国产</t>
  </si>
  <si>
    <t>【美国寿力】后冷排水胶管\88290013-947\螺杆式空气压缩机\LS32-450\国产</t>
  </si>
  <si>
    <t>【美国寿力】进水胶管\88290013-207\螺杆式空气压缩机\LS32-450\国产</t>
  </si>
  <si>
    <t>【美国寿力】后冷进水胶管\88290013-945\螺杆式空气压缩机\LS32-450\国产</t>
  </si>
  <si>
    <t>【美国寿力】空气后冷却器\代号88290013-028\螺杆式空气压缩机\LS32-450\国产</t>
  </si>
  <si>
    <t>【美国寿力】蝶阀 带气缸\代号02250115-957\螺杆式空气压缩机\LS32-450\国产</t>
  </si>
  <si>
    <t>【美国寿力】供油管\代号88290004-433\螺杆式空气压缩机\LS32-450\国产</t>
  </si>
  <si>
    <t>【美国寿力】低温油管\代号88290013-172\螺杆式空气压缩机\LS32-450\国产</t>
  </si>
  <si>
    <t>【美国寿力】油冷进油管\代号88290014-167\螺杆式空气压缩机\LS32-450\国产</t>
  </si>
  <si>
    <t>【美国寿力】机头回油管\代号88290013-173\螺杆空压机\LS32-450\国产</t>
  </si>
  <si>
    <t>【美国寿力】温控阀芯\049542\美国寿力空压机\WS4500-7500\进口</t>
  </si>
  <si>
    <t>【美国寿力】压力传感器\88290003-806\美国寿力空压机\WS4500-7500\进口</t>
  </si>
  <si>
    <t>【美国寿力】油滤\250025-526\美国寿力空压机\WS4500-7500\进口</t>
  </si>
  <si>
    <t>【上电】干燥器\SFCBF300017\上电</t>
  </si>
  <si>
    <t>【上电】滤芯\SFCBF300015\上电</t>
  </si>
  <si>
    <t>【上电】滤芯\SFCBF300012\上电</t>
  </si>
  <si>
    <t>【上电】滤芯\SFCBF300009\上电</t>
  </si>
  <si>
    <t>【上电】滤芯\SFCBF300016\上电</t>
  </si>
  <si>
    <t>【上电】滤芯\SFCBF300014\上电</t>
  </si>
  <si>
    <t>【上电】滤芯\SFCBF300013\上电</t>
  </si>
  <si>
    <t>【上电】滤芯\SFCBF300011\上电</t>
  </si>
  <si>
    <t>【上电】滤芯\SFCBF300010\上电</t>
  </si>
  <si>
    <t>【上电】滤芯\SFCBF300008\上电</t>
  </si>
  <si>
    <t>【上电】滤芯\SFCBF300007\上电</t>
  </si>
  <si>
    <t>【上电】滤芯\SFCBF300006\上电</t>
  </si>
  <si>
    <t>【上电】滤芯\SFCBF300005\上电</t>
  </si>
  <si>
    <t>【上电】滤芯\SFCBF300004\上电</t>
  </si>
  <si>
    <t>【上电】滤芯\SFCBF300003\上电</t>
  </si>
  <si>
    <t>【上电】滤芯\SFCBF300001\上电</t>
  </si>
  <si>
    <t>【上电】制动片\SECBF940011\上电</t>
  </si>
  <si>
    <t>【上电】滤芯\SFCBF300002\上电</t>
  </si>
  <si>
    <t>【上电】制动片\SECBF940012\上电</t>
  </si>
  <si>
    <t>【上电】制动片\SECBF940010\上电</t>
  </si>
  <si>
    <t>【上电】公共机\BF92000071\上电</t>
  </si>
  <si>
    <t>【上电】风扇\BF2000566\上电</t>
  </si>
  <si>
    <t>【上电】熔断器\BF1000489\上电</t>
  </si>
  <si>
    <t>【上电】熔断器\BF1000488\上电</t>
  </si>
  <si>
    <t>【上电】断路器\BF1000017\上电</t>
  </si>
  <si>
    <t>【上电】电源模块\B9400402\上电</t>
  </si>
  <si>
    <t>【上电】电源模块\B9400038\上电</t>
  </si>
  <si>
    <t>【上电】风扇\B2000550\上电</t>
  </si>
  <si>
    <t>【上电】断路器\B1000378\上电</t>
  </si>
  <si>
    <t>【上电】制动片\SECBF940009\上电</t>
  </si>
  <si>
    <t>【上电】制动片\SECBF940008\上电</t>
  </si>
  <si>
    <t>【上电】制动片\SECBF940007\上电</t>
  </si>
  <si>
    <t>【上电】制动片\SECBF940006\上电</t>
  </si>
  <si>
    <t>【上电】制动片\SECBF940005\上电</t>
  </si>
  <si>
    <t>【上电】制动器\SECBF940004\上电</t>
  </si>
  <si>
    <t>【上电】烟雾传感器\DFB00001629\上电</t>
  </si>
  <si>
    <t>【上电】压力表\DFB00000387\上电</t>
  </si>
  <si>
    <t>【上电】油路喷嘴\BF90000022\上电</t>
  </si>
  <si>
    <t>【上电】照明灯\BF90000015\上电</t>
  </si>
  <si>
    <t>【上电】控制板\B1000306\上电</t>
  </si>
  <si>
    <t>【上电】制动器\A9B10243059\上电</t>
  </si>
  <si>
    <t>【上电】控制板\A9B10188933\上电</t>
  </si>
  <si>
    <t>【上电】电动机\A9B10164691\上电</t>
  </si>
  <si>
    <t>【上电】控制模块\A9B10155832\上电</t>
  </si>
  <si>
    <t>【上电】控制模块\A9B10162244\上电</t>
  </si>
  <si>
    <t>【上电】断路器\A9B10076809\上电</t>
  </si>
  <si>
    <t>【上电】信号模块\A9B10065206\上电</t>
  </si>
  <si>
    <t>【上电】电磁阀\A9B10048437\上电</t>
  </si>
  <si>
    <t>【上电】显示器\A9B10047732\上电</t>
  </si>
  <si>
    <t>【上电】控制模块\A9B10044069\上电</t>
  </si>
  <si>
    <t>【上电】吸油器\A9B10043779\上电</t>
  </si>
  <si>
    <t>【SKF】角接触球轴承\3200A-2RS1TN9\SKF</t>
  </si>
  <si>
    <t>【SKF】角接触球轴承\7005ACD/P4A\SKF</t>
  </si>
  <si>
    <t>【SKF】角接触球轴承\7015ACD/P4A\SKF</t>
  </si>
  <si>
    <t>【SKF】角接触球轴承\7034ACD/P4A\SKF</t>
  </si>
  <si>
    <t>【SKF】角接触球轴承\71904CD/P4A\SKF</t>
  </si>
  <si>
    <t>【SKF】角接触球轴承\7202CD/P4A\SKF</t>
  </si>
  <si>
    <t>【SKF】角接触球轴承\7206ACD/P4A\SKF</t>
  </si>
  <si>
    <t>【SKF】角接触球轴承\7207ACD/P4A\SKF</t>
  </si>
  <si>
    <t>【SKF】角接触球轴承\7208ACD/P4A\SKF</t>
  </si>
  <si>
    <t>【SKF】角接触球轴承\7208CD/P4ADT\SKF</t>
  </si>
  <si>
    <t>【SKF】角接触球轴承\7209ACCBM\SKF</t>
  </si>
  <si>
    <t>【SKF】角接触球轴承\7209CD/P4A\SKF</t>
  </si>
  <si>
    <t>【SKF】角接触球轴承\7210ACD/P4A\SKF</t>
  </si>
  <si>
    <t>【SKF】角接触球轴承\7211ACCBM\SKF</t>
  </si>
  <si>
    <t>【SKF】角接触球轴承\7212ACCBM\SKF</t>
  </si>
  <si>
    <t>【SKF】角接触球轴承\7212ACD/P4A\SKF</t>
  </si>
  <si>
    <t>【SKF】角接触球轴承\7214ACDGA/P4A\SKF</t>
  </si>
  <si>
    <t>【SKF】角接触球轴承\7215ACD/P4A\SKF</t>
  </si>
  <si>
    <t>【SKF】角接触球轴承\7216BECCM\SKF</t>
  </si>
  <si>
    <t>【SKF】角接触球轴承\7217ACD/P4A\SKF</t>
  </si>
  <si>
    <t>【SKF】角接触球轴承\7218ACD/P4A\SKF</t>
  </si>
  <si>
    <t>【SKF】角接触球轴承\7219ACD/P4A\SKF</t>
  </si>
  <si>
    <t>【SKF】角接触球轴承\7220 ACD/P4A\SKF</t>
  </si>
  <si>
    <t>【SKF】角接触球轴承\7224ACD/P4A\SKF</t>
  </si>
  <si>
    <t>【SKF】角接触球轴承\7224BGAM\SKF</t>
  </si>
  <si>
    <t>【SKF】角接触球轴承\7226ACD/P4A\SKF</t>
  </si>
  <si>
    <t>【SKF】角接触球轴承\7226BM\SKF</t>
  </si>
  <si>
    <t>【SKF】角接触球轴承\7306BEGAP\SKF</t>
  </si>
  <si>
    <t>【SKF】角接触球轴承\7307ACCBM\SKF</t>
  </si>
  <si>
    <t>【SKF】角接触球轴承\7310BECAM\SKF</t>
  </si>
  <si>
    <t>【SKF】角接触球轴承\7311ACCBM\SKF</t>
  </si>
  <si>
    <t>【SKF】角接触球轴承\7311BECCM\SKF</t>
  </si>
  <si>
    <t>【SKF】角接触球轴承\7312BECCM\SKF</t>
  </si>
  <si>
    <t>【SKF】角接触球轴承\7313BECCM\SKF</t>
  </si>
  <si>
    <t>【SKF】角接触球轴承\7315BEGAP\SKF</t>
  </si>
  <si>
    <t>【SKF】角接触球轴承\7319BEM\SKF</t>
  </si>
  <si>
    <t>【SKF】角接触球轴承\7320BEM\SKF</t>
  </si>
  <si>
    <t>【SKF】角接触球轴承\7322BEM\SKF</t>
  </si>
  <si>
    <t>【SKF】角接触球轴承\7407BM\SKF</t>
  </si>
  <si>
    <t>【SKF】角接触球轴承\7408BM\SKF</t>
  </si>
  <si>
    <t>【SKF】角接触球轴承\7410BM\SKF</t>
  </si>
  <si>
    <t>【SKF】深沟球轴承\609\SKF</t>
  </si>
  <si>
    <t>【SKF】深沟球轴承\6028\SKF</t>
  </si>
  <si>
    <t>【SKF】深沟球轴承\6323\SKF</t>
  </si>
  <si>
    <t>【SKF】深沟球轴承\16048MA\SKF</t>
  </si>
  <si>
    <t>【SKF】深沟球轴承\16052MA\SKF</t>
  </si>
  <si>
    <t>【SKF】深沟球轴承\6001-RSH\SKF</t>
  </si>
  <si>
    <t>【SKF】深沟球轴承\6002-2RSH\SKF</t>
  </si>
  <si>
    <t>【SKF】深沟球轴承\6002-RS1\SKF</t>
  </si>
  <si>
    <t>【SKF】深沟球轴承\6003-2RSH\SKF</t>
  </si>
  <si>
    <t>【SKF】深沟球轴承\6003-Z\SKF</t>
  </si>
  <si>
    <t>【SKF】深沟球轴承\6004-RSH\SKF</t>
  </si>
  <si>
    <t>【SKF】深沟球轴承\6004-Z\SKF</t>
  </si>
  <si>
    <t>【SKF】深沟球轴承\6005-Z\SKF</t>
  </si>
  <si>
    <t>【SKF】深沟球轴承\6006-RS1\SKF</t>
  </si>
  <si>
    <t>【SKF】深沟球轴承\6007-RS1\SKF</t>
  </si>
  <si>
    <t>【SKF】深沟球轴承\6008-RS1\SKF</t>
  </si>
  <si>
    <t>【SKF】深沟球轴承\6009-Z/C3\SKF</t>
  </si>
  <si>
    <t>【SKF】深沟球轴承\6010-RS1\SKF</t>
  </si>
  <si>
    <t>【SKF】深沟球轴承\6013-Z\SKF</t>
  </si>
  <si>
    <t>【SKF】深沟球轴承\6018/C4\SKF</t>
  </si>
  <si>
    <t>【SKF】深沟球轴承\6019/C4\SKF</t>
  </si>
  <si>
    <t>【SKF】深沟球轴承\6020-Z\SKF</t>
  </si>
  <si>
    <t>【SKF】深沟球轴承\6026-2Z/C3\SKF</t>
  </si>
  <si>
    <t>【SKF】深沟球轴承\6028M\SKF</t>
  </si>
  <si>
    <t>【SKF】深沟球轴承\6040M\SKF</t>
  </si>
  <si>
    <t>【SKF】深沟球轴承\6044M\SKF</t>
  </si>
  <si>
    <t>【SKF】深沟球轴承\608-Z\SKF</t>
  </si>
  <si>
    <t>【SKF】深沟球轴承\61818-2RS1\SKF</t>
  </si>
  <si>
    <t>【SKF】深沟球轴承\61824-2RZ\SKF</t>
  </si>
  <si>
    <t>【SKF】深沟球轴承\61830MA\SKF</t>
  </si>
  <si>
    <t>【SKF】深沟球轴承\61838MA\SKF</t>
  </si>
  <si>
    <t>【SKF】深沟球轴承\61856MA\SKF</t>
  </si>
  <si>
    <t>【SKF】深沟球轴承\61888MA\SKF</t>
  </si>
  <si>
    <t>【SKF】深沟球轴承\619/6-2Z\SKF</t>
  </si>
  <si>
    <t>【SKF】深沟球轴承\61928MA\SKF</t>
  </si>
  <si>
    <t>【SKF】深沟球轴承\61936MA\SKF</t>
  </si>
  <si>
    <t>【SKF】深沟球轴承\61940MA\SKF</t>
  </si>
  <si>
    <t>【SKF】深沟球轴承\62/28-2RS1\SKF</t>
  </si>
  <si>
    <t>【SKF】深沟球轴承\6200-RSH\SKF</t>
  </si>
  <si>
    <t>【SKF】深沟球轴承\6200-Z\SKF</t>
  </si>
  <si>
    <t>【SKF】深沟球轴承\6201-2RSH\SKF</t>
  </si>
  <si>
    <t>【SKF】深沟球轴承\6201-RSH\SKF</t>
  </si>
  <si>
    <t>【SKF】深沟球轴承\6202-Z\SKF</t>
  </si>
  <si>
    <t>【SKF】深沟球轴承\6203-RSH\SKF</t>
  </si>
  <si>
    <t>【SKF】深沟球轴承\6204-2RSH/C3\SKF</t>
  </si>
  <si>
    <t>【SKF】深沟球轴承\6205ETN9\SKF</t>
  </si>
  <si>
    <t>【SKF】深沟球轴承\6205/C4\SKF</t>
  </si>
  <si>
    <t>【SKF】深沟球轴承\6205-RSH\SKF</t>
  </si>
  <si>
    <t>【SKF】深沟球轴承\6205-Z\SKF</t>
  </si>
  <si>
    <t>【SKF】深沟球轴承\6206-2RS2/C3WT\SKF</t>
  </si>
  <si>
    <t>【SKF】深沟球轴承\6206-Z/C3\SKF</t>
  </si>
  <si>
    <t>【SKF】深沟球轴承\6208N\SKF</t>
  </si>
  <si>
    <t>【SKF】深沟球轴承\6213-2Z/C4\SKF</t>
  </si>
  <si>
    <t>【SKF】深沟球轴承\6213-RS1\SKF</t>
  </si>
  <si>
    <t>【SKF】深沟球轴承\6215-RS1\SKF</t>
  </si>
  <si>
    <t>【SKF】深沟球轴承\6216M/C4\SKF</t>
  </si>
  <si>
    <t>【SKF】深沟球轴承\6216-RS1\SKF</t>
  </si>
  <si>
    <t>【SKF】深沟球轴承\6217/C4S1VK176\SKF</t>
  </si>
  <si>
    <t>【SKF】深沟球轴承\6217-Z\SKF</t>
  </si>
  <si>
    <t>【SKF】深沟球轴承\6218-Z\SKF</t>
  </si>
  <si>
    <t>【SKF】深沟球轴承\6219M/C4\SKF</t>
  </si>
  <si>
    <t>【SKF】深沟球轴承\6220HC5/C3\SKF</t>
  </si>
  <si>
    <t>【SKF】深沟球轴承\6224M\SKF</t>
  </si>
  <si>
    <t>【SKF】深沟球轴承\626-2Z\SKF</t>
  </si>
  <si>
    <t>【SKF】深沟球轴承\626-Z\SKF</t>
  </si>
  <si>
    <t>【SKF】深沟球轴承\627-Z\SKF</t>
  </si>
  <si>
    <t>【SKF】深沟球轴承\629-Z\SKF</t>
  </si>
  <si>
    <t>【SKF】深沟球轴承\6302-2RSH\SKF</t>
  </si>
  <si>
    <t>【SKF】深沟球轴承\6302-2Z/C4\SKF</t>
  </si>
  <si>
    <t>【SKF】深沟球轴承\6305N\SKF</t>
  </si>
  <si>
    <t>【SKF】深沟球轴承\6305-2RS1/C4\SKF</t>
  </si>
  <si>
    <t>【SKF】深沟球轴承\6305-RS1\SKF</t>
  </si>
  <si>
    <t>【SKF】深沟球轴承\6305-Z\SKF</t>
  </si>
  <si>
    <t>【SKF】深沟球轴承\6306-RS1\SKF</t>
  </si>
  <si>
    <t>【SKF】深沟球轴承\6307N\SKF</t>
  </si>
  <si>
    <t>【SKF】深沟球轴承\6308N\SKF</t>
  </si>
  <si>
    <t>【SKF】深沟球轴承\6308-RS1\SKF</t>
  </si>
  <si>
    <t>【SKF】深沟球轴承\6309/C4\SKF</t>
  </si>
  <si>
    <t>【SKF】深沟球轴承\6310NR\SKF</t>
  </si>
  <si>
    <t>【SKF】深沟球轴承\6310-RS1\SKF</t>
  </si>
  <si>
    <t>【SKF】深沟球轴承\6311-RS1\SKF</t>
  </si>
  <si>
    <t>【SKF】深沟球轴承\6311-Z\SKF</t>
  </si>
  <si>
    <t>【SKF】深沟球轴承\6311-ZNR\SKF</t>
  </si>
  <si>
    <t>【SKF】深沟球轴承\6312-RS1\SKF</t>
  </si>
  <si>
    <t>【SKF】深沟球轴承\6313-2Z/VA228\SKF</t>
  </si>
  <si>
    <t>【SKF】深沟球轴承\6313-RS1\SKF</t>
  </si>
  <si>
    <t>【SKF】深沟球轴承\6314/C4\SKF</t>
  </si>
  <si>
    <t>【SKF】深沟球轴承\6316-RS1\SKF</t>
  </si>
  <si>
    <t>【SKF】深沟球轴承\6316-Z\SKF</t>
  </si>
  <si>
    <t>【SKF】深沟球轴承\6317/C4\SKF</t>
  </si>
  <si>
    <t>【SKF】深沟球轴承\6317-Z/C3\SKF</t>
  </si>
  <si>
    <t>【SKF】深沟球轴承\6319-Z\SKF</t>
  </si>
  <si>
    <t>【SKF】深沟球轴承\6320M\SKF</t>
  </si>
  <si>
    <t>【SKF】深沟球轴承\6320-Z/C3\SKF</t>
  </si>
  <si>
    <t>【SKF】深沟球轴承\6322/C3 VL0241\SKF</t>
  </si>
  <si>
    <t>【SKF】深沟球轴承\6324 c4\SKF</t>
  </si>
  <si>
    <t>【SKF】深沟球轴承\6004-2RSH\SKF</t>
  </si>
  <si>
    <t>【SKF】深沟球轴承\6205-2RSH/C3\SKF</t>
  </si>
  <si>
    <t>【SKF】深沟球轴承\6303-2RSH\SKF</t>
  </si>
  <si>
    <t>【SKF】深沟球轴承\6324/C3 VL2071\SKF</t>
  </si>
  <si>
    <t>【SKF】深沟球轴承\6202-2RSH\SKF</t>
  </si>
  <si>
    <t>【SKF】深沟球轴承\6203-2RSH\SKF</t>
  </si>
  <si>
    <t>【SKF】圆柱滚子轴承\81144M\SKF</t>
  </si>
  <si>
    <t>【SKF】圆柱滚子轴承\81215TN\SKF</t>
  </si>
  <si>
    <t>【SKF】圆柱滚子轴承\N226ECM\SKF</t>
  </si>
  <si>
    <t>【SKF】圆柱滚子轴承\NCF18/560V/HB1\SKF</t>
  </si>
  <si>
    <t>【SKF】圆柱滚子轴承\NCF1864V\SKF</t>
  </si>
  <si>
    <t>【SKF】圆柱滚子轴承\NCF1864V/C3\SKF</t>
  </si>
  <si>
    <t>【SKF】圆柱滚子轴承\NCF2932CV\SKF</t>
  </si>
  <si>
    <t>【SKF】圆柱滚子轴承\NCF2936CV\SKF</t>
  </si>
  <si>
    <t>【SKF】圆柱滚子轴承\NCF2956CV\SKF</t>
  </si>
  <si>
    <t>【SKF】圆柱滚子轴承\NCF2972CV\SKF</t>
  </si>
  <si>
    <t>【SKF】圆柱滚子轴承\NJ1009ECP\SKF</t>
  </si>
  <si>
    <t>【SKF】圆柱滚子轴承\NJ1036ML\SKF</t>
  </si>
  <si>
    <t>【SKF】圆柱滚子轴承\NJ1038ML\SKF</t>
  </si>
  <si>
    <t>【SKF】圆柱滚子轴承\NJ1052ML/C3VA327\SKF</t>
  </si>
  <si>
    <t>【SKF】圆柱滚子轴承\NJ1060MA/C3\SKF</t>
  </si>
  <si>
    <t>【SKF】圆柱滚子轴承\NJ210ECM\SKF</t>
  </si>
  <si>
    <t>【SKF】圆柱滚子轴承\NJ214ECM\SKF</t>
  </si>
  <si>
    <t>【SKF】圆柱滚子轴承\NJ215ECM\SKF</t>
  </si>
  <si>
    <t>【SKF】圆柱滚子轴承\NJ217ECM/C3\SKF</t>
  </si>
  <si>
    <t>【SKF】圆柱滚子轴承\NJ2217ECML/C3\SKF</t>
  </si>
  <si>
    <t>【SKF】圆柱滚子轴承\NJ2222ECML/C3\SKF</t>
  </si>
  <si>
    <t>【SKF】圆柱滚子轴承\NJ2224ECML/C3\SKF</t>
  </si>
  <si>
    <t>【SKF】圆柱滚子轴承\NJ2228ECML/C3\SKF</t>
  </si>
  <si>
    <t>【SKF】圆柱滚子轴承\NJ2230ECM\SKF</t>
  </si>
  <si>
    <t>【SKF】圆柱滚子轴承\NJ2232ECM\SKF</t>
  </si>
  <si>
    <t>【SKF】圆柱滚子轴承\NJ224ECML\SKF</t>
  </si>
  <si>
    <t>【SKF】圆柱滚子轴承\NJ228ECML/C3\SKF</t>
  </si>
  <si>
    <t>【SKF】圆柱滚子轴承\NJ2310ECML/C4\SKF</t>
  </si>
  <si>
    <t>【SKF】圆柱滚子轴承\NJ2313ECML\SKF</t>
  </si>
  <si>
    <t>【SKF】圆柱滚子轴承\NJ2314ECML/C4\SKF</t>
  </si>
  <si>
    <t>【SKF】圆柱滚子轴承\NJ2316ECP/C3\SKF</t>
  </si>
  <si>
    <t>【SKF】圆柱滚子轴承\NJ2317ECML\SKF</t>
  </si>
  <si>
    <t>【SKF】圆柱滚子轴承\NJ2317ECML/C4\SKF</t>
  </si>
  <si>
    <t>【SKF】圆柱滚子轴承\NJ2319ECML/C3\SKF</t>
  </si>
  <si>
    <t>【SKF】圆柱滚子轴承\NJ2320ECML/C4\SKF</t>
  </si>
  <si>
    <t>【SKF】圆柱滚子轴承\NJ2326ECML/C3\SKF</t>
  </si>
  <si>
    <t>【SKF】圆柱滚子轴承\NJ2328ECML\SKF</t>
  </si>
  <si>
    <t>【SKF】圆柱滚子轴承\NJ2330ECML\SKF</t>
  </si>
  <si>
    <t>【SKF】圆柱滚子轴承\NJ2334ECML\SKF</t>
  </si>
  <si>
    <t>【SKF】圆柱滚子轴承\NJ236ECML/C3\SKF</t>
  </si>
  <si>
    <t>【SKF】圆柱滚子轴承\NJ248MA/C3\SKF</t>
  </si>
  <si>
    <t>【SKF】圆柱滚子轴承\NJ309ECM\SKF</t>
  </si>
  <si>
    <t>【SKF】圆柱滚子轴承\NJ313ECM/C3\SKF</t>
  </si>
  <si>
    <t>【SKF】圆柱滚子轴承\NJ316ECM/C3\SKF</t>
  </si>
  <si>
    <t>【SKF】圆柱滚子轴承\NU1014ML\SKF</t>
  </si>
  <si>
    <t>【SKF】圆柱滚子轴承\NU1017ML/C3\SKF</t>
  </si>
  <si>
    <t>【SKF】圆柱滚子轴承\NU1018ML\SKF</t>
  </si>
  <si>
    <t>【SKF】圆柱滚子轴承\NU1024M/C3\SKF</t>
  </si>
  <si>
    <t>【SKF】圆柱滚子轴承\NU1026ML\SKF</t>
  </si>
  <si>
    <t>【SKF】圆柱滚子轴承\NU1028M\SKF</t>
  </si>
  <si>
    <t>【SKF】圆柱滚子轴承\NU1030M\SKF</t>
  </si>
  <si>
    <t>【SKF】圆柱滚子轴承\NU1032M/C3\SKF</t>
  </si>
  <si>
    <t>【SKF】圆柱滚子轴承\NU1036M\SKF</t>
  </si>
  <si>
    <t>【SKF】圆柱滚子轴承\NU1056ML\SKF</t>
  </si>
  <si>
    <t>【SKF】圆柱滚子轴承\NU1080MA\SKF</t>
  </si>
  <si>
    <t>【SKF】圆柱滚子轴承\NU214ECML/C4\SKF</t>
  </si>
  <si>
    <t>【SKF】圆柱滚子轴承\NU217ECM/P54S1\SKF</t>
  </si>
  <si>
    <t>【SKF】圆柱滚子轴承\NU219ECML/C4\SKF</t>
  </si>
  <si>
    <t>【SKF】圆柱滚子轴承\NU2244ECML/C3\SKF</t>
  </si>
  <si>
    <t>【SKF】圆柱滚子轴承\NU2317ECP/C3\SKF</t>
  </si>
  <si>
    <t>【SKF】圆柱滚子轴承\NU2330ECML\SKF</t>
  </si>
  <si>
    <t>【SKF】圆柱滚子轴承\NU2344ECML\SKF</t>
  </si>
  <si>
    <t>【SKF】圆柱滚子轴承\NU3164ECMA/C3\SKF</t>
  </si>
  <si>
    <t>【SKF】圆柱滚子轴承\NU317EM\SKF</t>
  </si>
  <si>
    <t>【SKF】圆柱滚子轴承\NU318EM\SKF</t>
  </si>
  <si>
    <t>【SKF】圆柱滚子轴承\NU3188ECMA/HB1C3\SKF</t>
  </si>
  <si>
    <t>【SKF】圆柱滚子轴承\NU319EM/C3\SKF</t>
  </si>
  <si>
    <t>【SKF】圆柱滚子轴承\NU322EM/C3\SKF</t>
  </si>
  <si>
    <t>【SKF】圆柱滚子轴承\NUP306ECJ\SKF</t>
  </si>
  <si>
    <t>【SKF】圆柱滚子轴承\NUP315ECJ\SKF</t>
  </si>
  <si>
    <t>【SKF】圆柱滚子轴承\RN206ECP\SKF</t>
  </si>
  <si>
    <t>【SKF】圆柱滚子轴承\NN3024KTN9/SPW33\SKF</t>
  </si>
  <si>
    <t>【SKF】圆柱滚子轴承\NNU4934B/SPW33\SKF</t>
  </si>
  <si>
    <t>【SKF】圆柱滚子轴承\NNU4938B/SPW33\SKF</t>
  </si>
  <si>
    <t>【SKF】圆柱滚子轴承\HJ330EC/VA301\SKF</t>
  </si>
  <si>
    <t>【SKF】圆锥滚子轴承\30202\SKF</t>
  </si>
  <si>
    <t>【SKF】圆锥滚子轴承\30206\SKF</t>
  </si>
  <si>
    <t>【SKF】圆锥滚子轴承\30326\SKF</t>
  </si>
  <si>
    <t>【SKF】圆锥滚子轴承\31310\SKF</t>
  </si>
  <si>
    <t>【SKF】圆锥滚子轴承\31314\SKF</t>
  </si>
  <si>
    <t>【SKF】圆锥滚子轴承\31317\SKF</t>
  </si>
  <si>
    <t>【SKF】圆锥滚子轴承\31319\SKF</t>
  </si>
  <si>
    <t>【SKF】圆锥滚子轴承\32219\SKF</t>
  </si>
  <si>
    <t>【SKF】圆锥滚子轴承\32221\SKF</t>
  </si>
  <si>
    <t>【SKF】圆锥滚子轴承\32226\SKF</t>
  </si>
  <si>
    <t>【SKF】圆锥滚子轴承\32234\SKF</t>
  </si>
  <si>
    <t>【SKF】圆锥滚子轴承\32238\SKF</t>
  </si>
  <si>
    <t>【SKF】圆锥滚子轴承\32244\SKF</t>
  </si>
  <si>
    <t>【SKF】圆锥滚子轴承\32248\SKF</t>
  </si>
  <si>
    <t>【SKF】圆锥滚子轴承\32309\SKF</t>
  </si>
  <si>
    <t>【SKF】圆锥滚子轴承\32312\SKF</t>
  </si>
  <si>
    <t>【SKF】圆锥滚子轴承\32924\SKF</t>
  </si>
  <si>
    <t>【SKF】圆锥滚子轴承\32928\SKF</t>
  </si>
  <si>
    <t>【SKF】圆锥滚子轴承\32960\SKF</t>
  </si>
  <si>
    <t>【SKF】圆锥滚子轴承\33024\SKF</t>
  </si>
  <si>
    <t>【SKF】圆锥滚子轴承\33116\SKF</t>
  </si>
  <si>
    <t>【SKF】圆锥滚子轴承\33209\SKF</t>
  </si>
  <si>
    <t>【SKF】圆锥滚子轴承\33215\SKF</t>
  </si>
  <si>
    <t>【SKF】圆锥滚子轴承\67388\SKF</t>
  </si>
  <si>
    <t>【SKF】圆锥滚子轴承\31308/CL7C\SKF</t>
  </si>
  <si>
    <t>【SKF】圆锥滚子轴承\31309J2/QCL7C\SKF</t>
  </si>
  <si>
    <t>【SKF】圆锥滚子轴承\31312J2/QDF\SKF</t>
  </si>
  <si>
    <t>【SKF】圆锥滚子轴承\31313/CL7C\SKF</t>
  </si>
  <si>
    <t>【SKF】圆锥滚子轴承\31314/CL7A\SKF</t>
  </si>
  <si>
    <t>【SKF】圆锥滚子轴承\31324X\SKF</t>
  </si>
  <si>
    <t>【SKF】圆锥滚子轴承\31328X\SKF</t>
  </si>
  <si>
    <t>【SKF】圆锥滚子轴承\320/32X\SKF</t>
  </si>
  <si>
    <t>【SKF】圆锥滚子轴承\32006X\SKF</t>
  </si>
  <si>
    <t>【SKF】圆锥滚子轴承\32007X\SKF</t>
  </si>
  <si>
    <t>【SKF】圆锥滚子轴承\32009X\SKF</t>
  </si>
  <si>
    <t>【SKF】圆锥滚子轴承\32012X\SKF</t>
  </si>
  <si>
    <t>【SKF】圆锥滚子轴承\32018X\SKF</t>
  </si>
  <si>
    <t>【SKF】圆锥滚子轴承\32019X\SKF</t>
  </si>
  <si>
    <t>【SKF】圆锥滚子轴承\32034X/DF\SKF</t>
  </si>
  <si>
    <t>【SKF】圆锥滚子轴承\32056X\SKF</t>
  </si>
  <si>
    <t>【SKF】圆锥滚子轴承\32056X/DF\SKF</t>
  </si>
  <si>
    <t>【SKF】圆锥滚子轴承\32228/DF\SKF</t>
  </si>
  <si>
    <t>【SKF】圆锥滚子轴承\32310B\SKF</t>
  </si>
  <si>
    <t>【SKF】圆锥滚子轴承\32310B/CL7C\SKF</t>
  </si>
  <si>
    <t>【SKF】圆锥滚子轴承\H913849/810/QCL7CVK318\SKF</t>
  </si>
  <si>
    <t>【SKF】圆锥滚子轴承\32209 J2/Q\SKF</t>
  </si>
  <si>
    <t>【SKF】圆锥滚子轴承\33113/Q\SKF</t>
  </si>
  <si>
    <t>【SKF】圆柱滚子轴承\NJ240ECML/C3\SKF</t>
  </si>
  <si>
    <t>【SKF】调心球轴承\1220\SKF</t>
  </si>
  <si>
    <t>【SKF】滑动轴承\GE30ES\SKF</t>
  </si>
  <si>
    <t>【SKF】滑动轴承\GE20C\SKF</t>
  </si>
  <si>
    <t>【SKF】杆端关节轴承\SALKB12F\SKF</t>
  </si>
  <si>
    <t>【SKF】杆端关节轴承\SIKB10F/VZ019\SKF</t>
  </si>
  <si>
    <t>【SKF】杆端关节轴承\SILKB12F\SKF</t>
  </si>
  <si>
    <t>【SKF】关节轴承\GE45ES\SKF</t>
  </si>
  <si>
    <t>【SKF】角接触球轴承\QJ212MA\SKF</t>
  </si>
  <si>
    <t>【SKF】角接触球轴承\QJ216N2MA\SKF</t>
  </si>
  <si>
    <t>【SKF】角接触球轴承\QJ238N2MA\SKF</t>
  </si>
  <si>
    <t>【SKF】角接触球轴承\QJ332N2MA\SKF</t>
  </si>
  <si>
    <t>【SKF】角接触球轴承\QJ338N2MA\SKF</t>
  </si>
  <si>
    <t>【SKF】向心关节轴承\GE50ES 2RS\SKF</t>
  </si>
  <si>
    <t>【SKF】向心关节轴承\GE35ES 2RS\SKF</t>
  </si>
  <si>
    <t>【SKF】向心关节轴承\GE80ES 2RS\SKF</t>
  </si>
  <si>
    <t>【SKF】滚针轴承\NKI10/16\SKF</t>
  </si>
  <si>
    <t>【SKF】推力球轴承\51140M\SKF</t>
  </si>
  <si>
    <t>【SKF】推力球轴承\51144M\SKF</t>
  </si>
  <si>
    <t>【SKF】推力球轴承\51260M\SKF</t>
  </si>
  <si>
    <t>【SKF】推力球轴承\51230M\SKF</t>
  </si>
  <si>
    <t>【SKF】推力球轴承\51238M\SKF</t>
  </si>
  <si>
    <t>【SKF】推力球轴承\51272F\SKF</t>
  </si>
  <si>
    <t>【SKF】四点角接触球轴承\QJ318N2MA\SKF</t>
  </si>
  <si>
    <t>【SKF】球面滑动轴承\GX120F\SKF</t>
  </si>
  <si>
    <t>【SKF】推力滚针轴承\NKS25\SKF</t>
  </si>
  <si>
    <t>【SKF】推力滚针轴承\NKI60/25\SKF</t>
  </si>
  <si>
    <t>【SKF】双列圆柱滚子轴承\NNF5011 ADB-2LSV\SKF</t>
  </si>
  <si>
    <t>【SKF】球面滚子轴承\22330CC/W33\SKF</t>
  </si>
  <si>
    <t>【上电】支架\A9B00010014\上电</t>
  </si>
  <si>
    <t>【上电】油路喷嘴\A9B00010021\上电</t>
  </si>
  <si>
    <t>【上电】油路弯头\A9B00010044\上电</t>
  </si>
  <si>
    <t>【上电】油路喷嘴\A9B00010045\上电</t>
  </si>
  <si>
    <t>【上电】油路喷嘴\A9B00010066\上电</t>
  </si>
  <si>
    <t>【上电】油路喷嘴\A9B00010072\上电</t>
  </si>
  <si>
    <t>【上电】油路堵头\A9B00010090\上电</t>
  </si>
  <si>
    <t>【上电】油路喷嘴\A9B00010165\上电</t>
  </si>
  <si>
    <t>【上电】密封圈\A9B00010270\上电</t>
  </si>
  <si>
    <t>【上电】密封圈\A9B00010280\上电</t>
  </si>
  <si>
    <t>【上电】密封圈\A9B00010290\上电</t>
  </si>
  <si>
    <t>【上电】密封垫\A9B00010295\上电</t>
  </si>
  <si>
    <t>【上电】密封垫\A9B00010296\上电</t>
  </si>
  <si>
    <t>【上电】密封圈\A9B00010293\上电</t>
  </si>
  <si>
    <t>【上电】密封垫\A9B00010301\上电</t>
  </si>
  <si>
    <t>【上电】密封垫\A9B00010308\上电</t>
  </si>
  <si>
    <t>【上电】油管接头\A9B00010412\上电</t>
  </si>
  <si>
    <t>【上电】油管接头\A9B00010413\上电</t>
  </si>
  <si>
    <t>【上电】油路喷嘴\A9B00010418\上电</t>
  </si>
  <si>
    <t>【上电】排油阀\A9B00011206\上电</t>
  </si>
  <si>
    <t>【上电】密封垫\A9B00010299\上电</t>
  </si>
  <si>
    <t>【上电】密封圈\A9B00010309\上电</t>
  </si>
  <si>
    <t>【上电】油路喷嘴\A9B00011263\上电</t>
  </si>
  <si>
    <t>【上电】油路喷嘴\A9B00012103\上电</t>
  </si>
  <si>
    <t>【上电】油路喷嘴\A9B00012104\上电</t>
  </si>
  <si>
    <t>【上电】油管接头\A9B00012111\上电</t>
  </si>
  <si>
    <t>【上电】油管接头\A9B00012238\上电</t>
  </si>
  <si>
    <t>【上电】油路喷嘴\A9B00012247\上电</t>
  </si>
  <si>
    <t>【上电】油路喷嘴\A9B00012306\上电</t>
  </si>
  <si>
    <t>【上电】油路喷嘴\A9B00012308\上电</t>
  </si>
  <si>
    <t>【上电】油路喷嘴\A9B00012311\上电</t>
  </si>
  <si>
    <t>【上电】油路喷嘴\A9B00012332\上电</t>
  </si>
  <si>
    <t>【上电】油管接头\A9B00012403\上电</t>
  </si>
  <si>
    <t>【上电】油管接头\A9B00012406\上电</t>
  </si>
  <si>
    <t>【上电】油路喷嘴\A9B00012466\上电</t>
  </si>
  <si>
    <t>【上电】油管接头\A9B00012475\上电</t>
  </si>
  <si>
    <t>【上电】密封圈\A9B00016850\上电</t>
  </si>
  <si>
    <t>【上电】密封圈\A9B00016852\上电</t>
  </si>
  <si>
    <t>【上电】密封圈\A9B00016853\上电</t>
  </si>
  <si>
    <t>【上电】油管接头\A9B00012382\上电</t>
  </si>
  <si>
    <t>【上电】油管接头\A9B00017066\上电</t>
  </si>
  <si>
    <t>【上电】油管接头\A9B00017213\上电</t>
  </si>
  <si>
    <t>【上电】油路喷嘴\A9B00017218\上电</t>
  </si>
  <si>
    <t>【上电】电缆接头\A9B00017294\上电</t>
  </si>
  <si>
    <t>【上电】控制模块\A9B00017316\上电</t>
  </si>
  <si>
    <t>【上电】控制模块\A9B00017333\上电</t>
  </si>
  <si>
    <t>【上电】油管接头\A9B00017099\上电</t>
  </si>
  <si>
    <t>【上电】油管接头\A9B00017174\上电</t>
  </si>
  <si>
    <t>【上电】控制模块\A9B00017335\上电</t>
  </si>
  <si>
    <t>【上电】接触器\A9B00017344\上电</t>
  </si>
  <si>
    <t>【上电】熔断器\A9B00017394\上电</t>
  </si>
  <si>
    <t>【上电】熔断器\A9B00017395\上电</t>
  </si>
  <si>
    <t>【上电】继电器\A9B00017404\上电</t>
  </si>
  <si>
    <t>【上电】继电器\A9B00017405\上电</t>
  </si>
  <si>
    <t>【上电】继电器\A9B00017413\上电</t>
  </si>
  <si>
    <t>【上电】继电器\A9B00017417\上电</t>
  </si>
  <si>
    <t>【上电】继电器\A9B00017418\上电</t>
  </si>
  <si>
    <t>【上电】风扇\A9B00017420\上电</t>
  </si>
  <si>
    <t>【上电】继电器\A9B00017424\上电</t>
  </si>
  <si>
    <t>【上电】继电器\A9B00017425\上电</t>
  </si>
  <si>
    <t>【上电】控制模块\A9B00017434\上电</t>
  </si>
  <si>
    <t>【上电】接触器\A9B00017511\上电</t>
  </si>
  <si>
    <t>【上电】控制模块\A9B00017535\上电</t>
  </si>
  <si>
    <t>【上电】继电器\A9B00017542\上电</t>
  </si>
  <si>
    <t>【上电】接触器\A9B00017544\上电</t>
  </si>
  <si>
    <t>【上电】继电器\A9B00017547\上电</t>
  </si>
  <si>
    <t>【上电】继电器\A9B00017548\上电</t>
  </si>
  <si>
    <t>【上电】继电器\A9B00017549\上电</t>
  </si>
  <si>
    <t>【上电】继电器\A9B00017552\上电</t>
  </si>
  <si>
    <t>【上电】继电器\A9B00017553\上电</t>
  </si>
  <si>
    <t>【上电】继电器\A9B00017554\上电</t>
  </si>
  <si>
    <t>【SKF】调心滚子轴承\22311\SKF</t>
  </si>
  <si>
    <t>【SKF】调心滚子轴承\22328\SKF</t>
  </si>
  <si>
    <t>【SKF】调心滚子轴承\22248CCK/W33\SKF</t>
  </si>
  <si>
    <t>【SKF】调心滚子轴承\22310EK C3\SKF</t>
  </si>
  <si>
    <t>【SKF】调心滚子轴承\22315E/C4\SKF</t>
  </si>
  <si>
    <t>【SKF】调心滚子轴承\22317EJA/VA405\SKF</t>
  </si>
  <si>
    <t>【SKF】调心滚子轴承\22322EJA/VA405\SKF</t>
  </si>
  <si>
    <t>【SKF】调心滚子轴承\22330CC/C4W33\SKF</t>
  </si>
  <si>
    <t>【SKF】调心滚子轴承\230/750CA/W33RE10\SKF</t>
  </si>
  <si>
    <t>【SKF】调心滚子轴承\23032CCK W33\SKF</t>
  </si>
  <si>
    <t>【SKF】调心滚子轴承\23064CC/W33\SKF</t>
  </si>
  <si>
    <t>【SKF】调心滚子轴承\23068CC/C3W33\SKF</t>
  </si>
  <si>
    <t>【SKF】调心滚子轴承\23080CAC/C3W33\SKF</t>
  </si>
  <si>
    <t>【SKF】调心滚子轴承\23126CCK W33\SKF</t>
  </si>
  <si>
    <t>【SKF】调心滚子轴承\23180CA/W33\SKF</t>
  </si>
  <si>
    <t>【SKF】调心滚子轴承\23236CC/C2W33\SKF</t>
  </si>
  <si>
    <t>【SKF】调心滚子轴承\23238CC/C2W33\SKF</t>
  </si>
  <si>
    <t>【SKF】调心滚子轴承\23248CC/W33\SKF</t>
  </si>
  <si>
    <t>【SKF】调心滚子轴承\23248CCK/W33\SKF</t>
  </si>
  <si>
    <t>【SKF】调心滚子轴承\23252CC/C3W33\SKF</t>
  </si>
  <si>
    <t>【SKF】调心滚子轴承\23964CC/C3W33\SKF</t>
  </si>
  <si>
    <t>【SKF】调心滚子轴承\23984CC/W33\SKF</t>
  </si>
  <si>
    <t>【SKF】调心滚子轴承\240/600ECA/W33RE10\SKF</t>
  </si>
  <si>
    <t>【SKF】调心滚子轴承\24032CC/W33\SKF</t>
  </si>
  <si>
    <t>【SKF】调心滚子轴承\24060CC/C3W33\SKF</t>
  </si>
  <si>
    <t>【上电】继电器\A9B00017556\上电</t>
  </si>
  <si>
    <t>【上电】接触器\A9B00017557\上电</t>
  </si>
  <si>
    <t>【上电】接触器\A9B00017558\上电</t>
  </si>
  <si>
    <t>【上电】接触器\A9B00017563\上电</t>
  </si>
  <si>
    <t>【SKF】推力滚子轴承\29330E\SKF</t>
  </si>
  <si>
    <t>【SKF】推力调心滚子轴承\29338E\SKF</t>
  </si>
  <si>
    <t>【SKF】推力调心滚子轴承\29360E\SKF</t>
  </si>
  <si>
    <t>【SKF】推力调心滚子轴承\29412E\SKF</t>
  </si>
  <si>
    <t>【SKF】推力调心滚子轴承\29432E\SKF</t>
  </si>
  <si>
    <t>【上电】温度传感器\A9B00017771\上电</t>
  </si>
  <si>
    <t>【上电】接触器\A9B00017785\上电</t>
  </si>
  <si>
    <t>【上电】温度传感器\A9B00017802\上电</t>
  </si>
  <si>
    <t>【上电】温度传感器\A9B00017807\上电</t>
  </si>
  <si>
    <t>【上电】熔断器底座\A9B00017901\上电</t>
  </si>
  <si>
    <t>【上电】风扇\A9B00017931\上电</t>
  </si>
  <si>
    <t>【上电】端子排\A9B00017968\上电</t>
  </si>
  <si>
    <t>【SKF】调心滚子轴承\24180ECA/W33\SKF</t>
  </si>
  <si>
    <t>【上电】端子排\A9B00017969\上电</t>
  </si>
  <si>
    <t>【SKF】定位环\FRB 15/250\SKF</t>
  </si>
  <si>
    <t>【上电】温度传感器\A9B00017983\上电</t>
  </si>
  <si>
    <t>【上电】继电器\A9B00018030\上电</t>
  </si>
  <si>
    <t>【上电】温度传感器\A9B00018036\上电</t>
  </si>
  <si>
    <t>【上电】温度传感器\A9B00018103\上电</t>
  </si>
  <si>
    <t>【上电】端子排\A9B00018130\上电</t>
  </si>
  <si>
    <t>【上电】端子排\A9B00018154\上电</t>
  </si>
  <si>
    <t>【上电】变压器\A9B00018157\上电</t>
  </si>
  <si>
    <t>【上电】通讯模块\A9B00018176\上电</t>
  </si>
  <si>
    <t>【上电】变压器\A9B00018177\上电</t>
  </si>
  <si>
    <t>【上电】压力传感器\A9B00018188\上电</t>
  </si>
  <si>
    <t>【上电】信号电缆\A9B00018211\上电</t>
  </si>
  <si>
    <t>【上电】变压器\A9B00018212\上电</t>
  </si>
  <si>
    <t>【上电】压力传感器\A9B00018179\上电</t>
  </si>
  <si>
    <t>【上电】接触器\A9B00018214\上电</t>
  </si>
  <si>
    <t>【上电】熔断器\A9B00018215\上电</t>
  </si>
  <si>
    <t>【上电】熔断器\A9B00018216\上电</t>
  </si>
  <si>
    <t>【上电】变压器\A9B00018219\上电</t>
  </si>
  <si>
    <t>【上电】继电器\A9B00018220\上电</t>
  </si>
  <si>
    <t>【上电】继电器\A9B00018221\上电</t>
  </si>
  <si>
    <t>【上电】断路器\A9B00018344\上电</t>
  </si>
  <si>
    <t>【上电】断路器\A9B00018318\上电</t>
  </si>
  <si>
    <t>【上电】通讯模块\A9B00018356\上电</t>
  </si>
  <si>
    <t>【上电】控制模块\A9B00018720\上电</t>
  </si>
  <si>
    <t>【上电】盖板\A9B00018979\上电</t>
  </si>
  <si>
    <t>【上电】注油机\A9B00019192\上电</t>
  </si>
  <si>
    <t>【上电】电缆接头\A9B00019259\上电</t>
  </si>
  <si>
    <t>【上电】压力传感器\A9B00019521\上电</t>
  </si>
  <si>
    <t>【上电】加热器\A9B00019611\上电</t>
  </si>
  <si>
    <t>【上电】压力传感器\A9B00019518\上电</t>
  </si>
  <si>
    <t>【王常春接触密封】汽封\TNQT-GZYYD(1-5)-300-600\通能\国产</t>
  </si>
  <si>
    <t>哈尔滨通能电气股份有限公司</t>
  </si>
  <si>
    <t>王常春接触密封</t>
  </si>
  <si>
    <t>GNWZBP(TH)ZYCG2020-263</t>
  </si>
  <si>
    <t>国家能源e购商城哈尔滨通能汽封油挡备件铺货区域长协采购</t>
  </si>
  <si>
    <t>【王常春接触密封】汽封接触齿\TNQ-ZD-1000-F\通能\国产</t>
  </si>
  <si>
    <t>【王常春接触密封】汽封\TNQT-DYYD(1-5)-300-600\通能\国产</t>
  </si>
  <si>
    <t>【王常春接触密封】汽封\TNQ-300-600\通能\国产</t>
  </si>
  <si>
    <t>【王常春接触密封】汽封接触齿\TNQT-GB-300-600-F-XJ\通能\国产</t>
  </si>
  <si>
    <t>【王常春接触密封】汽封浮动齿\TNQT-GZYYD(6-7)-300-600-F\通能\国产</t>
  </si>
  <si>
    <t>【王常春接触密封】汽片\TNQ-XJ-ZQP\通能\国产</t>
  </si>
  <si>
    <t>【王常春接触密封】汽封\TNQT-GQ-300-600\通能\国产</t>
  </si>
  <si>
    <t>【王常春接触密封】油挡\TNY-300-600-XJ\通能\国产</t>
  </si>
  <si>
    <t>【王常春接触密封】汽封\TNQ-ZD-300-600\通能\国产</t>
  </si>
  <si>
    <t>【王常春接触密封】汽封浮动齿\TNQT-GZYYD(1-5)-300-600-F\通能\国产</t>
  </si>
  <si>
    <t>【王常春接触密封】汽封\TNQ-ZD-1000\通能\国产</t>
  </si>
  <si>
    <t>【王常春接触密封】汽封\TNQT-GB-ZD-300-600-XJ\通能\国产</t>
  </si>
  <si>
    <t>【王常春接触密封】汽封接触齿\TNQ-ZD-1000-F-XJ\通能\国产</t>
  </si>
  <si>
    <t>【王常春接触密封】油挡接触齿\TNY-300-600-F-XJ\通能\国产</t>
  </si>
  <si>
    <t>【王常春接触密封】汽封浮动齿\TNQT-DYYD(1-5)-300-600-F\通能\国产</t>
  </si>
  <si>
    <t>【王常春接触密封】汽封浮动齿\TNQTF-GQ-GB-ZD-300-600-F\通能\国产</t>
  </si>
  <si>
    <t>【王常春接触密封】汽封\TNQT-GB-300-600\通能\国产</t>
  </si>
  <si>
    <t>【王常春接触密封】汽封\TNQTF-GQ-GB-300-600\通能\国产</t>
  </si>
  <si>
    <t>【王常春接触密封】汽封浮动齿\TNQT-DYYD(6-7)-300-600-F\通能\国产</t>
  </si>
  <si>
    <t>【王常春接触密封】汽封\TNQ-300-600-XJ\通能\国产</t>
  </si>
  <si>
    <t>【王常春接触密封】汽封\NQT-DYYD(6-7)-300-600\通能\国产</t>
  </si>
  <si>
    <t>【王常春接触密封】汽封\TNQT-GZYYD(6-7)-300-600\通能\国产</t>
  </si>
  <si>
    <t>【王常春接触密封】油挡接触齿\TNY-300-600-F\通能\国产</t>
  </si>
  <si>
    <t>【王常春接触密封】汽封\TNQ-ZD-1000-XJ\通能\国产</t>
  </si>
  <si>
    <t>【王常春接触密封】汽封接触齿\TNQ-ZD-300-600-F-XJ\通能\国产</t>
  </si>
  <si>
    <t>【王常春接触密封】汽封\TNQ-ZD-300-600-XJ\通能\国产</t>
  </si>
  <si>
    <t>【王常春接触密封】阻汽片\TNQ-300-600-ZQP\通能\国产</t>
  </si>
  <si>
    <t>【王常春接触密封】接触式油挡\TNY-300-DF\通能\国产</t>
  </si>
  <si>
    <t>【王常春接触密封】油挡\TNY-300-600\哈尔滨通能\国产</t>
  </si>
  <si>
    <t>【王常春接触密封】油档接触齿\TNYW-330-470-BZ\哈尔滨通能\国产</t>
  </si>
  <si>
    <t>【上电】加热器\A9B00019601\上电</t>
  </si>
  <si>
    <t>【上电】风速风向传感器\A9B00019620\上电</t>
  </si>
  <si>
    <t>【上电】风速风向传感器\A9B00019621\上电</t>
  </si>
  <si>
    <t>【上电】加热器\A9B00019644\上电</t>
  </si>
  <si>
    <t>【上电】三通阀\A9B00019649\上电</t>
  </si>
  <si>
    <t>【上电】信号电缆\A9B00019779\上电</t>
  </si>
  <si>
    <t>【上电】注油机\A9B00020052\上电</t>
  </si>
  <si>
    <t>【上电】排水阀\A9B00020176\上电</t>
  </si>
  <si>
    <t>【上电】排水阀\A9B00020180\上电</t>
  </si>
  <si>
    <t>【上电】排水阀\A9B00020182\上电</t>
  </si>
  <si>
    <t>【上电】程序卡\A9B00020977\上电</t>
  </si>
  <si>
    <t>【上电】电源模块\A9B00020978\上电</t>
  </si>
  <si>
    <t>【上电】过滤器\A9B00026211\上电</t>
  </si>
  <si>
    <t>【上电】液压阀块\A9B00026214\上电</t>
  </si>
  <si>
    <t>【上电】液压阀块\A9B00026251\上电</t>
  </si>
  <si>
    <t>【上电】液压阀块\A9B00026268\上电</t>
  </si>
  <si>
    <t>【上电】注油机\A9B00026337\上电</t>
  </si>
  <si>
    <t>【上电】电磁阀\A9B00026318\上电</t>
  </si>
  <si>
    <t>【上电】注油机\A9B00026356\上电</t>
  </si>
  <si>
    <t>【上电】密封套件\A9B00026362\上电</t>
  </si>
  <si>
    <t>【上电】水泵\A9B00026876\上电</t>
  </si>
  <si>
    <t>【上电】过滤器\A9B00026877\上电</t>
  </si>
  <si>
    <t>【上电】滤芯\A9B00026879\上电</t>
  </si>
  <si>
    <t>【上电】过滤器\A9B00026894\上电</t>
  </si>
  <si>
    <t>【上电】电动机\A9B00026937\上电</t>
  </si>
  <si>
    <t>【上电】过滤器\A9B00026953\上电</t>
  </si>
  <si>
    <t>【上电】油路喷嘴\A9B00026965\上电</t>
  </si>
  <si>
    <t>【上电】油路喷嘴\A9B00026973\上电</t>
  </si>
  <si>
    <t>【上电】密封圈\A9B00027052\上电</t>
  </si>
  <si>
    <t>【上电】密封圈\A9B00027251\上电</t>
  </si>
  <si>
    <t>【上电】程序卡\A9B00030308\上电</t>
  </si>
  <si>
    <t>【上电】电源模块\A9B00030309\上电</t>
  </si>
  <si>
    <t>【上电】电源模块\A9B00030319\上电</t>
  </si>
  <si>
    <t>【上电】控制模块\A9B00030354\上电</t>
  </si>
  <si>
    <t>【上电】控制器\A9B00030477\上电</t>
  </si>
  <si>
    <t>【上电】信号电缆\A9B00030596\上电</t>
  </si>
  <si>
    <t>【上电】信号电缆\A9B00030598\上电</t>
  </si>
  <si>
    <t>【上电】风速风向传感器\A9B00030713\上电</t>
  </si>
  <si>
    <t>【上电】风速风向传感器\A9B00030717\上电</t>
  </si>
  <si>
    <t>【上电】限位传感器\A9B00030718\上电</t>
  </si>
  <si>
    <t>【上电】信号电缆\A9B00030733\上电</t>
  </si>
  <si>
    <t>【上电】信号电缆\A9B00030734\上电</t>
  </si>
  <si>
    <t>【上电】信号电缆\A9B00030736\上电</t>
  </si>
  <si>
    <t>【上电】电缆接头\A9B00030744\上电</t>
  </si>
  <si>
    <t>【上电】电缆接头\A9B00030934\上电</t>
  </si>
  <si>
    <t>【上电】断路器\A9B00031063\上电</t>
  </si>
  <si>
    <t>【上电】接触器\A9B00031076\上电</t>
  </si>
  <si>
    <t>【上电】继电器\A9B00031131\上电</t>
  </si>
  <si>
    <t>【上电】继电器\A9B00031133\上电</t>
  </si>
  <si>
    <t>【上电】限位传感器\A9B00030751\上电</t>
  </si>
  <si>
    <t>【上电】动力电缆\A9B00031092\上电</t>
  </si>
  <si>
    <t>【上电】继电器\A9B00031134\上电</t>
  </si>
  <si>
    <t>【上电】继电器\A9B00031137\上电</t>
  </si>
  <si>
    <t>【上电】控制模块\A9B00031155\上电</t>
  </si>
  <si>
    <t>【上电】电缆接头\A9B00031167\上电</t>
  </si>
  <si>
    <t>【上电】电缆接头\A9B00031217\上电</t>
  </si>
  <si>
    <t>【上电】信号电缆\A9B00032910\上电</t>
  </si>
  <si>
    <t>【上电】电缆线夹\A9B00032900\上电</t>
  </si>
  <si>
    <t>【上电】电缆接头\A9B00033293\上电</t>
  </si>
  <si>
    <t>【上电】法兰\A9B00033359\上电</t>
  </si>
  <si>
    <t>【上电】密封圈\A9B00033361\上电</t>
  </si>
  <si>
    <t>【上电】密封油膏\A9B00035085\上电</t>
  </si>
  <si>
    <t>【上电】油脂喷嘴\A9B00036102\上电</t>
  </si>
  <si>
    <t>【上电】油脂喷嘴\A9B00036132\上电</t>
  </si>
  <si>
    <t>【上电】油管\A9B00036515\上电</t>
  </si>
  <si>
    <t>【上电】油路接头\A9B00038194\上电</t>
  </si>
  <si>
    <t>【上电】油路分配器\A9B00038448\上电</t>
  </si>
  <si>
    <t>【上电】油路接头\A9B00038484\上电</t>
  </si>
  <si>
    <t>【上电】油路接头\A9B00038487\上电</t>
  </si>
  <si>
    <t>【上电】油路接头\A9B00038488\上电</t>
  </si>
  <si>
    <t>【上电】通讯模块\A9B00040247\上电</t>
  </si>
  <si>
    <t>【上电】电源模块\A9B00052141\上电</t>
  </si>
  <si>
    <t>【上电】电源模块\A9B00052147\上电</t>
  </si>
  <si>
    <t>【上电】温度传感器\A9B00052423\上电</t>
  </si>
  <si>
    <t>【上电】油路接头\A9B00052587\上电</t>
  </si>
  <si>
    <t>【上电】接触器\A9B00052618\上电</t>
  </si>
  <si>
    <t>【上电】控制模块\A9B00054041\上电</t>
  </si>
  <si>
    <t>【上电】油脂喷嘴\A9B00054042\上电</t>
  </si>
  <si>
    <t>【上电】电源模块\A9B00054044\上电</t>
  </si>
  <si>
    <t>【上电】油路喷嘴\A9B00054047\上电</t>
  </si>
  <si>
    <t>【上电】油路喷嘴\A9B00054222\上电</t>
  </si>
  <si>
    <t>【上电】熔断器\A9B00054226\上电</t>
  </si>
  <si>
    <t>【上电】接触器\A9B00054240\上电</t>
  </si>
  <si>
    <t>【上电】熔断器\A9B00056707\上电</t>
  </si>
  <si>
    <t>【上电】继电器\A9B00059165\上电</t>
  </si>
  <si>
    <t>【上电】继电器\A9B00059169\上电</t>
  </si>
  <si>
    <t>【上电】温度传感器\A9B00060209\上电</t>
  </si>
  <si>
    <t>【上电】管路夹口\A9B00062429\上电</t>
  </si>
  <si>
    <t>【上电】控制模块\A9B00064458\上电</t>
  </si>
  <si>
    <t>【上电】电动机\A9B00080279\上电</t>
  </si>
  <si>
    <t>【上电】电缆接头\A9B00054211\上电</t>
  </si>
  <si>
    <t>【上电】继电器\A9B00055015\上电</t>
  </si>
  <si>
    <t>【上电】继电器\A9B00059171\上电</t>
  </si>
  <si>
    <t>【上电】控制器\A9B00059174\上电</t>
  </si>
  <si>
    <t>【上电】继电器\A9B00059181\上电</t>
  </si>
  <si>
    <t>【上电】继电器\A9B00059191\上电</t>
  </si>
  <si>
    <t>【上电】螺栓\A9B00068099\上电</t>
  </si>
  <si>
    <t>【上电】温度传感器\A9B00075005\上电</t>
  </si>
  <si>
    <t>【上电】风扇\A9B00075055\上电</t>
  </si>
  <si>
    <t>【上电】风扇\A9B00075062\上电</t>
  </si>
  <si>
    <t>【上电】制动片\A9B00080218\上电</t>
  </si>
  <si>
    <t>【上电】变压器\A9B00080491\上电</t>
  </si>
  <si>
    <t>【上电】变压器\A9B00080492\上电</t>
  </si>
  <si>
    <t>【上电】限位传感器\A9B00080375\上电</t>
  </si>
  <si>
    <t>【上电】变压器\A9B00080447\上电</t>
  </si>
  <si>
    <t>【上电】油路分配器\A9B00080524\上电</t>
  </si>
  <si>
    <t>【上电】支架\A9B00080710\上电</t>
  </si>
  <si>
    <t>【上电】碳刷\A9B00080717\上电</t>
  </si>
  <si>
    <t>【上电】联轴器\A9B00081158\上电</t>
  </si>
  <si>
    <t>【上电】电动机\A9B00081163\上电</t>
  </si>
  <si>
    <t>【上电】油路分配器\A9B00081217\上电</t>
  </si>
  <si>
    <t>【上电】编码器\A9B00080818\上电</t>
  </si>
  <si>
    <t>【上电】蓄能器\A9B00080824\上电</t>
  </si>
  <si>
    <t>【上电】碳刷\A9B00080857\上电</t>
  </si>
  <si>
    <t>【上电】阀块接头\A9B00080896\上电</t>
  </si>
  <si>
    <t>【上电】注油器\A9B00080906\上电</t>
  </si>
  <si>
    <t>【上电】压力传感器\A9B00081022\上电</t>
  </si>
  <si>
    <t>【上电】油位传感器\A9B00081116\上电</t>
  </si>
  <si>
    <t>【上电】联轴器\A9B00081156\上电</t>
  </si>
  <si>
    <t>【上电】电动机\A9B00081187\上电</t>
  </si>
  <si>
    <t>【上电】电磁阀\A9B00081228\上电</t>
  </si>
  <si>
    <t>【上电】油泵\A9B00081353\上电</t>
  </si>
  <si>
    <t>【上电】油泵缓冲器\A9B00081364\上电</t>
  </si>
  <si>
    <t>【上电】电动机\A9B00081526\上电</t>
  </si>
  <si>
    <t>【上电】脱湿剂\A9B00082089\上电</t>
  </si>
  <si>
    <t>【上电】除湿器\A9B00082091\上电</t>
  </si>
  <si>
    <t>【上电】控制器\A9B00082157\上电</t>
  </si>
  <si>
    <t>【上电】电动机\A9B00082409\上电</t>
  </si>
  <si>
    <t>【上电】提升机\A9B00082519\上电</t>
  </si>
  <si>
    <t>【上电】压力传感器\A9B00083081\上电</t>
  </si>
  <si>
    <t>【上电】烟雾传感器\A9B00083161\上电</t>
  </si>
  <si>
    <t>【上电】变压器\A9B00081476\上电</t>
  </si>
  <si>
    <t>【上电】接触器\A9B00082473\上电</t>
  </si>
  <si>
    <t>【上电】联轴器\A9B00082474\上电</t>
  </si>
  <si>
    <t>【上电】烟雾传感器\A9B00083162\上电</t>
  </si>
  <si>
    <t>【上电】压力传感器\A9B00090296\上电</t>
  </si>
  <si>
    <t>【上电】压力传感器\A9B00090297\上电</t>
  </si>
  <si>
    <t>【上电】电磁线圈\A9B00095092\上电</t>
  </si>
  <si>
    <t>【上电】电磁阀\A9B00095128\上电</t>
  </si>
  <si>
    <t>【上电】电磁阀\A9B00095125\上电</t>
  </si>
  <si>
    <t>【上电】电磁阀\A9B00095130\上电</t>
  </si>
  <si>
    <t>【上电】电磁阀\A9B00095208\上电</t>
  </si>
  <si>
    <t>【上电】电磁阀\A9B00095209\上电</t>
  </si>
  <si>
    <t>【上电】电磁阀\A9B00095256\上电</t>
  </si>
  <si>
    <t>【上电】闪电卡套\A9B00095423\上电</t>
  </si>
  <si>
    <t>【上电】闪电卡\A9B00095424\上电</t>
  </si>
  <si>
    <t>【上电】电动机\A9B00098000\上电</t>
  </si>
  <si>
    <t>【上电】液压泵\A9B00098001\上电</t>
  </si>
  <si>
    <t>【上电】冷却器\A9B00098007\上电</t>
  </si>
  <si>
    <t>【上电】接触器\A9B00200403\上电</t>
  </si>
  <si>
    <t>【上电】齿轮箱\A9B00200415\上电</t>
  </si>
  <si>
    <t>【上电】接触器\A9B00201243\上电</t>
  </si>
  <si>
    <t>【上电】制动器\A9B00201466\上电</t>
  </si>
  <si>
    <t>【上电】整流器\A9B00202818\上电</t>
  </si>
  <si>
    <t>【上电】整流器\A9B00202819\上电</t>
  </si>
  <si>
    <t>【上电】继电器\A9B00300151\上电</t>
  </si>
  <si>
    <t>【上电】电池\A9B00300376\上电</t>
  </si>
  <si>
    <t>【上电】齿轮\A9B00400366\上电</t>
  </si>
  <si>
    <t>【上电】制动器\A9B00400501\上电</t>
  </si>
  <si>
    <t>【上电】公共机\A9B00400719\上电</t>
  </si>
  <si>
    <t>【上电】变压器\A9B00400927\上电</t>
  </si>
  <si>
    <t>【上电】油路喷嘴\A9B00522860\上电</t>
  </si>
  <si>
    <t>【上电】联轴器\A9B00525972\上电</t>
  </si>
  <si>
    <t>【上电】控制器\A9B00400418\上电</t>
  </si>
  <si>
    <t>【上电】收集器\A9B00400458\上电</t>
  </si>
  <si>
    <t>【上电】油路喷嘴\A9B00522996\上电</t>
  </si>
  <si>
    <t>【上电】油路分配器\A9B00528606\上电</t>
  </si>
  <si>
    <t>【上电】过滤器\A9B00526202\上电</t>
  </si>
  <si>
    <t>【上电】油管\A9B00534903\上电</t>
  </si>
  <si>
    <t>【上电】控制模块\A9B00541873\上电</t>
  </si>
  <si>
    <t>【上电】控制模块\A9B00542876\上电</t>
  </si>
  <si>
    <t>【上电】支架\A9B00544162\上电</t>
  </si>
  <si>
    <t>【上电】震动传感器\A9B00529159\上电</t>
  </si>
  <si>
    <t>【上电】油管\A9B00532086\上电</t>
  </si>
  <si>
    <t>【上电】绝缘板\A9B00543237\上电</t>
  </si>
  <si>
    <t>【上电】控制模块\A9B00548295\上电</t>
  </si>
  <si>
    <t>【上电】液压组件\A9B00549412\上电</t>
  </si>
  <si>
    <t>【上电】支架\A9B00550420\上电</t>
  </si>
  <si>
    <t>【上电】控制器\A9B00551685\上电</t>
  </si>
  <si>
    <t>【上电】显示器\A9B00552658\上电</t>
  </si>
  <si>
    <t>【上电】电磁阀\A9B00554009\上电</t>
  </si>
  <si>
    <t>【上电】油管\A9B00556438\上电</t>
  </si>
  <si>
    <t>【上电】油管\A9B00556439\上电</t>
  </si>
  <si>
    <t>【上电】油管\A9B00556440\上电</t>
  </si>
  <si>
    <t>【上电】注油器\A9B00556661\上电</t>
  </si>
  <si>
    <t>【上电】间距传感器\A9B00558233\上电</t>
  </si>
  <si>
    <t>【上电】油管\A9B00556441\上电</t>
  </si>
  <si>
    <t>【上电】断路器\A9B10002185\上电</t>
  </si>
  <si>
    <t>【上电】盖板\A9B10002899\上电</t>
  </si>
  <si>
    <t>【上电】信号模块\A9B10003354\上电</t>
  </si>
  <si>
    <t>【上电】震动传感器\A9B10003496\上电</t>
  </si>
  <si>
    <t>【上电】熔断器\A9B10003842\上电</t>
  </si>
  <si>
    <t>【上电】油路分配器\A9B00570387\上电</t>
  </si>
  <si>
    <t>【上电】压力表\A9B01003908\上电</t>
  </si>
  <si>
    <t>【上电】控制器\A9B10003379\上电</t>
  </si>
  <si>
    <t>【上电】熔断器\A9B10003843\上电</t>
  </si>
  <si>
    <t>【上电】散热器\A9B10003847\上电</t>
  </si>
  <si>
    <t>【上电】熔断器\A9B10003860\上电</t>
  </si>
  <si>
    <t>【上电】电源模块\A9B10003900\上电</t>
  </si>
  <si>
    <t>【上电】控制器\A9B10003907\上电</t>
  </si>
  <si>
    <t>【上电】控制器\A9B10003909\上电</t>
  </si>
  <si>
    <t>【上电】信号模块\A9B10003911\上电</t>
  </si>
  <si>
    <t>【上电】控制器\A9B10003910\上电</t>
  </si>
  <si>
    <t>【上电】熔断器\A9B10003929\上电</t>
  </si>
  <si>
    <t>【上电】程序卡\A9B10003974\上电</t>
  </si>
  <si>
    <t>【上电】信号电缆\A9B10005667\上电</t>
  </si>
  <si>
    <t>【上电】电缆接头\A9B10005668\上电</t>
  </si>
  <si>
    <t>【上电】盖板\A9B10006108\上电</t>
  </si>
  <si>
    <t>【上电】通讯模块\A9B10006955\上电</t>
  </si>
  <si>
    <t>【上电】气体软管\A9B10011406\上电</t>
  </si>
  <si>
    <t>【上电】气体软管\A9B10011408\上电</t>
  </si>
  <si>
    <t>【上电】气体软管\A9B10011407\上电</t>
  </si>
  <si>
    <t>【上电】气体软管\A9B10011409\上电</t>
  </si>
  <si>
    <t>【上电】气体软管\A9B10011411\上电</t>
  </si>
  <si>
    <t>【上电】吸收毡\A9B10011585\上电</t>
  </si>
  <si>
    <t>【上电】电磁阀\A9B10013795\上电</t>
  </si>
  <si>
    <t>【上电】控制模块\A9B10014550\上电</t>
  </si>
  <si>
    <t>【上电】水路喷嘴\A9B10015158\上电</t>
  </si>
  <si>
    <t>【上电】气体软管\A9B10011424\上电</t>
  </si>
  <si>
    <t>【上电】排水阀\A9B10011525\上电</t>
  </si>
  <si>
    <t>【上电】排水阀\A9B10011526\上电</t>
  </si>
  <si>
    <t>【上电】液压阀\A9B10011528\上电</t>
  </si>
  <si>
    <t>【上电】吸收毡\A9B10011590\上电</t>
  </si>
  <si>
    <t>【上电】电缆护套\A9B10012130\上电</t>
  </si>
  <si>
    <t>【上电】控制器\A9B10013630\上电</t>
  </si>
  <si>
    <t>【上电】断路器\A9B10014542\上电</t>
  </si>
  <si>
    <t>【上电】电源模块\A9B10014543\上电</t>
  </si>
  <si>
    <t>【上电】控制模块\A9B10014547\上电</t>
  </si>
  <si>
    <t>【上电】蓄能器\A9B10015157\上电</t>
  </si>
  <si>
    <t>【上电】蓄能器\A9B10015174\上电</t>
  </si>
  <si>
    <t>【上电】液压阀\A9B10023469\上电</t>
  </si>
  <si>
    <t>【上电】公共机\A9B10016427\上电</t>
  </si>
  <si>
    <t>【上电】断路器\A9B10017155\上电</t>
  </si>
  <si>
    <t>【上电】断路器\A9B10017156\上电</t>
  </si>
  <si>
    <t>【上电】密封圈\A9B10018863\上电</t>
  </si>
  <si>
    <t>【上电】油泵\A9B10019749\上电</t>
  </si>
  <si>
    <t>【上电】电缆接头\A9B10023187\上电</t>
  </si>
  <si>
    <t>【上电】散热器\A9B10023662\上电</t>
  </si>
  <si>
    <t>【上电】水路活塞\A9B10024298\上电</t>
  </si>
  <si>
    <t>【上电】气缸\A9B10024335\上电</t>
  </si>
  <si>
    <t>【上电】液压缸\A9B10024336\上电</t>
  </si>
  <si>
    <t>【上电】压力传感器\A9B10024337\上电</t>
  </si>
  <si>
    <t>【上电】压力传感器\A9B10024338\上电</t>
  </si>
  <si>
    <t>【上电】控制模块\A9B10024339\上电</t>
  </si>
  <si>
    <t>【上电】液压泵\A9B10024353\上电</t>
  </si>
  <si>
    <t>【上电】照明灯\A9B10024434\上电</t>
  </si>
  <si>
    <t>【上电】照明灯\A9B10024435\上电</t>
  </si>
  <si>
    <t>【上电】轴承座\A9B10025104\上电</t>
  </si>
  <si>
    <t>【上电】油管\A9B10026859\上电</t>
  </si>
  <si>
    <t>【上电】油管\A9B10026860\上电</t>
  </si>
  <si>
    <t>【上电】油管\A9B10026881\上电</t>
  </si>
  <si>
    <t>【上电】油管\A9B10026892\上电</t>
  </si>
  <si>
    <t>【上电】油管\A9B10026891\上电</t>
  </si>
  <si>
    <t>【上电】油管\A9B10026893\上电</t>
  </si>
  <si>
    <t>【上电】涡流发生器\A9B10027466\上电</t>
  </si>
  <si>
    <t>【上电】涡流发生器\A9B10027467\上电</t>
  </si>
  <si>
    <t>【上电】末端衬套\A9B10027812\上电</t>
  </si>
  <si>
    <t>【上电】熔断器\A9B10035519\上电</t>
  </si>
  <si>
    <t>【上电】盖板\A9B10027987\上电</t>
  </si>
  <si>
    <t>【上电】电缆接头\A9B10037149\上电</t>
  </si>
  <si>
    <t>【上电】油管\A9B10037231\上电</t>
  </si>
  <si>
    <t>【上电】油管\A9B10037232\上电</t>
  </si>
  <si>
    <t>【上电】油管\A9B10037233\上电</t>
  </si>
  <si>
    <t>【上电】油管\A9B10037235\上电</t>
  </si>
  <si>
    <t>【上电】油管\A9B10037238\上电</t>
  </si>
  <si>
    <t>【上电】油管\A9B10037239\上电</t>
  </si>
  <si>
    <t>【上电】油管\A9B10037236\上电</t>
  </si>
  <si>
    <t>【上电】油管\A9B10037251\上电</t>
  </si>
  <si>
    <t>【上电】油管\A9B10037253\上电</t>
  </si>
  <si>
    <t>【上电】油管\A9B10037254\上电</t>
  </si>
  <si>
    <t>【上电】油管\A9B10037258\上电</t>
  </si>
  <si>
    <t>【上电】油管\A9B10037259\上电</t>
  </si>
  <si>
    <t>【上电】油管\A9B10037260\上电</t>
  </si>
  <si>
    <t>【上电】油管\A9B10037262\上电</t>
  </si>
  <si>
    <t>【上电】油管\A9B10037263\上电</t>
  </si>
  <si>
    <t>【上电】油管\A9B10037240\上电</t>
  </si>
  <si>
    <t>【上电】油管\A9B10037256\上电</t>
  </si>
  <si>
    <t>【上电】油管\A9B10037257\上电</t>
  </si>
  <si>
    <t>【上电】油管\A9B10037261\上电</t>
  </si>
  <si>
    <t>【上电】油管\A9B10037266\上电</t>
  </si>
  <si>
    <t>【上电】油管\A9B10037721\上电</t>
  </si>
  <si>
    <t>【上电】集油盒\A9B10037965\上电</t>
  </si>
  <si>
    <t>【上电】控制模块\A9B10040657\上电</t>
  </si>
  <si>
    <t>【上电】公共机\A9B10043236\上电</t>
  </si>
  <si>
    <t>【上电】保护器\A9B10048582\上电</t>
  </si>
  <si>
    <t>【上电】程序模块\A9B10050245\上电</t>
  </si>
  <si>
    <t>【上电】电动机\A9B10052571\上电</t>
  </si>
  <si>
    <t>【上电】熔断器\A9B10055939\上电</t>
  </si>
  <si>
    <t>【上电】叶片螺纹衬套\A9B10057782\上电</t>
  </si>
  <si>
    <t>【上电】电源模块\A9B10059353\上电</t>
  </si>
  <si>
    <t>【上电】风速风向传感器\A9B10060332\上电</t>
  </si>
  <si>
    <t>【上电】旋转接头\A9B10062897\上电</t>
  </si>
  <si>
    <t>【上电】油管\A9B10063976\上电</t>
  </si>
  <si>
    <t>【上电】蓄能器\A9B10067054\上电</t>
  </si>
  <si>
    <t>【上电】不间隙电源\A9B10074624\上电</t>
  </si>
  <si>
    <t>【上电】绝对值传感器\A9B10078899\上电</t>
  </si>
  <si>
    <t>【上电】油管\A9B10087098\上电</t>
  </si>
  <si>
    <t>【上电】油管\A9B10087104\上电</t>
  </si>
  <si>
    <t>【上电】螺栓\A9B10093574\上电</t>
  </si>
  <si>
    <t>【上电】水管\A9B10111699\上电</t>
  </si>
  <si>
    <t>【上电】油路分配器\A9B10124432\上电</t>
  </si>
  <si>
    <t>【上电】断路器\A9B10126656\上电</t>
  </si>
  <si>
    <t>【上电】熔断器\A9B10126659\上电</t>
  </si>
  <si>
    <t>【上电】断路器\A9B10128804\上电</t>
  </si>
  <si>
    <t>【上电】天线电缆\A9B10146913\上电</t>
  </si>
  <si>
    <t>【上电】油管\A9B10037264\上电</t>
  </si>
  <si>
    <t>【上电】油管\A9B10037265\上电</t>
  </si>
  <si>
    <t>【五洲牌】电动检修盘车\WZJXPC-300\五洲\国产</t>
  </si>
  <si>
    <t>秦皇岛五洲电力设备有限公司</t>
  </si>
  <si>
    <t>五洲牌</t>
  </si>
  <si>
    <t>GNWZBP(TH)ZYCG2020-265</t>
  </si>
  <si>
    <t>国家能源e购商城五洲牌汽轮机备件铺货区域长协采购</t>
  </si>
  <si>
    <t>【五洲牌】蜂窝汽封圈\WZFW-600-G 1Cr13\五洲\国产</t>
  </si>
  <si>
    <t>【五洲牌】电动应急运行盘车\WZPC-YJ-1000\五洲\国产</t>
  </si>
  <si>
    <t>【五洲牌】电动检修盘车\WZJXPC-600\五洲\国产</t>
  </si>
  <si>
    <t>【五洲牌】气密封油挡供气装置\QMGQ-A-TY\五洲\国产</t>
  </si>
  <si>
    <t>【五洲牌】气密封油挡\WZQM-300\五洲\国产</t>
  </si>
  <si>
    <t>【五洲牌】气密封油挡\WZQM-600\五洲\国产</t>
  </si>
  <si>
    <t>【五洲牌】离心通风机\WZGXP-Ⅱ-600\24.96m3/min 380V</t>
  </si>
  <si>
    <t>【五洲牌】离心通风机\WZGXZH-1000\3500m3/h 380V</t>
  </si>
  <si>
    <t>【五洲牌】离心通风机\WZGXP-Ⅱ-1000\24.96m3/min 380V</t>
  </si>
  <si>
    <t>【五洲牌】离心通风机\WZGXP-Ⅱ-300\23.16m3/min 380V</t>
  </si>
  <si>
    <t>【五洲牌】离心通风机\WZGXP-Ⅱ-200\19.2m3/min 380V</t>
  </si>
  <si>
    <t>【五洲牌】离心通风机\WZGXZH-300\3000m3/h 380V</t>
  </si>
  <si>
    <t>【五洲牌】离心通风机\WZGXZH-600\3500m3/h 380V</t>
  </si>
  <si>
    <t>【五洲牌】离心通风机\WZGXZH-200\2200m3/h 380V</t>
  </si>
  <si>
    <t>【五洲牌】风机叶轮\WZGXP-YL-200\离心通风机\WZGXP-Ⅱ-200\国产</t>
  </si>
  <si>
    <t>【五洲牌】风机叶轮\WZGXP-YL-600\离心通风机\WZGXP-Ⅱ-600\国产</t>
  </si>
  <si>
    <t>【五洲牌】风机叶轮\WZGXP-YL-300\离心通风机\WZGXP-Ⅱ-300\国产</t>
  </si>
  <si>
    <t>【五洲牌】风机叶轮\WZGXP-YL-1000\离心通风机\WZGXP-Ⅱ-1000\国产</t>
  </si>
  <si>
    <t>【五洲牌】蜂窝汽封圈\WZFW-DYGB-200 1Cr13\五洲\国产</t>
  </si>
  <si>
    <t>【五洲牌】梳齿汽封圈\WZSC-ZYGB-300 1Cr13\五洲\国产</t>
  </si>
  <si>
    <t>【五洲牌】直板簧\WZZBH-B-600 GH2136\五洲\国产</t>
  </si>
  <si>
    <t>【五洲牌】阻汽片\WZZQP-ZYYD-1000 1Cr13\五洲\国产</t>
  </si>
  <si>
    <t>【五洲牌】梳齿汽封圈\WZSC-ZYGB-200 1Cr13\五洲\国产</t>
  </si>
  <si>
    <t>【五洲牌】接触式油挡\WZHD-600\五洲\国产</t>
  </si>
  <si>
    <t>【五洲牌】蜂窝汽封圈\WZFW-GQ-300 1Cr13\五洲\国产</t>
  </si>
  <si>
    <t>【五洲牌】阻汽片\WZZQP-DYYD-300 1Cr13\五洲\国产</t>
  </si>
  <si>
    <t>【五洲牌】梳齿汽封圈\WZSC-ZYYD-300 1Cr13\五洲\国产</t>
  </si>
  <si>
    <t>【五洲牌】直板簧\WZZBH-B-600 GH4145\五洲\国产</t>
  </si>
  <si>
    <t>【五洲牌】阻汽片\WZZQP-GYGB-300 1Cr13\五洲\国产</t>
  </si>
  <si>
    <t>【五洲牌】蜂窝汽封圈\WZFW-DYGB-600 1Cr13\五洲\国产</t>
  </si>
  <si>
    <t>【五洲牌】阻汽片\WZZQP-ZYGB-1000 1Cr13\五洲\国产</t>
  </si>
  <si>
    <t>【五洲牌】蜂窝汽封圈\WZFW-DYQZ-200 1Cr13\五洲\国产</t>
  </si>
  <si>
    <t>【五洲牌】蜂窝汽封圈\WZFW-DYYD-600 1Cr13\五洲\国产</t>
  </si>
  <si>
    <t>【五洲牌】弓形簧\WZGXH-B-200 GH2136\五洲\国产</t>
  </si>
  <si>
    <t>【五洲牌】接触式油挡\WZHD-F-300\五洲\国产</t>
  </si>
  <si>
    <t>【五洲牌】阻汽片\WZZQP-DYZFT-1000 1Cr13\五洲\国产</t>
  </si>
  <si>
    <t>【五洲牌】蛇形簧\WZSXH-300 GH4145\五洲\国产</t>
  </si>
  <si>
    <t>【五洲牌】梳齿汽封圈\WZSC-GYGB-300 1Cr13\五洲\国产</t>
  </si>
  <si>
    <t>【五洲牌】侧齿汽封圈\WZCC-ZYHZ-200 1Cr13\五洲\国产</t>
  </si>
  <si>
    <t>【五洲牌】直板簧\WZZBH-B-300 GH4169\五洲\国产</t>
  </si>
  <si>
    <t>【五洲牌】油挡内环\WZHD-600-NH\五洲\国产</t>
  </si>
  <si>
    <t>【五洲牌】油挡内环\WZHD-300-NH\五洲\国产</t>
  </si>
  <si>
    <t>【五洲牌】蜂窝汽封圈\WZFW-ZYGB-300 1Cr13\五洲\国产</t>
  </si>
  <si>
    <t>【五洲牌】蜂窝汽封圈\WZFW-GQ-600 1Cr13\五洲\国产</t>
  </si>
  <si>
    <t>【五洲牌】阻汽片\WZZQP-300-G 1Cr13\五洲\国产</t>
  </si>
  <si>
    <t>【五洲牌】阻汽片\WZZQP-DYYD-600 1Cr13\五洲\国产</t>
  </si>
  <si>
    <t>【五洲牌】柱形簧\WZZXH-B-200 GH4145\五洲\国产</t>
  </si>
  <si>
    <t>【五洲牌】阻汽片\WZZQP-GZDYYD-200 1Cr13\五洲\国产</t>
  </si>
  <si>
    <t>【五洲牌】蜂窝汽封圈\WZFW-DYHZ-300 1Cr13\五洲\国产</t>
  </si>
  <si>
    <t>【五洲牌】侧齿汽封圈\WZCC-GYHZ-300 1Cr13\五洲\国产</t>
  </si>
  <si>
    <t>【五洲牌】梳齿汽封圈\WZSC-1000-G 1Cr13\五洲\国产</t>
  </si>
  <si>
    <t>【五洲牌】蜂窝汽封圈\WZFW-ZYHZ-600 1Cr13\五洲\国产</t>
  </si>
  <si>
    <t>【五洲牌】梳齿汽封圈\WZSC-200-G 1Cr13\五洲\国产</t>
  </si>
  <si>
    <t>【五洲牌】阻汽片\WZZQP-ZYZDZZ-1000 1Cr13\五洲\国产</t>
  </si>
  <si>
    <t>【五洲牌】梳齿汽封圈\WZSC-DYGB-300 1Cr13\五洲\国产</t>
  </si>
  <si>
    <t>【五洲牌】蜂窝汽封圈\WZFW-ZYGB-600 1Cr13\五洲\国产</t>
  </si>
  <si>
    <t>【五洲牌】蜂窝汽封圈\WZFW-DYQZ-300 1Cr13\五洲\国产</t>
  </si>
  <si>
    <t>【五洲牌】侧齿汽封圈\WZCC-DYHZ-600 1Cr13\五洲\国产</t>
  </si>
  <si>
    <t>【五洲牌】蜂窝汽封圈\WZFW-ZYYD-600 1Cr13\五洲\国产</t>
  </si>
  <si>
    <t>【五洲牌】梳齿汽封圈\WZSC-GYGB-200 1Cr13\五洲\国产</t>
  </si>
  <si>
    <t>【五洲牌】梳齿汽封圈\WZSC-300-G 1Cr13\五洲\国产</t>
  </si>
  <si>
    <t>【五洲牌】侧齿汽封圈\WZCC-ZYQZ-200 1Cr13\五洲\国产</t>
  </si>
  <si>
    <t>【五洲牌】阻汽片\WZZQP-DYYD-1000 1Cr13\五洲\国产</t>
  </si>
  <si>
    <t>【五洲牌】接触式油挡\WZHD-1000\五洲\国产</t>
  </si>
  <si>
    <t>【五洲牌】蜂窝汽封圈\WZFW-GYYD-300 1Cr13\五洲\国产</t>
  </si>
  <si>
    <t>【五洲牌】侧齿汽封圈\WZCC-600-G 1Cr13\五洲\国产</t>
  </si>
  <si>
    <t>【五洲牌】蜂窝汽封圈\WZFW-DYHZ-200 1Cr13\五洲\国产</t>
  </si>
  <si>
    <t>【五洲牌】蜂窝汽封圈\WZFW-200-G 1Cr13\五洲\国产</t>
  </si>
  <si>
    <t>【五洲牌】梳齿汽封圈\WZSC-DYYD-300 1Cr13\五洲\国产</t>
  </si>
  <si>
    <t>【五洲牌】阻汽片\WZZQP-DYZZ-1000 1Cr13\五洲\国产</t>
  </si>
  <si>
    <t>【五洲牌】直板簧\WZZBH-B-300 GH4145\五洲\国产</t>
  </si>
  <si>
    <t>【五洲牌】梳齿汽封圈\WZSC-DYGB-600 1Cr13\五洲\国产</t>
  </si>
  <si>
    <t>【五洲牌】侧齿汽封圈\WZCC-300-G 1Cr13\五洲\国产</t>
  </si>
  <si>
    <t>【五洲牌】蜂窝汽封圈\WZFW-GYYD-600 1Cr13\五洲\国产</t>
  </si>
  <si>
    <t>【五洲牌】侧齿汽封圈\WZCC-ZYGB-600 1Cr13\五洲\国产</t>
  </si>
  <si>
    <t>【五洲牌】汽封安装检修包\WZQT-F-600\五洲\国产</t>
  </si>
  <si>
    <t>【五洲牌】阻汽片\WZZQP-DYZDZZ-1000 1Cr13\五洲\国产</t>
  </si>
  <si>
    <t>【五洲牌】梳齿汽封圈\WZSC-GQ-600 1Cr13\五洲\国产</t>
  </si>
  <si>
    <t>【五洲牌】接触式油挡\WZHD-F-600\五洲\国产</t>
  </si>
  <si>
    <t>【五洲牌】侧齿汽封圈\WZCC-GYGB-300 1Cr13\五洲\国产</t>
  </si>
  <si>
    <t>【五洲牌】梳齿汽封圈\WZSC-DYGB-200 1Cr13\五洲\国产</t>
  </si>
  <si>
    <t>【五洲牌】蜂窝汽封圈\WZFW-ZYGB-200 1Cr13\五洲\国产</t>
  </si>
  <si>
    <t>【五洲牌】阻汽片\WZZQP-ZYZFT-1000 1Cr13\五洲\国产</t>
  </si>
  <si>
    <t>【五洲牌】梳齿汽封圈\WZSC-DYQZ-600 1Cr13\五洲\国产</t>
  </si>
  <si>
    <t>【五洲牌】直板簧\WZZBH-B-200 GH2136\五洲\国产</t>
  </si>
  <si>
    <t>【五洲牌】侧齿汽封圈\WZCC-DYYD-300 1Cr13\五洲\国产</t>
  </si>
  <si>
    <t>【五洲牌】阻汽片\WZZQP-PZ-200 1Cr13\五洲\国产</t>
  </si>
  <si>
    <t>【五洲牌】蜂窝汽封圈\WZFW-DYQZ-600 1Cr13\五洲\国产</t>
  </si>
  <si>
    <t>【五洲牌】侧齿汽封圈\WZCC-DYHZ-300 1Cr13\五洲\国产</t>
  </si>
  <si>
    <t>【五洲牌】蛇形簧\WZSXH-300 GH2136\五洲\国产</t>
  </si>
  <si>
    <t>【五洲牌】梳齿汽封圈\WZSC-GYQZ-200 1Cr13\五洲\国产</t>
  </si>
  <si>
    <t>【五洲牌】梳齿汽封圈\WZSC-DYHZ-300 1Cr13\五洲\国产</t>
  </si>
  <si>
    <t>【五洲牌】蜂窝汽封圈\WZFW-DYHZ-600 1Cr13\五洲\国产</t>
  </si>
  <si>
    <t>【五洲牌】侧齿汽封圈\WZCC-DYHZ-200 1Cr13\五洲\国产</t>
  </si>
  <si>
    <t>【五洲牌】侧齿汽封圈\WZCC-DYQZ-600 1Cr13\五洲\国产</t>
  </si>
  <si>
    <t>【五洲牌】侧齿汽封圈\WZCC-DYQZ-300 1Cr13\五洲\国产</t>
  </si>
  <si>
    <t>【五洲牌】蜂窝汽封圈\WZFW-GYHZ-200 1Cr13\五洲\国产</t>
  </si>
  <si>
    <t>【五洲牌】接触式油挡\WZHD-300\五洲\国产</t>
  </si>
  <si>
    <t>【五洲牌】侧齿汽封圈\WZCC-GYQZ-200 1Cr13\五洲\国产</t>
  </si>
  <si>
    <t>【五洲牌】梳齿汽封圈\WZSC-GYGB-600 1Cr13\五洲\国产</t>
  </si>
  <si>
    <t>【五洲牌】阻汽片\WZZQP-PZ-600 1Cr13\五洲\国产</t>
  </si>
  <si>
    <t>【五洲牌】侧齿汽封圈\WZCC-ZYHZ-600 1Cr13\五洲\国产</t>
  </si>
  <si>
    <t>【五洲牌】梳齿汽封圈\WZSC-DYYD-600 1Cr13\五洲\国产</t>
  </si>
  <si>
    <t>【五洲牌】侧齿汽封圈\WZCC-GYGB-200 1Cr13\五洲\国产</t>
  </si>
  <si>
    <t>【五洲牌】阻汽片\WZZQP-600-G 1Cr13\五洲\国产</t>
  </si>
  <si>
    <t>【五洲牌】弓形簧\WZGXH-B-200 GH4145\五洲\国产</t>
  </si>
  <si>
    <t>【五洲牌】侧齿汽封圈\WZCC-1000-G 1Cr13\五洲\国产</t>
  </si>
  <si>
    <t>【五洲牌】梳齿汽封圈\WZSC-GYHZ-300 1Cr13\五洲\国产</t>
  </si>
  <si>
    <t>【五洲牌】蜂窝汽封圈\WZFW-GYGB-300 1Cr13\五洲\国产</t>
  </si>
  <si>
    <t>【五洲牌】油挡内环\WZHD-1000-NH\五洲\国产</t>
  </si>
  <si>
    <t>【五洲牌】侧齿汽封圈\WZCC-200-G 1Cr13\五洲\国产</t>
  </si>
  <si>
    <t>【五洲牌】汽封安装检修包\WZQT-F-200\五洲\国产</t>
  </si>
  <si>
    <t>【五洲牌】阻汽片\WZZQP-1000-G 1Cr13\五洲\国产</t>
  </si>
  <si>
    <t>【五洲牌】侧齿汽封圈\WZCC-DYGB-600 1Cr13\五洲\国产</t>
  </si>
  <si>
    <t>【五洲牌】直板簧\WZZBH-B-600 GH4169\五洲\国产</t>
  </si>
  <si>
    <t>【五洲牌】弓形簧\WZGXH-B-600 GH4145\五洲\国产</t>
  </si>
  <si>
    <t>【五洲牌】弓形簧\WZGXH-B-600 GH2136\五洲\国产</t>
  </si>
  <si>
    <t>【五洲牌】梳齿汽封圈\WZSC-ZYGB-600 1Cr13\五洲\国产</t>
  </si>
  <si>
    <t>【五洲牌】梳齿汽封圈\WZSC-DYQZ-200 1Cr13\五洲\国产</t>
  </si>
  <si>
    <t>【五洲牌】侧齿汽封圈\WZCC-DYGB-200 1Cr13\五洲\国产</t>
  </si>
  <si>
    <t>【五洲牌】柱形簧\WZZXH-B-300 GH4145\五洲\国产</t>
  </si>
  <si>
    <t>【五洲牌】侧齿汽封圈\WZCC-ZYHZ-300 1Cr13\五洲\国产</t>
  </si>
  <si>
    <t>【五洲牌】直板簧\WZZBH-B-200 GH4169\五洲\国产</t>
  </si>
  <si>
    <t>【五洲牌】梳齿汽封圈\WZSC-DYQZ-300 1Cr13\五洲\国产</t>
  </si>
  <si>
    <t>【五洲牌】梳齿汽封圈\WZSC-GYYD-300 1Cr13\五洲\国产</t>
  </si>
  <si>
    <t>【五洲牌】梳齿汽封圈\WZSC-GQ-300 1Cr13\五洲\国产</t>
  </si>
  <si>
    <t>【五洲牌】侧齿汽封圈\WZCC-ZYGB-300 1Cr13\五洲\国产</t>
  </si>
  <si>
    <t>【五洲牌】阻汽片\WZZQP-ZYYD-300 1Cr13\五洲\国产</t>
  </si>
  <si>
    <t>【五洲牌】阻汽片\WZZQP-PZ-300 1Cr13\五洲\国产</t>
  </si>
  <si>
    <t>【五洲牌】梳齿汽封圈\WZSC-GYHZ-600 1Cr13\五洲\国产</t>
  </si>
  <si>
    <t>【五洲牌】弓形簧\WZGXH-B-300 GH4145\五洲\国产</t>
  </si>
  <si>
    <t>【五洲牌】侧齿汽封圈\WZCC-ZYYD-600 1Cr13\五洲\国产</t>
  </si>
  <si>
    <t>【五洲牌】阻汽片\WZZQP-GZYYD-600 1Cr13\五洲\国产</t>
  </si>
  <si>
    <t>【五洲牌】蜂窝汽封圈\WZFW-GYHZ-600 1Cr13\五洲\国产</t>
  </si>
  <si>
    <t>【五洲牌】弓形簧\WZGXH-B-300 GH2136\五洲\国产</t>
  </si>
  <si>
    <t>【五洲牌】阻汽片\WZZQP-ZYZZ-1000 1Cr13\五洲\国产</t>
  </si>
  <si>
    <t>【五洲牌】蛇形簧\WZSXH-600 GH2136\五洲\国产</t>
  </si>
  <si>
    <t>【五洲牌】蛇形簧\WZSXH-600 GH4145\五洲\国产</t>
  </si>
  <si>
    <t>【五洲牌】侧齿汽封圈\WZCC-GYYD-600 1Cr13\五洲\国产</t>
  </si>
  <si>
    <t>【五洲牌】阻汽片\WZZQP-200-G 1Cr13\五洲\国产</t>
  </si>
  <si>
    <t>【五洲牌】接触式油挡\WZHD-F-1000\五洲\国产</t>
  </si>
  <si>
    <t>【五洲牌】阻汽片\WZZQP-DYGB-1000 1Cr13\五洲\国产</t>
  </si>
  <si>
    <t>【五洲牌】侧齿汽封圈\WZCC-DYGB-300 1Cr13\五洲\国产</t>
  </si>
  <si>
    <t>【五洲牌】蜂窝汽封圈\WZFW-GYGB-200 1Cr13\五洲\国产</t>
  </si>
  <si>
    <t>【五洲牌】梳齿汽封圈\WZSC-DYHZ-200 1Cr13\五洲\国产</t>
  </si>
  <si>
    <t>【五洲牌】蜂窝汽封圈\WZFW-ZYQZ-200 1Cr13\五洲\国产</t>
  </si>
  <si>
    <t>【五洲牌】柱形簧\WZZXH-B-600 GH4145\五洲\国产</t>
  </si>
  <si>
    <t>【五洲牌】直板簧\WZZBH-B-300 GH2136\五洲\国产</t>
  </si>
  <si>
    <t>【五洲牌】蜂窝汽封圈\WZFW-300-G 1Cr13\五洲\国产</t>
  </si>
  <si>
    <t>【五洲牌】蜂窝汽封圈\WZFW-DYYD-300 1Cr13\五洲\国产</t>
  </si>
  <si>
    <t>【五洲牌】侧齿汽封圈\WZCC-ZYYD-300 1Cr13\五洲\国产</t>
  </si>
  <si>
    <t>【五洲牌】蜂窝汽封圈\WZFW-ZYHZ-300 1Cr13\五洲\国产</t>
  </si>
  <si>
    <t>【五洲牌】梳齿汽封圈\WZSC-600-G 1Cr13\五洲\国产</t>
  </si>
  <si>
    <t>【五洲牌】蜂窝汽封圈\WZFW-DYGB-300 1Cr13\五洲\国产</t>
  </si>
  <si>
    <t>【五洲牌】梳齿汽封圈\WZSC-GYHZ-200 1Cr13\五洲\国产</t>
  </si>
  <si>
    <t>【五洲牌】侧齿汽封圈\WZCC-GYHZ-200 1Cr13\五洲\国产</t>
  </si>
  <si>
    <t>【五洲牌】侧齿汽封圈\WZCC-GYGB-600 1Cr13\五洲\国产</t>
  </si>
  <si>
    <t>【五洲牌】侧齿汽封圈\WZCC-GYYD-300 1Cr13\五洲\国产</t>
  </si>
  <si>
    <t>【五洲牌】梳齿汽封圈\WZSC-ZYHZ-300 1Cr13\五洲\国产</t>
  </si>
  <si>
    <t>【五洲牌】梳齿汽封圈\WZSC-ZYQZ-200 1Cr13\五洲\国产</t>
  </si>
  <si>
    <t>【五洲牌】直板簧\WZZBH-B-200 GH4145\五洲\国产</t>
  </si>
  <si>
    <t>【五洲牌】蛇形簧\WZSXH-200 GH4145\五洲\国产</t>
  </si>
  <si>
    <t>【五洲牌】蜂窝汽封圈\WZFW-ZYYD-300 1Cr13\五洲\国产</t>
  </si>
  <si>
    <t>【五洲牌】侧齿汽封圈\WZCC-GYHZ-600 1Cr13\五洲\国产</t>
  </si>
  <si>
    <t>【五洲牌】柱形簧\WZZXH-B-300 GH4169\五洲\国产</t>
  </si>
  <si>
    <t>【五洲牌】侧齿汽封圈\WZCC-DYYD-600 1Cr13\五洲\国产</t>
  </si>
  <si>
    <t>【五洲牌】蜂窝汽封圈\WZFW-GYGB-600 1Cr13\五洲\国产</t>
  </si>
  <si>
    <t>【五洲牌】梳齿汽封圈\WZSC-DYHZ-600 1Cr13\五洲\国产</t>
  </si>
  <si>
    <t>【五洲牌】蜂窝汽封圈\WZFW-ZYHZ-200 1Cr13\五洲\国产</t>
  </si>
  <si>
    <t>【五洲牌】柱形簧\WZZXH-B-600 GH4169\五洲\国产</t>
  </si>
  <si>
    <t>【五洲牌】梳齿汽封圈\WZSC-ZYHZ-600 1Cr13\五洲\国产</t>
  </si>
  <si>
    <t>【五洲牌】柱形簧\WZZXH-B-200 GH4169\五洲\国产</t>
  </si>
  <si>
    <t>【五洲牌】接触式油挡\WZHD-F-200\五洲\国产</t>
  </si>
  <si>
    <t>【五洲牌】油挡内环\WZHD-200-NH\五洲\国产</t>
  </si>
  <si>
    <t>【五洲牌】侧齿汽封圈\WZCC-GQ-300 1Cr13\五洲\国产</t>
  </si>
  <si>
    <t>【五洲牌】侧齿汽封圈\WZCC-ZYGB-200 1Cr13\五洲\国产</t>
  </si>
  <si>
    <t>【五洲牌】梳齿汽封圈\WZSC-GYYD-600 1Cr13\五洲\国产</t>
  </si>
  <si>
    <t>【五洲牌】阻汽片\WZZQP-GYYD-300 1Cr13\五洲\国产</t>
  </si>
  <si>
    <t>【五洲牌】梳齿汽封圈\WZSC-ZYYD-600 1Cr13\五洲\国产</t>
  </si>
  <si>
    <t>【五洲牌】侧齿汽封圈\WZCC-GQ-600 1Cr13\五洲\国产</t>
  </si>
  <si>
    <t>【五洲牌】蜂窝汽封圈\WZFW-1000-G 1Cr13\五洲\国产</t>
  </si>
  <si>
    <t>【五洲牌】蜂窝汽封圈\WZFW-GYQZ-200 1Cr13\五洲\国产</t>
  </si>
  <si>
    <t>【五洲牌】侧齿汽封圈\WZCC-DYQZ-200 1Cr13\五洲\国产</t>
  </si>
  <si>
    <t>【五洲牌】梳齿汽封圈\WZSC-ZYHZ-200 1Cr13\五洲\国产</t>
  </si>
  <si>
    <t>【五洲牌】蛇形簧\WZSXH-200 GH2136\五洲\国产</t>
  </si>
  <si>
    <t>【五洲牌】蜂窝汽封圈\WZFW-GYHZ-300 1Cr13\五洲\国产</t>
  </si>
  <si>
    <t>【五洲牌】汽封安装检修包\WZQT-F-300\五洲\国产</t>
  </si>
  <si>
    <t>【五洲牌】接触式油挡\WZHD-200\五洲\国产</t>
  </si>
  <si>
    <t>【美国Sharpe】机械密封\SCB428-2.5\搅拌器\20SV25M-5.67/30SV25M-5.34\进口</t>
  </si>
  <si>
    <t>深圳市万纳托实业有限公司</t>
  </si>
  <si>
    <t>美国Sharpe</t>
  </si>
  <si>
    <t>GNWZBP(TH)ZYCG2020-266</t>
  </si>
  <si>
    <t>国家能源e购商城南方配送2020年夏普搅拌器配件南方区域级铺货长协采购铺货采购合同</t>
  </si>
  <si>
    <t>【美国Sharpe】机械密封\SCB428-3.0\搅拌器\40SV30M-5.67/50SV30M-5.45\进口</t>
  </si>
  <si>
    <t>【美国Sharpe】机械密封\SCB428-3.5\搅拌器\75SV35M-5.61\进口</t>
  </si>
  <si>
    <t>【美国Sharpe】轴承\BV25\搅拌器\20SV25M-5.67/30SV25M-5.34\进口</t>
  </si>
  <si>
    <t>【美国Sharpe】轴承\BV30\搅拌器\40SV30M-5.67/50SV30M-5.45\进口</t>
  </si>
  <si>
    <t>【美国Sharpe】轴承\BV35\搅拌器\75SV35M-5.61\进口</t>
  </si>
  <si>
    <t>【美国Sharpe】轴\DHSV230\搅拌器\20SV25M-5.67\进口</t>
  </si>
  <si>
    <t>【美国Sharpe】轴\DHSV330\搅拌器\30SV25M-5.34\进口</t>
  </si>
  <si>
    <t>【美国Sharpe】轴\DHSV430\搅拌器\40SV30M-5.67\进口</t>
  </si>
  <si>
    <t>【美国Sharpe】轴\DHSV530\搅拌器\50SV30M-5.45\进口</t>
  </si>
  <si>
    <t>【美国Sharpe】轴\DHSV735\搅拌器\75SV35M-5.61\进口</t>
  </si>
  <si>
    <t>【美国Sharpe】叶轮\HYF-230\搅拌器\20SV25M-5.67\进口</t>
  </si>
  <si>
    <t>【美国Sharpe】叶轮\HYF-330\搅拌器\30SV25M-5.34\进口</t>
  </si>
  <si>
    <t>【美国Sharpe】叶轮\HYF-430\搅拌器\40SV30M-5.67\进口</t>
  </si>
  <si>
    <t>【美国Sharpe】叶轮\HYF-530\搅拌器\50SV30M-5.45\进口</t>
  </si>
  <si>
    <t>【美国Sharpe】叶轮\HYF-735\搅拌器\75SV35M-5.61\进口</t>
  </si>
  <si>
    <t>【美国Sharpe】叶轮紧固件\CYL-2.5\搅拌器\20SV25M-5.67/30SV25M-5.34\进口</t>
  </si>
  <si>
    <t>【美国Sharpe】叶轮紧固件\CYL-3.0\搅拌器\40SV30M-5.67/50SV30M-5.45\进口</t>
  </si>
  <si>
    <t>【美国Sharpe】叶轮紧固件\CYL-3.5\搅拌器\75SV35M-5.61\进口</t>
  </si>
  <si>
    <t>【美国Sharpe】三角带\5VX1320\丁腈橡胶</t>
  </si>
  <si>
    <t>【美国Sharpe】三角带\5VX1700\丁腈橡胶</t>
  </si>
  <si>
    <t>【美国Sharpe】三角带\5VX1800\丁腈橡胶</t>
  </si>
  <si>
    <t>【通能】汽封\TNQT-GZYYD(1-5)-300-600\通能\国产</t>
  </si>
  <si>
    <t>通能</t>
  </si>
  <si>
    <t>GNWZBP(TH)ZYCG2020-267</t>
  </si>
  <si>
    <t>国家能源e购商城2020年哈尔滨通能汽封油挡备件商城电力专区南方、华中区域级铺货长协采购供货合同</t>
  </si>
  <si>
    <t>【通能】汽封接触齿\TNQ-ZD-1000-F\通能\国产</t>
  </si>
  <si>
    <t>【通能】汽封\TNQT-DYYD(1-5)-300-600\通能\国产</t>
  </si>
  <si>
    <t>【通能】汽封\TNQ-300-600\通能\国产</t>
  </si>
  <si>
    <t>【通能】汽封接触齿\TNQT-GB-300-600-F-XJ\通能\国产</t>
  </si>
  <si>
    <t>【通能】汽封浮动齿\TNQT-GZYYD(6-7)-300-600-F\通能\国产</t>
  </si>
  <si>
    <t>【通能】汽片\TNQ-XJ-ZQP\通能\国产</t>
  </si>
  <si>
    <t>【通能】汽封\TNQT-GQ-300-600\通能\国产</t>
  </si>
  <si>
    <t>【通能】油挡\TNY-300-600-XJ\通能\国产</t>
  </si>
  <si>
    <t>【通能】汽封\TNQ-ZD-300-600\通能\国产</t>
  </si>
  <si>
    <t>【通能】汽封浮动齿\TNQT-GZYYD(1-5)-300-600-F\通能\国产</t>
  </si>
  <si>
    <t>【通能】汽封\TNQ-ZD-1000\通能\国产</t>
  </si>
  <si>
    <t>【通能】汽封\TNQT-GB-ZD-300-600-XJ\通能\国产</t>
  </si>
  <si>
    <t>【通能】汽封接触齿\TNQ-ZD-1000-F-XJ\通能\国产</t>
  </si>
  <si>
    <t>【通能】油挡接触齿\TNY-300-600-F-XJ\通能\国产</t>
  </si>
  <si>
    <t>【通能】汽封浮动齿\TNQT-DYYD(1-5)-300-600-F\通能\国产</t>
  </si>
  <si>
    <t>【通能】汽封浮动齿\TNQTF-GQ-GB-ZD-300-600-F\通能\国产</t>
  </si>
  <si>
    <t>【通能】汽封\TNQT-GB-300-600\通能\国产</t>
  </si>
  <si>
    <t>【通能】汽封\TNQTF-GQ-GB-300-600\通能\国产</t>
  </si>
  <si>
    <t>【通能】汽封浮动齿\TNQT-DYYD(6-7)-300-600-F\通能\国产</t>
  </si>
  <si>
    <t>【通能】汽封\TNQ-300-600-XJ\通能\国产</t>
  </si>
  <si>
    <t>【通能】汽封\NQT-DYYD(6-7)-300-600\通能\国产</t>
  </si>
  <si>
    <t>【通能】汽封\TNQT-GZYYD(6-7)-300-600\通能\国产</t>
  </si>
  <si>
    <t>【通能】油挡接触齿\TNY-300-600-F\通能\国产</t>
  </si>
  <si>
    <t>【通能】汽封\TNQ-ZD-1000-XJ\通能\国产</t>
  </si>
  <si>
    <t>【通能】汽封接触齿\TNQ-ZD-300-600-F-XJ\通能\国产</t>
  </si>
  <si>
    <t>【通能】汽封\TNQ-ZD-300-600-XJ\通能\国产</t>
  </si>
  <si>
    <t>【通能】阻汽片\TNQ-300-600-ZQP\通能\国产</t>
  </si>
  <si>
    <t>【通能】接触式油挡\TNY-300-DF\通能\国产</t>
  </si>
  <si>
    <t>【通能】油挡\TNY-300-600\哈尔滨通能\国产</t>
  </si>
  <si>
    <t>【通能】油档接触齿\TNYW-330-470-BZ\哈尔滨通能\国产</t>
  </si>
  <si>
    <t>【中能动力】变桨滑环\EP.HR1525H\中能动力</t>
  </si>
  <si>
    <t>中能(天津)滑环设备制造有限公司</t>
  </si>
  <si>
    <t>中能动力</t>
  </si>
  <si>
    <t>GNWZBP(TH)ZYCG2020-295</t>
  </si>
  <si>
    <t>国家能源e购商城中能动力滑环备件铺货采购合同</t>
  </si>
  <si>
    <t>【中能动力】变桨滑环\EP.HR1525HKG\中能动力</t>
  </si>
  <si>
    <t>【中能动力】变桨滑环\EP.HR1525H.89\中能动力</t>
  </si>
  <si>
    <t>【中能动力】变桨滑环\EP.HR1920H\中能动力</t>
  </si>
  <si>
    <t>【中能动力】变桨滑环\EP.HR3037H\中能动力</t>
  </si>
  <si>
    <t>【中能动力】变桨滑环\EP.HR5028H\中能动力</t>
  </si>
  <si>
    <t>【中能动力】变桨滑环\EP.NC1525H\中能动力</t>
  </si>
  <si>
    <t>【中能动力】变桨滑环\EP.NC16525H\中能动力</t>
  </si>
  <si>
    <t>【中能动力】变桨滑环\EP.NC2032H\中能动力</t>
  </si>
  <si>
    <t>【中能动力】变桨滑环\EP.DQ1531H\中能动力</t>
  </si>
  <si>
    <t>【中能动力】变桨滑环\EP.DQ1531H.89\中能动力</t>
  </si>
  <si>
    <t>【中能动力】变桨滑环\EP.DQ2031H\中能动力</t>
  </si>
  <si>
    <t>【中能动力】变桨滑环\EP.JF1515H\中能动力</t>
  </si>
  <si>
    <t>【中能动力】变桨滑环\EP.JF1515H.LUST\中能动力</t>
  </si>
  <si>
    <t>【中能动力】变桨滑环\EP.JF1515H.SSB\中能动力</t>
  </si>
  <si>
    <t>【中能动力】变桨滑环\EP.JF2015H\中能动力</t>
  </si>
  <si>
    <t>【中能动力】变桨滑环\EP.JF2517H\中能动力</t>
  </si>
  <si>
    <t>【中能动力】变桨滑环\EP.GE1535H\中能动力</t>
  </si>
  <si>
    <t>【中能动力】变桨滑环\EP.GE1535H/Z\中能动力</t>
  </si>
  <si>
    <t>【中能动力】变桨滑环\EP.GE1629H\中能动力</t>
  </si>
  <si>
    <t>【中能动力】变桨滑环\EP.GE1629H/Z\中能动力</t>
  </si>
  <si>
    <t>【中能动力】变桨滑环\EP.SU12521H\中能动力</t>
  </si>
  <si>
    <t>【中能动力】变桨滑环\EP.SU12521HZ\中能动力</t>
  </si>
  <si>
    <t>【中能动力】变桨滑环\EP.SU1521H\中能动力</t>
  </si>
  <si>
    <t>【中能动力】变桨滑环\EP.SU1521HZ\中能动力</t>
  </si>
  <si>
    <t>【中能动力】变桨滑环\EP.SU2121H\中能动力</t>
  </si>
  <si>
    <t>【中能动力】变桨滑环\EP.SU2121HZ\中能动力</t>
  </si>
  <si>
    <t>【中能动力】变桨滑环\EP.CY1522H\中能动力</t>
  </si>
  <si>
    <t>【中能动力】变桨滑环\EP.GD1522H\中能动力</t>
  </si>
  <si>
    <t>【中能动力】变桨滑环\EP.GD1528H.S\中能动力</t>
  </si>
  <si>
    <t>【中能动力】变桨滑环\EP.GD1528H.L\中能动力</t>
  </si>
  <si>
    <t>【中能动力】变桨滑环\EP.GD1522H.L\中能动力</t>
  </si>
  <si>
    <t>【中能动力】变桨滑环\EP.GD2024H\中能动力</t>
  </si>
  <si>
    <t>【中能动力】变桨滑环\EP.GD3025H\中能动力</t>
  </si>
  <si>
    <t>【中能动力】变桨滑环\EP.MY1529H\中能动力</t>
  </si>
  <si>
    <t>【中能动力】变桨滑环\EP.MY1523HW\中能动力</t>
  </si>
  <si>
    <t>【中能动力】变桨滑环\EP.MY1523H\中能动力</t>
  </si>
  <si>
    <t>【中能动力】变桨滑环\EP.MY2029H\中能动力</t>
  </si>
  <si>
    <t>【中能动力】变桨滑环\EP.MY3032H\中能动力</t>
  </si>
  <si>
    <t>【中能动力】变桨滑环\EP.YJ1521H\中能动力</t>
  </si>
  <si>
    <t>【中能动力】变桨滑环\EP.YJ1521HZ\中能动力</t>
  </si>
  <si>
    <t>【中能动力】变桨滑环\EP.XD2008HC\中能动力</t>
  </si>
  <si>
    <t>【中能动力】变桨滑环\EP.XD2008H\中能动力</t>
  </si>
  <si>
    <t>【中能动力】变桨滑环\EP.HC1521H\中能动力</t>
  </si>
  <si>
    <t>【中能动力】变桨滑环\EP.HC1520HL\中能动力</t>
  </si>
  <si>
    <t>【中能动力】变桨滑环\EP.HC2018H\中能动力</t>
  </si>
  <si>
    <t>【中能动力】变桨滑环\EP.HC3022H\中能动力</t>
  </si>
  <si>
    <t>【中能动力】变桨滑环\EP.HC5025H\中能动力</t>
  </si>
  <si>
    <t>【中能动力】变桨滑环\EP.YD1529H\中能动力</t>
  </si>
  <si>
    <t>【中能动力】变桨滑环\EP.YD2031H\中能动力</t>
  </si>
  <si>
    <t>【中能动力】变桨滑环\EP.BZ2037H\中能动力</t>
  </si>
  <si>
    <t>【中能动力】变桨滑环\EP.BZ1522H\中能动力</t>
  </si>
  <si>
    <t>【中能动力】变桨滑环\EP.BZ3021H\中能动力</t>
  </si>
  <si>
    <t>【中能动力】变桨滑环\EP.SH125H\中能动力</t>
  </si>
  <si>
    <t>【中能动力】变桨滑环\EP.SH2029H\中能动力</t>
  </si>
  <si>
    <t>【中能动力】变桨滑环\EP.ED1529H\中能动力</t>
  </si>
  <si>
    <t>【中能动力】变桨滑环\EP.RE2031H\中能动力</t>
  </si>
  <si>
    <t>【中能动力】变桨滑环\EP.SY1524H\中能动力</t>
  </si>
  <si>
    <t>【中能动力】变桨滑环\EP.SY2024H\中能动力</t>
  </si>
  <si>
    <t>【中能动力】变桨滑环\EP.TW1529HS\中能动力</t>
  </si>
  <si>
    <t>【中能动力】变桨滑环\EP.TW2029H\中能动力</t>
  </si>
  <si>
    <t>【中能动力】变桨滑环\EP.T1530H\中能动力</t>
  </si>
  <si>
    <t>【中能动力】变桨滑环\EP.T1530HS\中能动力</t>
  </si>
  <si>
    <t>【中能动力】变桨滑环\EP.TZ2028H\中能动力</t>
  </si>
  <si>
    <t>【中能动力】变桨滑环\EP.TZ3028H\中能动力</t>
  </si>
  <si>
    <t>【中能动力】变桨滑环\EP.HZ2026H\中能动力</t>
  </si>
  <si>
    <t>【中能动力】变桨滑环\EP.FD1530H\中能动力</t>
  </si>
  <si>
    <t>【中能动力】变桨滑环\EP.FD2030H\中能动力</t>
  </si>
  <si>
    <t>【中能动力】变桨滑环\EP.HY1527H\中能动力</t>
  </si>
  <si>
    <t>【中能动力】变桨滑环\EP.ZK1517H\中能动力</t>
  </si>
  <si>
    <t>【中能动力】变桨滑环\EP.XJ2037H\中能动力</t>
  </si>
  <si>
    <t>【中能动力】变桨滑环\EP.AXN30\中能动力</t>
  </si>
  <si>
    <t>【中能动力】刷丝\CEW-105\中能动力</t>
  </si>
  <si>
    <t>【中能动力】刷丝\CEW-106\中能动力</t>
  </si>
  <si>
    <t>【中能动力】插针退针器\CEW-D1</t>
  </si>
  <si>
    <t>【中能动力】退针器\CEW-X1</t>
  </si>
  <si>
    <t>【中能动力】编码器\Bi58-TB2466-120P\中能动力\国产</t>
  </si>
  <si>
    <t>【中能动力】编码器\Bi40-TB8196-120\中能动力\国产</t>
  </si>
  <si>
    <t>【中能动力】编码器\BG58-TB2466-512P\中能动力\国产</t>
  </si>
  <si>
    <t>【中能动力】编码器\Bi58-TB8196-2048\中能动力\国产</t>
  </si>
  <si>
    <t>【中能动力】编码器\EP58-0/1000AS71TA-CH\中能动力\国产</t>
  </si>
  <si>
    <t>【中能动力】安装支架\ZNW25-DL1/DL2\中能动力</t>
  </si>
  <si>
    <t>【中能动力】安装支架\DLW15-DL-T\中能动力</t>
  </si>
  <si>
    <t>【中能动力】对称电缆\UNITRONICBUSPBFDP 进口\1×2×0.64</t>
  </si>
  <si>
    <t>【中能动力】对称电缆\UNITRONICBUSCAN 进口\2×2×0.22</t>
  </si>
  <si>
    <t>【中能动力】对称电缆\UNITRONICBUSCANFDP 进口\2×2×0.5</t>
  </si>
  <si>
    <t>【中能动力】对称电缆\UNITRONICBUSCANFDP 进口\2×2×0.34</t>
  </si>
  <si>
    <t>【中能动力】公插针\0915 000 6124\中能动力</t>
  </si>
  <si>
    <t>【中能动力】公插针\0915 000 6123\中能动力</t>
  </si>
  <si>
    <t>【中能动力】公插针\0915 000 6125\中能动力</t>
  </si>
  <si>
    <t>【中能动力】公插针\0915 000 6122\中能动力</t>
  </si>
  <si>
    <t>【中能动力】公插针\0915 000 6121\中能动力</t>
  </si>
  <si>
    <t>【中能动力】公插针\0915 000 6126\中能动力</t>
  </si>
  <si>
    <t>【中能动力】公插针\0933 000 6117\中能动力</t>
  </si>
  <si>
    <t>【中能动力】公插针\0933 000 6122\中能动力</t>
  </si>
  <si>
    <t>【中能动力】公插针\0933 000 6115\中能动力</t>
  </si>
  <si>
    <t>【中能动力】公插针\0933 000 6118\中能动力</t>
  </si>
  <si>
    <t>【中能动力】公插针\0933 000 6116\中能动力</t>
  </si>
  <si>
    <t>【中能动力】公插针\0933 000 6123\中能动力</t>
  </si>
  <si>
    <t>【中能动力】母插针\0915 000 6224\中能动力</t>
  </si>
  <si>
    <t>【中能动力】母插针\0915 000 6223\中能动力</t>
  </si>
  <si>
    <t>【中能动力】母插针\0915 000 6225\中能动力</t>
  </si>
  <si>
    <t>【中能动力】母插针\0915 000 6222\中能动力</t>
  </si>
  <si>
    <t>【中能动力】母插针\0915 000 6221\中能动力</t>
  </si>
  <si>
    <t>【中能动力】母插针\0915 000 6226\中能动力</t>
  </si>
  <si>
    <t>【中能动力】母插针\0933 000 6217\中能动力</t>
  </si>
  <si>
    <t>【中能动力】母插针\0933 000 6222\中能动力</t>
  </si>
  <si>
    <t>【中能动力】母插针\0933 000 6215\中能动力</t>
  </si>
  <si>
    <t>【中能动力】母插针\0933 000 6218\中能动力</t>
  </si>
  <si>
    <t>【中能动力】母插针\0933 000 6216\中能动力</t>
  </si>
  <si>
    <t>【中能动力】母插针\0933 000 6223\中能动力</t>
  </si>
  <si>
    <t>【映美】24针80列滚筒针式打印机 LQ-350K+ 滚筒、80列、复写1+3、接口：并口+串口+U口、三年保修</t>
  </si>
  <si>
    <t>新会江裕信息产业有限公司</t>
  </si>
  <si>
    <t>映美</t>
  </si>
  <si>
    <t>GNWZBP(TH)ZECG2020-283</t>
  </si>
  <si>
    <t>IT专区针式打印机及相关耗材铺货采购合同</t>
  </si>
  <si>
    <t>【映美】24针80列高速滚筒针式打印机 LQ-600KII 滚筒、80列、复写1+6、接口：并口+U口、三年保修</t>
  </si>
  <si>
    <t>【映美】24针82列平推针式打印机 FP-560K 平推、82列、复写1+6、接口：并口+U口、三年保修</t>
  </si>
  <si>
    <t>【映美】24针82列证本、票据高速平推打印机 FP-690K 平推、82列、复写1+6、接口：并口+U口、三年保修</t>
  </si>
  <si>
    <t>【映美】24针110列证本、票据高速平推打印机 FP-700KII 平推、110列、复写1+6、接口：并口+U口、三年保修</t>
  </si>
  <si>
    <t>【映美】24针110列证本、票据平推打印机 FP-850K 平推、110列、复写1+6、接口：并口+U口、三年保修</t>
  </si>
  <si>
    <t>【映美】24针136列高速滚筒针式打印机 CP-9000K+ 滚筒、136列、复写1+8、接口：并口+串口+U口+网口、三年保修</t>
  </si>
  <si>
    <t>【映美】24针136列报表、证本高负荷平推针式打印机 FP-8600KII 平推、136列、复写1+6、接口：并口+U口、三年保修</t>
  </si>
  <si>
    <t>【映美】9针微型票据针式打印机 MP-230D 微型针打、复写1+1、U口、一年保修</t>
  </si>
  <si>
    <t>【映美】色带架 JMR111 300万字符、适用机型LQ-350K+</t>
  </si>
  <si>
    <t>【映美】色带架 JMR143 500万字符、适用机型LQ-600KII</t>
  </si>
  <si>
    <t>【映美】色带 JMR130 500万字符、适用机型FP-560K</t>
  </si>
  <si>
    <t>【映美】色带架 JMR139 500万字符、适用机型FP-690K</t>
  </si>
  <si>
    <t>【映美】色带架 JMR140 1000万字符、适用机型FP-700KII、FP-850K</t>
  </si>
  <si>
    <t>【映美】色带架 JMR105 1000万字符、适用机型CP-9000K+</t>
  </si>
  <si>
    <t>【映美】色带架 JMR142 1200万字符、适用机型FP-8600KII</t>
  </si>
  <si>
    <t>【星宇】灰纱乳胶皱纹手套\L108\防滑\耐磨</t>
  </si>
  <si>
    <t>山东星宇手套有限公司</t>
  </si>
  <si>
    <t>星宇</t>
  </si>
  <si>
    <t>GNWZBP(TH)ZECG2020-287</t>
  </si>
  <si>
    <t>国家能源e购商城星宇安防产品长协采购铺货采购合同</t>
  </si>
  <si>
    <t>榆林市铭阳科技有限公司</t>
  </si>
  <si>
    <t>【星宇】13针白尼龙PU涂掌手套\PU508\防滑</t>
  </si>
  <si>
    <t>【星宇】灰涤纶灰皱手套\L2101\防滑\耐磨</t>
  </si>
  <si>
    <t>【星宇】灰纱兰压纹手套\L1501\防滑\耐磨</t>
  </si>
  <si>
    <t>【星宇】压纹涂胶手套\L2501\防滑\耐磨</t>
  </si>
  <si>
    <t>【星宇】灰纱蓝皱手套\L1105\耐磨\防滑</t>
  </si>
  <si>
    <t>【星宇】半涂胶手套\L1107\防滑</t>
  </si>
  <si>
    <t>【星宇】 防振手套\L1801\抗震</t>
  </si>
  <si>
    <t>【星宇】黑丁黑手套\N2002\防油\耐酸碱</t>
  </si>
  <si>
    <t>【星宇】十三针白尼龙丁腈涂掌手套\N518\防滑\耐磨\耐酸碱</t>
  </si>
  <si>
    <t>【星宇】磨砂透气手套\N2301\耐油\耐磨\耐酸碱</t>
  </si>
  <si>
    <t>【星宇】磨砂双胶手套\N2351\防滑\耐磨\耐酸碱</t>
  </si>
  <si>
    <t>【星宇】5级防割丁腈磨砂手套\N6301\防滑\防割\耐油</t>
  </si>
  <si>
    <t>【星宇】耐油手套\N5601\耐油\耐腐蚀</t>
  </si>
  <si>
    <t>【星宇】一次性丁腈手套\E400\防水\防油\耐弱酸\丁腈</t>
  </si>
  <si>
    <t>【星宇】一次性丁腈手套\E500\防水\防油\耐弱酸\丁腈</t>
  </si>
  <si>
    <t>【星宇】5级防割PU手套\PU6001\防割</t>
  </si>
  <si>
    <t>【星宇】乳胶皱纹手套\L228\防酸碱\防滑\耐磨</t>
  </si>
  <si>
    <t>【星宇】线手套\S2001\纱线</t>
  </si>
  <si>
    <t>【星宇】电焊手套\450mm\N615\防切割\阻燃\牛皮</t>
  </si>
  <si>
    <t>【星宇】二层皮半皮电焊手套\N613\防切割\牛皮</t>
  </si>
  <si>
    <t>【星宇】头层皮半皮手套\N612\防滑\耐磨\牛皮</t>
  </si>
  <si>
    <t>【星宇】防寒全皮手套\N611\防寒\牛皮</t>
  </si>
  <si>
    <t>【星宇】帆布加皮手套\N616\防滑\耐磨</t>
  </si>
  <si>
    <t>【星宇】牛皮防切割手套\N617\防割</t>
  </si>
  <si>
    <t>【星宇】抗菌矿工袜\L318\棉+涤纶</t>
  </si>
  <si>
    <t>【星宇】乳胶手套\310mm\N618\防酸碱\乳胶</t>
  </si>
  <si>
    <t>【星宇】浸塑手套\350mm\N619\防酸碱</t>
  </si>
  <si>
    <t>【星宇】耐酸碱手套\60cm\N620\防酸碱</t>
  </si>
  <si>
    <t>【星宇】pvc硫化酸碱手套\450mm\N621\防酸碱</t>
  </si>
  <si>
    <t>【星宇】5级防割防撞手套\T6301\防割\防撞</t>
  </si>
  <si>
    <t>【星宇】罗口绒布全浸手套\N5002\耐酸碱</t>
  </si>
  <si>
    <t>【星宇】胶点手套\S2701\耐磨\防滑</t>
  </si>
  <si>
    <t>【星宇】防寒保暖磨砂手套\L3301\防滑\耐磨\乳胶</t>
  </si>
  <si>
    <t>【星宇】军用绒手套\N6119\防滑\耐磨\纯棉</t>
  </si>
  <si>
    <t>【星宇】3针白尼龙蓝色丁腈半浸手套\N588\耐油\耐腐蚀</t>
  </si>
  <si>
    <t>【星宇】10针涤棉纱线乳胶皱纹手套\L207\防滑\耐油</t>
  </si>
  <si>
    <t>【百集】低帮绝缘6KV\单鞋\D1003\6kV绝缘\防静电\牛皮</t>
  </si>
  <si>
    <t>上海百集鞋业有限公司</t>
  </si>
  <si>
    <t>百集</t>
  </si>
  <si>
    <t>GNWZBP(TH)ZECG2020-285</t>
  </si>
  <si>
    <t>国家能源e购商城百集安全鞋长协采购铺货采购合同</t>
  </si>
  <si>
    <t>【百集】低帮安全鞋\户外单鞋\D1021\6kV绝缘\防静电\皮革</t>
  </si>
  <si>
    <t>【百集】中帮安全鞋\单皮鞋\M1017\6kV绝缘\防静电\皮革</t>
  </si>
  <si>
    <t>【百集】中帮安全鞋\户外棉鞋\M1003\6kV绝缘\防静电\牛皮</t>
  </si>
  <si>
    <t>【百集】低帮安全鞋\单皮鞋\910\6kV绝缘\防砸\防静电\牛皮</t>
  </si>
  <si>
    <t>【百集】低帮安全鞋\户外单鞋\621\6kV绝缘\防静电\防砸\牛皮</t>
  </si>
  <si>
    <t>【百集】中帮安全鞋\单皮鞋\6905\6kV绝缘\防静电\牛皮</t>
  </si>
  <si>
    <t>【百集】中帮安全鞋\户外单鞋\6921\6kV绝缘\防静电\防砸\防刺穿\牛皮</t>
  </si>
  <si>
    <t>【百集】中帮安全鞋\棉皮鞋\6989\6kV绝缘\防静电\防砸\防刺穿\牛皮</t>
  </si>
  <si>
    <t>【百集】中帮防砸安全鞋\6902\绝缘6KV\防静电\户外棉鞋</t>
  </si>
  <si>
    <t>【百集】低帮安全鞋\防砸\防穿刺\651\绝缘6KV\防静电\单皮鞋</t>
  </si>
  <si>
    <t>【百集】低帮安全鞋\982-3\6kV绝缘\防砸\防静电\皮革</t>
  </si>
  <si>
    <t>【百集】中帮安全鞋\单皮鞋\6931-3\6kV绝缘\防刺穿\防静电\防砸\牛皮</t>
  </si>
  <si>
    <t>【百集】中帮安全鞋\户外单鞋\6512\6kV绝缘\防刺穿\防静电\防砸\皮革</t>
  </si>
  <si>
    <t>【百集】中帮安全鞋\户外棉鞋\6965\6kV绝缘\防刺穿\防静电\防砸\皮革</t>
  </si>
  <si>
    <t>【百集】安全鞋\单皮马靴\8905-2\6kV绝缘\防刺穿\防静电\防砸\牛皮</t>
  </si>
  <si>
    <t>【百集】棉安全鞋\棉皮马靴\M8905-2\6kV绝缘\防刺穿\防静电\防砸\牛皮</t>
  </si>
  <si>
    <t>【百集】矿工靴\BJ7906\6kV绝缘\橡胶</t>
  </si>
  <si>
    <t>【百集】重型工矿靴\BJ7902\耐磨\防滑\防水\橡胶</t>
  </si>
  <si>
    <t>【百集】安全鞋\BJ7905\5kV绝缘\帆布</t>
  </si>
  <si>
    <t>【百集】低帮防砸鞋\967\防砸\牛皮</t>
  </si>
  <si>
    <t>【百集】安全鞋\627\抗菌\防砸\防刺穿\网布</t>
  </si>
  <si>
    <t>【百集】安全棉鞋\6921\6kV绝缘\防砸\防刺穿\牛皮</t>
  </si>
  <si>
    <t>【百集】高腰防砸靴\BJ7901\防砸\防刺穿\橡胶</t>
  </si>
  <si>
    <t>【百集】安全鞋\BJ6905\防砸\防穿刺\牛皮</t>
  </si>
  <si>
    <t>【百集】低帮安全鞋\单鞋\923\6kV绝缘\防砸\防穿刺\防静电\牛皮</t>
  </si>
  <si>
    <t>【百集】低帮安全鞋\单鞋\BJ867\6kV绝缘\防砸\防穿刺\防静电\皮革</t>
  </si>
  <si>
    <t>【百集】低帮安全鞋\单鞋\BJ781\6kV绝缘\防砸\防穿刺\防静电\牛皮</t>
  </si>
  <si>
    <t>【百集】安全鞋\运动鞋\BJ519\6kV绝缘\防静电\超纤革</t>
  </si>
  <si>
    <t>【百集】低帮安全鞋\单鞋\BJ860\6kV绝缘\防静电\防砸\防刺穿\牛皮</t>
  </si>
  <si>
    <t>【百集】安全鞋\户外鞋\BJ6616\6kV绝缘\防静电\皮革</t>
  </si>
  <si>
    <t>【百集】安全鞋\户外鞋\BJ6611\6kV绝缘\防静电\皮革</t>
  </si>
  <si>
    <t>【百集】安全鞋\单皮鞋\BJ839\6kV绝缘\防静电\牛皮</t>
  </si>
  <si>
    <t>【百集】低帮安全鞋\单鞋\D1068\6kV绝缘\防静电\牛皮</t>
  </si>
  <si>
    <t>【百集】安全鞋\单皮鞋\D1051\6kV绝缘\防静电\牛皮</t>
  </si>
  <si>
    <t>【百集】安全鞋\单皮鞋\L1013\6kV绝缘\防静电\牛皮</t>
  </si>
  <si>
    <t>【百集】安全鞋\单鞋\6991\6kV绝缘\防静电\防砸\防刺穿\牛皮</t>
  </si>
  <si>
    <t>【百集】中帮安全鞋\棉鞋\6920\6kV绝缘\防静电\防砸\防刺穿\牛皮</t>
  </si>
  <si>
    <t>【百集】安全鞋\户外鞋\619\6kV绝缘\防静电\牛皮</t>
  </si>
  <si>
    <t>【百集】安全鞋\棉皮鞋\M1016\6kV绝缘\防静电\牛皮</t>
  </si>
  <si>
    <t>【百集】中帮棉安全鞋\6509\6kV绝缘\防砸\防刺穿\牛皮</t>
  </si>
  <si>
    <t>【百集】中帮棉安全鞋\M1006\6kV绝缘\防静电\牛皮</t>
  </si>
  <si>
    <t>【上电】吹扫干燥装置\2.3114978E7\上电\国产</t>
  </si>
  <si>
    <t>【上汽】动叶片\YME3.23.01.13\上汽\国产</t>
  </si>
  <si>
    <t>【上汽】动叶片\YME3.23.01.15\上汽\国产</t>
  </si>
  <si>
    <t>【上汽】动叶\YME3.23.01.17\上汽\国产</t>
  </si>
  <si>
    <t>【上汽】动叶\YME3.23.01.21\上汽\国产</t>
  </si>
  <si>
    <t>【上汽】动叶\YME3.23.01.23\上汽\国产</t>
  </si>
  <si>
    <t>【上汽】动叶\YME3.23.01.25\上汽\国产</t>
  </si>
  <si>
    <t>【上汽】动叶片\YME3.23.01.27\上汽\国产</t>
  </si>
  <si>
    <t>【上汽】动叶片\YME3.23.01.29\上汽\国产</t>
  </si>
  <si>
    <t>【上汽】静叶\YME3.02.10.15\上汽\国产</t>
  </si>
  <si>
    <t>【上汽】静叶\YME3.02.10.17\上汽\国产</t>
  </si>
  <si>
    <t>【上汽】静叶\YME3.02.10.27\上汽\国产</t>
  </si>
  <si>
    <t>【上汽】静叶\YME3.02.10.29\上汽\国产</t>
  </si>
  <si>
    <t>【上汽】高压隔板汽封片\YME3.06.41G01\上汽\国产</t>
  </si>
  <si>
    <t>【上汽】叶顶汽封\YME3.06.43(1)G01\上汽\国产</t>
  </si>
  <si>
    <t>【上汽】密封环\YME3.01.81.02\上汽\国产</t>
  </si>
  <si>
    <t>【上汽】外密封环\YME3.01.81.03\上汽\国产</t>
  </si>
  <si>
    <t>【上汽】内密封环\YME3.01.81.04\上汽\国产</t>
  </si>
  <si>
    <t>【上汽】密封条\880.01.81.03\上汽\国产</t>
  </si>
  <si>
    <t>【上汽】汽封环\YME3.06.01.01\上汽\国产</t>
  </si>
  <si>
    <t>【上汽】汽封环\YME3.06.01.02\上汽\国产</t>
  </si>
  <si>
    <t>【上汽】汽封环\YME3.06.01.03\上汽\国产</t>
  </si>
  <si>
    <t>【上汽】汽封环\YME3.06.01.04\上汽\国产</t>
  </si>
  <si>
    <t>【上汽】轴承瓦块\SH08J3.12.05.04G01\上汽\国产</t>
  </si>
  <si>
    <t>【上汽】油封环\SH08J3.12.05.02G01\上汽\国产</t>
  </si>
  <si>
    <t>【上汽】油封环\SH08J3.12.03.04G01\上汽\国产</t>
  </si>
  <si>
    <t>【上汽】O形密封圈\19009580\上汽\国产</t>
  </si>
  <si>
    <t>【上汽】轴承瓦块\SH08J3.15.05.01G01\上汽\国产</t>
  </si>
  <si>
    <t>【上汽】密封条\T156.01.14.02\上汽\国产</t>
  </si>
  <si>
    <t>【上汽】定位双头螺柱\W1706.1-φ78X605\上汽\国产</t>
  </si>
  <si>
    <t>【上汽】定位双头螺柱\W1706.1-φ95X650\上汽\国产</t>
  </si>
  <si>
    <t>【上汽】双头螺柱\W1801.28 M48×3×315\上汽\国产</t>
  </si>
  <si>
    <t>【上汽】锥销\S1514.3-40X520\上汽\国产</t>
  </si>
  <si>
    <t>【上汽】阀座\K156.30.41.15G01\上汽\国产</t>
  </si>
  <si>
    <t>【上汽】门轴\YME3.30.60.19\上汽\国产</t>
  </si>
  <si>
    <t>【上汽】阀套\K156.34.20.08\上汽\国产</t>
  </si>
  <si>
    <t>【上汽】密封圈\YME3.30.60.18\上汽\国产</t>
  </si>
  <si>
    <t>【上汽】弹簧\156.70.01.12(1)\上汽\国产</t>
  </si>
  <si>
    <t>【上汽】挡板\A156.31.02.32\上汽\国产</t>
  </si>
  <si>
    <t>【上汽】阀碟\A156.31.02.33\上汽\国产</t>
  </si>
  <si>
    <t>【上汽】继动器\A156.31.02.36\上汽\国产</t>
  </si>
  <si>
    <t>【上汽】扭弹簧\A156.31.02.25 60Si2CrA\上汽\国产</t>
  </si>
  <si>
    <t>【上汽】隔膜\156.31.69+2(156.31.69)\上汽\国产</t>
  </si>
  <si>
    <t>【上汽】门杆\A248.34.20.10\上汽\国产</t>
  </si>
  <si>
    <t>【上汽】截止阀\196.73.41.01.71(1)\上汽\国产</t>
  </si>
  <si>
    <t>【上汽】截止阀\196.73.41.01.06(1)\上汽\国产</t>
  </si>
  <si>
    <t>【上汽】阀杆\D268.30.46.01(1)\上汽\国产</t>
  </si>
  <si>
    <t>【海德能】反渗透膜元件\CPA3-LD\反渗透装置\进口</t>
  </si>
  <si>
    <t>日东（中国）新材料有限公司</t>
  </si>
  <si>
    <t>海德能</t>
  </si>
  <si>
    <t>GNWZBP(TH)ZYCG2020-292</t>
  </si>
  <si>
    <t>国家能源e购商城海德能水处理设备备件商城铺货长协采购供货合同</t>
  </si>
  <si>
    <t>河北迈哲仪器仪表科技有限公司</t>
  </si>
  <si>
    <t>【海德能】卷式反渗透膜元件\PROC10 海德能\进口</t>
  </si>
  <si>
    <t>【海德能】反渗透膜元件\PROC20\反渗透装置\进口</t>
  </si>
  <si>
    <t>【海德能】反渗透膜元件\PROC30\反渗透装置\进口</t>
  </si>
  <si>
    <t>【海德能】反渗透膜元件\PRO-XR1\反渗透装置\进口</t>
  </si>
  <si>
    <t>【海德能】反渗透膜元件\PRO-LF1\反渗透装置\进口</t>
  </si>
  <si>
    <t>【海德能】反渗透膜元件\SWC5-LD\反渗透装置\进口</t>
  </si>
  <si>
    <t>【海德能】反渗透膜元件\SWC5MAX\反渗透装置\进口</t>
  </si>
  <si>
    <t>【海德能】反渗透膜元件\ESPA2MAX\反渗透装置\进口</t>
  </si>
  <si>
    <t>【南京绿能】传感器探头\GEEBLA-GW5\锅炉炉管泄漏报警装置\GEEBLA\南京绿能电力设备有限公司\国产</t>
  </si>
  <si>
    <t>南京绿能电力设备有限公司</t>
  </si>
  <si>
    <t>南京绿能</t>
  </si>
  <si>
    <t>GNWZBP(TH)ZYCG2020-279</t>
  </si>
  <si>
    <t>国家能源e购商城南京绿能锅炉炉管泄漏报警装置备件商城铺货山东区域级长协采购</t>
  </si>
  <si>
    <t>【南京绿能】探头\GEEBLA-5CS\锅炉炉管泄漏报警装置\GEEBLA\南京绿能电力设备有限公司\国产</t>
  </si>
  <si>
    <t>【南京绿能】传感器\GEEBLA-3CS\锅炉炉管泄漏报警装置\GEEBLA\南京绿能电力设备有限公司\国产</t>
  </si>
  <si>
    <t>【南京绿能】采集卡\GEEBLA-9113\锅炉炉管泄漏报警装置\GEEBLA\南京绿能电力设备有限公司\国产</t>
  </si>
  <si>
    <t>【南京绿能】监听卡\GEEBLA-SD32\锅炉炉管泄漏报警装置\GEEBLA\南京绿能电力设备有限公司\国产</t>
  </si>
  <si>
    <t>【南京绿能】控制卡\GEEBLA-P8R8\锅炉炉管泄漏报警装置\GEEBLA\南京绿能电力设备有限公司\国产</t>
  </si>
  <si>
    <t>【长城】电商柴油机油\CD 10W-30;1×16kg</t>
  </si>
  <si>
    <t>中石化润滑油分公司</t>
  </si>
  <si>
    <t>长城</t>
  </si>
  <si>
    <t>GNWZBP(TH)ZYCG2020-194-01</t>
  </si>
  <si>
    <t>长城润滑油电力专区经营主体铺货长协（安庆全润）</t>
  </si>
  <si>
    <t>安庆市全润油脂化工有限公司</t>
  </si>
  <si>
    <t>【长城】电商柴油机油\CD 10W-30;1×170kg</t>
  </si>
  <si>
    <t>【长城】电商柴油机油\CD 10W-30;6×3.5kg</t>
  </si>
  <si>
    <t>【长城】电商柴油机油\CD 15W-40;1×16kg</t>
  </si>
  <si>
    <t>【长城】电商柴油机油\铁路内燃机车多级四代油 20W-40;1×170kg</t>
  </si>
  <si>
    <t>【长城】电商柴油机油\尊龙 T300 CF-4 10W-30;1×170kg</t>
  </si>
  <si>
    <t>【长城】电商柴油机油\尊龙 T300 CF-4 10W-30;1×16kg</t>
  </si>
  <si>
    <t>【长城】电商柴油机油\尊龙 T300 CF-4 15W-40;1×170kg</t>
  </si>
  <si>
    <t>【长城】电商柴油机油\尊龙 T300 CF-4 15W-40;1×16kg</t>
  </si>
  <si>
    <t>【长城】电商柴油机油\尊龙 T300 CF-4 5W-40;1×170kg</t>
  </si>
  <si>
    <t>【长城】电商柴油机油\尊龙 T400 CH-4 10W-30;1×16kg</t>
  </si>
  <si>
    <t>【长城】电商柴油机油\尊龙 T400 CH-4 15W-40;1×16kg</t>
  </si>
  <si>
    <t>【长城】电商柴油机油\尊龙 T600 CJ-4 15W-40;1×16kg</t>
  </si>
  <si>
    <t>【长城】电商柴油机油\CD 15W-40;1×170kg</t>
  </si>
  <si>
    <t>【长城】电商柴油机油\尊龙 T300 CF-4 10W-30;6×3.5kg</t>
  </si>
  <si>
    <t>【长城】电商绝缘油\I-10℃变压器油;1×165kg</t>
  </si>
  <si>
    <t>【长城】电商绝缘油\I-40℃变压器油;1×165kg</t>
  </si>
  <si>
    <t>【长城】电商合成齿轮油\4408 220;1×170kg</t>
  </si>
  <si>
    <t>【长城】电商柴油机油\尊龙 T300 CF-4 15W-40;6×3.5kg</t>
  </si>
  <si>
    <t>【长城】电商车辆齿轮油\85W-90 GL-5;6×3.5kg</t>
  </si>
  <si>
    <t>【长城】电商船用油\船用中速 4015;1×170kg</t>
  </si>
  <si>
    <t>【长城】电商工业齿轮油\得威 AP 680;1×170kg</t>
  </si>
  <si>
    <t>【长城】电商工业齿轮油\得威 L-CKC 100;1×170kg</t>
  </si>
  <si>
    <t>【长城】电商工业齿轮油\得威 L-CKC 150;1×170kg</t>
  </si>
  <si>
    <t>【长城】电商工业齿轮油\得威 L-CKC 320;1×170kg</t>
  </si>
  <si>
    <t>【长城】电商工业齿轮油\得威 L-CKC 680;1×170kg</t>
  </si>
  <si>
    <t>【长城】电商车辆齿轮油\75W-90 GL-5;1×170kg</t>
  </si>
  <si>
    <t>【长城】电商车辆齿轮油\75W-90 GL-5;1×16kg</t>
  </si>
  <si>
    <t>【长城】电商车辆齿轮油\80W-90 GL-5;1×170kg</t>
  </si>
  <si>
    <t>【长城】电商车辆齿轮油\80W-90 GL-5;6×3.5kg</t>
  </si>
  <si>
    <t>【长城】电商车辆齿轮油\85W-90 GL-4;1×170kg</t>
  </si>
  <si>
    <t>【长城】电商车辆齿轮油\85W-90 GL-4;6×3.5kg</t>
  </si>
  <si>
    <t>【长城】电商车辆齿轮油\85W-90 GL-5;1×170kg</t>
  </si>
  <si>
    <t>【长城】电商车辆齿轮油\85W-90 GL-5;1×16kg</t>
  </si>
  <si>
    <t>【长城】电商船用油\船用中速 4012;1×170kg</t>
  </si>
  <si>
    <t>【长城】电商导热油\L-QB 300;1×170kg</t>
  </si>
  <si>
    <t>【长城】电商地面用航空液压油\10#;1×170kg</t>
  </si>
  <si>
    <t>【长城】电商高速泵齿轮油\4413;1×170kg</t>
  </si>
  <si>
    <t>【长城】电商高速泵齿轮油\4413;1×16kg</t>
  </si>
  <si>
    <t>【长城】电商工业齿轮油\得威 AP 220;1×170kg</t>
  </si>
  <si>
    <t>【长城】电商工业齿轮油\得威 AP 150;1×170kg</t>
  </si>
  <si>
    <t>【长城】电商工业齿轮油\得威 AP 320;1×170kg</t>
  </si>
  <si>
    <t>【长城】电商工业齿轮油\得威 AP 460;1×170kg</t>
  </si>
  <si>
    <t>【长城】电商工业齿轮油\得威 L-CKC 220;1×170kg</t>
  </si>
  <si>
    <t>【长城】电商工业齿轮油\得威 L-CKC 460;1×170kg</t>
  </si>
  <si>
    <t>【长城】电商工业齿轮油\得威 L-CKD 320;1×170kg</t>
  </si>
  <si>
    <t>【长城】电商工业齿轮油\得威 L-CKD 680;1×170kg</t>
  </si>
  <si>
    <t>【长城】电商工业齿轮油\得威 L-CKE 460;1×170kg</t>
  </si>
  <si>
    <t>【长城】电商工业齿轮油\得威 L-CKE/P 460;1×170kg</t>
  </si>
  <si>
    <t>【长城】电商工业齿轮油\得威 L-CKT 220;1×170kg</t>
  </si>
  <si>
    <t>【长城】电商工业齿轮油\得威 L-CKT 320;1×170kg</t>
  </si>
  <si>
    <t>【长城】电商工业齿轮油\得威 L-CKT 460;1×170kg</t>
  </si>
  <si>
    <t>【长城】电商工业齿轮油\得威 L-CKD 100;1×170kg</t>
  </si>
  <si>
    <t>【长城】电商工业齿轮油\得威 L-CKD 150;1×170kg</t>
  </si>
  <si>
    <t>【长城】电商工业齿轮油\得威 L-CKD 460;1×170kg</t>
  </si>
  <si>
    <t>【长城】电商合成齿轮油\4408 320;1×170kg</t>
  </si>
  <si>
    <t>【长城】电商合成工业齿轮油\4407 460;1×170kg</t>
  </si>
  <si>
    <t>【长城】电商合成型长寿命极压汽轮机油\SH 32;1×170kg</t>
  </si>
  <si>
    <t>【长城】电商极压汽轮机油\威越 L-TSE32;1×170kg</t>
  </si>
  <si>
    <t>【长城】电商抗磨液压油\普力 L-HM 100;1×170kg</t>
  </si>
  <si>
    <t>【长城】电商抗磨液压油\普力 L-HM 68;1×170kg</t>
  </si>
  <si>
    <t>【长城】电商合成齿轮油\4408 150;1×170kg</t>
  </si>
  <si>
    <t>【长城】电商合成工业齿轮油\4407 220;1×170kg</t>
  </si>
  <si>
    <t>【长城】电商合成工业齿轮油\4407 320;1×170kg</t>
  </si>
  <si>
    <t>【长城】电商合成压缩机油\4513 100;1×170kg</t>
  </si>
  <si>
    <t>【长城】电商抗磨液压油\L-HV68;1×170kg</t>
  </si>
  <si>
    <t>【长城】电商抗磨液压油\普力 L-HM 32;1×165kg</t>
  </si>
  <si>
    <t>【长城】电商抗磨液压油\卓力 L-HM 100;1×170kg</t>
  </si>
  <si>
    <t>【长城】电商抗磨液压油\卓力 L-HM 32;1×16kg</t>
  </si>
  <si>
    <t>【长城】电商抗磨液压油\卓力 L-HM 46;1×170kg</t>
  </si>
  <si>
    <t>【长城】电商抗磨液压油\卓力 L-HS 32;1×165kg</t>
  </si>
  <si>
    <t>【长城】电商抗磨液压油\卓力 L-HV 46;1×170kg</t>
  </si>
  <si>
    <t>【长城】电商空压机油\讯能 L-DAB 150;1×170kg</t>
  </si>
  <si>
    <t>【长城】电商空压机油\讯能 L-DAB 100;1×170kg</t>
  </si>
  <si>
    <t>【长城】电商冷冻机油\L-DRA/A 46;1×170kg</t>
  </si>
  <si>
    <t>【长城】电商抗磨液压油\卓力 L-HM 150;1×170kg</t>
  </si>
  <si>
    <t>【长城】电商抗磨液压油\卓力 L-HM 32;1×165kg</t>
  </si>
  <si>
    <t>【长城】电商抗磨液压油\卓力 L-HM 46;1×16kg</t>
  </si>
  <si>
    <t>【长城】电商抗磨液压油\卓力 L-HM 68;1×170kg</t>
  </si>
  <si>
    <t>【长城】电商抗磨液压油\卓力 L-HM 68;1×16kg</t>
  </si>
  <si>
    <t>【长城】电商抗磨液压油\卓力 L-HS 46;1×170kg</t>
  </si>
  <si>
    <t>【长城】电商抗磨液压油\卓力 L-HV 32;1×165kg</t>
  </si>
  <si>
    <t>【长城】电商空压机油\讯能 L-DAB 220;1×170kg</t>
  </si>
  <si>
    <t>【长城】电商汽轮机油\威越 L-TSA32(A级);1×170kg</t>
  </si>
  <si>
    <t>【长城】电商汽轮机油\威越 L-TSA32(高清);1×170kg</t>
  </si>
  <si>
    <t>【长城】电商汽轮机油\威越 L-TSA46(A级);1×170kg</t>
  </si>
  <si>
    <t>【长城】电商汽轮机油\威越 L-TSA68(A级);1×170kg</t>
  </si>
  <si>
    <t>【长城】电商汽油机油\环保型二冲程摩托车油\FC 15W-40;12×0.86kg</t>
  </si>
  <si>
    <t>【长城】电商切削油\M1011;1×170kg</t>
  </si>
  <si>
    <t>【长城】电商液力传动油\6#;1×170kg</t>
  </si>
  <si>
    <t>【长城】电商液力传动油\8#;1×170kg</t>
  </si>
  <si>
    <t>【长城】电商液力传动油\8#;1×16kg</t>
  </si>
  <si>
    <t>【长城】电商汽油机油\金吉星 SJ 10W-40;6×3.5kg</t>
  </si>
  <si>
    <t>【长城】电商长寿命极压汽轮机油\威越 L-TSE46;1×170kg</t>
  </si>
  <si>
    <t>【长城】电商冷冻机油\L-DRA 68;1×170kg</t>
  </si>
  <si>
    <t>【长城】电商柴油机油\尊龙 T500E CI-4+ 15W-40;1×170kg</t>
  </si>
  <si>
    <t>【长城】电商液力传动油\ATF-ⅢH 自动传动液;12×900g</t>
  </si>
  <si>
    <t>【长城】电商真空泵油\1#;1×170kg</t>
  </si>
  <si>
    <t>【长城】电商真空泵油\100#;1×170kg</t>
  </si>
  <si>
    <t>【长城】电商制动液\安诺 DOT3;12×800g</t>
  </si>
  <si>
    <t>【长城】电商轴承油\L-FD 10#;1×165kg</t>
  </si>
  <si>
    <t>【长城】电商抗磨液压油\卓力 L-HM 46 NAS7;1×170kg</t>
  </si>
  <si>
    <t>【长城】电商工业齿轮油\得威 AP-S 680;1×170kg</t>
  </si>
  <si>
    <t>【长城】电商重车自动传动液\TO-4 10W;1×170kg</t>
  </si>
  <si>
    <t>【长城】电商工业齿轮油\得威 L-CKD 220;1×170kg</t>
  </si>
  <si>
    <t>【长城】电商车辆齿轮油\90 GL-5;1×170kg</t>
  </si>
  <si>
    <t>【长城】电商抗磨液压油\普力 L-HM 46;1×170kg</t>
  </si>
  <si>
    <t>【长城】电商汽油机油\金吉星 SJ 10W-40;1×170kg</t>
  </si>
  <si>
    <t>【长城】电商工业齿轮油\得威 L-CKE/P320;1×170kg</t>
  </si>
  <si>
    <t>【长城】电商空压机油\迅能\L-DAH 32; 1×170kg</t>
  </si>
  <si>
    <t>【长城】电商空压机油\迅能\L-DAH 46; 1×170kg</t>
  </si>
  <si>
    <t>【长城】电商全合成汽油机油\KA专享SN/GF-5 5W-30;6×3.5kg</t>
  </si>
  <si>
    <t>【长城】电商合成压缩机油\4506 46#; 1×170kg</t>
  </si>
  <si>
    <t>【长城】电商船用油\船用中速 4030;1×170kg</t>
  </si>
  <si>
    <t>【长城】电商船用油\船用中速 4040;1×170kg</t>
  </si>
  <si>
    <t>【长城】电商船用油\船用中速 3030;1×170kg</t>
  </si>
  <si>
    <t>【长城】电商柴油机油\尊龙 T500E CI-4+ 15W-40;1×850kg</t>
  </si>
  <si>
    <t>【长城】电商抗磨液压油\卓力 AE 68 (高清);1×170kg</t>
  </si>
  <si>
    <t>【长城】电商抗磨液压油\卓力 AE 46 (高清);1×170kg</t>
  </si>
  <si>
    <t>【长城】电商抗磨液压油\卓力 AE 32 (高清);1×165kg</t>
  </si>
  <si>
    <t>【长城】电商合成压缩机油\4524 68#;1×16kg</t>
  </si>
  <si>
    <t>【长城】电商合成压缩机油\4502 46#;1×16kg</t>
  </si>
  <si>
    <t>【长城】电商合成压缩机油\4524 32#;1×16kg</t>
  </si>
  <si>
    <t>【长城】电商合成压缩机油\4502 100#;1×16kg</t>
  </si>
  <si>
    <t>【长城】电商船用油\船用系统油 3005;1×895kg</t>
  </si>
  <si>
    <t>【长城】电商船用油\船用系统油 3005;1×170kg</t>
  </si>
  <si>
    <t>【长城】电商船用油\船用系统油 4008;1×170kg</t>
  </si>
  <si>
    <t>【长城】电商船用油\船用气缸油 5040;1×170kg</t>
  </si>
  <si>
    <t>【长城】电商船用油\船用气缸油 5070S;1×935kg</t>
  </si>
  <si>
    <t>【长城】电商船用油\船用气缸油 5040;1×915kg</t>
  </si>
  <si>
    <t>【长城】电商船用油\船用系统油 4008;1×895kg</t>
  </si>
  <si>
    <t>【长城】电商合成硅油\TF;6×3.5kg</t>
  </si>
  <si>
    <t>【长城】电商船用油\船用气缸油 5070S;1×188kg</t>
  </si>
  <si>
    <t>【长城】电商铁路专用润滑脂\机车车辆制动缸89D润滑脂;1×17kg</t>
  </si>
  <si>
    <t>【长城】电商铁路专用润滑脂\GP-9硅脂;12×0.8kg</t>
  </si>
  <si>
    <t>【长城】电商极压锂基润滑脂\尚博 3#;1×17kg</t>
  </si>
  <si>
    <t>【长城】电商铁路专用润滑脂\89M毛毡浸润脂;1×17kg</t>
  </si>
  <si>
    <t>【长城】电商铁路专用润滑脂\机车牵引电机轴承脂;1×17kg</t>
  </si>
  <si>
    <t>【长城】电商铁路专用润滑脂\PR-1车轴颈卸荷槽防锈脂;1×17kg</t>
  </si>
  <si>
    <t>【长城】电商铁路专用润滑脂\铁路机车轮对滚动轴承润滑脂;1×17kg</t>
  </si>
  <si>
    <t>【长城】电商铁道专用润滑脂\车辆滚动轴承Ⅳ型;1×17kg</t>
  </si>
  <si>
    <t>【长城】电商铁路专用润滑脂\车辆心盘TXP-1;1×17kg</t>
  </si>
  <si>
    <t>【长城】电商高真空硅脂\7501;12×1kg</t>
  </si>
  <si>
    <t>【长城】电商二硫化钼锂基润滑脂\尚博 2#;1×17kg</t>
  </si>
  <si>
    <t>【长城】电商低温轴承润滑脂\BLM-A 0#;1×15kg</t>
  </si>
  <si>
    <t>【长城】电商极压锂基润滑脂\尚博 00#;1×15kg</t>
  </si>
  <si>
    <t>【长城】电商耐高温润滑脂\骏博 HP-R;1×15kg</t>
  </si>
  <si>
    <t>【长城】电商极压锂基润滑脂\9301EP 1#;1×17kg</t>
  </si>
  <si>
    <t>【长城】电商锂基润滑脂\骏博 MP-3;12×0.8kg</t>
  </si>
  <si>
    <t>【长城】电商二硫化钼锂基润滑脂\尚博 2#;1×175kg</t>
  </si>
  <si>
    <t>【长城】电商极压锂基润滑脂\尚博 3#;1×175kg</t>
  </si>
  <si>
    <t>【长城】电商极压锂基润滑脂\9301EP 2#;1×180kg</t>
  </si>
  <si>
    <t>【长城】电商专用密封润滑脂\7013;40×0.25kg</t>
  </si>
  <si>
    <t>【长城】电商复合锂基润滑脂\2#;1×17kg</t>
  </si>
  <si>
    <t>【长城】电商抗化学润滑脂\FLZ-1;1×1kg</t>
  </si>
  <si>
    <t>【长城】电商极压复合锂基润滑脂\3#;1×17kg</t>
  </si>
  <si>
    <t>【长城】电商液压(密封)润滑脂\7903-2;12×1kg</t>
  </si>
  <si>
    <t>【长城】电商通用锂基润滑脂\尚博 2#;1×17kg</t>
  </si>
  <si>
    <t>【长城】电商通用锂基润滑脂\尚博 3#;1×17kg</t>
  </si>
  <si>
    <t>【长城】电商通用锂基润滑脂\尚博 3#;12×0.8kg</t>
  </si>
  <si>
    <t>【长城】电商高温密封脂\LW-1000;12×1kg</t>
  </si>
  <si>
    <t>【长城】电商高温润滑脂\7014-1;12×1kg</t>
  </si>
  <si>
    <t>【长城】电商高温润滑脂\7017-1;12×1kg</t>
  </si>
  <si>
    <t>【长城】电商高温润滑脂\7025;12×1kg</t>
  </si>
  <si>
    <t>【长城】电商通用锂基润滑脂\尚博 3#;4×5kg</t>
  </si>
  <si>
    <t>【长城】电商复合锂基润滑脂\7022 2#;12×1kg</t>
  </si>
  <si>
    <t>【长城】电商高温润滑脂\7008;12×1kg</t>
  </si>
  <si>
    <t>【长城】电商高温润滑脂\7014-1;1×17kg</t>
  </si>
  <si>
    <t>【长城】电商开式齿轮润滑脂\GRK-A;1×180kg</t>
  </si>
  <si>
    <t>【长城】电商开式齿轮润滑脂\GRK-B;1×180kg</t>
  </si>
  <si>
    <t>【长城】电商极压复合锂基润滑脂\BLC-A 0#;1×180kg</t>
  </si>
  <si>
    <t>【长城】电商极压复合锂基润滑脂\BLC-A 0#;1×17kg</t>
  </si>
  <si>
    <t>【长城】电商轮轨润滑脂\北方脂 新型JH-1;12×1kg</t>
  </si>
  <si>
    <t>【长城】电商极压锂基润滑脂\尚博 1#;1×17kg</t>
  </si>
  <si>
    <t>【长城】电商开式齿轮润滑脂\GRK-B;1×17kg</t>
  </si>
  <si>
    <t>【长城】电商开式齿轮润滑脂\GRK-A;1×17kg</t>
  </si>
  <si>
    <t>【长城】电商极压复合锂基润滑脂\BLC-A 2#;1×17kg</t>
  </si>
  <si>
    <t>【长城】电商极压锂基润滑脂\9301EP 2#;1×17kg</t>
  </si>
  <si>
    <t>【长城】电商极压锂基润滑脂\9301EP 0#;1×17kg</t>
  </si>
  <si>
    <t>【长城】电商极压锂基润滑脂\尚博 2#;1×17kg</t>
  </si>
  <si>
    <t>【长城】电商极压锂基润滑脂\9301EP 1#;1×180kg</t>
  </si>
  <si>
    <t>【长城】电商极压锂基润滑脂\9301EP 0#;1×180kg</t>
  </si>
  <si>
    <t>【长城】电商极压复合锂基润滑脂\BLC-A 1#;1×180kg</t>
  </si>
  <si>
    <t>【长城】电商极压复合锂基润滑脂\BLC-A 2#;1×180kg</t>
  </si>
  <si>
    <t>【长城】电商二硫化钼锂基润滑脂\尚博 0#;1×175kg</t>
  </si>
  <si>
    <t>【长城】电商二硫化钼锂基润滑脂\尚博 0#;1×17kg</t>
  </si>
  <si>
    <t>【长城】电商二硫化钼锂基润滑脂\尚博 1#;1×175kg</t>
  </si>
  <si>
    <t>【长城】电商二硫化钼锂基润滑脂\尚博 1#;1×17kg</t>
  </si>
  <si>
    <t>【长城】电商二硫化钼锂基润滑脂\尚博 3#;1×175kg</t>
  </si>
  <si>
    <t>【长城】电商复合锂基润滑脂\3#;1×17kg</t>
  </si>
  <si>
    <t>【长城】电商高温高速润滑脂\HTHS 2#;1×17kg</t>
  </si>
  <si>
    <t>【长城】电商高温润滑脂\7602;12×0.7kg</t>
  </si>
  <si>
    <t>【长城】电商极压复合锂基润滑脂\2#;1×17kg</t>
  </si>
  <si>
    <t>【长城】电商极压复合锂基润滑脂\BLC-A 1#;1×17kg</t>
  </si>
  <si>
    <t>【长城】电商极压锂基润滑脂\尚博 0#;1×175kg</t>
  </si>
  <si>
    <t>【长城】电商极压锂基润滑脂\尚博 0#;1×17kg</t>
  </si>
  <si>
    <t>【长城】电商极压锂基润滑脂\尚博 1#;1×175kg</t>
  </si>
  <si>
    <t>【长城】电商极压锂基润滑脂\尚博 2#;1×175kg</t>
  </si>
  <si>
    <t>【长城】电商通用锂基润滑脂\尚博 0#;1×175kg</t>
  </si>
  <si>
    <t>【长城】电商通用锂基润滑脂\尚博 0#;1×17kg</t>
  </si>
  <si>
    <t>【长城】电商通用锂基润滑脂\尚博 1#;1×17kg</t>
  </si>
  <si>
    <t>【长城】电商通用锂基润滑脂\尚博 1#;1×175kg</t>
  </si>
  <si>
    <t>【长城】电商通用锂基润滑脂\尚博 2#;1×175kg</t>
  </si>
  <si>
    <t>【长城】电商极压锂基润滑脂\尚博 000#;1×15kg</t>
  </si>
  <si>
    <t>【长城】电商特种白色脂\2T;12×0.8kg</t>
  </si>
  <si>
    <t>【长城】电商高低温润滑脂\7015;40×0.25kg</t>
  </si>
  <si>
    <t>【长城】电商低温航空润滑脂\7023(A级);15×0.8kg</t>
  </si>
  <si>
    <t>【长城】电商低温润滑脂\BLM-A 1#;1×15kg</t>
  </si>
  <si>
    <t>【长城】电商高温润滑脂\7019-1 2#;12×1kg</t>
  </si>
  <si>
    <t>【长城】电商仪表润滑脂\特3号;40×0.25kg</t>
  </si>
  <si>
    <t>【长城】电商二硫化钼锂基润滑脂\尚博 3#;1×15kg</t>
  </si>
  <si>
    <t>【长城】电商通用锂基润滑脂\尚博 3#;1×15kg</t>
  </si>
  <si>
    <t>【长城】电商复合锂基润滑脂\BLC-K 0#;1×180kg</t>
  </si>
  <si>
    <t>【长城】电商复合锂基润滑脂\BLC-K 1#;1×180kg</t>
  </si>
  <si>
    <t>【长城】电商铁路专用润滑脂\闸瓦间隙自动调整器润滑脂 12×0.8kg</t>
  </si>
  <si>
    <t>【长城】电商复合锂基润滑脂\BLC-K 2#;1×180kg</t>
  </si>
  <si>
    <t>【长城】电商铁道专用润滑脂\车辆滚动轴承Ⅳ型;1×175kg</t>
  </si>
  <si>
    <t>【长城】电商通用锂钙基润滑脂\尚博 CMA 3#;4×5kg</t>
  </si>
  <si>
    <t>【长城】电商开式齿轮润滑脂\GRK-B(ZN);1×180kg</t>
  </si>
  <si>
    <t>【长城】电商开式齿轮润滑脂\GRK-A(ZN);1×180kg</t>
  </si>
  <si>
    <t>【长城】电商磺酸钙基润滑脂\2#;1×17kg</t>
  </si>
  <si>
    <t>【长城】电商复合锂基润滑脂\BLC-K T1#;1×180kg</t>
  </si>
  <si>
    <t>【长城】乳化油\HFAE40-5液压支架用\1×170kg</t>
  </si>
  <si>
    <t>【长城】乳化油\HFAE15-4液压支架用\1×170kg</t>
  </si>
  <si>
    <t>【长城】乳化油\HFAE10-4液压支架用\1×170kg</t>
  </si>
  <si>
    <t>【长城】防冻液\FD-1型重负荷发动机冷却液 1×18kg\-25℃</t>
  </si>
  <si>
    <t>【长城】防冻液\FD-2型重负荷发动机冷却液 1×9kg\-35℃</t>
  </si>
  <si>
    <t>【长城】防冻液\YF-2A型重负荷发动机冷却液 1×200kg\-45℃</t>
  </si>
  <si>
    <t>【长城】防冻液\YF-3型重负荷发动机冷却液 1×200kg\-50℃</t>
  </si>
  <si>
    <t>【长城】防冻液\FD-1型重负荷发动机冷却液 1×200kg\-25℃</t>
  </si>
  <si>
    <t>【长城】防冻液\FD-2型重负荷发动机冷却液 1×200kg\-35℃</t>
  </si>
  <si>
    <t>【长城】防冻液\FD-2B型重负荷发动机冷却液 1×200kg\-40℃</t>
  </si>
  <si>
    <t>【长城】防冻液\FD-2A型重负荷发动机冷却液 1×200kg\-45℃</t>
  </si>
  <si>
    <t>【长城】电商润滑脂\7008 通用航空润滑脂;12×1kg</t>
  </si>
  <si>
    <t>【长城】电商齿轮油\320风力发电设备传动系统专用油(合成型);1×170kg</t>
  </si>
  <si>
    <t>GNWZBP(TH)ZYCG2020-194-17</t>
  </si>
  <si>
    <t>长城润滑油电力专区经营主体铺货长协（遵化市润滑油销售）</t>
  </si>
  <si>
    <t>遵化市润滑油销售有限公司</t>
  </si>
  <si>
    <t>GNWZBP(TH)ZYCG2020-194-16</t>
  </si>
  <si>
    <t>长城润滑油电力专区经营主体铺货长协（新疆青松）</t>
  </si>
  <si>
    <t>GNWZBP(TH)ZYCG2020-194-15</t>
  </si>
  <si>
    <t>长城润滑油电力专区经营主体铺货长协（武汉尊龙）</t>
  </si>
  <si>
    <t>武汉尊龙润滑油有限公司</t>
  </si>
  <si>
    <t>GNWZBP(TH)ZYCG2020-194-14</t>
  </si>
  <si>
    <t>长城润滑油电力专区经营主体铺货长协（四川鹏程瑞达）</t>
  </si>
  <si>
    <t>四川鹏程瑞达科技有限公司</t>
  </si>
  <si>
    <t>GNWZBP(TH)ZYCG2020-194-13</t>
  </si>
  <si>
    <t>长城润滑油电力专区经营主体铺货长协（秦皇岛海跃）</t>
  </si>
  <si>
    <t>秦皇岛海跃船舶供应有限公司</t>
  </si>
  <si>
    <t>GNWZBP(TH)ZYCG2020-194-12</t>
  </si>
  <si>
    <t>长城润滑油电力专区经营主体铺货长协（宁夏泰润达）</t>
  </si>
  <si>
    <t>宁夏泰润达机械设备发展有限公司</t>
  </si>
  <si>
    <t>GNWZBP(TH)ZYCG2020-194-11</t>
  </si>
  <si>
    <t>长城润滑油电力专区经营主体铺货长协（内蒙古中油国鑫）</t>
  </si>
  <si>
    <t>内蒙古中油国鑫石油化工有限公司</t>
  </si>
  <si>
    <t>GNWZBP(TH)ZYCG2020-194-10</t>
  </si>
  <si>
    <t>长城润滑油电力专区经营主体铺货长协（内蒙古中瑞中拓）</t>
  </si>
  <si>
    <t>内蒙古中瑞中拓物资发展有限公司</t>
  </si>
  <si>
    <t>GNWZBP(TH)ZYCG2020-194-09</t>
  </si>
  <si>
    <t>长城润滑油电力专区经营主体铺货长协（内蒙古泰格曼）</t>
  </si>
  <si>
    <t>内蒙古泰格曼机电设备有限公司</t>
  </si>
  <si>
    <t>GNWZBP(TH)ZYCG2020-194-08</t>
  </si>
  <si>
    <t>长城润滑油电力专区经营主体铺货长协（河南天拓）</t>
  </si>
  <si>
    <t>河南天拓化工有限公司</t>
  </si>
  <si>
    <t>GNWZBP(TH)ZYCG2020-194-07</t>
  </si>
  <si>
    <t>长城润滑油电力专区经营主体铺货长协（哈尔滨市鸿雄）</t>
  </si>
  <si>
    <t>哈尔滨市鸿雄科技发展有限公司</t>
  </si>
  <si>
    <t>GNWZBP(TH)ZYCG2020-194-06</t>
  </si>
  <si>
    <t>长城润滑油电力专区经营主体铺货长协（广州市三能）</t>
  </si>
  <si>
    <t>广州市三能贸易有限公司</t>
  </si>
  <si>
    <t>GNWZBP(TH)ZYCG2020-194-05</t>
  </si>
  <si>
    <t>长城润滑油电力专区经营主体铺货长协（鄂尔多斯泰新）</t>
  </si>
  <si>
    <t>GNWZBP(TH)ZYCG2020-194-04</t>
  </si>
  <si>
    <t>长城润滑油电力专区经营主体铺货长协（北京钟云）</t>
  </si>
  <si>
    <t>北京钟云科技有限公司</t>
  </si>
  <si>
    <t>GNWZBP(TH)ZYCG2020-194-03</t>
  </si>
  <si>
    <t>长城润滑油电力专区经营主体铺货长协（北京真浔）</t>
  </si>
  <si>
    <t>北京真浔创新科技有限公司</t>
  </si>
  <si>
    <t>GNWZBP(TH)ZYCG2020-194-02</t>
  </si>
  <si>
    <t>长城润滑油电力专区经营主体铺货长协（北京天一盛达）</t>
  </si>
  <si>
    <t>北京天一盛达科技有限公司</t>
  </si>
  <si>
    <t>【南京宇光特种电器厂】高能点火器\GD20-7\锅炉燃烧管理系统\BMS\南京宇光\国产</t>
  </si>
  <si>
    <t>GNWZBP(TH)ZYCG2020-280</t>
  </si>
  <si>
    <t>南京宇光火检备件商城铺货长协采购框架协议</t>
  </si>
  <si>
    <t>【南京宇光特种电器厂】一期打火杆\DG16-1\锅炉燃烧管理系统\BMS\南京宇光\国产</t>
  </si>
  <si>
    <t>【南京宇光特种电器厂】二期打火杆\DG18-4100/BD18-100\锅炉燃烧管理系统\BMS\南京宇光\国产</t>
  </si>
  <si>
    <t>【南京宇光特种电器厂】微油点火杆\DG18-1W\锅炉燃烧管理系统\BMS\南京宇光\国产</t>
  </si>
  <si>
    <t>【南京宇光特种电器厂】高能点火杆\YKG18-2050\锅炉燃烧管理系统\BMS\国产</t>
  </si>
  <si>
    <t>【南京宇光特种电器厂】富氧点火杆\DG18-1/3950\锅炉燃烧管理系统\BMS\南京宇光\国产</t>
  </si>
  <si>
    <t>【南京宇光特种电器厂】专用电缆\DL-5\锅炉燃烧管理系统\BMS\南京宇光\国产</t>
  </si>
  <si>
    <t>【南京宇光特种电器厂】火检光纤耐磨内套管\YK-NGQ-3410L\火焰监视系统\GLHJXT\南京宇光\国产</t>
  </si>
  <si>
    <t>【南京宇光特种电器厂】火检光纤耐磨外套管\YK-WG-3205L\火焰监视系统\GLHJXT\南京宇光\国产</t>
  </si>
  <si>
    <t>【南京宇光特种电器厂】富氧红外线火检探头\FD-I\火焰监视系统\GLHJXT\南京宇光\国产</t>
  </si>
  <si>
    <t>【南京宇光特种电器厂】火检外套管耐磨固定套\YK-GD\火焰监视系统\GLHJXT\南京宇光\国产</t>
  </si>
  <si>
    <t>【南京宇光特种电器厂】火检外套管护套支架\YK-ZJ-5\火焰监视系统\GLHJXT\南京宇光\国产</t>
  </si>
  <si>
    <t>【南京宇光特种电器厂】火检光纤\YK-JL2.5-31410L\火焰监视系统\GLHJXT\南京宇光\国产</t>
  </si>
  <si>
    <t>【南京宇光特种电器厂】火检放大器\FDM-A\锅炉燃烧管理系统\BMS\国产</t>
  </si>
  <si>
    <t>【南京宇光特种电器厂】可见光火检探头\LHJTK-1\火焰监视系统\GLHJXT\南京宇光\国产</t>
  </si>
  <si>
    <t>【南京宇光特种电器厂】油枪头组件\YQ-1\雾化油枪\HBS-SZS-01</t>
  </si>
  <si>
    <t>【南京宇光特种电器厂】油枪\YQ-IR-600/4920\雾化油枪\HBS-SZS-01</t>
  </si>
  <si>
    <t>【南京宇光特种电器厂】油枪气动吹扫阀\YK79-10\雾化油枪\HBS-SZS-01</t>
  </si>
  <si>
    <t>【南京宇光特种电器厂】行程开关\CX-B1-100L\国产</t>
  </si>
  <si>
    <t>【南京宇光特种电器厂】无源核子料位计\YG-EL-SDP-B24VDC\0-30000mm\4-20mA\IP67</t>
  </si>
  <si>
    <t>【南京宇光特种电器厂】声波传感器\DZXL-IIIA\炉管泄漏控制系统\DZXL-IIIA\南京宇光\国产</t>
  </si>
  <si>
    <t>【南京宇光特种电器厂】火焰电视探头总成\EFFD-1\火焰电视监视装置\MYGSK-J\南京宇光\国产</t>
  </si>
  <si>
    <t>【南京宇光特种电器厂】内窥式耐高温探头\EFFD-ZC\火焰电视监视装置\MYGSK-J\南京宇光\国产</t>
  </si>
  <si>
    <t>【南京宇光特种电器厂】图像火检检测仪\DTJJG\火焰监视系统\GLHJXT\南京宇光\国产</t>
  </si>
  <si>
    <t>【南京宇光特种电器厂】小油枪成像高温内套管\YK-TGN-3\火焰监视系统\GLHJXT\南京宇光\国产</t>
  </si>
  <si>
    <t>【南京宇光特种电器厂】小油枪成像高温外套管\YK-TGW-4\火焰监视系统\GLHJXT\南京宇光\国产</t>
  </si>
  <si>
    <t>【南京宇光特种电器厂】小油枪成像高温图像导线\YK-DL2\火焰监视系统\GLHJXT\南京宇光\国产</t>
  </si>
  <si>
    <t>【南京宇光特种电器厂】火检探头\YK-TTJ3048L\火焰监视系统\GLHJXT\南京宇光\国产</t>
  </si>
  <si>
    <t>【南京宇光特种电器厂】富氧红外线火检探头\FD-B\火焰监视系统\GLHJXT\南京宇光\国产</t>
  </si>
  <si>
    <t>【南京宇光特种电器厂】火检光纤\YGL3-3500\火焰监视系统\GLHJXT\南京宇光\国产</t>
  </si>
  <si>
    <t>【南京宇光特种电器厂】锅炉打火装置连接电缆\DL-JD\锅炉燃烧管理系统\BMS\南京宇光\国产</t>
  </si>
  <si>
    <t>【南京宇光特种电器厂】锅炉点火引弧控制器\YQ-20L\锅炉燃烧管理系统\BMS\南京宇光\国产</t>
  </si>
  <si>
    <t>【南京宇光特种电器厂】打火杆头\SPGB/SOCC005-X/0178\锅炉燃烧管理系统\BMS\南京宇光\国产</t>
  </si>
  <si>
    <t>【南京宇光特种电器厂】高能点火装置\GD20-7H\锅炉燃烧管理系统\BMS\南京宇光\国产</t>
  </si>
  <si>
    <t>【南京宇光特种电器厂】油煤火检放大器智能单元\YGFD\火焰监视系统\GLHJXT\南京宇光\国产</t>
  </si>
  <si>
    <t>【南京宇光特种电器厂】图像火检电缆\YG-DTJ-DL\火焰监视系统\GLHJXT\南京宇光\国产</t>
  </si>
  <si>
    <t>【南京宇光特种电器厂】气泡雾化微爆油枪\YG-KWG\雾化油枪\HBS-SZS-01</t>
  </si>
  <si>
    <t>【南京宇光特种电器厂】高能回报点火器\GD20-3H\锅炉燃烧管理系统\BMS\南京宇光\国产</t>
  </si>
  <si>
    <t>【南京宇光特种电器厂】高能回报点火器\GD20-3HL\锅炉燃烧管理系统\BMS\南京宇光\国产</t>
  </si>
  <si>
    <t>【南京宇光特种电器厂】高能点火器\GNDH20\锅炉燃烧管理系统\BMS\南京宇光\国产</t>
  </si>
  <si>
    <t>【南京宇光特种电器厂】高压传输电缆\DL-2/6m\锅炉燃烧管理系统\BMS\南京宇光\国产</t>
  </si>
  <si>
    <t>【南京宇光特种电器厂】小油枪点火枪\DGR18-1W/1700\锅炉燃烧管理系统\BMS\南京宇光\国产</t>
  </si>
  <si>
    <t>【南京宇光特种电器厂】火检光纤\YGL25-24/8\炉膛安全监测系统\SF810\国产</t>
  </si>
  <si>
    <t>【南京宇光特种电器厂】火检外套管\SF810-0GP-2400-N\火焰监视系统\GLHJXT\南京宇光\国产</t>
  </si>
  <si>
    <t>【南京宇光特种电器厂】火检内护套管\DT-DN-760\火焰监视系统\GLHJXT\南京宇光\国产</t>
  </si>
  <si>
    <t>【南京宇光特种电器厂】气缸\QGBII-R40*400\锅炉燃烧管理系统\BMS\南京宇光\国产</t>
  </si>
  <si>
    <t>【南京宇光特种电器厂】无源核子料位计\YG-T-EOO-A\0-6000mm\4-20mA</t>
  </si>
  <si>
    <t>【南京宇光特种电器厂】火检光纤组件\IDD-IIU\火焰监视系统\GLHJXT\南京宇光\国产</t>
  </si>
  <si>
    <t>【南京宇光特种电器厂】光导头组件\M-06116\火焰监视系统\GLHJXT\南京宇光\国产</t>
  </si>
  <si>
    <t>【南京宇光特种电器厂】火检光纤\GL-400\火焰监视系统\GLHJXT\南京宇光\国产</t>
  </si>
  <si>
    <t>【南京宇光特种电器厂】冷却风接头\DT-WH-LF68\火焰监视系统\GLHJXT\南京宇光\国产</t>
  </si>
  <si>
    <t>【南京宇光特种电器厂】位置检测仪\CX-B1-100\国产</t>
  </si>
  <si>
    <t>【南京宇光特种电器厂】火检探头\UR600-1000IR\火焰监视系统\GLHJXT\南京宇光\国产</t>
  </si>
  <si>
    <t>【南京宇光特种电器厂】高能电嘴\YG-BD16-1\锅炉燃烧管理系统\BMS\南京宇光\国产</t>
  </si>
  <si>
    <t>【南京宇光特种电器厂】半导体高能电嘴\YG-BD18-1\锅炉燃烧管理系统\BMS\南京宇光\国产</t>
  </si>
  <si>
    <t>【南京宇光特种电器厂】就地点火控制柜\GK-3D\锅炉燃烧管理系统\BMS\南京宇光\国产</t>
  </si>
  <si>
    <t>【南京宇光特种电器厂】气动推进装置\QT300-1F\锅炉燃烧管理系统\BMS\南京宇光\国产</t>
  </si>
  <si>
    <t>【南京宇光特种电器厂】电动推进装置\DT300-1F\锅炉燃烧管理系统\BMS\南京宇光\国产</t>
  </si>
  <si>
    <t>【南京宇光特种电器厂】气动球阀\YQF\雾化油枪\HBS-SZS-01</t>
  </si>
  <si>
    <t>【南京宇光特种电器厂】电动球阀\YDF\雾化油枪\HBS-SZS-01</t>
  </si>
  <si>
    <t>【南京宇光特种电器厂】机械雾化油枪\YGYQ-1\雾化油枪\HBS-SZS-01</t>
  </si>
  <si>
    <t>【南京宇光特种电器厂】机械雾化油枪雾化头\YGYQ-1-1\雾化油枪\HBS-SZS-01</t>
  </si>
  <si>
    <t>【南京宇光特种电器厂】机械雾化油枪雾化片\YGYQ-1-2\雾化油枪\HBS-SZS-01</t>
  </si>
  <si>
    <t>【南京宇光特种电器厂】气泡雾化油枪\YGYQ-2\雾化油枪\HBS-SZS-01</t>
  </si>
  <si>
    <t>【南京宇光特种电器厂】气泡雾化油枪雾化头\YGYQ-2-1\雾化油枪\HBS-SZS-01</t>
  </si>
  <si>
    <t>【南京宇光特种电器厂】气泡雾化油枪雾化片\YGYQ-2-2\雾化油枪\HBS-SZS-01</t>
  </si>
  <si>
    <t>【南京宇光特种电器厂】蒸汽雾化油枪\YGYQ-3\雾化油枪\HBS-SZS-01</t>
  </si>
  <si>
    <t>【南京宇光特种电器厂】蒸汽雾化油枪雾化头\YGYQ-3-1\雾化油枪\HBS-SZS-01</t>
  </si>
  <si>
    <t>【南京宇光特种电器厂】蒸汽雾化油枪雾化片\YGYQ-3-2\雾化油枪\HBS-SZS-01</t>
  </si>
  <si>
    <t>【南京宇光特种电器厂】电气控制箱\EFFD-DK\火焰电视监视装置\MYGSK-J\南京宇光特种电器厂\国产</t>
  </si>
  <si>
    <t>【南京宇光特种电器厂】气源控制柜\EFFD-1/QK\火焰监视系统\GLHJXT\南京宇光\国产</t>
  </si>
  <si>
    <t>【南京宇光特种电器厂】火焰电视除渣装置\EFFD-1/CZ\火焰监视系统\GLHJXT\南京宇光\国产</t>
  </si>
  <si>
    <t>【南京宇光特种电器厂】火焰电视推进器\EFFD-1/TJ\火焰监视系统\GLHJXT\南京宇光\国产</t>
  </si>
  <si>
    <t>【杭钻】连杆十字头销轴\P3G-1\柱塞泵\PZNB115/4\国产</t>
  </si>
  <si>
    <t>浙江杭钻机械制造股份有限公司</t>
  </si>
  <si>
    <t>杭钻</t>
  </si>
  <si>
    <t>GNWZBP(TH)ZYCG2020-282</t>
  </si>
  <si>
    <t>浙江杭钻柱塞泵备件商城铺货长协采购框架协议</t>
  </si>
  <si>
    <t>【杭钻】填料盒组件\P3.7b\柱塞泵\PZNB115/4\国产</t>
  </si>
  <si>
    <t>【杭钻】柱塞\P3.7.1b\柱塞泵\PZNB115/4\国产</t>
  </si>
  <si>
    <t>【杭钻】挺杆\P3-1\柱塞泵\PZNB115/4\国产</t>
  </si>
  <si>
    <t>【杭钻】L型阀箱\P3G.8-1\柱塞泵\PZNB115/4\国产</t>
  </si>
  <si>
    <t>【杭钻】防爆片夹板\LJA50\柱塞泵\PZNB115/4\国产</t>
  </si>
  <si>
    <t>【杭钻】油封压盖\P3-3a\柱塞泵\PZNB115/4\国产</t>
  </si>
  <si>
    <t>【杭钻】出口管组件\P3C.10\柱塞泵\PZNB115/4\国产</t>
  </si>
  <si>
    <t>【杭钻】左旋齿轮\P2.3-5\柱塞泵\PZNB115/4\国产</t>
  </si>
  <si>
    <t>【杭钻】右旋齿轮\P2.3-6\柱塞泵\PZNB115/4\国产</t>
  </si>
  <si>
    <t>【杭钻】传动左大齿轮\P2.3-22\柱塞泵\PZNB115/4\国产</t>
  </si>
  <si>
    <t>【杭钻】传动右大齿轮\P2.3-23\柱塞泵\PZNB115/4\国产</t>
  </si>
  <si>
    <t>【杭钻】轴承套\P2.3-16\柱塞泵\PZNB115/4\国产</t>
  </si>
  <si>
    <t>【杭钻】V型密封圈\P3.7-5\柱塞泵\PZNB-115/4\国产</t>
  </si>
  <si>
    <t>【杭钻】挡污环\P3-5\柱塞泵\PZNB115/4\国产</t>
  </si>
  <si>
    <t>【杭钻】阀杆导向套\P3B.8-4\柱塞泵\PZNB115/4\国产</t>
  </si>
  <si>
    <t>【杭钻】出口阀簧\P1.8A-13\柱塞泵\PZNB115/4\国产</t>
  </si>
  <si>
    <t>【杭钻】单向阀\4 P3.6.1\柱塞泵\PZNB115/4\国产</t>
  </si>
  <si>
    <t>【杭钻】连杆卡子\B81.5\高压柱塞泵\SGBS7-6\国产</t>
  </si>
  <si>
    <t>【杭钻】压环\B82A.5-5\高压柱塞泵\SGBS7-6\国产</t>
  </si>
  <si>
    <t>【杭钻】中间支撑环\B82A.5-8\高压柱塞泵\SGBS7-6\国产</t>
  </si>
  <si>
    <t>【杭钻】支撑环\B82A.5-6\高压柱塞泵\SGBS7-6\国产</t>
  </si>
  <si>
    <t>【杭钻】销轴\B81-31\高压柱塞泵\SGBS7-6\国产</t>
  </si>
  <si>
    <t>【杭钻】轴衬\B81.32\高压柱塞泵\SGBS7-6\国产</t>
  </si>
  <si>
    <t>【杭钻】填料盒\B82A.5\高压柱塞泵\SGBS7-6\国产</t>
  </si>
  <si>
    <t>【杭钻】高速轴组合\B81-13\高压柱塞泵\SGBS7-6\国产</t>
  </si>
  <si>
    <t>【杭钻】柱塞\B81-6\高压柱塞泵\SGBS7-6\国产</t>
  </si>
  <si>
    <t>【杭钻】轴承套\B81-27\高压柱塞泵\SGBS7-6\国产</t>
  </si>
  <si>
    <t>【东方汽轮机】双头螺栓\D00.010.105 M36×3×130 25CrMoVA\东汽\国产</t>
  </si>
  <si>
    <t>【东方汽轮机】汽封片\D600D-099600A005\东汽\国产</t>
  </si>
  <si>
    <t>【东方汽轮机】汽封片\D600D-099600A004\东汽\国产</t>
  </si>
  <si>
    <t>【东方汽轮机】汽封片\M038-103100A004\东汽\国产</t>
  </si>
  <si>
    <t>【东方汽轮机】汽封片\D600B-106100C001\东汽\国产</t>
  </si>
  <si>
    <t>【东方汽轮机】汽封片\D600B-105100C001\东汽\国产</t>
  </si>
  <si>
    <t>【东方汽轮机】汽封片\D600B-104100C001\东汽\国产</t>
  </si>
  <si>
    <t>【东方汽轮机】汽封片\D600B-103100C002\东汽\国产</t>
  </si>
  <si>
    <t>【东方汽轮机】汽封片\D600B-103100C001\东汽\国产</t>
  </si>
  <si>
    <t>【东方汽轮机】汽封片\D600B-106100C002\东汽\国产</t>
  </si>
  <si>
    <t>【东方汽轮机】汽封片\M038-112100A004\东汽\国产</t>
  </si>
  <si>
    <t>【东方汽轮机】汽封片\D600D-099600A003\东汽\国产</t>
  </si>
  <si>
    <t>【东方汽轮机】汽封片\D600B-107100C001\东汽\国产</t>
  </si>
  <si>
    <t>【东方汽轮机】汽封片\D600B-107100C002\东汽\国产</t>
  </si>
  <si>
    <t>【东方汽轮机】汽封片\D600B-108100C001\东汽\国产</t>
  </si>
  <si>
    <t>【东方汽轮机】汽封片\D600B-109100C001\东汽\国产</t>
  </si>
  <si>
    <t>【东方汽轮机】汽封片\D600B-108100C002\东汽\国产</t>
  </si>
  <si>
    <t>【东方汽轮机】汽封片\D600B-109100C002\东汽\国产</t>
  </si>
  <si>
    <t>【东方汽轮机】汽封片\D600B-109100C003\东汽\国产</t>
  </si>
  <si>
    <t>【东方汽轮机】汽封片\D600D-099600A001\东汽\国产</t>
  </si>
  <si>
    <t>【东方汽轮机】汽封片\D600B-110100C001\东汽\国产</t>
  </si>
  <si>
    <t>【东方汽轮机】汽封片\D600B-111100C001\东汽\国产</t>
  </si>
  <si>
    <t>【东方汽轮机】汽封片\D600B-111100C002\东汽\国产</t>
  </si>
  <si>
    <t>【东方汽轮机】汽封片\D600B-114100C003\东汽\国产</t>
  </si>
  <si>
    <t>【东方汽轮机】汽封片\D600B-112100C001\东汽\国产</t>
  </si>
  <si>
    <t>【东方汽轮机】汽封片\D600B-112100C002\东汽\国产</t>
  </si>
  <si>
    <t>【东方汽轮机】汽封片\D600B-113100C001\东汽\国产</t>
  </si>
  <si>
    <t>【东方汽轮机】汽封片\D600B-114100C002\东汽\国产</t>
  </si>
  <si>
    <t>【东方汽轮机】汽封片\D600B-113100C002\东汽\国产</t>
  </si>
  <si>
    <t>【东方汽轮机】汽封片\D600B-105100C002\东汽\国产</t>
  </si>
  <si>
    <t>【东方汽轮机】汽封片\D600B-104100C002\东汽\国产</t>
  </si>
  <si>
    <t>【东方汽轮机】汽封片\D600B-102100C002\东汽\国产</t>
  </si>
  <si>
    <t>【东方汽轮机】汽封片\D600B-102100C001\东汽\国产</t>
  </si>
  <si>
    <t>【东方汽轮机】汽封片\D600B-110100C002\东汽\国产</t>
  </si>
  <si>
    <t>【东方汽轮机】汽封片\D600B-114100C001\东汽\国产</t>
  </si>
  <si>
    <t>【东方汽轮机】交流润滑油泵\D660Q-690200A001\东汽\国产</t>
  </si>
  <si>
    <t>【东方汽轮机】汽封圈\D660P-170270A\东汽\国产</t>
  </si>
  <si>
    <t>【东方汽轮机】汽封圈\D660P-098312A\东汽\国产</t>
  </si>
  <si>
    <t>【东方汽轮机】汽封圈\D660P-170102A\东汽\国产</t>
  </si>
  <si>
    <t>【东方汽轮机】汽封圈\D660P-170340A\东汽\国产</t>
  </si>
  <si>
    <t>【东方汽轮机】汽封圈\D660P-098304A\东汽\国产</t>
  </si>
  <si>
    <t>【东方汽轮机】汽封圈\D660P-170210A\东汽\国产</t>
  </si>
  <si>
    <t>【东方汽轮机】汽封圈\D660P-098307A\东汽\国产</t>
  </si>
  <si>
    <t>【东方汽轮机】汽封圈\D660P-170250A\东汽\国产</t>
  </si>
  <si>
    <t>【东方汽轮机】汽封圈\D660P-098301A\东汽\国产</t>
  </si>
  <si>
    <t>【东方汽轮机】汽封圈\D660P-170220A\东汽\国产</t>
  </si>
  <si>
    <t>【东方汽轮机】汽封圈\D660P-170260A\东汽\国产</t>
  </si>
  <si>
    <t>【东方汽轮机】汽封圈\D660P-170103A\东汽\国产</t>
  </si>
  <si>
    <t>【东方汽轮机】汽封圈\D660P-098311A\东汽\国产</t>
  </si>
  <si>
    <t>【东方汽轮机】汽封圈\D660P-170330A\东汽\国产</t>
  </si>
  <si>
    <t>【东方汽轮机】汽封圈\D660P-098302A\东汽\国产</t>
  </si>
  <si>
    <t>【东方汽轮机】汽封圈\D660P-170310A\东汽\国产</t>
  </si>
  <si>
    <t>【东方汽轮机】汽封圈\D660P-170320A\东汽\国产</t>
  </si>
  <si>
    <t>【东方汽轮机】汽封圈\D660P-098102A\东汽\国产</t>
  </si>
  <si>
    <t>【东方汽轮机】汽封圈\D660P-098112A\东汽\国产</t>
  </si>
  <si>
    <t>【东方汽轮机】汽封圈\D660P-098113A\东汽\国产</t>
  </si>
  <si>
    <t>【东方汽轮机】汽封圈\D660P-098308A\东汽\国产</t>
  </si>
  <si>
    <t>【东方汽轮机】汽封圈\D660P-098309A\东汽\国产</t>
  </si>
  <si>
    <t>【东方汽轮机】汽封圈\D660P-098310A\东汽\国产</t>
  </si>
  <si>
    <t>【东方汽轮机】汽封圈\D660P-098303A\东汽\国产</t>
  </si>
  <si>
    <t>【东方汽轮机】汽封圈\D660P-098305A\东汽\国产</t>
  </si>
  <si>
    <t>【东方汽轮机】汽封圈\D660P-098108A\东汽\国产</t>
  </si>
  <si>
    <t>【东方汽轮机】汽封圈\D660P-098306A\东汽\国产</t>
  </si>
  <si>
    <t>【东方汽轮机】汽封圈\D660P-170230A\东汽\国产</t>
  </si>
  <si>
    <t>【东方汽轮机】汽封圈\D660P-170240A\东汽\国产</t>
  </si>
  <si>
    <t>【东方汽轮机】汽封圈\D660P-170109A\东汽\国产</t>
  </si>
  <si>
    <t>【东方汽轮机】汽封圈\D660P-170110A\东汽\国产</t>
  </si>
  <si>
    <t>【东方汽轮机】汽封圈\D660P-170108A\东汽\国产</t>
  </si>
  <si>
    <t>【东方汽轮机】汽封圈\D660P-170106A\东汽\国产</t>
  </si>
  <si>
    <t>【东方汽轮机】汽封圈\D660P-170104A\东汽\国产</t>
  </si>
  <si>
    <t>【东方汽轮机】汽封圈\D660P-170107A\东汽\国产</t>
  </si>
  <si>
    <t>【东方汽轮机】汽封圈\D660P-170101A\东汽\国产</t>
  </si>
  <si>
    <t>【东方汽轮机】汽封圈\D660Q-098202A\东汽\国产</t>
  </si>
  <si>
    <t>【东方汽轮机】汽封圈\D660P-098210A\东汽\国产</t>
  </si>
  <si>
    <t>【东方汽轮机】汽封圈\D660P-098202A\东汽\国产</t>
  </si>
  <si>
    <t>【东方汽轮机】汽封圈\D660Q-098204A\东汽\国产</t>
  </si>
  <si>
    <t>【东方汽轮机】汽封圈\D660Q-098203A\东汽\国产</t>
  </si>
  <si>
    <t>【东方汽轮机】汽封圈\D660P-098211A\东汽\国产</t>
  </si>
  <si>
    <t>【东方汽轮机】汽封圈\D660P-098204A\东汽\国产</t>
  </si>
  <si>
    <t>【东方汽轮机】汽封圈\D660P-098203A\东汽\国产</t>
  </si>
  <si>
    <t>【东方汽轮机】高温用双头螺柱\D660B-028000A005\东汽\国产</t>
  </si>
  <si>
    <t>【东方汽轮机】高温用开槽螺母\D660P-025000A002\东汽\国产</t>
  </si>
  <si>
    <t>【东方汽轮机】高温用双头螺柱\D660P-024000A003\东汽\国产</t>
  </si>
  <si>
    <t>【东方汽轮机】高温用开槽螺母\D660P-025000A009\东汽\国产</t>
  </si>
  <si>
    <t>【东方汽轮机】高温用双头螺柱\D660Q-024000A002\东汽\国产</t>
  </si>
  <si>
    <t>【东方汽轮机】高温双头螺栓\D660B-265000A002\东汽\国产</t>
  </si>
  <si>
    <t>【东方汽轮机】高温双头螺栓\D660B-265000A005\东汽\国产</t>
  </si>
  <si>
    <t>【东方汽轮机】高温内六角螺栓\D660B-265000A007\东汽\国产</t>
  </si>
  <si>
    <t>【东方汽轮机】高温双头螺柱\D660B-265000A008\东汽\国产</t>
  </si>
  <si>
    <t>【东方汽轮机】高温内六角螺栓\D660B-261000A007\东汽\国产</t>
  </si>
  <si>
    <t>【东方汽轮机】高温用厚垫圈\D660B-265000A003\东汽\国产</t>
  </si>
  <si>
    <t>【东方汽轮机】高温用双头螺柱\D660P-021000A001\东汽\国产</t>
  </si>
  <si>
    <t>【东方汽轮机】高温用罩螺母\D660C-028000A016\东汽\国产</t>
  </si>
  <si>
    <t>【东方汽轮机】汽封圈\D660P-170105A\东汽\国产</t>
  </si>
  <si>
    <t>【东方汽轮机】汽封圈\D660Q-098201A\东汽\国产</t>
  </si>
  <si>
    <t>【东方汽轮机】汽封圈\D660P-098205A\东汽\国产</t>
  </si>
  <si>
    <t>【东方汽轮机】高温用带槽螺母\D660B-028000A022\东汽\国产</t>
  </si>
  <si>
    <t>【东方汽轮机】高温螺柱\D660P-025000A008\东汽\国产</t>
  </si>
  <si>
    <t>【东方汽轮机】高温螺柱\D660P-025000A003\东汽\国产</t>
  </si>
  <si>
    <t>【东方汽轮机】高温螺柱\D660P-025000A001\东汽\国产</t>
  </si>
  <si>
    <t>【东方汽轮机】高温螺栓\D660B-265000A006\东汽\国产</t>
  </si>
  <si>
    <t>【东方汽轮机】高温带槽螺母\D660B-265000A001\东汽\国产</t>
  </si>
  <si>
    <t>【东方汽轮机】定位螺栓\D660P-020000A023\东汽\国产</t>
  </si>
  <si>
    <t>【东方汽轮机】定位螺栓\D660P-020000A008\东汽\国产</t>
  </si>
  <si>
    <t>【东方汽轮机】汽封圈\D660P-098109A\东汽\国产</t>
  </si>
  <si>
    <t>【东方汽轮机】汽封圈\D660P-098107A\东汽\国产</t>
  </si>
  <si>
    <t>【东方汽轮机】汽封圈\D660P-098106A\东汽\国产</t>
  </si>
  <si>
    <t>【东方汽轮机】汽封圈\D660P-098105A\东汽\国产</t>
  </si>
  <si>
    <t>【东方汽轮机】汽封圈\D660P-098104A\东汽\国产</t>
  </si>
  <si>
    <t>【东方汽轮机】汽封圈\D660P-098103A\东汽\国产</t>
  </si>
  <si>
    <t>【东方汽轮机】汽封圈\D660P-098101A\东汽\国产</t>
  </si>
  <si>
    <t>【东方汽轮机】特制双头螺柱\D660P-020000A024\东汽\国产</t>
  </si>
  <si>
    <t>【东方汽轮机】特制双头螺柱\D660P-020000A012\东汽\国产</t>
  </si>
  <si>
    <t>【东方汽轮机】汽封圈\D660P-098201A\东汽\国产</t>
  </si>
  <si>
    <t>【东方汽轮机】汽封圈\D660P-098115A\东汽\国产</t>
  </si>
  <si>
    <t>【东方汽轮机】汽封圈\D660P-098114A\东汽\国产</t>
  </si>
  <si>
    <t>【东方汽轮机】汽封圈\D660P-098111A\东汽\国产</t>
  </si>
  <si>
    <t>【东方汽轮机】汽封圈\D660P-098110A\东汽\国产</t>
  </si>
  <si>
    <t>【东方汽轮机】罩螺母\D660P-020000A025\东汽\国产</t>
  </si>
  <si>
    <t>【东方汽轮机】罩螺母\D660P-020000A013\东汽\国产</t>
  </si>
  <si>
    <t>【东方汽轮机】特制双头螺柱\D660Q-024000A001\东汽\国产</t>
  </si>
  <si>
    <t>【东方汽轮机】高温用双头螺柱\D660B-028000A003\东汽\国产</t>
  </si>
  <si>
    <t>【东方汽轮机】高温用开槽螺母\D1000H-028000A009\东汽\国产</t>
  </si>
  <si>
    <t>【东方汽轮机】高温用双头螺柱\D1000H-028000A008\东汽\国产</t>
  </si>
  <si>
    <t>【东方汽轮机】螺钉\D1000A-210000A024\东汽\国产</t>
  </si>
  <si>
    <t>【东方汽轮机】双头螺柱\D00-010114A007\东汽\国产</t>
  </si>
  <si>
    <t>【东方汽轮机】十字头\D600B-361400A002\东汽\国产</t>
  </si>
  <si>
    <t>【东方汽轮机】高温双头螺柱\D660K-261000A001\东汽\国产</t>
  </si>
  <si>
    <t>【东方汽轮机】径向汽封片\D600D-099600A002\东汽\国产</t>
  </si>
  <si>
    <t>【东方汽轮机】螺栓\D660B-261000A004\东汽\国产</t>
  </si>
  <si>
    <t>【东方汽轮机】开槽螺母\D660B-028000A027 2 1/2"8UN\东汽\国产</t>
  </si>
  <si>
    <t>【东方汽轮机】双头螺柱\D660B-028000A020 2-1/2" 8UN\东汽\国产</t>
  </si>
  <si>
    <t>【东方汽轮机】汽封片\D600B-041000A002\东汽\国产</t>
  </si>
  <si>
    <t>【东方汽轮机】螺母\D600BG-271000A200\东汽\国产</t>
  </si>
  <si>
    <t>【东方汽轮机】锥套\D600BG-271000A100 38CrMoAlA\东汽\国产</t>
  </si>
  <si>
    <t>【东方汽轮机】六角头螺栓\GB0005782B36A8\东汽\国产</t>
  </si>
  <si>
    <t>【东方汽轮机】等长双头螺柱\GB0000901G2070\东汽\国产</t>
  </si>
  <si>
    <t>【东方汽轮机】垫片\D600BG-271000A500\东汽\国产</t>
  </si>
  <si>
    <t>【东方汽轮机】锥套\D600BG-271000A400 38CrMoAl\东汽\国产</t>
  </si>
  <si>
    <t>【东方汽轮机】油封弧片\B1320E-180300A001\东汽\国产</t>
  </si>
  <si>
    <t>【东方汽轮机】油封弧片\D7A-180200A002\东汽\国产</t>
  </si>
  <si>
    <t>【东方汽轮机】油封弧片\B1320E-180200A002\东汽\国产</t>
  </si>
  <si>
    <t>【东方汽轮机】金属缠绕垫片\D135F-293100B001\东汽\国产</t>
  </si>
  <si>
    <t>【东方汽轮机】喷水减温器\M732-030000A\东汽\国产</t>
  </si>
  <si>
    <t>【东方汽轮机】金属缠绕垫片\D135F-293100B002\东汽\国产</t>
  </si>
  <si>
    <t>【东方汽轮机】金属缠绕垫片\D150E-292000A006\东汽\国产</t>
  </si>
  <si>
    <t>【东方汽轮机】特制双头螺柱\D150C-261000A033 20Cr1Mo1VNbTi\东汽\国产</t>
  </si>
  <si>
    <t>【东方汽轮机】高温罩螺母\D1000H-261000A006\东汽\国产</t>
  </si>
  <si>
    <t>【东方汽轮机】罩螺母\D1000H-271000A015 1/4-8UN\东汽\国产</t>
  </si>
  <si>
    <t>【东方汽轮机】金属缠绕垫\D1000K-261000A006\东汽\国产</t>
  </si>
  <si>
    <t>【东方汽轮机】高温双头螺柱\D1000K-261000A007\东汽\国产</t>
  </si>
  <si>
    <t>【东方汽轮机】高温六角形螺母\D1000K-261000A008\东汽\国产</t>
  </si>
  <si>
    <t>【东方汽轮机】高温双头螺柱\D1000H-261000A005\东汽\国产</t>
  </si>
  <si>
    <t>【东方汽轮机】导柱\M035-032000A003\东汽\国产</t>
  </si>
  <si>
    <t>【东方汽轮机】汽封套\D150C-261000A004 20Cr3MoWVA\东汽\国产</t>
  </si>
  <si>
    <t>【东方汽轮机】汽封套\D150C-261000A036 20Cr3MoWVA\东汽\国产</t>
  </si>
  <si>
    <t>【东方汽轮机】皮囊\D135E-583000A NXQ-L10/31.5-A\东汽\国产</t>
  </si>
  <si>
    <t>【东方汽轮机】内六角圆柱头螺钉\GB00070.1W1250\东汽\国产</t>
  </si>
  <si>
    <t>【东方汽轮机】钢管\D135D-011000A002\东汽\国产</t>
  </si>
  <si>
    <t>【东方汽轮机】双头螺柱\GB0000898W36A6\东汽\国产</t>
  </si>
  <si>
    <t>【东方汽轮机】汽封压板\D00.050.045\东汽\国产</t>
  </si>
  <si>
    <t>【东方汽轮机】高温用开槽螺母\D660P-025000A004\东汽\国产</t>
  </si>
  <si>
    <t>【东方汽轮机】齿形垫片\D150C-261000A006/0Cr18Ni9\东汽\国产</t>
  </si>
  <si>
    <t>【东方汽轮机】阀碟螺母\D150C-261000A015/1Cr11MoV\东汽\国产</t>
  </si>
  <si>
    <t>【东方汽轮机】调门滤芯密封圈\68×3.1 D135D-581000A\东汽\国产</t>
  </si>
  <si>
    <t>【东方汽轮机】调门密封环\D150C-261000A024/0Cr18Ni9\东汽\国产</t>
  </si>
  <si>
    <t>【东方汽轮机】调节阀预启阀碟\D150C-265000A008/20Cr3MoWVA\东汽\国产</t>
  </si>
  <si>
    <t>【东方汽轮机】调节阀阀碟\D150C-265000A005/20Cr3MoWVA\东汽\国产</t>
  </si>
  <si>
    <t>【东方汽轮机】调节阀杆\D150C-265000A009/2Cr12NiMo1W1V\东汽\国产</t>
  </si>
  <si>
    <t>【东方汽轮机】螺钉\GB0000065C0618\东汽\国产</t>
  </si>
  <si>
    <t>【东方汽轮机】螺塞\D150C-261000A043 2Cr12NiMo1W1V\东汽\国产</t>
  </si>
  <si>
    <t>【东方汽轮机】螺塞\D150C-261000A027 20Cr3MoWVA\东汽\国产</t>
  </si>
  <si>
    <t>【东方汽轮机】六角螺母\GB0006170B0052\东汽\国产</t>
  </si>
  <si>
    <t>【东方汽轮机】罩螺母\D00.010.007 M48×3 35CrMoA\东汽\国产</t>
  </si>
  <si>
    <t>【东方汽轮机】罩螺母\D00.010.005 M36×3 35CrMoA\东汽\国产</t>
  </si>
  <si>
    <t>【东方汽轮机】盖板\D135A-218000A012 Q235-B\南汽\国产</t>
  </si>
  <si>
    <t>【东方汽轮机】盖板\D135A-218000A006 Q235-B\南汽\国产</t>
  </si>
  <si>
    <t>【东方汽轮机】特制双头螺柱\D00.010.107/M48×3×220\东汽\国产</t>
  </si>
  <si>
    <t>【东方汽轮机】滤网\M727.X03Z M727.X03.003\东汽\国产</t>
  </si>
  <si>
    <t>【东方汽轮机】滤网\M612.X09Z\东汽\国产</t>
  </si>
  <si>
    <t>【东方汽轮机】滤网\M612-013000A\东汽\国产</t>
  </si>
  <si>
    <t>【东方汽轮机】外舌止动垫圈\GB0000856W0036\东汽\国产</t>
  </si>
  <si>
    <t>【东方汽轮机】小衬套\GS-1 X200D.361.013\东汽\国产</t>
  </si>
  <si>
    <t>【东方汽轮机】压板\D00.050.048 15CrMoA\东汽\国产</t>
  </si>
  <si>
    <t>【东方汽轮机】内六角螺钉\M8×30 GB70-85\东汽\国产</t>
  </si>
  <si>
    <t>【东方汽轮机】内六角螺钉\M8×12 GB70-85\东汽\国产</t>
  </si>
  <si>
    <t>【东方汽轮机】内六角螺钉\M6×20 GB70-85\东汽\国产</t>
  </si>
  <si>
    <t>【东方汽轮机】内六角螺钉\M5×45 GB70-85\东汽\国产</t>
  </si>
  <si>
    <t>【东方汽轮机】内六角螺钉\M5×30 GB70-85\东汽\国产</t>
  </si>
  <si>
    <t>【东方汽轮机】主汽阀预启阀碟\D150C-265000A003 20Cr3MoWVA\东汽\国产</t>
  </si>
  <si>
    <t>【东方汽轮机】主汽阀阀杆\D150C-265000A012/2Cr12NiMo1W1V\东汽\国产</t>
  </si>
  <si>
    <t>【东方汽轮机】主汽阀碟\φ200 D150C-261000A016\东汽\国产</t>
  </si>
  <si>
    <t>【东方汽轮机】主汽阀碟\D150C-265000A002/20Cr3MoWVA\东汽\国产</t>
  </si>
  <si>
    <t>【东方汽轮机】主汽阀杆\D150C-261000A001/2Cr12NiMo1W1V\东汽\国产</t>
  </si>
  <si>
    <t>【东方汽轮机】主汽门密封环\D150C-261000A009\东汽\国产</t>
  </si>
  <si>
    <t>【东方汽轮机】滤芯\DQ8302GA10H3.5C\东汽\国产</t>
  </si>
  <si>
    <t>【东方汽轮机】油封环\B1320E-181200A001\东汽\国产</t>
  </si>
  <si>
    <t>【东方汽轮机】油封环\B1320E-181200A002\东汽\国产</t>
  </si>
  <si>
    <t>【东方汽轮机】螺尾锥销\BWT0612\东汽\国产</t>
  </si>
  <si>
    <t>【东方汽轮机】罩螺母\D00.010.006 35CrMoA\东汽\国产</t>
  </si>
  <si>
    <t>【东方汽轮机】齿形垫片\D00.600.049\东汽\国产</t>
  </si>
  <si>
    <t>【东方汽轮机】垫片\D1000H-261000A013\东汽\国产</t>
  </si>
  <si>
    <t>【东方汽轮机】高温六角螺钉\D1000H-261000A015\东汽\国产</t>
  </si>
  <si>
    <t>【东方汽轮机】特制双头螺柱\D1000H-271000A016 M42\东汽\国产</t>
  </si>
  <si>
    <t>【东方汽轮机】特制双头螺柱\D1000K-271000A009 1/4-8UN\东汽\国产</t>
  </si>
  <si>
    <t>【东方汽轮机】平键\D135A-011000A008\东汽\国产</t>
  </si>
  <si>
    <t>【东方汽轮机】调整板\D135A-011000A011\东汽\国产</t>
  </si>
  <si>
    <t>【东方汽轮机】垂直键槽板\D135A-011000D001\东汽\国产</t>
  </si>
  <si>
    <t>【东方汽轮机】调整板\D135A-020000A009\东汽\国产</t>
  </si>
  <si>
    <t>【东方汽轮机】导柱\D135D-021000A002\东汽\国产</t>
  </si>
  <si>
    <t>【东方汽轮机】导柱\D135D-021000A005\东汽\国产</t>
  </si>
  <si>
    <t>【东方汽轮机】石棉橡胶板\D135F-030000A001\东汽\国产</t>
  </si>
  <si>
    <t>【东方汽轮机】石棉橡胶板\D135F-030000A002\东汽\国产</t>
  </si>
  <si>
    <t>【东方汽轮机】隔板\D150C-102000A\东汽\国产</t>
  </si>
  <si>
    <t>【东方汽轮机】隔板\D150C-103000A\东汽\国产</t>
  </si>
  <si>
    <t>【东方汽轮机】隔板\D150C-104000A\东汽\国产</t>
  </si>
  <si>
    <t>【东方汽轮机】隔板\D150C-105000A\东汽\国产</t>
  </si>
  <si>
    <t>【东方汽轮机】隔板\D150C-107000A\东汽\国产</t>
  </si>
  <si>
    <t>【东方汽轮机】隔板\D150C-108000A\东汽\国产</t>
  </si>
  <si>
    <t>【东方汽轮机】隔板\D150C-109000A\东汽\国产</t>
  </si>
  <si>
    <t>【东方汽轮机】偏心轴套\D600A.031.003\东汽\国产</t>
  </si>
  <si>
    <t>【东方汽轮机】轴套\D600A.231.113\东汽\国产</t>
  </si>
  <si>
    <t>【东方汽轮机】吊架\D600A.231.114\东汽\国产</t>
  </si>
  <si>
    <t>【东方汽轮机】单耳垫片\D600A.231.116\东汽\国产</t>
  </si>
  <si>
    <t>【东方汽轮机】罩螺母\D600A.506.066\东汽\国产</t>
  </si>
  <si>
    <t>【东方汽轮机】调整垫片\D600A.506.067\东汽\国产</t>
  </si>
  <si>
    <t>【东方汽轮机】叶轮\D600A.506.2Z\东汽\国产</t>
  </si>
  <si>
    <t>【东方汽轮机】挡圈\D600B-029540A001\东汽\国产</t>
  </si>
  <si>
    <t>【东方汽轮机】测压计导管\D600B-029600A\东汽\国产</t>
  </si>
  <si>
    <t>【东方汽轮机】测压计导管\D600B-029601A\东汽\国产</t>
  </si>
  <si>
    <t>【东方汽轮机】测温计导管\D600B-029610A\东汽\国产</t>
  </si>
  <si>
    <t>【东方汽轮机】测温计导管\D600B-029620A\东汽\国产</t>
  </si>
  <si>
    <t>【东方汽轮机】测温计导管\D600B-029630A\东汽\国产</t>
  </si>
  <si>
    <t>【东方汽轮机】测温计导管\D600B-029640A\东汽\国产</t>
  </si>
  <si>
    <t>【东方汽轮机】测温计导管\D600B-029650A\东汽\国产</t>
  </si>
  <si>
    <t>【东方汽轮机】测温计导管\D600B-029660A\东汽\国产</t>
  </si>
  <si>
    <t>【东方汽轮机】测温计导管\D600B-029670A\东汽\国产</t>
  </si>
  <si>
    <t>【东方汽轮机】测温计导管\D600B-029680A\东汽\国产</t>
  </si>
  <si>
    <t>【东方汽轮机】测温计导管\D600B-029720A\东汽\国产</t>
  </si>
  <si>
    <t>【东方汽轮机】测温计导管\D600B-029730A\东汽\国产</t>
  </si>
  <si>
    <t>【东方汽轮机】缠绕垫片\D600B-029800A\东汽\国产</t>
  </si>
  <si>
    <t>【东方汽轮机】持环\D600B-261000A012\东汽\国产</t>
  </si>
  <si>
    <t>【东方汽轮机】平键\D600B-261200A003\东汽\国产</t>
  </si>
  <si>
    <t>【东方汽轮机】卡环\D600B-261200A004\东汽\国产</t>
  </si>
  <si>
    <t>【东方汽轮机】套筒\D600B-261300A\东汽\国产</t>
  </si>
  <si>
    <t>【东方汽轮机】阀座\D600B-261500A\东汽\国产</t>
  </si>
  <si>
    <t>【东方汽轮机】密封环\D600B-265500A002\东汽\国产</t>
  </si>
  <si>
    <t>【东方汽轮机】阀碟\D600B-265520B001\东汽\国产</t>
  </si>
  <si>
    <t>【东方汽轮机】套筒\D600B-271500A005\东汽\国产</t>
  </si>
  <si>
    <t>【东方汽轮机】主轴\D600B-343000A014\东汽\国产</t>
  </si>
  <si>
    <t>【东方汽轮机】主油泵\D600B-511000A\东汽\国产</t>
  </si>
  <si>
    <t>【东方汽轮机】主油泵叶轮\D600B-511100B006\东汽\国产</t>
  </si>
  <si>
    <t>【东方汽轮机】主汽阀杆\D660B-261300A003\东汽\国产</t>
  </si>
  <si>
    <t>【东方汽轮机】阀杆\D660B-265400A001\东汽\国产</t>
  </si>
  <si>
    <t>【东方汽轮机】主汽阀杆\D660B-265500A003\东汽\国产</t>
  </si>
  <si>
    <t>【东方汽轮机】调节阀杆\D660K-271000A008\东汽\国产</t>
  </si>
  <si>
    <t>【东方汽轮机】特制双头螺柱\D660K-271000A014\东汽\国产</t>
  </si>
  <si>
    <t>【东方汽轮机】下衬套\D660K-271200A\东汽\国产</t>
  </si>
  <si>
    <t>【东方汽轮机】上衬套\D660K-271300A\东汽\国产</t>
  </si>
  <si>
    <t>【东方汽轮机】刷式齿\D660P-098101A007\东汽\国产</t>
  </si>
  <si>
    <t>【东方汽轮机】刷式齿\D660P-098102A007\东汽\国产</t>
  </si>
  <si>
    <t>【东方汽轮机】刷式齿\D660P-098103A007\东汽\国产</t>
  </si>
  <si>
    <t>【东方汽轮机】刷式齿\D660P-098104A007\东汽\国产</t>
  </si>
  <si>
    <t>【东方汽轮机】刷式齿\D660P-098105A007\东汽\国产</t>
  </si>
  <si>
    <t>【东方汽轮机】刷式齿\D660P-098106A007\东汽\国产</t>
  </si>
  <si>
    <t>【东方汽轮机】刷式齿\D660P-098107A007\东汽\国产</t>
  </si>
  <si>
    <t>【东方汽轮机】刷式齿\D660P-098108A007\东汽\国产</t>
  </si>
  <si>
    <t>【东方汽轮机】刷式齿\D660P-098109A007\东汽\国产</t>
  </si>
  <si>
    <t>【东方汽轮机】刷式齿\D660P-098110A007\东汽\国产</t>
  </si>
  <si>
    <t>【东方汽轮机】刷式齿\D660P-098111A007\东汽\国产</t>
  </si>
  <si>
    <t>【东方汽轮机】刷式齿\D660P-098112A007\东汽\国产</t>
  </si>
  <si>
    <t>【东方汽轮机】瓦块\D660P-241200C\东汽\国产</t>
  </si>
  <si>
    <t>【东方汽轮机】瓦块\D660P-242100C\东汽\国产</t>
  </si>
  <si>
    <t>【东方汽轮机】瓦块\D660P-243200C\东汽\国产</t>
  </si>
  <si>
    <t>【东方汽轮机】瓦块\D660P-244100C\东汽\国产</t>
  </si>
  <si>
    <t>【东方汽轮机】油封\D660P-251700A\东汽\国产</t>
  </si>
  <si>
    <t>【东方汽轮机】浮动油档\D660Q-180120A\东汽\国产</t>
  </si>
  <si>
    <t>【东方汽轮机】浮动油档\D660Q-180220A\东汽\国产</t>
  </si>
  <si>
    <t>【东方汽轮机】内螺纹圆柱销\GB0000120W30A4\东汽\国产</t>
  </si>
  <si>
    <t>【东方汽轮机】双头螺柱\GB0000897W48A4\东汽\国产</t>
  </si>
  <si>
    <t>【东方汽轮机】平垫圈\GB00097.1W0030\东方汽轮机有限公司\国产</t>
  </si>
  <si>
    <t>【东方汽轮机】钢管\M007.011.019\东汽\国产</t>
  </si>
  <si>
    <t>【东方汽轮机】垫片\M035-014000A001\东汽\国产</t>
  </si>
  <si>
    <t>【东方汽轮机】油烟分离器\M519.X02Z\东汽\国产</t>
  </si>
  <si>
    <t>【东方汽轮机】板弹簧\E1-T3-W0001-01\东汽\国产</t>
  </si>
  <si>
    <t>【东方汽轮机】缠绕垫片\E1-T2-R7789-04\东汽\国产</t>
  </si>
  <si>
    <t>【东方汽轮机】缠绕垫\E1-T2-R7789-02\东汽\国产</t>
  </si>
  <si>
    <t>【东方汽轮机】缠绕垫\E1-T2-M5388-01\东汽\国产</t>
  </si>
  <si>
    <t>【东方汽轮机】挡圈\E1-T2-M5383-01\东汽\国产</t>
  </si>
  <si>
    <t>【东方汽轮机】垫片\E1-T2-F0013-48\东汽\国产</t>
  </si>
  <si>
    <t>【东方汽轮机】盖螺母\E1-T2-A0030-01\东汽\国产</t>
  </si>
  <si>
    <t>【东方汽轮机】内六角螺母\E1-T2-7B701-20\东汽\国产</t>
  </si>
  <si>
    <t>【东方汽轮机】内六角螺母\E1-T2-7B701-18\东汽\国产</t>
  </si>
  <si>
    <t>【东方汽轮机】垫片\E1-T1-S8772-01\东汽\国产</t>
  </si>
  <si>
    <t>【东方汽轮机】垫片\E1-T1-S7826-01\东汽\国产</t>
  </si>
  <si>
    <t>【东方汽轮机】直销\E1-T1-R7050-02\东汽\国产</t>
  </si>
  <si>
    <t>【东方汽轮机】销\E1-T1-M4999-04\东汽\国产</t>
  </si>
  <si>
    <t>【东方汽轮机】销\E1-T1-M4992-02\东汽\国产</t>
  </si>
  <si>
    <t>【东方汽轮机】垫圈\E1-A516F3000\东汽\国产</t>
  </si>
  <si>
    <t>【东方汽轮机】六角头螺钉\E1-A142G24A3\东汽\国产</t>
  </si>
  <si>
    <t>【东方汽轮机】顶开螺钉\E1-31-58032/06-10300\东汽\国产</t>
  </si>
  <si>
    <t>【东方汽轮机】平垫圈\E1-31-42402/06-10\东汽\国产</t>
  </si>
  <si>
    <t>【东方汽轮机】内六角螺栓\E1-31-39517/06-05082\东汽\国产</t>
  </si>
  <si>
    <t>【东方汽轮机】凹球面垫圈\E1-31-36335/06-54 W7/8\东汽\国产</t>
  </si>
  <si>
    <t>【东方汽轮机】凸球面垫圈\E1-31-36334/06-54 W7/8\东汽\国产</t>
  </si>
  <si>
    <t>【东方汽轮机】密封垫片\E1-30-36685-03 62×45×0.8\东汽\国产</t>
  </si>
  <si>
    <t>【罗托克】比例控制板\IQT-6J\电动执行器\ROTORK</t>
  </si>
  <si>
    <t>罗托克贸易（上海）有限公司</t>
  </si>
  <si>
    <t>罗托克</t>
  </si>
  <si>
    <t>GNWZBP(TH)ZYCG2020-269</t>
  </si>
  <si>
    <t>国家能源e购商城罗托克电动执行机构备件铺货采购合同</t>
  </si>
  <si>
    <t>北京恒基利源电力设备有限公司</t>
  </si>
  <si>
    <t>【罗托克】电源板\IQ70-6B/ZSP6B\电动执行器\ROTORK</t>
  </si>
  <si>
    <t>【罗托克】电源接触板\IQ10-35-6B\IQ10-35/HY型电动执行机构\ROTORK</t>
  </si>
  <si>
    <t>【罗托克】电装电源板\IQT-6B\电动执行器\ROTORK</t>
  </si>
  <si>
    <t>【罗托克】反馈板\IQT500F10\IQT500F10\IQT500F10\ROTORK</t>
  </si>
  <si>
    <t>【罗托克】计数器板\MOD1H\电动执行器\ROTORK</t>
  </si>
  <si>
    <t>【罗托克】就地/远程控制旋钮\MOD20H\电动执行器\ROTORK</t>
  </si>
  <si>
    <t>【罗托克】就地/远程切换旋钮\IQT125\电动执行器\ROTORK</t>
  </si>
  <si>
    <t>【罗托克】力矩传感器\MOD1J\罗托克</t>
  </si>
  <si>
    <t>【罗托克】力矩传感器组件\IQM10-1J\ROTORK</t>
  </si>
  <si>
    <t>【罗托克】控制主板\(IQT-6G)6G-F\IQT电动执行器\罗托克ROTORK</t>
  </si>
  <si>
    <t>【罗托克】手/自动切换板\MOD20B\电动执行器\ROTORK</t>
  </si>
  <si>
    <t>【罗托克】手操开关按钮\IQ12F-10A\电动执行器\ROTORK</t>
  </si>
  <si>
    <t>【罗托克】伺服板\IQT125F10\电动执行器\ROTORK</t>
  </si>
  <si>
    <t>【罗托克】远程控制板\MOD6J\电动执行器\ROTORK</t>
  </si>
  <si>
    <t>【罗托克】电源板\MOD6B\IQ35电动执行器\ROTORK</t>
  </si>
  <si>
    <t>【罗托克】主板\MOD6G\IQ35电动执行器\ROTORK</t>
  </si>
  <si>
    <t>【罗托克】主控板\GAMX-F\罗托克</t>
  </si>
  <si>
    <t>【罗托克】力矩板\IQ12-F10-B4\电动执行机构\ROTORK</t>
  </si>
  <si>
    <t>【罗托克】反馈板\IQ20-F14-B4\电动执行机构\ROTORK</t>
  </si>
  <si>
    <t>【罗托克】轴套\IQ18-F10-B4\电动执行机构\ROTORK</t>
  </si>
  <si>
    <t>【罗托克】轴套\IQM10-F10-A 3010-100-07 CX3273\电动执行机构\ROTORK</t>
  </si>
  <si>
    <t>【罗托克】电源板\MOD6J IQ70\电动执行器\ROTORK</t>
  </si>
  <si>
    <t>【罗托克】电源板\IQ10F-12A用\电动执行器\ROTORK</t>
  </si>
  <si>
    <t>【罗托克】马达控制板\MOD56C\ROTORK</t>
  </si>
  <si>
    <t>【罗托克】力矩板\MOD1J\电动执行机构\罗托克</t>
  </si>
  <si>
    <t>【罗托克】比例板\IQ35\电动执行器\ROTORK</t>
  </si>
  <si>
    <t>【罗托克】主板\IQM10F10A\电动执行器\ROTORK</t>
  </si>
  <si>
    <t>【罗托克】比例板\IQT500\电动执行器 IQT500\罗托克</t>
  </si>
  <si>
    <t>【罗托克】主控印刷板\37977-01\罗托克</t>
  </si>
  <si>
    <t>【罗托克】主控印刷板\IQ-6G 40592-02\罗托克</t>
  </si>
  <si>
    <t>【罗托克】主控板\IQ12 F10 B4\电动执行机构\罗托克</t>
  </si>
  <si>
    <t>【罗托克】主控板\IQ20 F14 B4\电动执行机构\罗托克</t>
  </si>
  <si>
    <t>【罗托克】主控板\IQP1F25 B4\电动执行机构\罗托克</t>
  </si>
  <si>
    <t>【罗托克】主控板\IQP1F25\电动执行机构\罗托克</t>
  </si>
  <si>
    <t>【罗托克】主控板\IQT1000 F14 I\电动执行机构\罗托克</t>
  </si>
  <si>
    <t>【罗托克】主控板\IQT125 F10 I\电动执行机构\罗托克</t>
  </si>
  <si>
    <t>【罗托克】主控板\IQT500 F10 I\电动执行机构\罗托克</t>
  </si>
  <si>
    <t>【罗托克】主板\6GY\电动执行机构\罗托克</t>
  </si>
  <si>
    <t>【罗托克】主板\IQ35\电动执行机构\罗托克</t>
  </si>
  <si>
    <t>【罗托克】主板\IQM10F10A\电动执行机构\罗托克</t>
  </si>
  <si>
    <t>【罗托克】主板\IQM25\电动执行机构\罗托克</t>
  </si>
  <si>
    <t>【罗托克】主板\IQML20FA14A\电动执行机构\罗托克</t>
  </si>
  <si>
    <t>【罗托克】主电路板\43137-05\罗托克</t>
  </si>
  <si>
    <t>【罗托克】伺放+反馈板\33706-01\罗托克</t>
  </si>
  <si>
    <t>【罗托克】伺放+反馈板\IQ-6J 40592-02\罗托克</t>
  </si>
  <si>
    <t>【罗托克】伺放反馈板\33734-03\罗托克</t>
  </si>
  <si>
    <t>【罗托克】切换开关\IQT1000 F14-1\电动执行机构\罗托克</t>
  </si>
  <si>
    <t>【罗托克】力矩传感器\1JY\电动执行机构\罗托克</t>
  </si>
  <si>
    <t>【罗托克】力距传感器\6HY20\电动执行机构\罗托克</t>
  </si>
  <si>
    <t>【罗托克】反馈板\IQM10F10A\电动执行机构\罗托克</t>
  </si>
  <si>
    <t>【罗托克】就地控制旋钮\20HY\电动执行机构\罗托克</t>
  </si>
  <si>
    <t>【罗托克】就地控制板\20BY\电动执行机构\罗托克</t>
  </si>
  <si>
    <t>【罗托克】就地控制板\MOD20B LOCAL P/BUTTON PCB MK2\电动执行机构\罗托克</t>
  </si>
  <si>
    <t>【罗托克】手切换装置\IQ35 F16 B4\罗托克</t>
  </si>
  <si>
    <t>【罗托克】手切换装置\IQ35\电动执行器\罗托克</t>
  </si>
  <si>
    <t>【罗托克】手动自动切换组件\IQF10\罗托克</t>
  </si>
  <si>
    <t>【罗托克】执行器主板\MOD6G\罗托克</t>
  </si>
  <si>
    <t>【罗托克】执行器旋钮板\IQM10-F10-A\罗托克</t>
  </si>
  <si>
    <t>【罗托克】执行器计数板\IQM10-F10-A\罗托克</t>
  </si>
  <si>
    <t>【罗托克】控制板\2SY5016-2SB00\电动执行机构\罗托克</t>
  </si>
  <si>
    <t>【罗托克】控制板\2SY5016-2SB00罗托克 IQ35 F16B4\电动执行机构\罗托克</t>
  </si>
  <si>
    <t>【罗托克】控制板\IQT250\电动执行机构\罗托克</t>
  </si>
  <si>
    <t>【罗托克】控制板\MOD6C IQ1-3\电动执行机构\罗托克</t>
  </si>
  <si>
    <t>【罗托克】比例控制板\MOD6J IQ2PRO FOLO+CPT PCB\电动执行机构\罗托克</t>
  </si>
  <si>
    <t>【罗托克】比例板\6JY\电动执行机构\罗托克</t>
  </si>
  <si>
    <t>【罗托克】比例板\IQ35\罗托克</t>
  </si>
  <si>
    <t>【罗托克】比例板\IQM10-F10-A\罗托克</t>
  </si>
  <si>
    <t>【罗托克】比例板\IQM10F10A\电动执行机构\罗托克</t>
  </si>
  <si>
    <t>【罗托克】涡轮减速箱\IQM10F10B4\罗托克</t>
  </si>
  <si>
    <t>【罗托克】电机\IQM10-F10-A\罗托克</t>
  </si>
  <si>
    <t>【罗托克】电机\IQML20FA14A\电动执行机构\罗托克</t>
  </si>
  <si>
    <t>【罗托克】电机\IQT125 ZYT75/01\电动执行机构\罗托克</t>
  </si>
  <si>
    <t>【罗托克】电机\IQT500 ZYT75/01\电动执行机构\罗托克</t>
  </si>
  <si>
    <t>【罗托克】电源板\6BY\电动执行机构\罗托克</t>
  </si>
  <si>
    <t>【罗托克】电源板\A60100002389\罗托克</t>
  </si>
  <si>
    <t>【罗托克】电源板\IDML12\电动执行机构\罗托克</t>
  </si>
  <si>
    <t>【罗托克】电源板\IQ35 F16B4\电动执行机构\罗托克</t>
  </si>
  <si>
    <t>【罗托克】电源板\IQ35\电动执行机构\罗托克</t>
  </si>
  <si>
    <t>【罗托克】电源板\IQM10F10A\电动执行机构\罗托克</t>
  </si>
  <si>
    <t>【罗托克】电源板\IQML20FA14A\电动执行机构\罗托克</t>
  </si>
  <si>
    <t>【罗托克】电源板\IQM\罗托克</t>
  </si>
  <si>
    <t>【罗托克】电源板\IQP1F25 B4\电动执行机构\罗托克</t>
  </si>
  <si>
    <t>【罗托克】电源板\IQT1000F14-1\电动执行机构\罗托克</t>
  </si>
  <si>
    <t>【罗托克】电源板\IQT125 F10.1\电动执行机构\罗托克</t>
  </si>
  <si>
    <t>【罗托克】电源板\IQT2000\电动执行机构\罗托克</t>
  </si>
  <si>
    <t>【罗托克】电源板\IQT250\电动执行机构\罗托克</t>
  </si>
  <si>
    <t>【罗托克】继电器板\IQ12 F10 B4\电动执行机构\罗托克</t>
  </si>
  <si>
    <t>【罗托克】继电器板\IQ20 F14 B4\电动执行机构\罗托克</t>
  </si>
  <si>
    <t>【罗托克】继电器板\IQM10-F10-B4\电动执行机构\罗托克</t>
  </si>
  <si>
    <t>【罗托克】自动切换离合器\IQ\罗托克</t>
  </si>
  <si>
    <t>【罗托克】计数器\IQ20 F14 B4\电动执行机构\罗托克</t>
  </si>
  <si>
    <t>【罗托克】计数板\IQ-1H 96-47\罗托克</t>
  </si>
  <si>
    <t>【罗托克】计数板\Mod1H resolver PCB\电动执行机构\罗托克</t>
  </si>
  <si>
    <t>【罗托克】轴套\IQM11F10A\罗托克</t>
  </si>
  <si>
    <t>【罗托克】轴套\IQM25FA14Z\罗托克</t>
  </si>
  <si>
    <t>【罗托克】轴套\IQM7AF10A\罗托克</t>
  </si>
  <si>
    <t>【罗托克】轴套\IQM\罗托克</t>
  </si>
  <si>
    <t>【罗托克】远方切换开关\IQT1000 F14-1\电动执行机构\罗托克</t>
  </si>
  <si>
    <t>【罗托克】速度控制板\6CY\电动执行机构\罗托克</t>
  </si>
  <si>
    <t>【罗托克】逻辑板\IQM10\电动执行机构\罗托克</t>
  </si>
  <si>
    <t>【罗托克】霍尔板\PCB7 H7002\电动执行机构\罗托克</t>
  </si>
  <si>
    <t>【罗托克】驱动轴套(实心)\IB7C30\罗托克</t>
  </si>
  <si>
    <t>【罗托克】保险管\5×20mm 100mA\电动执行器\罗托克</t>
  </si>
  <si>
    <t>【罗托克】执行器配套自动切换\IQ\罗托克</t>
  </si>
  <si>
    <t>【罗托克】控制板\IQ\罗托克</t>
  </si>
  <si>
    <t>【罗托克】伺放模块\SKJ500\电动执行机构\罗托克</t>
  </si>
  <si>
    <t>【罗托克】保险管\5×20mm 500mA\电动执行器\罗托克</t>
  </si>
  <si>
    <t>【罗托克】计数器\2SA3-O321GA00-2GB2-ALK2-13A\电动执行器\ROTORK</t>
  </si>
  <si>
    <t>【罗托克】电源板\6BY+6CY\电动执行机构\罗托克</t>
  </si>
  <si>
    <t>【罗托克】电源板\MOD6B IQT CHASSIS &amp; PM TYPE 3\电动执行机构\罗托克</t>
  </si>
  <si>
    <t>【罗托克】电源板\MOD6CIQ1-3 TYP1PM+CONTMK2 IQ10\电动执行机构\罗托克</t>
  </si>
  <si>
    <t>【罗托克】电源板\MOD6CIQ1-3 TYP1PM+CONTMK2 IQ35\电动执行机构\罗托克</t>
  </si>
  <si>
    <t>【罗托克】电源板\MOD6CIQ1-3 TYP1PM+CONTMK2 IQ40\电动执行机构\罗托克</t>
  </si>
  <si>
    <t>【罗托克】电源板\MOD6CIQ1-3 TYP1PM+CONTMK2 IQ30\电动执行机构\罗托克</t>
  </si>
  <si>
    <t>【罗托克】电源板\MOD6CIQM TYPA+SSSMODMK2 IQM\电动执行机构\罗托克</t>
  </si>
  <si>
    <t>【罗托克】马达控制板\MOD6C IQT MTR &amp; PWR PCB STD DC\电动执行机构\罗托克</t>
  </si>
  <si>
    <t>【罗托克】比例控制板\MOD6J IQ2PRO FOLO + CPT PCB\电动执行机构\罗托克</t>
  </si>
  <si>
    <t>【罗托克】主控板\MOD6G MAIN PCB(PROG)ALL TEMPS\电动执行机构\罗托克</t>
  </si>
  <si>
    <t>【罗托克】主控板\MOD6GIQTMAIN PCB(PROG)ALLTEMPS\电动执行机构\罗托克</t>
  </si>
  <si>
    <t>【罗托克】电源板\MOD6CIQ1-3 TYP1PM+CONTMK2 IQ25\电动执行机构\罗托克</t>
  </si>
  <si>
    <t>【罗托克】电源板\MOD6CIQ1-3 TYP1PM+CONTMK2 IQ20\电动执行机构\罗托克</t>
  </si>
  <si>
    <t>【罗托克】电源板\MOD6CIQ1-3 TYP1PM+CONTMK2 IQ12\电动执行机构\罗托克</t>
  </si>
  <si>
    <t>【罗托克】电源板\MOD6CIQ1-3 TYP1PM+CONTMK2 IQ18\电动执行机构\罗托克</t>
  </si>
  <si>
    <t>【罗托克】计数板\Mod1E resolver assembly\电动执行机构\罗托克</t>
  </si>
  <si>
    <t>【罗托克】主控板\MOD6GIQTCMAINPCB(PROG)ALLTEMPS\电动执行机构\罗托克</t>
  </si>
  <si>
    <t>【罗托克】主控板\MOD6GIQCMAINPCB(PROG)ALLTEMPS\电动执行机构\罗托克</t>
  </si>
  <si>
    <t>【罗托克】旋钮板\2HY\罗托克</t>
  </si>
  <si>
    <t>【罗托克】接触器\MOD6D IQ10-35\电动执行机构\ROTORK</t>
  </si>
  <si>
    <t>【罗托克】接触器\MOD6D IQ70-95\电动执行机构\ROTORK</t>
  </si>
  <si>
    <t>【罗托克】蜗轮蜗杆及油封\MOD 1D\IQML10F10A\罗托克</t>
  </si>
  <si>
    <t>【罗托克】逻辑控制板\6G IQⅢ系列\电动执行机构\罗托克</t>
  </si>
  <si>
    <t>【罗托克】显示板\20C IQⅢ系列\电动执行机构\罗托克</t>
  </si>
  <si>
    <t>【罗托克】就地/远程切换旋钮\20H IQⅢ系列\电动执行机构\罗托克</t>
  </si>
  <si>
    <t>【罗托克】总线板\6X IQⅢ系列\电动执行机构\罗托克</t>
  </si>
  <si>
    <t>【罗托克】反馈板\6K IQⅢ系列\电动执行机构\罗托克</t>
  </si>
  <si>
    <t>【罗托克】比例控制板\6J IQⅢ系列\电动执行机构\罗托克</t>
  </si>
  <si>
    <t>【罗托克】总线板\6F IQT125系列\电动执行机构\罗托克</t>
  </si>
  <si>
    <t>【罗托克】执行机构主控板\47099-04\罗托克</t>
  </si>
  <si>
    <t>【罗托克】力矩板\1J Torque Tranducer\电动执行器\罗托克</t>
  </si>
  <si>
    <t>【罗托克】电源板\6B PM PCB\电动执行器\罗托克</t>
  </si>
  <si>
    <t>【罗托克】电源板\6C IQC系列\电动执行机构\罗托克</t>
  </si>
  <si>
    <t>【罗托克】计数器板\43970-02\电动执行机构\罗托克</t>
  </si>
  <si>
    <t>【罗托克】交流接触器\10AF10B 6CY\电动执行机构\罗托克</t>
  </si>
  <si>
    <t>【罗托克】操作板\10AF10B 6FY\电动执行机构\罗托克</t>
  </si>
  <si>
    <t>【罗托克】主板\10AF10B 6DY\电动执行机构\罗托克</t>
  </si>
  <si>
    <t>【罗托克】电源板\10AF10B 6EY\电动执行机构\罗托克</t>
  </si>
  <si>
    <t>【罗托克】接触器板\4370-02\电动执行机构\ROTORK</t>
  </si>
  <si>
    <t>【罗托克】葵花端子排\6AY\电动执行机构\罗托克</t>
  </si>
  <si>
    <t>【罗托克】伺放+位返板\48083-02\电动执行机构\进口 罗托克</t>
  </si>
  <si>
    <t>【罗托克】比例板\IQTC-6JY\ROTORK</t>
  </si>
  <si>
    <t>【罗托克】固态继电器\MOD 6U IQ3\进口 ROTORK</t>
  </si>
  <si>
    <t>【罗托克】控制主板\MOD 6G IQ3\进口 ROTORK</t>
  </si>
  <si>
    <t>【罗托克】电源板\MOD 6C IQ3\进口 ROTORK</t>
  </si>
  <si>
    <t>【罗托克】减速箱\IW9-R-6S-ZX\480:1\ROTORK\进口</t>
  </si>
  <si>
    <t>【罗托克】执行机构减速箱\IW4\70:1 F10\ROTORK\进口</t>
  </si>
  <si>
    <t>【罗托克】减速箱\IWD3\70:1\ROTORK\进口</t>
  </si>
  <si>
    <t>【罗托克】减速箱\IW7R\120:1\ROTORK\进口</t>
  </si>
  <si>
    <t>【恒发】磨辊罩壳\HF3781.1-13BS\磨煤机\RP923\国产</t>
  </si>
  <si>
    <t>无锡市恒发化机装备有限公司</t>
  </si>
  <si>
    <t>恒发</t>
  </si>
  <si>
    <t>GNWZBP(TH)ZYCG2020-281</t>
  </si>
  <si>
    <t>国家能源e购商城无锡恒发磨煤机备件商城铺货山东区域级长协采购</t>
  </si>
  <si>
    <t>【恒发】磨辊罩壳\HF3781.1-40BX\磨煤机\RP923\国产</t>
  </si>
  <si>
    <t>【恒发】接套\HF37811-11GD\磨煤机\RP923\国产</t>
  </si>
  <si>
    <t>【恒发】隔套\HF378.11-16AC\磨煤机\RP923\国产</t>
  </si>
  <si>
    <t>【恒发】隔套\HF3719.11-14D\磨煤机\RP923\国产</t>
  </si>
  <si>
    <t>【恒发】隔热罩体\HF378G1\磨煤机\RP923\国产</t>
  </si>
  <si>
    <t>【恒发】多出口体\HF378.3719\磨煤机\RP923\国产</t>
  </si>
  <si>
    <t>【恒发】橡胶耳轴承\HF-7311\磨煤机\RP923\国产</t>
  </si>
  <si>
    <t>【恒发】端帽\HF378G2\磨煤机\RP923\国产</t>
  </si>
  <si>
    <t>【恒发】压紧环\HF378-9A\磨煤机\RP923\国产</t>
  </si>
  <si>
    <t>【恒发】磨辊轴\HF3719.11-10XS\磨煤机\RP923\国产</t>
  </si>
  <si>
    <t>【恒发】磨辊轴\HF3719.11-10HB\磨煤机\RP923\国产</t>
  </si>
  <si>
    <t>【恒发】锁紧螺母\HF3719.1120G\磨煤机\RP923\国产</t>
  </si>
  <si>
    <t>【恒发】锁紧螺母\HF3719.1128G\磨煤机\RP923\国产</t>
  </si>
  <si>
    <t>【恒发】保护罩\HFK-3719X\磨煤机\RP923\国产</t>
  </si>
  <si>
    <t>【恒发】耐油环\HFK3719GX\磨煤机\RP923\国产</t>
  </si>
  <si>
    <t>【恒发】梅花联轴器\HFX-923GX\磨煤机\RP923\国产</t>
  </si>
  <si>
    <t>【恒发】延伸环\HFK378-G1\磨煤机\RP923\国产</t>
  </si>
  <si>
    <t>【恒发】联轴器钢片\HF923.1003\磨煤机\RP923\国产</t>
  </si>
  <si>
    <t>【恒发】弹性连接件\HFK923.3740\磨煤机\RP923\国产</t>
  </si>
  <si>
    <t>【恒发】清扫减速机\HA9828.6.3.0R\磨煤机\8224\国产</t>
  </si>
  <si>
    <t>【恒发】张紧滚筒配轴系\HA984.3.1.0R\磨煤机\8224\国产</t>
  </si>
  <si>
    <t>【恒发】驱动滚筒\HA984.3.3.0R\磨煤机\8224\国产</t>
  </si>
  <si>
    <t>【恒发】称重托辊\HA9828.3.2.0R\磨煤机\8224\国产</t>
  </si>
  <si>
    <t>【恒发】张紧拉杆座\HA9828.5-29R\磨煤机\8224\国产</t>
  </si>
  <si>
    <t>【恒发】张紧拉杆\HA9828.5-30R\磨煤机\8224\国产</t>
  </si>
  <si>
    <t>【恒发】磨辊轴\HF3719.11-1JS\磨煤机\RP923\国产</t>
  </si>
  <si>
    <t>【恒发】磨辊轴\HF3719.11-1HB\磨煤机\RP923\国产</t>
  </si>
  <si>
    <t>【恒发】磨辊轴封\GP2745X\磨煤机\RP923\国产</t>
  </si>
  <si>
    <t>【恒发】后轴承圈\ZK3712..6.0\磨煤机\RP923\国产</t>
  </si>
  <si>
    <t>【恒发】前支撑圈\ZK3712..2.0\磨煤机\RP923\国产</t>
  </si>
  <si>
    <t>【恒发】前端孔板\ZK3712..1.0\磨煤机\RP923\国产</t>
  </si>
  <si>
    <t>【恒发】弹簧加载装置\HF923.3783\磨煤机\RP923\国产</t>
  </si>
  <si>
    <t>【恒发】弹簧座\ZK3783.3.3.0\磨煤机\RP923\国产</t>
  </si>
  <si>
    <t>【恒发】弹簧柱座\ZK3783-6\磨煤机\RP923\国产</t>
  </si>
  <si>
    <t>【恒发】弹簧座盖\ZK3783.4.0\磨煤机\RP923\国产</t>
  </si>
  <si>
    <t>【恒发】加载螺栓\ZK3783-5\磨煤机\RP923\国产</t>
  </si>
  <si>
    <t>【恒发】键\ZK3783-8\磨煤机\RP923\国产</t>
  </si>
  <si>
    <t>【恒发】锁紧螺母\ZK3783-7\磨煤机\RP923\国产</t>
  </si>
  <si>
    <t>【恒发】弹簧组\HFK3740X\磨煤机\RP923\国产</t>
  </si>
  <si>
    <t>【恒发】密封盖\ZK3783-3\磨煤机\RP923\国产</t>
  </si>
  <si>
    <t>【恒发】盖\ZK3783-9\磨煤机\RP923\国产</t>
  </si>
  <si>
    <t>【恒发】磨碗延伸环\HF3719G\磨煤机\RP923\国产</t>
  </si>
  <si>
    <t>【恒发】轴承透盖\HA974.3.003R\磨煤机\8224\国产</t>
  </si>
  <si>
    <t>【恒发】轴承透盖\HA974.3.008R\磨煤机\8224\国产</t>
  </si>
  <si>
    <t>【恒发】销轴衬套\HA971.4.1R\磨煤机\8224\国产</t>
  </si>
  <si>
    <t>【恒发】轴承座\HA974.3.005R\磨煤机\8224\国产</t>
  </si>
  <si>
    <t>【恒发】轴承座\HA974.3.004R\磨煤机\8224\国产</t>
  </si>
  <si>
    <t>【恒发】传动连接销\HA9728.5-9R\磨煤机\8224\国产</t>
  </si>
  <si>
    <t>【恒发】皮带变速箱\NP-2000X\磨煤机\8224\国产</t>
  </si>
  <si>
    <t>【恒发】叶轮装置\HF8231.7.20G\磨煤机\HP823\国产</t>
  </si>
  <si>
    <t>【恒发】磨碗延伸环\HF8231.71G\磨煤机\HP823\国产</t>
  </si>
  <si>
    <t>【恒发】磨碗夹紧环\HF8231.73G\磨煤机\HP823\国产</t>
  </si>
  <si>
    <t>【恒发】耐磨板\HF823.76\磨煤机\HP823\国产</t>
  </si>
  <si>
    <t>【恒发】磨辊套\HF823.16-1X\磨煤机\HP823\国产</t>
  </si>
  <si>
    <t>【恒发】磨裙罩装置\HF8231.6.40\磨煤机\HP823\国产</t>
  </si>
  <si>
    <t>【恒发】橡胶耳轴承\HF8231.6.60\磨煤机\HP823\国产</t>
  </si>
  <si>
    <t>【恒发】磨辊衬板\HF8231.6-2G\磨煤机\HP823\国产</t>
  </si>
  <si>
    <t>【恒发】磨辊座盖\HF8231.6-3\磨煤机\HP823\国产</t>
  </si>
  <si>
    <t>【恒发】磨轴承挡圈\HF8231.6.6\磨煤机\HP823\国产</t>
  </si>
  <si>
    <t>【恒发】辊下座盖\HF8231.6-11\磨煤机\HP823\国产</t>
  </si>
  <si>
    <t>【恒发】磨辊挡圈\HF8231.6-13\磨煤机\HP823\国产</t>
  </si>
  <si>
    <t>【恒发】磨辊键\HF8231.6-14\磨煤机\HP823\国产</t>
  </si>
  <si>
    <t>【恒发】磨辊立轴\HF8231.6-16\磨煤机\HP823\国产</t>
  </si>
  <si>
    <t>【恒发】轴承隔圈\HF8231.6-21\磨煤机\HP823\国产</t>
  </si>
  <si>
    <t>【恒发】耐油环\HF823.16-22G\磨煤机\HP823\国产</t>
  </si>
  <si>
    <t>【恒发】磨辊套座\HF823.16-33X\磨煤机\HP823\国产</t>
  </si>
  <si>
    <t>【恒发】下裙罩\HF823.15.10X\磨煤机\HP823\国产</t>
  </si>
  <si>
    <t>【恒发】上裙罩\HF823.15.20X\磨煤机\HP823\国产</t>
  </si>
  <si>
    <t>【恒发】膜片联轴器\HF823-1GX\磨煤机\HP823\国产</t>
  </si>
  <si>
    <t>【恒发】弹簧加载装置\HF823.21.0\磨煤机\HP823\国产</t>
  </si>
  <si>
    <t>【恒发】连接器\HF-823X\磨煤机\HP823\国产</t>
  </si>
  <si>
    <t>【恒发】密封轴承\TY0-1A\磨煤机\HP823\国产</t>
  </si>
  <si>
    <t>【恒发】前轴承\TY0-2B\磨煤机\HP823\国产</t>
  </si>
  <si>
    <t>【恒发】后轴承\TY0-3C\磨煤机\HP823\国产</t>
  </si>
  <si>
    <t>【恒发】轴封\HFV008-19X\磨煤机\HP823\国产</t>
  </si>
  <si>
    <t>【恒发】磨辊套\HF923-1X\磨煤机\RP923\国产</t>
  </si>
  <si>
    <t>【恒发】密封圈\HF923.11.24\磨煤机\HP823\国产</t>
  </si>
  <si>
    <t>【恒发】密封圈\HF823.16.5\磨煤机\HP823\国产</t>
  </si>
  <si>
    <t>【恒发】接套\HF378A\磨煤机\RP923\国产</t>
  </si>
  <si>
    <t>【恒发】磨辊头\HFK9233\磨煤机\RP923\国产</t>
  </si>
  <si>
    <t>【恒发】磨辊头\HFK8233\磨煤机\HP823\国产</t>
  </si>
  <si>
    <t>【恒发】耳轴衬套\HF8233\磨煤机\HP823\国产</t>
  </si>
  <si>
    <t>【恒发】耳轴左\HF823.1624\磨煤机\HP823\国产</t>
  </si>
  <si>
    <t>【恒发】耳轴右\HF823.1630\磨煤机\HP823\国产</t>
  </si>
  <si>
    <t>【恒发】磨辊上罩壳\HF923.11-12G\磨煤机\RP923\国产</t>
  </si>
  <si>
    <t>【恒发】磨辊下罩壳\HF923.11.3.0G\磨煤机\RP923\国产</t>
  </si>
  <si>
    <t>【恒发】磨辊头衬板\HF823.16.0X\磨煤机\HP823\国产</t>
  </si>
  <si>
    <t>【恒发】刮板装置\HF823.1XG\磨煤机\HP823\国产</t>
  </si>
  <si>
    <t>【恒发】叶轮护板\HF823.2XG\磨煤机\HP823\国产</t>
  </si>
  <si>
    <t>【恒发】耐磨运营板\HF823.3XG\磨煤机\HP823\国产</t>
  </si>
  <si>
    <t>【恒发】耐磨密封板\HF823.4XG\磨煤机\HP823\国产</t>
  </si>
  <si>
    <t>【恒发】磨辊护板\HF823.5XG\磨煤机\HP823\国产</t>
  </si>
  <si>
    <t>【恒发】刮板装置\HF3719-G1\磨煤机\RH923\国产</t>
  </si>
  <si>
    <t>【恒发】文丘里\HF3719XG\磨煤机\RP923\国产</t>
  </si>
  <si>
    <t>【恒发】出口文丘里套管\HF378.2-5\磨煤机\RP923\国产</t>
  </si>
  <si>
    <t>【恒发】磨辊套\HF371.9DH\磨煤机\RP923\国产</t>
  </si>
  <si>
    <t>【恒发】磨辊套\HF8233DH\磨煤机\HP823\国产</t>
  </si>
  <si>
    <t>【恒发】驱动链轮轴\HA9728.6(G)\磨煤机\9224\国产</t>
  </si>
  <si>
    <t>【恒发】从动链轮轴\HA9728.6.1.0\磨煤机\9224\国产</t>
  </si>
  <si>
    <t>【恒发】加载螺栓\HF8233.2-9\磨煤机\HP823\国产</t>
  </si>
  <si>
    <t>【恒发】锁紧螺母\HF8233.2-7\磨煤机\HP823\国产</t>
  </si>
  <si>
    <t>【恒发】弹簧座盖\HF8233.17.2.0\磨煤机\HP823\国产</t>
  </si>
  <si>
    <t>【恒发】弹簧\HF8233.17-11\磨煤机\HP823\国产</t>
  </si>
  <si>
    <t>【恒发】弹簧座\HF8233-1\磨煤机\HP823\国产</t>
  </si>
  <si>
    <t>【恒发】分离器\R1590×1180×1130×800\磨煤机\RP923\国产</t>
  </si>
  <si>
    <t>【恒发】分离器\R1497×R1425×1820×668\磨煤机\HP823\国产</t>
  </si>
  <si>
    <t>【恒发】下罩壳\φ1632×1410×1360mmH=259mm\磨煤机\RP923\国产</t>
  </si>
  <si>
    <t>【邦威•世家】皮鞋</t>
  </si>
  <si>
    <t>邦威防护科技股份有限公司</t>
  </si>
  <si>
    <t>邦威•世家</t>
  </si>
  <si>
    <t>GNWZBP(TH)ZECG2020-289</t>
  </si>
  <si>
    <t>国家能源e购商城邦威工装长协采购铺货采购合同</t>
  </si>
  <si>
    <t>【邦威•世家】作训鞋</t>
  </si>
  <si>
    <t>【奥汀思登】冬作训服</t>
  </si>
  <si>
    <t>奥汀思登</t>
  </si>
  <si>
    <t>【奥汀思登】夏作训服</t>
  </si>
  <si>
    <t>【奥汀思登】体能服</t>
  </si>
  <si>
    <t>【奥技异】采集器\SPU2100(P)\机组在线监测系统\SPU2100\奥技异\国产</t>
  </si>
  <si>
    <t>北京奥技异电气技术研究所有限公司</t>
  </si>
  <si>
    <t>奥技异</t>
  </si>
  <si>
    <t>GNWZBP(TH)ZYCG2020-237</t>
  </si>
  <si>
    <t>国家能源e购商城大渡河流域2020年度奥技异机组在线监测系统备件及服务铺货采购合同</t>
  </si>
  <si>
    <t>成都大汇物联科技有限公司</t>
  </si>
  <si>
    <t>【奥技异】逆变电源\OGE-PD2000\AC/DC220V/AC220V\奥技异</t>
  </si>
  <si>
    <t>【奥技异】工控机\P150-4M\奥技异</t>
  </si>
  <si>
    <t>【奥技异】稳压电源\DCPU2100\AC220V\DC±12/±24V\3A</t>
  </si>
  <si>
    <t>【奥技异】摆度传感器\Rockwell 1442\奥技异\国产</t>
  </si>
  <si>
    <t>【奥技异】位移传感器\OGE-811104R-01-07L-90-02\奥技异\国产</t>
  </si>
  <si>
    <t>【奥技异】振动传感器\DP-VB-400\奥技异\国产</t>
  </si>
  <si>
    <t>【奥技异】气隙传感器前置器\AGMS C45\机组状态监测系统\PSTA2100\进口</t>
  </si>
  <si>
    <t>【奥技异】磁场强度传感器\GMF2.0\机组状态监测系统\PSTA2100\进口</t>
  </si>
  <si>
    <t>【奥技异】键相模块\KEY-1\机组在线监测系统\PSTA2100\奥技异\国产</t>
  </si>
  <si>
    <t>【奥技异】光纤收发器\BR-C107SC</t>
  </si>
  <si>
    <t>【奥技异】交换机\IES-150B 100M 5口</t>
  </si>
  <si>
    <t>【奥技异】工业键盘\K-818</t>
  </si>
  <si>
    <t>【奥技异】串口转换器\D-485/9D</t>
  </si>
  <si>
    <t>【奥技异】检修服务-技术服务-外委</t>
  </si>
  <si>
    <t>【大庆隆锋】无机纤维垫片\φ1786×1698×3mm\压缩无机纤维</t>
  </si>
  <si>
    <t>大庆隆锋机械设备制造有限公司</t>
  </si>
  <si>
    <t>大庆隆锋</t>
  </si>
  <si>
    <t>GNWZBP(TH)ZECG2020-291</t>
  </si>
  <si>
    <t>国家能源e购商城大庆隆锋垫片长协铺货采购合同</t>
  </si>
  <si>
    <t>【大庆隆锋】内外环缠绕垫\28" 300LB\304+304+石墨+304\ASME B16.20</t>
  </si>
  <si>
    <t>【大庆隆锋】包覆垫片\DN500 PN1.6\304+柔性石墨\NB/T47026</t>
  </si>
  <si>
    <t>【大庆隆锋】椭圆垫片\8" 900LB\5Cr0.5Mo\ASME B 16.20</t>
  </si>
  <si>
    <t>【大庆隆锋】内外环缠绕垫\DN200 PN50\304+304+石墨+304\HG20631</t>
  </si>
  <si>
    <t>【大庆隆锋】带活动对中环型齿形垫片\DN50 600LB\304+石墨\HG/T20632</t>
  </si>
  <si>
    <t>【大庆隆锋】管箱垫片\HC028-14-006-06\污水汽提塔底重沸器\BJS1800-2.5/2.5-930­6.0/25-4\国产</t>
  </si>
  <si>
    <t>【大庆隆锋】管箱侧垫片\SRTZ-H1410R014E303-02\甲醇蒸汽换热器\BKU1400/2800-2.5/2.5-640-6/25\国产</t>
  </si>
  <si>
    <t>【大庆隆锋】内外环缠绕垫\DN400 PN16\CRS+304+石墨+304\HG/T20610</t>
  </si>
  <si>
    <t>【大庆隆锋】带外环缠绕垫\DN15 150LB\CRS+321+石墨\HG/T20631</t>
  </si>
  <si>
    <t>【大庆隆锋】内外环缠绕垫\DN450 300LB\Q235A+304+石墨+304\HG/T20631</t>
  </si>
  <si>
    <t>【大庆隆锋】内外环缠绕垫\DN500 900LB\CRS+304+石墨+304\HG/T20631</t>
  </si>
  <si>
    <t>【大庆隆锋】椭圆垫片\1" 900LB\321\ASME B16.20</t>
  </si>
  <si>
    <t>【大庆隆锋】O型密封圈\φ195×8.6mm\氟橡胶</t>
  </si>
  <si>
    <t>【大庆隆锋】内外环缠绕垫\DN250 600LB\CRS+304+石墨+304\HG/T20631</t>
  </si>
  <si>
    <t>【大庆隆锋】内外环缠绕垫\DN200 900LB\CRS+304+石墨+304\HG/T20631</t>
  </si>
  <si>
    <t>【大庆隆锋】椭圆垫片\6" 900LB\321\ASME B16.20</t>
  </si>
  <si>
    <t>【大庆隆锋】椭圆垫片\DN500 900LB\316L\ASME B16.20</t>
  </si>
  <si>
    <t>【大庆隆锋】八角垫片\1/2" 1500LB\321\ASME B16.20</t>
  </si>
  <si>
    <t>【大庆隆锋】椭圆垫片\1" 900LB\10#\ASME B 16.20</t>
  </si>
  <si>
    <t>【大庆隆锋】椭圆垫片\3" 900LB\A182 F5\ASME B 16.20</t>
  </si>
  <si>
    <t>【大庆隆锋】椭圆垫片\12" 900LB\304\ASME B 16.20</t>
  </si>
  <si>
    <t>【大庆隆锋】内外环缠绕垫\DN50 150LB\Q235B+304+石墨+304\HG/T20631</t>
  </si>
  <si>
    <t>【大庆隆锋】内外环缠绕垫\DN300 300LB\CRS+304+石墨+304\HG/T20631</t>
  </si>
  <si>
    <t>【大庆隆锋】内外环缠绕垫\DN25 300LB\CRS+304+柔性石墨+304\HG/T20631</t>
  </si>
  <si>
    <t>【大庆隆锋】聚四氟乙烯垫片\DN150 PN16\RF\聚四氟乙烯\HG/T20606</t>
  </si>
  <si>
    <t>【大庆隆锋】基本型缠绕垫\φ680×630×4.5mm\304+石墨</t>
  </si>
  <si>
    <t>【大庆隆锋】内外环缠绕垫\φ150×122×96×84×4.5mm\304+304+聚四氟乙烯+304</t>
  </si>
  <si>
    <t>【大庆隆锋】外头盖垫片\YPE4001-1\再生塔顶水冷器\BJS500-1.0-55-6/25-2I\国产</t>
  </si>
  <si>
    <t>【大庆隆锋】内外环缠绕垫\DN800 150LB\304+304+石墨+304\HG/T20631</t>
  </si>
  <si>
    <t>【大庆隆锋】聚四氟乙烯垫片\φ94.5×49×1.5mm\聚四氟乙烯</t>
  </si>
  <si>
    <t>【大庆隆锋】内外环缠绕垫\DN50 150LB\304+304L+聚四氟乙烯+304L\HG/T20631</t>
  </si>
  <si>
    <t>【大庆隆锋】带内环缠绕垫\φ600×550×520×4.5mm\304+石墨+304</t>
  </si>
  <si>
    <t>【大庆隆锋】带内环波齿复合垫片\φ270×220×200×4.5mm\304+石墨</t>
  </si>
  <si>
    <t>【大庆隆锋】无石棉垫片\φ380×350×3mm\丁腈橡胶+合成纤维</t>
  </si>
  <si>
    <t>【大庆隆锋】聚四氟乙烯垫片\1050×410×950×310×3mm 长方形\聚四氟乙烯</t>
  </si>
  <si>
    <t>【大庆隆锋】密封条\10×2mm\氟橡胶</t>
  </si>
  <si>
    <t>【大庆隆锋】椭圆垫片\2-1/2" 900LB\10#\ASME B16.20</t>
  </si>
  <si>
    <t>【大庆隆锋】橡胶垫片\1840×1840×1714×1714×3mm 长方形\氯丁橡胶</t>
  </si>
  <si>
    <t>【大庆隆锋】内外环缠绕垫\DN800 PN16\304+304+石墨+304\HG/T20610</t>
  </si>
  <si>
    <t>【大庆隆锋】内外环缠绕垫\DN350 150LB\304+304+石墨+304\HG/T20631</t>
  </si>
  <si>
    <t>【大庆隆锋】内外环缠绕垫\DN40 600LB\CRS+304+柔性石墨+304\HG/T20631</t>
  </si>
  <si>
    <t>【大庆隆锋】带内环缠绕垫\DN350 PN100\304+石墨+304\HG/T20610</t>
  </si>
  <si>
    <t>【大庆隆锋】内外环缠绕垫\DN600 150LB\304+304+石墨+304\HG/T20631</t>
  </si>
  <si>
    <t>【大庆隆锋】内外环缠绕垫\1″ 300LB\304+304+石墨+316L\ASME B16.20</t>
  </si>
  <si>
    <t>【大庆隆锋】内外环缠绕垫\DN2000B 150LB\304+304+石墨+304\HG/T20631</t>
  </si>
  <si>
    <t>【大庆隆锋】橡胶垫片\2300×450×2140×290×5mm 矩形\EPDM</t>
  </si>
  <si>
    <t>【大庆隆锋】内外环缠绕垫\30" 150LB\304+304+石墨+304\ASME B16.20</t>
  </si>
  <si>
    <t>【大庆隆锋】带内环缠绕垫\DN1300 PN4.0\304+石墨+304\NB/T47025</t>
  </si>
  <si>
    <t>【大庆隆锋】基本型缠绕垫\φ270×200×3.5mm\304+石墨</t>
  </si>
  <si>
    <t>【大庆隆锋】带外环缠绕垫\DN900 PN1.6\304+304+石墨\NB/T47025</t>
  </si>
  <si>
    <t>【大庆隆锋】聚四氟乙烯垫片\φ185×165×1mm\聚四氟乙烯</t>
  </si>
  <si>
    <t>【大庆隆锋】内外环缠绕垫\DN450 150LB\304+304+石墨+304\HG/T20631</t>
  </si>
  <si>
    <t>【大庆隆锋】齿形垫片\φ680×630×4.5mm 带筋 宽20mm\304+石墨</t>
  </si>
  <si>
    <t>【大庆隆锋】内外环缠绕垫\DN400 150LB\304+304+石墨+304\HG/T20631</t>
  </si>
  <si>
    <t>【大庆隆锋】O型密封圈\φ380×10mm\氟橡胶</t>
  </si>
  <si>
    <t>【大庆隆锋】换热器垫片\G8-500-1.6-4\JB/T4720</t>
  </si>
  <si>
    <t>【大庆隆锋】基本型缠绕垫\φ460×410×4.5mm\304+石墨</t>
  </si>
  <si>
    <t>【大庆隆锋】内外环缠绕垫\26" 300LB\304+316+石墨+304\ASME B16.20</t>
  </si>
  <si>
    <t>【大庆隆锋】内外环缠绕垫\1" 1500LB\316L+316L+聚四氟乙烯+316L\ASME B16.20</t>
  </si>
  <si>
    <t>【大庆隆锋】内外环缠绕垫\φ770×660×640×620×3.5mm\304+304+石墨+304</t>
  </si>
  <si>
    <t>【大庆隆锋】基本型缠绕垫\φ460×400×3.5mm\304+石墨</t>
  </si>
  <si>
    <t>【大庆隆锋】聚四氟乙烯垫片\φ75×43×1.5mm\聚四氟乙烯</t>
  </si>
  <si>
    <t>【大庆隆锋】内外环缠绕垫\20" 900LB\304+304+石墨+304\ASME B16.20</t>
  </si>
  <si>
    <t>【大庆隆锋】波齿复合垫片\φ902×854×4.5mm\304+石墨</t>
  </si>
  <si>
    <t>【大庆隆锋】内外环缠绕垫\DN40 300LB\304+304+石墨+304\HG/T20631</t>
  </si>
  <si>
    <t>【大庆隆锋】橡胶垫片\1010×880×910×710×2.5mm 长方形\丁腈橡胶</t>
  </si>
  <si>
    <t>【大庆隆锋】内外环缠绕垫\DN350 600LB\304+304+石墨+304\HG/T20631</t>
  </si>
  <si>
    <t>【大庆隆锋】椭圆垫片\4″ 900LB\F5\ASME B16.20</t>
  </si>
  <si>
    <t>【大庆隆锋】八角垫片\DN100 900LB\304\HG/T20633</t>
  </si>
  <si>
    <t>【大庆隆锋】内外环缠绕垫\DN80 PN16\CRS+304+石墨+304\HG/T20610</t>
  </si>
  <si>
    <t>【大庆隆锋】内外环缠绕垫\DN25 300LB\CRS+321+石墨+321\HG/T20631</t>
  </si>
  <si>
    <t>【大庆隆锋】内外环缠绕垫\DN350 900LB\CRS+304+石墨+304\HG/T20631</t>
  </si>
  <si>
    <t>【大庆隆锋】内外环缠绕垫\DN800B 300BL\304+304+石墨+304\HG/T20631</t>
  </si>
  <si>
    <t>【大庆隆锋】椭圆垫片\2" 900LB\321\ASME B16.20</t>
  </si>
  <si>
    <t>【大庆隆锋】内外环缠绕垫\DN500 150LB\CRS+304+石墨+304\HG/T20631</t>
  </si>
  <si>
    <t>【大庆隆锋】内外环缠绕垫\DN100 600LB\304+304+石墨+304\HG/T20631</t>
  </si>
  <si>
    <t>【大庆隆锋】聚四氟乙烯垫片\φ544×510×3mm\改性聚四氟乙烯</t>
  </si>
  <si>
    <t>【大庆隆锋】椭圆垫片\1" 900LB\INCONEL 625\ASME B 16.20</t>
  </si>
  <si>
    <t>【大庆隆锋】内外环缠绕垫\DN32 150LB\Q235A+304+石墨+304\HG/T20631</t>
  </si>
  <si>
    <t>【大庆隆锋】内外环缠绕垫\DN15 300LB\304+304+石墨+304\HG/T20631</t>
  </si>
  <si>
    <t>【大庆隆锋】椭圆垫片\1-1/2" 900LB\321\ASME B16.20</t>
  </si>
  <si>
    <t>【大庆隆锋】椭圆垫片\16" 900LB\321\ASME B16.20</t>
  </si>
  <si>
    <t>【大庆隆锋】八角垫片\2" 1500LB\Soft iron\ASME B16.20</t>
  </si>
  <si>
    <t>【大庆隆锋】椭圆垫片\3" 900LB\10#\ASME B16.20</t>
  </si>
  <si>
    <t>【大庆隆锋】内外环缠绕垫\8" 300LB\304+304+石墨+304\ASME B16.20</t>
  </si>
  <si>
    <t>【大庆隆锋】带外环缠绕垫\DN200 600LB\Q235A+304+石墨\HG/T20631</t>
  </si>
  <si>
    <t>【大庆隆锋】内外环缠绕垫\DN900 150LB\304+304+石墨+304\HG/T20631</t>
  </si>
  <si>
    <t>【大庆隆锋】内外环缠绕垫\DN100 900LB\CRS+304+石墨+304\HG/T20631</t>
  </si>
  <si>
    <t>【大庆隆锋】带外环缠绕垫\DN125 600LB\CRS+321+石墨\HG/T20631</t>
  </si>
  <si>
    <t>【大庆隆锋】内外环缠绕垫\DN150 150LB\304+304+石墨+304\HG/T20631</t>
  </si>
  <si>
    <t>【大庆隆锋】内外环缠绕垫\DN65 900LB\CRS+304+石墨+304\HG/T20631</t>
  </si>
  <si>
    <t>【大庆隆锋】橡胶垫片\611×370×515×274×2.5mm 长方形\丁腈橡胶</t>
  </si>
  <si>
    <t>【大庆隆锋】带外环缠绕垫\φ330×320×277×4.5mm\304+304+石墨</t>
  </si>
  <si>
    <t>【大庆隆锋】内外环缠绕垫\4" 300LB\304+304+石墨+304\ASME B16.20</t>
  </si>
  <si>
    <t>【大庆隆锋】内外环缠绕垫\DN40 150LB\CRS+304+石墨+304\HG/T20631</t>
  </si>
  <si>
    <t>【大庆隆锋】内外环缠绕垫\3/4" 600LB\304+304+石墨+304\ASME B16.20</t>
  </si>
  <si>
    <t>【大庆隆锋】内外环缠绕垫\4" 150LB\304+304+聚四氟乙烯+304\ASME B16.20</t>
  </si>
  <si>
    <t>【大庆隆锋】内外环缠绕垫\DN20 150LB\304+304+聚四氟乙烯+304\HG20631</t>
  </si>
  <si>
    <t>【大庆隆锋】聚四氟乙烯垫片\DN350 150LB\RF\PTFE\HG/T20627</t>
  </si>
  <si>
    <t>【大庆隆锋】垫片\B22-600-2.5 JB/T4705-2000\脱轻塔再沸器\1611E1402\国产</t>
  </si>
  <si>
    <t>【大庆隆锋】内外环缠绕垫\14" 300LB\304+304+石墨+304\ASME B16.20</t>
  </si>
  <si>
    <t>【大庆隆锋】聚四氟乙烯垫片\DN80 150LB\RF\聚四氟乙烯\HG/T20627</t>
  </si>
  <si>
    <t>【大庆隆锋】聚四氟乙烯垫片\DN40 150LB\RF\PTFE\HG/T20627</t>
  </si>
  <si>
    <t>【大庆隆锋】聚四氟乙烯垫片\DN1400 PN16\RF\聚四氟乙烯\HG/T20606</t>
  </si>
  <si>
    <t>【大庆隆锋】内外环缠绕垫\1" 600LB\304+304+石墨+304\ASME B16.20</t>
  </si>
  <si>
    <t>【大庆隆锋】带活动对中环型齿形垫片\DN200 600LB\304+石墨\HG/T20632</t>
  </si>
  <si>
    <t>【大庆隆锋】带活动对中环型齿形垫片\DN200 150LB\304+石墨\HG/T20632</t>
  </si>
  <si>
    <t>【大庆隆锋】带活动对中环型齿形垫片\DN65 600LB\304+石墨\HG/T20632</t>
  </si>
  <si>
    <t>【大庆隆锋】管箱侧垫片\HC028-14-006-06\污水汽提塔底重沸器\BJS1800-2.5/2.5-930­6.0/25-4\国产</t>
  </si>
  <si>
    <t>【大庆隆锋】管箱垫片\SRTZ-H1410R014E303-02\甲醇蒸汽换热器\BKU1400/2800-2.5/2.5-640-6/25\国产</t>
  </si>
  <si>
    <t>【大庆隆锋】内外环缠绕垫\DN300 PN16\CRS+304+石墨+304\HG/T20610</t>
  </si>
  <si>
    <t>【大庆隆锋】带外环缠绕垫\DN80 150LB\CRS+321+石墨\HG/T20631</t>
  </si>
  <si>
    <t>【大庆隆锋】内外环缠绕垫\DN350 300LB\Q235A+304+石墨+304\HG/T20631</t>
  </si>
  <si>
    <t>【大庆隆锋】椭圆垫片\1" 900LB\316L\ASME B16.20</t>
  </si>
  <si>
    <t>【大庆隆锋】内外环缠绕垫\DN1200 150LB\304+304+石墨+304\HG/T20631</t>
  </si>
  <si>
    <t>【大庆隆锋】椭圆垫片\DN200 1500LB\F5\HG/T20633</t>
  </si>
  <si>
    <t>【大庆隆锋】椭圆垫片\1" 900LB\ASTM A182 F5\ASME B16.20</t>
  </si>
  <si>
    <t>【大庆隆锋】椭圆垫片\1/2" 1500LB\20#\ASME B 16.20</t>
  </si>
  <si>
    <t>【大庆隆锋】聚四氟乙烯垫片\DN15 PN16\RF\聚四氟乙烯\HG/T20606</t>
  </si>
  <si>
    <t>【大庆隆锋】椭圆垫片\16″ 900LB\304L\ASME B16.20</t>
  </si>
  <si>
    <t>【大庆隆锋】带内环缠绕垫\φ1208×1158×1122×4.5mm\304+石墨+304</t>
  </si>
  <si>
    <t>【大庆隆锋】缠绕垫\C13-1400-1.6\GB/T29463.2</t>
  </si>
  <si>
    <t>【大庆隆锋】椭圆垫片\1" 1500LB\304L\ASME B 16.20</t>
  </si>
  <si>
    <t>【大庆隆锋】聚四氟乙烯垫片\DN1200 PN0.6\RF\PTFE\NB/T47024</t>
  </si>
  <si>
    <t>【大庆隆锋】内外环缠绕垫\DN250 600LB\304+304+石墨+304\HG/T20631</t>
  </si>
  <si>
    <t>【大庆隆锋】带活动对中环型齿形垫片\DN125 900LB\304+石墨\HG/T20632</t>
  </si>
  <si>
    <t>【大庆隆锋】内外环缠绕垫\DN700B 300LB\304+304+石墨+304\HG/T20631</t>
  </si>
  <si>
    <t>【大庆隆锋】带活动对中环型齿形垫片\DN300 900LB\304+石墨\HG/T20632</t>
  </si>
  <si>
    <t>【大庆隆锋】椭圆垫片\1" 1500LB\316L\ASME B 16.20</t>
  </si>
  <si>
    <t>【大庆隆锋】椭圆垫片\36" 900LB\304L\ASME B 16.20</t>
  </si>
  <si>
    <t>【大庆隆锋】椭圆垫片\8" 1500LB\304L\HG/T20633</t>
  </si>
  <si>
    <t>【大庆隆锋】内外环缠绕垫\DN900 PN4.0\304+304+石墨+304\NB/T47025</t>
  </si>
  <si>
    <t>【大庆隆锋】带活动对中环型齿形垫片\DN100 300LB\304+石墨\HG/T20632</t>
  </si>
  <si>
    <t>【大庆隆锋】带活动对中环型齿形垫片\DN32 900LB\304+石墨\HG/T20632</t>
  </si>
  <si>
    <t>【大庆隆锋】垫片\φ147×115×0.6mm PTFE\磁力驱动离心泵\MCAM2/2/A1\国产</t>
  </si>
  <si>
    <t>【大庆隆锋】内外环缠绕垫\DN1100 150LB\304+304+石墨+304\HG20631</t>
  </si>
  <si>
    <t>【大庆隆锋】聚四氟乙烯垫片\DN450 150LB\RF\PTFE\HG/T20627</t>
  </si>
  <si>
    <t>【大庆隆锋】内外环缠绕垫\DN80 600LB\CRS+304+柔性石墨+304\HG/T20631</t>
  </si>
  <si>
    <t>【大庆隆锋】椭圆垫片\3" 900LB\INCONEL 625\ASME B16.20</t>
  </si>
  <si>
    <t>【大庆隆锋】椭圆垫片\8" 900LB\625\ASME B16.20</t>
  </si>
  <si>
    <t>【大庆隆锋】内外环缠绕垫\10" 300LB\304+304+石墨+304\ASME B16.20</t>
  </si>
  <si>
    <t>【大庆隆锋】聚四氟乙烯垫片\DN600 150LB\RF\聚四氟乙烯\HG/T20627</t>
  </si>
  <si>
    <t>【大庆隆锋】聚四氟乙烯垫片\DN300 PN16\RF\聚四氟乙烯\HG/T20606</t>
  </si>
  <si>
    <t>【大庆隆锋】带外环缠绕垫\DN50 150LB\304+304+石墨\HG/T20631</t>
  </si>
  <si>
    <t>【大庆隆锋】内外环缠绕垫\42″ 900LB\304+304+石墨+304\ASME B16.20</t>
  </si>
  <si>
    <t>【大庆隆锋】金属包垫片\DN1400 PN1.6\304+柔性石墨板\NB/T47026</t>
  </si>
  <si>
    <t>【大庆隆锋】带内环缠绕垫\DN600 600LB\304+石墨+304\HG/T20631</t>
  </si>
  <si>
    <t>【大庆隆锋】内外环缠绕垫\DN600 PN16\304+304+石墨+304\HG/T20610</t>
  </si>
  <si>
    <t>【大庆隆锋】内外环缠绕垫\DN600 300LB\304+304L+石墨+304L\HG/T20631</t>
  </si>
  <si>
    <t>【大庆隆锋】内外环缠绕垫\16" 150LB\304+304+石墨+304\ASME B16.20</t>
  </si>
  <si>
    <t>【大庆隆锋】聚四氟乙烯垫片\DN20 150LB\RF\RPTFE\HG/T20627</t>
  </si>
  <si>
    <t>【大庆隆锋】椭圆垫片\16" 900LB\316L\ASME B16.20</t>
  </si>
  <si>
    <t>【大庆隆锋】内外环缠绕垫\12" 600LB\304+304+石墨+304\ASME B16.20</t>
  </si>
  <si>
    <t>【大庆隆锋】聚四氟乙烯垫片\DN700 PN16\RF\聚四氟乙烯\HG/T20606</t>
  </si>
  <si>
    <t>【大庆隆锋】内外环缠绕垫\14" 150LB\304+304+石墨+304\ASME B16.20</t>
  </si>
  <si>
    <t>【大庆隆锋】聚四氟乙烯垫片\DN1000 PN16\RF\聚四氟乙烯\HG/T20606</t>
  </si>
  <si>
    <t>【大庆隆锋】换热器垫片\G13-800-2.5-2B JB/T4719\换热器\BJS800-2.5-170-6/25-2I\国产</t>
  </si>
  <si>
    <t>【大庆隆锋】内外环缠绕垫\DN400 150LB\CRS+304+石墨+304\HG/T20631</t>
  </si>
  <si>
    <t>【大庆隆锋】内外环缠绕垫\DN80 300LB\CRS+304+柔性石墨+304\HG/T20631</t>
  </si>
  <si>
    <t>【大庆隆锋】内外环缠绕垫\1-1/2" 150LB\304+304+聚四氟乙烯+304\ASME B16.20</t>
  </si>
  <si>
    <t>【大庆隆锋】内外环缠绕垫\3" 300LB\304+304+石墨+304\ASME B16.20</t>
  </si>
  <si>
    <t>【大庆隆锋】内外环缠绕垫\DN500 PN16\CRS+304+石墨+304\HG/T20610</t>
  </si>
  <si>
    <t>【大庆隆锋】内外环缠绕垫\1" 150LB\316L+316L+聚四氟乙烯+316L\ASME B16.20</t>
  </si>
  <si>
    <t>【大庆隆锋】内外环缠绕垫\DN350 1500LB\CRS+316L+石墨+316L\HG/T20631</t>
  </si>
  <si>
    <t>【大庆隆锋】基本型缠绕垫\φ760×700×3.5mm\304+石墨</t>
  </si>
  <si>
    <t>【大庆隆锋】内外环缠绕垫\DN450 300LB\304+304+石墨+304\HG/T20631</t>
  </si>
  <si>
    <t>【大庆隆锋】橡胶垫片\φ360×312×4.5mm\氟橡胶</t>
  </si>
  <si>
    <t>【大庆隆锋】波齿复合垫片\φ678×644×4.5mm\304+石墨</t>
  </si>
  <si>
    <t>【大庆隆锋】基本型缠绕垫\φ421×401×4.5mm\304+石墨</t>
  </si>
  <si>
    <t>【大庆隆锋】内外环缠绕垫\26" 150LB\304+304+石墨+304\ASME B16.20</t>
  </si>
  <si>
    <t>【大庆隆锋】金属包垫片\DN1300 PN1.6\06Cr19Ni10+柔性石墨\NB/T47026</t>
  </si>
  <si>
    <t>【大庆隆锋】内外环缠绕垫\DN125 300LB\CRS+304+石墨+304\HG/T20631</t>
  </si>
  <si>
    <t>【大庆隆锋】基本型缠绕垫\φ876×856×7mm\304+石墨</t>
  </si>
  <si>
    <t>【大庆隆锋】聚四氟乙烯垫片\600×500×500×400×3mm 矩形\聚四氟乙烯</t>
  </si>
  <si>
    <t>【大庆隆锋】带内环缠绕垫\DN450 600LB\304+石墨+304\HG/T20631</t>
  </si>
  <si>
    <t>【大庆隆锋】内外环缠绕垫\DN350 PN2.5\CRS+304+石墨+CRS\NB/T47025</t>
  </si>
  <si>
    <t>【大庆隆锋】椭圆垫片\16" 900LB\5Cr0.5Mo\ASME B 16.20</t>
  </si>
  <si>
    <t>【大庆隆锋】八角垫片\1-1/2" 1500LB\INCONEL 625\ASME B16.20</t>
  </si>
  <si>
    <t>【大庆隆锋】内外环缠绕垫\DN300 150LB\304+304+石墨+304\HG/T20631</t>
  </si>
  <si>
    <t>【大庆隆锋】内外环缠绕垫\DN600 PN1.0\304+304+石墨+304\NB/T47025</t>
  </si>
  <si>
    <t>【大庆隆锋】带活动对中环型齿形垫片\DN450 150LB\304+石墨\HG/T20632</t>
  </si>
  <si>
    <t>【大庆隆锋】带活动对中环型齿形垫片\DN600 300LB\304+石墨\HG/T20632</t>
  </si>
  <si>
    <t>【大庆隆锋】带活动对中环型齿形垫片\DN20 900LB\304+石墨\HG/T20632</t>
  </si>
  <si>
    <t>【大庆隆锋】内外环缠绕垫\24" 150LB\304+304+石墨+304\ASME B16.20</t>
  </si>
  <si>
    <t>【大庆隆锋】椭圆垫片\3/4" 1500LB\304L\ASME B 16.20</t>
  </si>
  <si>
    <t>【大庆隆锋】椭圆垫片\20" 900LB\5Cr0.5Mo\ASME B 16.20</t>
  </si>
  <si>
    <t>【大庆隆锋】椭圆垫片\12″ 900LB\INCONEL 625\ASME B16.20</t>
  </si>
  <si>
    <t>【大庆隆锋】带内环缠绕垫\DN400 PN4.0\304+石墨+304\NB/T47025</t>
  </si>
  <si>
    <t>【大庆隆锋】带活动对中环型齿形垫片\DN15 900LB\304+石墨\HG/T20632</t>
  </si>
  <si>
    <t>【大庆隆锋】带活动对中环型齿形垫片\DN50 150LB\304+石墨\HG/T20632</t>
  </si>
  <si>
    <t>【大庆隆锋】带活动对中环型齿形垫片\DN80 150LB\304+石墨\HG/T20632</t>
  </si>
  <si>
    <t>【大庆隆锋】带活动对中环型齿形垫片\DN100 150LB\304+石墨\HG/T20632</t>
  </si>
  <si>
    <t>【大庆隆锋】带活动对中环型齿形垫片\DN125 600LB\304+石墨\HG/T20632</t>
  </si>
  <si>
    <t>【大庆隆锋】管箱垫片\HC028-14-010-03\蒸汽甲醇过热器\BIU1300-5.35/4.28-500-6/25-2I\国产</t>
  </si>
  <si>
    <t>【大庆隆锋】带内环缠绕垫\DN650 PN2.5\304+石墨+304\NB/T47025</t>
  </si>
  <si>
    <t>【大庆隆锋】带内环缠绕垫\DN1100 PN4.0\304+石墨+304\NB/T47025</t>
  </si>
  <si>
    <t>【大庆隆锋】带内环缠绕垫\DN1200 PN2.5\304+石墨+304\NB/T47025</t>
  </si>
  <si>
    <t>【大庆隆锋】内外环缠绕垫\DN20 PN16\CRS+304+石墨+304\HG/T20610</t>
  </si>
  <si>
    <t>【大庆隆锋】带外环缠绕垫\DN200 600LB\CRS+321+石墨\HG/T20631</t>
  </si>
  <si>
    <t>【大庆隆锋】内外环缠绕垫\DN600 900LB\CRS+304+石墨+304\HG/T20631</t>
  </si>
  <si>
    <t>【大庆隆锋】内外环缠绕垫\DN500 300LB\CRS+304+石墨+304\HG/T20631</t>
  </si>
  <si>
    <t>【大庆隆锋】内外环缠绕垫\DN32 900LB\CRS+304+石墨+304\HG/T20631</t>
  </si>
  <si>
    <t>【大庆隆锋】内外环缠绕垫\DN250 900LB\CRS+304+石墨+304\HG/T20631</t>
  </si>
  <si>
    <t>【大庆隆锋】椭圆垫片\3" 900LB\321\ASME B16.20</t>
  </si>
  <si>
    <t>【大庆隆锋】椭圆垫片\3/4" 900LB\316L\ASME B16.20</t>
  </si>
  <si>
    <t>【大庆隆锋】椭圆垫片\10″ 900LB\321\ASME B16.20</t>
  </si>
  <si>
    <t>【大庆隆锋】椭圆垫片\14″ 900LB\321\ASME B16.20</t>
  </si>
  <si>
    <t>【大庆隆锋】八角垫片\3/4" 1500LB\Soft iron\ASME B16.20</t>
  </si>
  <si>
    <t>【大庆隆锋】内外环缠绕垫\DN50 300LB\CRS+304+柔性石墨+304\HG/T20631</t>
  </si>
  <si>
    <t>【大庆隆锋】内外环缠绕垫\DN400 PN4.0\304+304+石墨+304\JB/T4705</t>
  </si>
  <si>
    <t>【大庆隆锋】聚四氟乙烯垫片\DN32 PN16\RF\聚四氟乙烯\HG/T20606</t>
  </si>
  <si>
    <t>【大庆隆锋】内外环缠绕垫\DN400 300LB\304+304+石墨+304\HG20631</t>
  </si>
  <si>
    <t>【大庆隆锋】内外环缠绕垫\8" 600LB\304+304+石墨+304\ASME B16.20</t>
  </si>
  <si>
    <t>【大庆隆锋】内外环缠绕垫\DN900 300LB\304+304+石墨+304L\HG/T20631</t>
  </si>
  <si>
    <t>【大庆隆锋】聚四氟乙烯垫片\DN25 150LB\RF\PTFE\HG/T20627</t>
  </si>
  <si>
    <t>【大庆隆锋】聚四氟乙烯垫片\DN50 150LB\RF\PTFE\HG/T20627</t>
  </si>
  <si>
    <t>【大庆隆锋】内外环缠绕垫\24" 300LB\304+304+石墨+304\ASME B16.20</t>
  </si>
  <si>
    <t>【大庆隆锋】内外环缠绕垫\3" 600LB\304+304+石墨+304\ASME B16.20</t>
  </si>
  <si>
    <t>【大庆隆锋】内外环缠绕垫\DN500 PN4.0\304+304+石墨+304\HG20631</t>
  </si>
  <si>
    <t>【大庆隆锋】内外环缠绕垫\1/2" 600LB\304+304+石墨+304\ASME B16.20</t>
  </si>
  <si>
    <t>【大庆隆锋】聚四氟乙烯垫片\DN500 150LB\RF\聚四氟乙烯\HG/T20627</t>
  </si>
  <si>
    <t>【大庆隆锋】内外环缠绕垫\φ105×74×54×45×4.5mm\304+304+聚四氟乙烯+304</t>
  </si>
  <si>
    <t>【大庆隆锋】管箱垫片\H20-2259-1\再吸收甲醇/贫甲醇换热器\BEUφ1000×8480.5\国产</t>
  </si>
  <si>
    <t>【大庆隆锋】带内环缠绕垫\φ460×420×406×4.5mm\304+石墨+304</t>
  </si>
  <si>
    <t>【大庆隆锋】聚四氟乙烯垫片\φ104.5×61×1.5mm\聚四氟乙烯</t>
  </si>
  <si>
    <t>【大庆隆锋】内外环缠绕垫\DN65 900LB\304+304+石墨+304\HG/T20631</t>
  </si>
  <si>
    <t>【大庆隆锋】无石棉垫片\φ250×230×3mm 带筋 宽8mm\丁腈橡胶+合成纤维</t>
  </si>
  <si>
    <t>【大庆隆锋】带活动对中环型齿形垫片\DN25 150LB\304+石墨\HG/T20632</t>
  </si>
  <si>
    <t>【大庆隆锋】带内环缠绕垫\DN200 PN15.0\304+石墨+304\SH3407</t>
  </si>
  <si>
    <t>【大庆隆锋】外头盖垫片\B22-1600-2.5 JB/T4705 304+石墨\脱NH3塔底重沸器\φ1500×7966\国产</t>
  </si>
  <si>
    <t>【大庆隆锋】八角垫片\DN500 900LB\304\HG/T20633</t>
  </si>
  <si>
    <t>【大庆隆锋】聚四氟乙烯垫片\DN200 PN10\RF\聚四氟乙烯\HG/T20606</t>
  </si>
  <si>
    <t>【大庆隆锋】椭圆垫片\2" 900LB\INCONEL 625\ASME B16.20</t>
  </si>
  <si>
    <t>【大庆隆锋】椭圆垫片\1-1/2" 900LB\INCONEL 625\ASME B16.20</t>
  </si>
  <si>
    <t>【大庆隆锋】聚四氟乙烯垫片\DN40 PN16\RF\聚四氟乙烯\HG/T20606</t>
  </si>
  <si>
    <t>【大庆隆锋】椭圆垫片\1/2" 900LB\316L\ASME B16.20</t>
  </si>
  <si>
    <t>【大庆隆锋】内外环缠绕垫\DN600 600LB\304+304+石墨+304\HG20631</t>
  </si>
  <si>
    <t>【大庆隆锋】聚四氟乙烯垫片\DN15 150LB\RF\PTFE\HG/T20627</t>
  </si>
  <si>
    <t>【大庆隆锋】内外环缠绕垫\DN65 300LB\304+304+石墨+304\HG/T20631</t>
  </si>
  <si>
    <t>【大庆隆锋】聚四氟乙烯垫片\DN32 150LB\RF\RPTFE\HG/T20627</t>
  </si>
  <si>
    <t>【大庆隆锋】椭圆垫片\2" 900LB\316L\ASME B16.20</t>
  </si>
  <si>
    <t>【大庆隆锋】内外环缠绕垫\6" 300LB\304+304+石墨+304\ASME16.20</t>
  </si>
  <si>
    <t>【大庆隆锋】内外环缠绕垫\16" 300LB\304+304+石墨+304\ASME B16.20</t>
  </si>
  <si>
    <t>【大庆隆锋】内外环缠绕垫\12" 300LB\304+304+石墨+304\ASME B16.20</t>
  </si>
  <si>
    <t>【大庆隆锋】椭圆垫片\3/4" 1500LB\316L\ASME B 16.20</t>
  </si>
  <si>
    <t>【大庆隆锋】带定位环金属波齿复合垫片\φ1283×1244×1180×4.5mm\316L+石墨</t>
  </si>
  <si>
    <t>【大庆隆锋】椭圆垫片\3" 1500LB\10#\ASME B 16.20</t>
  </si>
  <si>
    <t>【大庆隆锋】椭圆垫片\3/4" 900LB\304L\ASME B 16.20</t>
  </si>
  <si>
    <t>【大庆隆锋】石墨复合垫片\DN15 150LB\RF\304+石墨\HG20629</t>
  </si>
  <si>
    <t>【大庆隆锋】聚四氟乙烯垫片\DN400 PN16\RF\聚四氟乙烯\HG/T20606</t>
  </si>
  <si>
    <t>【大庆隆锋】波齿复合垫片\φ21×11×2mm\304+石墨</t>
  </si>
  <si>
    <t>【大庆隆锋】内外环缠绕垫\DN400 300LB\CRS+304+石墨+CRS\HG/T20631</t>
  </si>
  <si>
    <t>【大庆隆锋】无石棉垫片\φ360×320×3mm\丁腈橡胶+合成纤维</t>
  </si>
  <si>
    <t>【大庆隆锋】内外环缠绕垫\DN40 600LB\304+304+石墨+304\HG/T20631</t>
  </si>
  <si>
    <t>【大庆隆锋】内外环缠绕垫\1/2" 150LB\304+304+石墨+304\ASME B16.20</t>
  </si>
  <si>
    <t>【大庆隆锋】椭圆垫片\10" 900LB\A182 F5\ASME B 16.20</t>
  </si>
  <si>
    <t>【大庆隆锋】内外环缠绕垫\6" 600LB\304+304+石墨+304\ASME B16.20</t>
  </si>
  <si>
    <t>【大庆隆锋】带内环缠绕垫\1-1/2" 300LB\304+石墨+304\ASME B16.5</t>
  </si>
  <si>
    <t>【大庆隆锋】内外环缠绕垫\4" 150LB\304+304+石墨+304\ASME B16.20</t>
  </si>
  <si>
    <t>【大庆隆锋】内外环缠绕垫\DN350 900LB\304+304+石墨+304\HG/T20631</t>
  </si>
  <si>
    <t>【大庆隆锋】密封垫片\TC40BW-JD1\板式换热器\TC40BW-2.0/120-237\国产</t>
  </si>
  <si>
    <t>【大庆隆锋】O型密封圈\φ630×7mm\氟橡胶</t>
  </si>
  <si>
    <t>【大庆隆锋】椭圆垫片\24" 900LB\316L\ASME B 16.20</t>
  </si>
  <si>
    <t>【大庆隆锋】封头垫片\B22-1200-4.0\沉降器顶部过滤器\14-031-1\上海兆泾</t>
  </si>
  <si>
    <t>【大庆隆锋】带内环缠绕垫\DN1000 PN1.0\304+石墨+304\NB/T47025</t>
  </si>
  <si>
    <t>【大庆隆锋】带内环缠绕垫\DN350 PN1.6\304+石墨+304\NB/T47025</t>
  </si>
  <si>
    <t>【大庆隆锋】椭圆垫片\1"CL1500\316\ASME B16.20</t>
  </si>
  <si>
    <t>【大庆隆锋】椭圆垫片\4" 900LB\321\ASME B16.20</t>
  </si>
  <si>
    <t>【大庆隆锋】内外环缠绕垫\DN100 150LB\CRS+304+石墨+304\HG/T20631</t>
  </si>
  <si>
    <t>【大庆隆锋】八角垫片\3/4" 1500LB\304\ASME B16.20</t>
  </si>
  <si>
    <t>【大庆隆锋】内外环缠绕垫\DN100 150LB\304+304+石墨+304\HG/T20631</t>
  </si>
  <si>
    <t>【大庆隆锋】内外环缠绕垫\DN500 600LB\304+304+石墨+304\HG/T20631</t>
  </si>
  <si>
    <t>【大庆隆锋】内外环缠绕垫\1-1/2" 900LB\304+304+PTFE+304\ASME B16.20</t>
  </si>
  <si>
    <t>【大庆隆锋】内外环缠绕垫\3" 150LB\316L+316L+聚四氟乙烯+316L\ASME B16.20</t>
  </si>
  <si>
    <t>【大庆隆锋】前端管箱垫片\H20-2252-2\热再生塔冷凝器\BEMφ1000×5975\国产</t>
  </si>
  <si>
    <t>【大庆隆锋】内外环缠绕垫\DN50 600LB\304+304+石墨+304\HG/T20631</t>
  </si>
  <si>
    <t>【大庆隆锋】管箱侧垫片\YPE4001-1\再生塔顶水冷器\BJS500-1.0-55-6/25-2I\国产</t>
  </si>
  <si>
    <t>【大庆隆锋】管箱垫片\2410-EQ-B02-DW04\一级/二级/三级冷凝冷却器\AEAφ1600×6984\国产</t>
  </si>
  <si>
    <t>【大庆隆锋】带外环缠绕垫\φ3310×3135×3075×4.8mm\304+304+石墨</t>
  </si>
  <si>
    <t>【大庆隆锋】聚四氟乙烯垫片\500×500×400×400×3mm 方形\聚四氟乙烯</t>
  </si>
  <si>
    <t>【大庆隆锋】橡胶垫片\φ63×50×18mm\氯丁橡胶</t>
  </si>
  <si>
    <t>【大庆隆锋】缠绕垫\G13-350-4.0-2A\GB/T29463.2</t>
  </si>
  <si>
    <t>【大庆隆锋】基本型缠绕垫\φ515×465×3.5mm\304+石墨</t>
  </si>
  <si>
    <t>【大庆隆锋】内外环缠绕垫\DN200 PN16\Q235A+304+石墨+304\HG/T20610</t>
  </si>
  <si>
    <t>【大庆隆锋】聚四氟乙烯垫片\DN80 PN16\RF\聚四氟乙烯\HG/T20606</t>
  </si>
  <si>
    <t>【大庆隆锋】聚四氟乙烯垫片\DN600 PN16\RF\聚四氟乙烯\HG/T20606</t>
  </si>
  <si>
    <t>【大庆隆锋】内外环缠绕垫\2" 150LB\304+304+石墨+304\ASME B16.20</t>
  </si>
  <si>
    <t>【大庆隆锋】聚四氟乙烯垫片\DN50 PN16\RF\聚四氟乙烯\HG/T20606</t>
  </si>
  <si>
    <t>【大庆隆锋】浮头垫片\HC028-14-004-03\污水汽提塔进料换热器\BES1400-1.6-540-6.0/25-2I\国产</t>
  </si>
  <si>
    <t>【大庆隆锋】管箱垫片\HG028-14-007-06\甲醇凝结水换热器\BJU800-2.5/2.5-170-6/25-2 I\国产</t>
  </si>
  <si>
    <t>【大庆隆锋】内外环缠绕垫\DN100 PN16\CRS+304+石墨+304\HG/T20610</t>
  </si>
  <si>
    <t>【大庆隆锋】带外环缠绕垫\DN25 150LB\CRS+316L+石墨\HG/T20631</t>
  </si>
  <si>
    <t>【大庆隆锋】内外环缠绕垫\DN125 900LB\CRS+304+石墨+304\HG/T20631</t>
  </si>
  <si>
    <t>【大庆隆锋】椭圆垫片\1/2" 1500LB\316\ASME B16.20</t>
  </si>
  <si>
    <t>【大庆隆锋】椭圆垫片\1-1/2" 900LB\316L\ASME B16.20</t>
  </si>
  <si>
    <t>【大庆隆锋】内外环缠绕垫\DN600 150LB\CRS+304+石墨+304\HG/T20631</t>
  </si>
  <si>
    <t>【大庆隆锋】八角垫片\2" 1500LB\321\ASME B16.20</t>
  </si>
  <si>
    <t>【大庆隆锋】聚四氟乙烯垫片\φ444×404×3mm\改性聚四氟乙烯</t>
  </si>
  <si>
    <t>【大庆隆锋】椭圆垫片\2" 1500LB\INCONEL 625\ASME B 16.20</t>
  </si>
  <si>
    <t>【大庆隆锋】椭圆垫片\2" 900LB\304L\ASME B 16.20</t>
  </si>
  <si>
    <t>【大庆隆锋】内外环缠绕垫\DN25 900LB\CRS+304+柔性石墨+304\HG/T20631</t>
  </si>
  <si>
    <t>【大庆隆锋】内外环缠绕垫\3/4" 300LB\304+304+石墨+304\ASME B16.20</t>
  </si>
  <si>
    <t>【大庆隆锋】内外环缠绕垫\DN15 150LB\304+304+石墨+304\HG/T20631</t>
  </si>
  <si>
    <t>【大庆隆锋】椭圆垫片\10″ 900LB\304L\ASME B16.20</t>
  </si>
  <si>
    <t>【大庆隆锋】椭圆垫片\DN500 900LB\321\ASME B16.20</t>
  </si>
  <si>
    <t>【大庆隆锋】内外环缠绕垫\36" 150LB\CRS+304+石墨+304\ASME B16.20</t>
  </si>
  <si>
    <t>【大庆隆锋】椭圆垫片\3/4" 900LB\10#\ASME B 16.20</t>
  </si>
  <si>
    <t>【大庆隆锋】八角垫片\DN200 900LB\304\HG/T20633</t>
  </si>
  <si>
    <t>【大庆隆锋】聚四氟乙烯垫片\φ46.5×22×1.5mm\聚四氟乙烯</t>
  </si>
  <si>
    <t>【大庆隆锋】聚四氟乙烯垫片\φ65.5×34×1.5mm\聚四氟乙烯</t>
  </si>
  <si>
    <t>【大庆隆锋】波齿复合垫片\φ29×16×2mm\304+石墨</t>
  </si>
  <si>
    <t>【大庆隆锋】非石棉纤维橡胶垫片\DN1500 PN1.6\RF\非石棉纤维橡胶\NB/T47024</t>
  </si>
  <si>
    <t>【大庆隆锋】基本型缠绕垫\φ360×310×3.5mm\304+石墨</t>
  </si>
  <si>
    <t>【大庆隆锋】八角垫片\DN50 900LB\304\HG/T20633</t>
  </si>
  <si>
    <t>【大庆隆锋】Y型密封条\20×33mm\氟橡胶</t>
  </si>
  <si>
    <t>【大庆隆锋】石墨复合垫片\φ455×415×2mm 带T筋\304+石墨</t>
  </si>
  <si>
    <t>【大庆隆锋】无石棉垫片\φ440×405×3mm 带二筋 间距145mm\丁腈橡胶+合成纤维</t>
  </si>
  <si>
    <t>【大庆隆锋】带内环波齿复合垫片\φ380×320×310×4.5mm\304+石墨</t>
  </si>
  <si>
    <t>【大庆隆锋】带内环波齿复合垫片\φ380×340×310×4.5mm\304+石墨</t>
  </si>
  <si>
    <t>【大庆隆锋】基本型缠绕垫\φ931×881×7mm\304+石墨</t>
  </si>
  <si>
    <t>【大庆隆锋】八角垫片\DN600 900LB\304\HG20633</t>
  </si>
  <si>
    <t>【大庆隆锋】内外环缠绕垫\DN15 600LB\Q235A+304+石墨+304\HG/T20631</t>
  </si>
  <si>
    <t>【大庆隆锋】内外环缠绕垫\28″ 150LB\304+304+石墨+304\ASME B16.20</t>
  </si>
  <si>
    <t>【大庆隆锋】内外环缠绕垫\4" 600LB\304+304+石墨+304\ASME B16.20</t>
  </si>
  <si>
    <t>【大庆隆锋】内外环缠绕垫\14" 600LB\304+304+石墨+304\ASME B16.20</t>
  </si>
  <si>
    <t>【大庆隆锋】O型密封圈\φ330×10mm\氟橡胶</t>
  </si>
  <si>
    <t>【大庆隆锋】椭圆垫片\1" 2500LB\F5\ASME B16.20</t>
  </si>
  <si>
    <t>【大庆隆锋】带内环缠绕垫\B42 DN500 PN1.0\316+石墨+316\NB/T47025</t>
  </si>
  <si>
    <t>【大庆隆锋】橡胶垫片\2300×450×2140×290×5mm 矩形\三元乙丙橡胶</t>
  </si>
  <si>
    <t>【大庆隆锋】基本型缠绕垫\φ349×327×4.5mm\316L+石墨</t>
  </si>
  <si>
    <t>【大庆隆锋】内外环缠绕垫\DN65 150LB\304+304+石墨+304\HG/T20631</t>
  </si>
  <si>
    <t>【大庆隆锋】椭圆垫片\1-1/2" 1500LB\304L\ASME B 16.20</t>
  </si>
  <si>
    <t>【大庆隆锋】八角垫片\DN450 900LB\304\HG/T20633</t>
  </si>
  <si>
    <t>【大庆隆锋】椭圆垫片\8" 900LB\316L\ASME B 16.20</t>
  </si>
  <si>
    <t>【大庆隆锋】椭圆垫片\24" 900LB\304L\HG/T20633</t>
  </si>
  <si>
    <t>【大庆隆锋】八角垫片\6" 900LB\INCONEL 625\ASME B16.20</t>
  </si>
  <si>
    <t>【大庆隆锋】带内环缠绕垫\DN1600 PN2.5\304+石墨+304\NB/T47025</t>
  </si>
  <si>
    <t>【大庆隆锋】内外环缠绕垫\DN600 PN4.0\304+304+石墨+304\NB/T47025</t>
  </si>
  <si>
    <t>【大庆隆锋】缠绕垫\C13-650-2.5\GB/T29463.2</t>
  </si>
  <si>
    <t>【大庆隆锋】带活动对中环型齿形垫片\DN150 300LB\304+石墨\HG/T20632</t>
  </si>
  <si>
    <t>【大庆隆锋】内外环缠绕垫\DN80 150LB\304+304+石墨+304\HG/T20631</t>
  </si>
  <si>
    <t>【大庆隆锋】内外环缠绕垫\φ360.5×317.5×287.3×268.3×3mm\304+石墨</t>
  </si>
  <si>
    <t>【大庆隆锋】内外环缠绕垫\DN500 150LB\304+304+石墨+304\HG/T20631</t>
  </si>
  <si>
    <t>【大庆隆锋】聚四氟乙烯垫片\DN1300 150LB\RF\聚四氟乙烯\HG/T20627</t>
  </si>
  <si>
    <t>【大庆隆锋】带内环缠绕垫\DN800 PN1.0\304+石墨+304\NB/T47025</t>
  </si>
  <si>
    <t>【大庆隆锋】聚四氟乙烯垫片\φ1610×1500×3mm\聚四氟乙烯</t>
  </si>
  <si>
    <t>【大庆隆锋】内外环缠绕垫\26" 600LB\304+304+石墨+304\ASME B16.20</t>
  </si>
  <si>
    <t>【大庆隆锋】管箱垫片\HC028-14-009-06\甲醇净化水换热器\BES1000-2.5-275-6/25-2 I\国产</t>
  </si>
  <si>
    <t>【大庆隆锋】带活动对中环型齿形垫片\DN80 600LB\304+石墨\HG/T20632</t>
  </si>
  <si>
    <t>【大庆隆锋】带外环缠绕垫\DN1500B 150LB\304+304+石墨\HG/T20631</t>
  </si>
  <si>
    <t>【大庆隆锋】管箱垫片\HC028-14-004-03\污水汽提塔进料换热器\BES1400-1.6-540-6.0/25-2I\国产</t>
  </si>
  <si>
    <t>【大庆隆锋】无石棉垫片\φ380×350×3mm 带筋 宽8mm\丁腈橡胶+合成纤维</t>
  </si>
  <si>
    <t>【大庆隆锋】带内环波齿复合垫片\φ270×220×200×4.5mm 带筋\304+石墨</t>
  </si>
  <si>
    <t>【大庆隆锋】O型密封圈\φ249.3×5.7mm\氟橡胶</t>
  </si>
  <si>
    <t>【大庆隆锋】内外环缠绕垫\8" 900LB\316L+316L+石墨+304\ASME B16.20</t>
  </si>
  <si>
    <t>【大庆隆锋】橡胶垫片\510×310×412×212×2.5mm 长方形\丁腈橡胶</t>
  </si>
  <si>
    <t>【大庆隆锋】橡胶垫片\810×610×700×500×3mm 矩形\EPDM</t>
  </si>
  <si>
    <t>【大庆隆锋】内外环缠绕垫\DN350 300LB\304+304+石墨+304\HG/T20631</t>
  </si>
  <si>
    <t>【大庆隆锋】椭圆垫片\2" 1500LB\304L\ASME B 16.20</t>
  </si>
  <si>
    <t>【大庆隆锋】椭圆垫片\2" 1500LB\5Cr0.5Mo\ASME B 16.20</t>
  </si>
  <si>
    <t>【大庆隆锋】内外环缠绕垫\DN300 600LB\304+304+石墨+304\HG/T20631</t>
  </si>
  <si>
    <t>【大庆隆锋】内外环缠绕垫\DN300 300LB\304+304+石墨+304\HG/T20631</t>
  </si>
  <si>
    <t>【大庆隆锋】八角垫片\8" 900LB\INCONEL 625\ASME B16.20</t>
  </si>
  <si>
    <t>【大庆隆锋】带内环缠绕垫\DN450 PN2.5\304+石墨+304\NB/T47025</t>
  </si>
  <si>
    <t>【大庆隆锋】聚四氟乙烯垫片\DN125 PN16\RF\聚四氟乙烯\HG/T20606</t>
  </si>
  <si>
    <t>【大庆隆锋】内外环缠绕垫\3/4″ 900LB\0Cr13+304+PTFE+304\ASMEB16.20</t>
  </si>
  <si>
    <t>【大庆隆锋】八角垫片\1/2" 1500LB\304\ASME B16.20</t>
  </si>
  <si>
    <t>【大庆隆锋】带内环缠绕垫\DN25 600LB\304+石墨+304\HG/T20631</t>
  </si>
  <si>
    <t>【大庆隆锋】内外环缠绕垫\DN500 PN25\CRS+304+石墨+304\HG/T20610</t>
  </si>
  <si>
    <t>【大庆隆锋】内外环缠绕垫\DN32 600LB\CRS+304+柔性石墨+304\HG/T20631</t>
  </si>
  <si>
    <t>【大庆隆锋】内外环缠绕垫\3/4" 150LB\304+304+石墨+304\ASME B16.20</t>
  </si>
  <si>
    <t>【大庆隆锋】内外环缠绕垫\24" 600LB\304+304+石墨+304\ASME B16.20</t>
  </si>
  <si>
    <t>【大庆隆锋】内外环缠绕垫\3″ 150LB\D1232\ASME B16.20</t>
  </si>
  <si>
    <t>【大庆隆锋】聚四氟乙烯垫片\DN500 PN16\RF\聚四氟乙烯\HG/T20606</t>
  </si>
  <si>
    <t>【大庆隆锋】带内环缠绕垫\DN2600 PN2.5\304+石墨+304\NB/T47025</t>
  </si>
  <si>
    <t>【大庆隆锋】带内环缠绕垫\DN800 PN2.5\304+石墨+304\NB/T47025</t>
  </si>
  <si>
    <t>【大庆隆锋】内外环缠绕垫\DN250 300LB\304+304+石墨+304\HG/T20631</t>
  </si>
  <si>
    <t>【大庆隆锋】带活动对中环型齿形垫片\DN25 900LB\304+石墨\HG/T20632</t>
  </si>
  <si>
    <t>【大庆隆锋】带活动对中环型齿形垫片\DN150 150LB\304+石墨\HG/T20632</t>
  </si>
  <si>
    <t>【大庆隆锋】带活动对中环型齿形垫片\DN80 300LB\304+石墨\HG/T20632</t>
  </si>
  <si>
    <t>【大庆隆锋】带活动对中环型齿形垫片\DN25 300LB\304+石墨\HG/T20632</t>
  </si>
  <si>
    <t>【大庆隆锋】带内环缠绕垫\DN500 600LB\304+石墨+304\HG/T20631</t>
  </si>
  <si>
    <t>【大庆隆锋】带内环缠绕垫\DN1200 PN1.6\304+石墨+304\NB/T47025</t>
  </si>
  <si>
    <t>【大庆隆锋】内外环缠绕垫\DN800 300LB\304+304+石墨+304\HG/T20631</t>
  </si>
  <si>
    <t>【大庆隆锋】八角垫片\DN80 900LB\304\HG/T20633</t>
  </si>
  <si>
    <t>【大庆隆锋】内外环缠绕垫\DN600 PN16\CRS+304+石墨+304\HG/T20610</t>
  </si>
  <si>
    <t>【大庆隆锋】内外环缠绕垫\DN600 300LB\304+304+石墨+304\HG/T20631</t>
  </si>
  <si>
    <t>【大庆隆锋】内外环缠绕垫\DN500 PN16\304+304+石墨+304\HG/T20610</t>
  </si>
  <si>
    <t>【大庆隆锋】带内环缠绕垫\DN1200 PN4.0\304+石墨+304\NB/T47025</t>
  </si>
  <si>
    <t>【大庆隆锋】密封垫圈\φ550×540×6mm\聚四氟乙烯</t>
  </si>
  <si>
    <t>【大庆隆锋】椭圆垫片\1-1/2" 1500LB\316L\ASME B 16.20</t>
  </si>
  <si>
    <t>【大庆隆锋】八角垫片\1-1/2" 900LB\10#\ASME B16.20</t>
  </si>
  <si>
    <t>【大庆隆锋】椭圆垫片\10" 1500LB\316L\ASME B16.20</t>
  </si>
  <si>
    <t>【大庆隆锋】封头垫片\B22-1500-1.0\尾气回收压缩机\4D375B-3B_1\国产</t>
  </si>
  <si>
    <t>【大庆隆锋】内外环缠绕垫\DN100 300LB\304+304+石墨+304\HG/T20631</t>
  </si>
  <si>
    <t>【大庆隆锋】椭圆垫片\2" 1500LB\10#\ASME B 16.20</t>
  </si>
  <si>
    <t>【大庆隆锋】椭圆垫片\24" 900LB\A182 F5\ASME B 16.20</t>
  </si>
  <si>
    <t>【大庆隆锋】基本型缠绕垫\φ440×415×4.5mm\304+石墨</t>
  </si>
  <si>
    <t>【大庆隆锋】八角垫片\3/4" 1500LB\321\ASME B16.5</t>
  </si>
  <si>
    <t>【大庆隆锋】聚四氟乙烯垫片\φ544×504×3mm\改性聚四氟乙烯</t>
  </si>
  <si>
    <t>【大庆隆锋】椭圆垫片\1-1/2" 1500LB\A182 F5\ASME B 16.20</t>
  </si>
  <si>
    <t>【大庆隆锋】椭圆垫片\3" 900LB\304L\ASME B 16.20</t>
  </si>
  <si>
    <t>【大庆隆锋】内外环缠绕垫\DN450 150LB\Q235A+304+石墨+304\HG/T20631</t>
  </si>
  <si>
    <t>【大庆隆锋】内外环缠绕垫\DN80 150LB\CRS+304+石墨+304\HG/T20631</t>
  </si>
  <si>
    <t>【大庆隆锋】内外环缠绕垫\DN150 PN16\Q235A+304+石墨+304\HG/T20610</t>
  </si>
  <si>
    <t>【大庆隆锋】带活动对中环型齿形垫片\DN500 150LB\304+石墨\HG/T20632</t>
  </si>
  <si>
    <t>【大庆隆锋】带活动对中环型齿形垫片\DN500 300LB\304+石墨\HG/T20632</t>
  </si>
  <si>
    <t>【大庆隆锋】带活动对中环型齿形垫片\DN350 150LB\304+石墨\HG/T20632</t>
  </si>
  <si>
    <t>【大庆隆锋】带活动对中环型齿形垫片\DN65 900LB\304+石墨\HG/T20632</t>
  </si>
  <si>
    <t>【大庆隆锋】带活动对中环型齿形垫片\DN300 600LB\304+石墨\HG/T20632</t>
  </si>
  <si>
    <t>【大庆隆锋】带活动对中环型齿形垫片\DN300 150LB\304+石墨\HG/T20632</t>
  </si>
  <si>
    <t>【大庆隆锋】带活动对中环型齿形垫片\DN32 150LB\304+石墨\HG/T20632</t>
  </si>
  <si>
    <t>【大庆隆锋】带活动对中环型齿形垫片\DN100 600LB\304+石墨\HG/T20632</t>
  </si>
  <si>
    <t>【大庆隆锋】内外环缠绕垫\DN20 600LB\304+304+石墨+304\HG/T20631</t>
  </si>
  <si>
    <t>【大庆隆锋】管箱侧垫片\HC028-14-009-06\甲醇净化水换热器\BES1000-2.5-275-6/25-2 I\国产</t>
  </si>
  <si>
    <t>【大庆隆锋】浮头垫片\HC028-14-009-06\甲醇净化水换热器\BES1000-2.5-275-6/25-2 I\国产</t>
  </si>
  <si>
    <t>【大庆隆锋】内外环缠绕垫\DN125 PN16\CRS+304+石墨+304\HG/T20610</t>
  </si>
  <si>
    <t>【大庆隆锋】内外环缠绕垫\DN65 PN16\CRS+304+石墨+304\HG/T20610</t>
  </si>
  <si>
    <t>【大庆隆锋】内外环缠绕垫\DN450 PN16\CRS+304+石墨+304\HG/T20610</t>
  </si>
  <si>
    <t>【大庆隆锋】内外环缠绕垫\DN125 600LB\Q235A+304+石墨+304\HG/T20631</t>
  </si>
  <si>
    <t>【大庆隆锋】聚四氟乙烯垫片\DN65 150LB\RF\RPTFE\HG/T20627</t>
  </si>
  <si>
    <t>【大庆隆锋】内外环缠绕垫\10" 600LB\304+304+石墨+304\ASME B16.20</t>
  </si>
  <si>
    <t>【大庆隆锋】内外环缠绕垫\2" 300LB\304+304+石墨+304\ASME B16.20</t>
  </si>
  <si>
    <t>【大庆隆锋】聚四氟乙烯垫片\DN450 PN16\RF\聚四氟乙烯\HG/T20606</t>
  </si>
  <si>
    <t>【大庆隆锋】内外环缠绕垫\DN1800A 900LB\304+316+石墨+316L\HG/T20631</t>
  </si>
  <si>
    <t>【大庆隆锋】后端管箱垫片\H20-2252-2\热再生塔冷凝器\BEMφ1000×5975\国产</t>
  </si>
  <si>
    <t>【大庆隆锋】内外环缠绕垫\20" 150LB\304+304+石墨+304\ASME B16.20</t>
  </si>
  <si>
    <t>【大庆隆锋】内外环缠绕垫\DN250 1500LB\CRS+316L+石墨+316L\HG/T20631</t>
  </si>
  <si>
    <t>【大庆隆锋】内外环缠绕垫\DN50 150LB\304+304+石墨+304\HG/T20631</t>
  </si>
  <si>
    <t>【大庆隆锋】基本型缠绕垫\φ400×270×3.5mm\304+石墨</t>
  </si>
  <si>
    <t>【大庆隆锋】基本型缠绕垫\φ455×410×3.5mm\304+石墨</t>
  </si>
  <si>
    <t>【大庆隆锋】聚四氟乙烯垫片\φ202.1×195×3.55mm\聚四氟乙烯</t>
  </si>
  <si>
    <t>【大庆隆锋】换热器垫片\G7-1000-1.0-2B\JB/T4720</t>
  </si>
  <si>
    <t>【大庆隆锋】内外环缠绕垫\φ745×695×645×625×4.5mm\304+304+石墨+304</t>
  </si>
  <si>
    <t>【大庆隆锋】内外环缠绕垫\36" 600LB\304+304+石墨+304\ASME B16.20</t>
  </si>
  <si>
    <t>【大庆隆锋】基本型缠绕垫\φ350×325×4.5mm\304+石墨</t>
  </si>
  <si>
    <t>【大庆隆锋】内外环缠绕垫\φ220×210×170×160×4.5mm\316L+316L+PTFE+316L</t>
  </si>
  <si>
    <t>【大庆隆锋】浮头垫片\YPE4001-1\再生塔顶水冷器\BJS500-1.0-55-6/25-2I\国产</t>
  </si>
  <si>
    <t>【大庆隆锋】内外环缠绕垫\1-1/2" 1500LB\304+304+PTFE+304\ASME B16.20</t>
  </si>
  <si>
    <t>【大庆隆锋】无石棉垫片\φ360×300×3mm 带二筋 间距100mm\丁腈橡胶+合成纤维</t>
  </si>
  <si>
    <t>【大庆隆锋】带内环波齿复合垫片\φ380×320×310×4.5mm 带筋\304+石墨</t>
  </si>
  <si>
    <t>【大庆隆锋】O型密封圈\φ154.3×6.7mm\氟橡胶</t>
  </si>
  <si>
    <t>【大庆隆锋】橡胶垫片\1010×705×900×595×650×2.5mm 梯形\丁腈橡胶</t>
  </si>
  <si>
    <t>【大庆隆锋】碳纤维垫片\52" 150LB\RF\压缩无机纤维\ASME B16.21</t>
  </si>
  <si>
    <t>【大庆隆锋】内外环缠绕垫\24″ 600LB\304+304+石墨+304\ASME B16.20</t>
  </si>
  <si>
    <t>【大庆隆锋】金属包垫片\G54-1800-2.5-4\JB/T4718</t>
  </si>
  <si>
    <t>【大庆隆锋】椭圆垫片\20" 900LB\316L\ASME B 16.20</t>
  </si>
  <si>
    <t>【大庆隆锋】椭圆垫片\1-1/2" 900LB\10#\ASME B 16.20</t>
  </si>
  <si>
    <t>【大庆隆锋】椭圆垫片\1-1/2" 900LB\A182 F5\ASME B 16.20</t>
  </si>
  <si>
    <t>【大庆隆锋】内外环缠绕垫\2" 900LB\316L+316L+柔性石墨+316L\ASME B16.20</t>
  </si>
  <si>
    <t>【大庆隆锋】金属包垫片\DN1000 PN1.6\304+柔性石墨板\NB/T47026</t>
  </si>
  <si>
    <t>【大庆隆锋】内外环缠绕垫\DN65 300LB\CRS+304+石墨+304\HG/T20631</t>
  </si>
  <si>
    <t>【大庆隆锋】内外环缠绕垫\DN250 PN16\Q235A+304+石墨+304\HG/T20610</t>
  </si>
  <si>
    <t>【大庆隆锋】内外环缠绕垫\DN150 300LB\304+304+石墨+304\HG/T20631</t>
  </si>
  <si>
    <t>【大庆隆锋】内外环缠绕垫\DN600 600LB\CRS+304+石墨+304\HG/T20631</t>
  </si>
  <si>
    <t>【大庆隆锋】内外环缠绕垫\DN300 900LB\CRS+304+石墨+304\HG/T20631</t>
  </si>
  <si>
    <t>【大庆隆锋】内外环缠绕垫\DN50 900LB\CRS+304+石墨+304\HG/T20631</t>
  </si>
  <si>
    <t>【大庆隆锋】内外环缠绕垫\DN40 900LB\CRS+304+石墨+304\HG/T20631</t>
  </si>
  <si>
    <t>【大庆隆锋】带内环缠绕垫\DN500 PN2.5\304+石墨+304\JB/T4705</t>
  </si>
  <si>
    <t>【大庆隆锋】椭圆垫片\8" 900LB\347\ASME B16.20</t>
  </si>
  <si>
    <t>【大庆隆锋】椭圆垫片\DN500 900LB\304L\ASME B16.20</t>
  </si>
  <si>
    <t>【大庆隆锋】内外环缠绕垫\DN1000 150LB\304+304+石墨+304\HG/T20631</t>
  </si>
  <si>
    <t>【大庆隆锋】八角垫片\3" 1500LB\321\ASME B16.20</t>
  </si>
  <si>
    <t>【大庆隆锋】缠绕垫\G13-600-2.5-2A\GB/T29463.2</t>
  </si>
  <si>
    <t>【大庆隆锋】椭圆垫片\1/2" 900LB\10#\ASME B 16.20</t>
  </si>
  <si>
    <t>【大庆隆锋】内外环缠绕垫\DN600 PN2.5\304+304+石墨+304\HG20610</t>
  </si>
  <si>
    <t>【大庆隆锋】内外环缠绕垫\1/2" 300LB\CRS+304+石墨+304\ASME B16.20</t>
  </si>
  <si>
    <t>【大庆隆锋】椭圆垫片\10" 900LB\10#\ASME B 16.20</t>
  </si>
  <si>
    <t>【大庆隆锋】椭圆垫片\12" 600LB\A182 F53\ASME B 16.20</t>
  </si>
  <si>
    <t>【大庆隆锋】金属包垫片\DN600 PN1.6\06Cr19Ni10+柔性石墨\NB/T47026</t>
  </si>
  <si>
    <t>【大庆隆锋】内外环缠绕垫\DN20 150LB\CRS+304+石墨+304\HG/T20631</t>
  </si>
  <si>
    <t>【大庆隆锋】橡胶垫片\874×422×792×342×2.5mm 长方形\丁腈橡胶</t>
  </si>
  <si>
    <t>【大庆隆锋】带内环缠绕垫\B22-700-2.5\304+石墨+304\NB/T47025</t>
  </si>
  <si>
    <t>【大庆隆锋】聚四氟乙烯垫片\DN900 150LB\RF\聚四氟乙烯\HG/T20627</t>
  </si>
  <si>
    <t>【大庆隆锋】内外环缠绕垫\DN50 300LB\304+304+石墨+304\HG/T20631</t>
  </si>
  <si>
    <t>【大庆隆锋】基本型缠绕垫\φ545×500×3.5mm\304+石墨</t>
  </si>
  <si>
    <t>【大庆隆锋】聚四氟乙烯垫片\φ82.5×43×1.5mm\聚四氟乙烯</t>
  </si>
  <si>
    <t>【大庆隆锋】内外环缠绕垫\DN400 300LB\304+304+石墨+304\HG/T20631</t>
  </si>
  <si>
    <t>【大庆隆锋】O型密封圈\φ297×8mm\氟橡胶</t>
  </si>
  <si>
    <t>【大庆隆锋】内外环缠绕垫\DN700B 600LB\304+304+石墨+304\HG/T20631</t>
  </si>
  <si>
    <t>【大庆隆锋】带内环缠绕垫\B22-800-4.0\304+石墨+304\NB/T47025</t>
  </si>
  <si>
    <t>【大庆隆锋】聚四氟乙烯垫片\DN25 PN16\RF\聚四氟乙烯\HG/T20606</t>
  </si>
  <si>
    <t>【大庆隆锋】椭圆垫片\12" 900LB\316L\ASME B 16.20</t>
  </si>
  <si>
    <t>【大庆隆锋】内外环缠绕垫\30" 900LB\304+304+石墨+304\ASME B16.20</t>
  </si>
  <si>
    <t>【大庆隆锋】无石棉垫片\φ250×230×3mm 带二筋 间距60mm\丁腈橡胶+合成纤维</t>
  </si>
  <si>
    <t>【大庆隆锋】齿形垫片\φ460×410×4.5mm 带筋 宽20mm\304+石墨</t>
  </si>
  <si>
    <t>【大庆隆锋】波齿复合垫片\φ1040×990×4.5mm\304+石墨</t>
  </si>
  <si>
    <t>【大庆隆锋】带内环波齿复合垫片\φ320×280×260×4.5mm\304+石墨</t>
  </si>
  <si>
    <t>【大庆隆锋】带内环波齿复合垫片\φ380×340×310×4.5mm 带筋\304+石墨</t>
  </si>
  <si>
    <t>【大庆隆锋】椭圆垫片\2-1/2″ 1500LB\10#\ASME B16.20</t>
  </si>
  <si>
    <t>【大庆隆锋】内外环缠绕垫\24" 900LB\304+304+石墨+304\ASME B16.20</t>
  </si>
  <si>
    <t>【大庆隆锋】内外环缠绕垫\3" 900LB\304+316+石墨+304\ASME B16.20</t>
  </si>
  <si>
    <t>【大庆隆锋】带内环缠绕垫\B42 DN600 PN1.0\316+石墨+316\NB/T47025</t>
  </si>
  <si>
    <t>【大庆隆锋】带内环缠绕垫\B42 DN1000 PN1.6\316+石墨+316\NB/T47025</t>
  </si>
  <si>
    <t>【大庆隆锋】石棉垫片\φ260×150×1.5\石棉</t>
  </si>
  <si>
    <t>【大庆隆锋】O型密封圈\φ2280×7.8mm\氟橡胶</t>
  </si>
  <si>
    <t>【大庆隆锋】椭圆垫片\6" 900LB\A182 F5\ASME B 16.20</t>
  </si>
  <si>
    <t>【大庆隆锋】椭圆垫片\14" 900LB\A182 F53\ASME B 16.20</t>
  </si>
  <si>
    <t>【大庆隆锋】椭圆垫片\6" 1500LB\316L\ASME B 16.20</t>
  </si>
  <si>
    <t>【大庆隆锋】内外环缠绕垫\1-1/4" 150LB\304+304+石墨+304\ASME B16.20</t>
  </si>
  <si>
    <t>【大庆隆锋】内外环缠绕垫\DN300 150LB\Q235A+304+石墨+304\HG/T20631</t>
  </si>
  <si>
    <t>【大庆隆锋】金属包垫片\DN1100 PN1.6\304+柔性石墨板\NB/T47026</t>
  </si>
  <si>
    <t>【大庆隆锋】内外环缠绕垫\DN15 300LB\CRS+304+石墨+304\HG/T20631</t>
  </si>
  <si>
    <t>【大庆隆锋】内外环缠绕垫\DN15 150LB\CRS+304+石墨+304\HG/T20631</t>
  </si>
  <si>
    <t>【大庆隆锋】内外环缠绕垫\DN100 600LB\CRS+304+柔性石墨+304\HG/T20631</t>
  </si>
  <si>
    <t>【大庆隆锋】内外环缠绕垫\DN20 300LB\CRS+304+柔性石墨+304\HG/T20631</t>
  </si>
  <si>
    <t>【大庆隆锋】带活动对中环型齿形垫片\DN300 300LB\304+石墨\HG/T20632</t>
  </si>
  <si>
    <t>【大庆隆锋】带活动对中环型齿形垫片\DN50 300LB\304+石墨\HG/T20632</t>
  </si>
  <si>
    <t>【大庆隆锋】内外环缠绕垫\30″ 600LB\304+304+石墨+304\ASME B16.20</t>
  </si>
  <si>
    <t>【大庆隆锋】内外环缠绕垫\DN500 PN2.5\304+304+石墨+304\NB/T47025</t>
  </si>
  <si>
    <t>【大庆隆锋】带活动对中环型齿形垫片\DN350 300LB\304+石墨\HG/T20632</t>
  </si>
  <si>
    <t>【大庆隆锋】带活动对中环型齿形垫片\DN40 900LB\304+石墨\HG/T20632</t>
  </si>
  <si>
    <t>【大庆隆锋】内外环缠绕垫\DN100 300LB\CRS+304+柔性石墨+304\HG/T20631</t>
  </si>
  <si>
    <t>【大庆隆锋】带活动对中环型齿形垫片\DN600 150LB\304+石墨\HG/T20632</t>
  </si>
  <si>
    <t>【大庆隆锋】带活动对中环型齿形垫片\DN32 600LB\304+石墨\HG/T20632</t>
  </si>
  <si>
    <t>【大庆隆锋】外头盖垫片\HC028-14-004-03\污水汽提塔进料换热器\BES1400-1.6-540-6.0/25-2I\国产</t>
  </si>
  <si>
    <t>【大庆隆锋】椭圆垫片\1-1/2" 900LB\347\ASME B16.20</t>
  </si>
  <si>
    <t>【大庆隆锋】椭圆垫片\18" 900LB\321\ASME B16.20</t>
  </si>
  <si>
    <t>【大庆隆锋】八角垫片\1-1/2" 1500LB\Soft iron\ASME B16.20</t>
  </si>
  <si>
    <t>【大庆隆锋】椭圆垫片\2" 900LB\10#\ASME B16.20</t>
  </si>
  <si>
    <t>【大庆隆锋】椭圆垫片\4" 1500LB\10#\ASME B 16.20</t>
  </si>
  <si>
    <t>【大庆隆锋】椭圆垫片\1" 900LB\304L\ASME B 16.20</t>
  </si>
  <si>
    <t>【大庆隆锋】内外环缠绕垫\6" 150LB\304+304+石墨+304\ASME B16.20</t>
  </si>
  <si>
    <t>【大庆隆锋】内外环缠绕垫\DN150 150LB\CRS+304+石墨+304\HG/T20631</t>
  </si>
  <si>
    <t>【大庆隆锋】内外环缠绕垫\DN250 300LB\CRS+304+石墨+304\HG/T20631</t>
  </si>
  <si>
    <t>【大庆隆锋】内外环缠绕垫\DN150 600LB\CRS+304+柔性石墨+304\HG/T20631</t>
  </si>
  <si>
    <t>【大庆隆锋】带内环缠绕垫\DN1200 PN6.4\304+石墨+304\NB/T47025</t>
  </si>
  <si>
    <t>【大庆隆锋】带内环缠绕垫\DN300 PN4.0\304+石墨+304\NB/T47025</t>
  </si>
  <si>
    <t>【大庆隆锋】基本型缠绕垫\φ544×518×4.5mm\304+石墨</t>
  </si>
  <si>
    <t>【大庆隆锋】密封垫圈\φ600×590×6mm\聚四氟乙烯</t>
  </si>
  <si>
    <t>【大庆隆锋】聚四氟乙烯垫片\DN20 PN16\RF\聚四氟乙烯\HG/T20606</t>
  </si>
  <si>
    <t>【大庆隆锋】椭圆垫片\3" 2500LB\5Cr0.5Mo\ASME B 16.20</t>
  </si>
  <si>
    <t>【大庆隆锋】带内环缠绕垫\DN1800 PN4.0\304+石墨+304\NB/T47025</t>
  </si>
  <si>
    <t>【大庆隆锋】带活动对中环型齿形垫片\DN500 600LB\304+石墨\HG/T20632</t>
  </si>
  <si>
    <t>【大庆隆锋】带活动对中环型齿形垫片\DN400 900LB\304+石墨\HG/T20632</t>
  </si>
  <si>
    <t>【大庆隆锋】内外环缠绕垫\DN32 300LB\CRS+304+柔性石墨+304\HG/T20631</t>
  </si>
  <si>
    <t>【大庆隆锋】内外环缠绕垫\DN80 600LB\316+316+石墨+316\HG/T20631</t>
  </si>
  <si>
    <t>【大庆隆锋】内外环缠绕垫\2" 150LB\304+304+聚四氟乙烯+304\ASME B16.20</t>
  </si>
  <si>
    <t>【大庆隆锋】聚四氟乙烯垫片\DN65 PN16\RF\聚四氟乙烯\HG/T20606</t>
  </si>
  <si>
    <t>【大庆隆锋】椭圆垫片\1/2" 900LB\304\ASME B16.20</t>
  </si>
  <si>
    <t>【大庆隆锋】内外环缠绕垫\DN450 600LB\304+304+石墨+304\HG20631</t>
  </si>
  <si>
    <t>【大庆隆锋】椭圆垫片\1/2" 900LB\A182 Gr.F5\ASME B16.20</t>
  </si>
  <si>
    <t>【大庆隆锋】内外环缠绕垫\16" 600LB\304+304+石墨+304\ASME B16.20</t>
  </si>
  <si>
    <t>【大庆隆锋】八角垫片\DN100 900LB\316L\HG/T20633</t>
  </si>
  <si>
    <t>【大庆隆锋】内外环缠绕垫\DN600 300LB\304+304+石墨+304L\HG/T20631</t>
  </si>
  <si>
    <t>【大庆隆锋】聚四氟乙烯垫片\DN80 150LB\RF\PTFE\HG/T20627</t>
  </si>
  <si>
    <t>【大庆隆锋】内外环缠绕垫\20″ 900LB\304+304+石墨+304\ASME B16.20</t>
  </si>
  <si>
    <t>【大庆隆锋】带活动对中环型齿形垫片\DN20 300LB\304+石墨\HG/T20632</t>
  </si>
  <si>
    <t>【大庆隆锋】带活动对中环型齿形垫片\DN50 900LB\304+石墨\HG/T20632</t>
  </si>
  <si>
    <t>【大庆隆锋】内外环缠绕垫\DN25 300LB\304+304+石墨+304\HG/T20631</t>
  </si>
  <si>
    <t>【大庆隆锋】带活动对中环型齿形垫片\DN200 300LB\304+石墨\HG/T20632</t>
  </si>
  <si>
    <t>【大庆隆锋】内外环缠绕垫\DN25 150LB\304+304+石墨+304\HG/T20631</t>
  </si>
  <si>
    <t>【大庆隆锋】带活动对中环型齿形垫片\DN350 600LB\304+石墨\HG/T20632</t>
  </si>
  <si>
    <t>【大庆隆锋】带活动对中环型齿形垫片\DN40 600LB\304+石墨\HG/T20632</t>
  </si>
  <si>
    <t>【大庆隆锋】带活动对中环型齿形垫片\DN200 900LB\304+石墨\HG/T20632</t>
  </si>
  <si>
    <t>【大庆隆锋】带活动对中环型齿形垫片\DN400 300LB\304+石墨\HG/T20632</t>
  </si>
  <si>
    <t>【大庆隆锋】带活动对中环型齿形垫片\DN125 150LB\304+石墨\HG/T20632</t>
  </si>
  <si>
    <t>【大庆隆锋】带活动对中环型齿形垫片\DN20 150LB\304+石墨\HG/T20632</t>
  </si>
  <si>
    <t>【大庆隆锋】带活动对中环型齿形垫片\DN250 600LB\304+石墨\HG/T20632</t>
  </si>
  <si>
    <t>【大庆隆锋】外头盖垫片\HC028-14-005-03\水洗水冷却器\BES1100-1.6-335-6/25-2I\国产</t>
  </si>
  <si>
    <t>【大庆隆锋】带活动对中环型齿形垫片\DN40 300LB\304+石墨\HG/T20632</t>
  </si>
  <si>
    <t>【大庆隆锋】带活动对中环型齿形垫片\DN450 300LB\304+石墨\HG/T20632</t>
  </si>
  <si>
    <t>【大庆隆锋】内外环缠绕垫\DN80 300LB\304+304+石墨+304\HG/T20631</t>
  </si>
  <si>
    <t>【大庆隆锋】内外环缠绕垫\DN700 150LB\304+304+石墨+304\HG/T20631</t>
  </si>
  <si>
    <t>【大庆隆锋】内外环缠绕垫\3" 900LB\304+304+PTFE+304\ASME B16.20</t>
  </si>
  <si>
    <t>【大庆隆锋】带内环缠绕垫\φ565×525×505×4.5mm 带筋\304+石墨+304</t>
  </si>
  <si>
    <t>【大庆隆锋】管箱垫片\YPE4001-1\再生塔顶水冷器\BJS500-1.0-55-6/25-2I\国产</t>
  </si>
  <si>
    <t>【大庆隆锋】前端管箱垫片\H20-2244-4\丙烯冷凝器\BEMφ2200×13151\国产</t>
  </si>
  <si>
    <t>【大庆隆锋】聚四氟乙烯垫片\φ620×460×3.5mm\聚四氟乙烯</t>
  </si>
  <si>
    <t>【大庆隆锋】带内环缠绕垫\DN1100 PN1.6\304+石墨+304\NB/T47025</t>
  </si>
  <si>
    <t>【大庆隆锋】内外环缠绕垫\DN250 150LB\304+304+石墨+304\HG/T20631</t>
  </si>
  <si>
    <t>【大庆隆锋】带活动对中环型齿形垫片\DN15 300LB\304+石墨\HG/T20632</t>
  </si>
  <si>
    <t>【大庆隆锋】带活动对中环型齿形垫片\DN150 900LB\304+石墨\HG/T20632</t>
  </si>
  <si>
    <t>【大庆隆锋】带活动对中环型齿形垫片\DN450 900LB\304+石墨\HG/T20632</t>
  </si>
  <si>
    <t>【大庆隆锋】带活动对中环型齿形垫片\DN15 150LB\304+石墨\HG/T20632</t>
  </si>
  <si>
    <t>【大庆隆锋】内外环缠绕垫\DN200 600LB\304+304+石墨+304\HG/T20631</t>
  </si>
  <si>
    <t>【大庆隆锋】带活动对中环型齿形垫片\DN65 150LB\304+石墨\HG/T20632</t>
  </si>
  <si>
    <t>【大庆隆锋】带活动对中环型齿形垫片\DN450 600LB\304+石墨\HG/T20632</t>
  </si>
  <si>
    <t>【大庆隆锋】浮头垫片\HC028-14-006-06\污水汽提塔底重沸器\BJS1800-2.5/2.5-930­6.0/25-4\国产</t>
  </si>
  <si>
    <t>【大庆隆锋】带内环缠绕垫\DN450 PN6.4\304+石墨+304\NB/T47025</t>
  </si>
  <si>
    <t>【大庆隆锋】内外环缠绕垫\DN150 600LB\304+304+石墨+304\HG/T20631</t>
  </si>
  <si>
    <t>【大庆隆锋】内外环缠绕垫\DN150 300LB\CRS+304+石墨+304\HG/T20631</t>
  </si>
  <si>
    <t>【大庆隆锋】带外环缠绕垫\DN50 150LB\CRS+321+石墨\HG/T20631</t>
  </si>
  <si>
    <t>【大庆隆锋】内外环缠绕垫\DN50 150LB\CRS+321+石墨+321\HG/T20631</t>
  </si>
  <si>
    <t>【大庆隆锋】八角垫片\DN250 900LB\304\HG/T20633</t>
  </si>
  <si>
    <t>【大庆隆锋】椭圆垫片\6" 900LB\316L\ASME B16.20</t>
  </si>
  <si>
    <t>【大庆隆锋】椭圆垫片\1/2" 900LB\321\ASME B16.20</t>
  </si>
  <si>
    <t>【大庆隆锋】椭圆垫片\2" 900LB\347\ASME B16.20</t>
  </si>
  <si>
    <t>【大庆隆锋】带内环缠绕垫\DN400 PN1.6\304+石墨+304\NB/T47025</t>
  </si>
  <si>
    <t>【大庆隆锋】内外环缠绕垫\DN25 PN16\CRS+304+石墨+304\HG/T20610</t>
  </si>
  <si>
    <t>【大庆隆锋】内外环缠绕垫\DN450 600LB\CRS+304+石墨+304\HG/T20631</t>
  </si>
  <si>
    <t>【大庆隆锋】内外环缠绕垫\DN500 600LB\CRS+304+石墨+304\HG/T20631</t>
  </si>
  <si>
    <t>【大庆隆锋】内外环缠绕垫\DN15 900LB\CRS+304+石墨+304\HG/T20631</t>
  </si>
  <si>
    <t>【大庆隆锋】内外环缠绕垫\DN80 900LB\CRS+304+石墨+304\HG/T20631</t>
  </si>
  <si>
    <t>【大庆隆锋】椭圆垫片\3" 900LB\347\ASME B16.20</t>
  </si>
  <si>
    <t>【大庆隆锋】椭圆垫片\12″ 900LB\321\ASME B16.20</t>
  </si>
  <si>
    <t>【大庆隆锋】椭圆垫片\14" 900LB\316L\ASME B16.20</t>
  </si>
  <si>
    <t>【大庆隆锋】椭圆垫片\DN600 900LB\321\ASME B16.20</t>
  </si>
  <si>
    <t>【大庆隆锋】椭圆垫片\DN20 1500LB\F5\HG/T20633</t>
  </si>
  <si>
    <t>【大庆隆锋】内外环缠绕垫\28" 150LB\CRS+304+石墨+304\ASME B16.20</t>
  </si>
  <si>
    <t>【大庆隆锋】椭圆垫片\1-1/2" 1500LB\10#\ASME B 16.20</t>
  </si>
  <si>
    <t>【大庆隆锋】橡胶垫片\φ815×708×3mm\氯丁橡胶</t>
  </si>
  <si>
    <t>【大庆隆锋】带内环缠绕垫\DN500 PN1.0\304+石墨+304\NB/T47025</t>
  </si>
  <si>
    <t>【大庆隆锋】换热器垫片\G7-1000-1.0-1B\JB/T4720</t>
  </si>
  <si>
    <t>【大庆隆锋】包覆垫片\DN1800 PN2.5\304+石墨\NB/T47026</t>
  </si>
  <si>
    <t>【大庆隆锋】椭圆垫片\4″ 900LB\10#\ASME B16.20</t>
  </si>
  <si>
    <t>【大庆隆锋】带内环缠绕垫\DN450 PN4.0\304+石墨+304\NB/T47025</t>
  </si>
  <si>
    <t>【大庆隆锋】橡胶垫片\DN700 PN0.6\RF\氯丁橡胶\NB/T47024</t>
  </si>
  <si>
    <t>【大庆隆锋】带活动对中环型齿形垫片\DN150 600LB\304+石墨\HG/T20632</t>
  </si>
  <si>
    <t>【大庆隆锋】带活动对中环型齿形垫片\DN500 900LB\304+石墨\HG/T20632</t>
  </si>
  <si>
    <t>【大庆隆锋】管箱侧垫片\HC028-14-005-03\水洗水冷却器\BES1100-1.6-335-6/25-2I\国产</t>
  </si>
  <si>
    <t>【大庆隆锋】管箱侧垫片\SRTZ-H1410R014E304-02\甲醇汽提气换热器\BKU1500/2800-1.6/1.6-760-6/25\国产</t>
  </si>
  <si>
    <t>【大庆隆锋】椭圆垫片\30" 900LB\304L\HG/T20633</t>
  </si>
  <si>
    <t>【大庆隆锋】内外环缠绕垫\DN1100 PN1.6\304+304+石墨+304\NB/T47025</t>
  </si>
  <si>
    <t>【大庆隆锋】带活动对中环型齿形垫片\DN400 600LB\304+石墨\HG/T20632</t>
  </si>
  <si>
    <t>【大庆隆锋】带活动对中环型齿形垫片\DN32 300LB\304+石墨\HG/T20632</t>
  </si>
  <si>
    <t>【大庆隆锋】带活动对中环型齿形垫片\DN250 900LB\304+石墨\HG/T20632</t>
  </si>
  <si>
    <t>【大庆隆锋】带活动对中环型齿形垫片\DN25 600LB\304+石墨\HG/T20632</t>
  </si>
  <si>
    <t>【大庆隆锋】内外环缠绕垫\DN200 300LB\304+304+石墨+304\HG/T20631</t>
  </si>
  <si>
    <t>【大庆隆锋】管箱侧垫片\HC028-14-004-03\污水汽提塔进料换热器\BES1400-1.6-540-6.0/25-2I\国产</t>
  </si>
  <si>
    <t>【大庆隆锋】内外环缠绕垫\DN20 300LB\304+304+石墨+304\HG/T20631</t>
  </si>
  <si>
    <t>【大庆隆锋】内外环缠绕垫\DN350 600LB\CRS+304+石墨+304\HG/T20631</t>
  </si>
  <si>
    <t>【大庆隆锋】内外环缠绕垫\DN125 150LB\CRS+304+石墨+304\HG/T20631</t>
  </si>
  <si>
    <t>【大庆隆锋】椭圆垫片\DN600 900LB\347\ASME B16.20</t>
  </si>
  <si>
    <t>【大庆隆锋】八角垫片\3/4" 2500LB\304\ASME B16.20</t>
  </si>
  <si>
    <t>【大庆隆锋】八角垫片\1" 1500LB\321\ASME B16.20</t>
  </si>
  <si>
    <t>【大庆隆锋】八角垫片\1-1/4" 1500LB\321\ASME B16.20</t>
  </si>
  <si>
    <t>【大庆隆锋】聚四氟乙烯垫片\φ444×410×3mm\改性聚四氟乙烯</t>
  </si>
  <si>
    <t>【大庆隆锋】椭圆垫片\6" 900LB\INCONEL 625\ASME B 16.20</t>
  </si>
  <si>
    <t>【大庆隆锋】内外环缠绕垫\8" 150LB\304+304+石墨+304\ASME B16.20</t>
  </si>
  <si>
    <t>【大庆隆锋】椭圆垫片\4" 900LB\304L\ASME B 16.20</t>
  </si>
  <si>
    <t>【大庆隆锋】内外环缠绕垫\1-1/2" 600LB\CS+304+PTFE+304\ASME B16.20</t>
  </si>
  <si>
    <t>【大庆隆锋】内外环缠绕垫\DN350 150LB\Q235A+304+石墨+304\HG/T20631</t>
  </si>
  <si>
    <t>【大庆隆锋】椭圆垫片\8" 900LB\304L\ASME B16.20</t>
  </si>
  <si>
    <t>【大庆隆锋】内外环缠绕垫\20" 300LB\304+304+石墨+304\ASME B16.20</t>
  </si>
  <si>
    <t>【大庆隆锋】内外环缠绕垫\3/4" 900LB\304+304+石墨+304\ASME B16.5</t>
  </si>
  <si>
    <t>【大庆隆锋】聚四氟乙烯垫片\DN800 PN16\RF\聚四氟乙烯\HG/T20606</t>
  </si>
  <si>
    <t>【大庆隆锋】聚四氟乙烯垫片\DN50 PN16\FF\聚四氟乙烯\HG/T20606</t>
  </si>
  <si>
    <t>【大庆隆锋】聚四氟乙烯垫片\DN50 150LB\RF\聚四氟乙烯\HG/T20627</t>
  </si>
  <si>
    <t>【大庆隆锋】椭圆垫片\2" 900LB\A182 F53\ASME B 16.20</t>
  </si>
  <si>
    <t>【大庆隆锋】椭圆垫片\4" 900LB\A182 F53\ASME B 16.20</t>
  </si>
  <si>
    <t>【大庆隆锋】垫片\XN20-4686-5\换热器\φ2000×23044.5\国产</t>
  </si>
  <si>
    <t>【大庆隆锋】垫片\φ163×154×0.6mm PTFE\单级清水离心泵\MCAM2/2/A1\国产</t>
  </si>
  <si>
    <t>【大庆隆锋】金属包垫片\DN800 PN1.6\06Cr19Ni10+柔性石墨\NB/T47026</t>
  </si>
  <si>
    <t>【大庆隆锋】内外环缠绕垫\DN200 150LB\CRS+304+石墨+304\HG/T20631</t>
  </si>
  <si>
    <t>【大庆隆锋】内外环缠绕垫\DN25 150LB\CRS+304+石墨+304\HG/T20631</t>
  </si>
  <si>
    <t>【大庆隆锋】内外环缠绕垫\DN200 300LB\CRS+304+石墨+304\HG/T20631</t>
  </si>
  <si>
    <t>【大庆隆锋】内外环缠绕垫\DN40 300LB\CRS+304+柔性石墨+304\HG/T20631</t>
  </si>
  <si>
    <t>【大庆隆锋】内外环缠绕垫\DN25 600LB\CRS+304+柔性石墨+304\HG/T20631</t>
  </si>
  <si>
    <t>【大庆隆锋】聚四氟乙烯垫片\DN15 PN16\FF\聚四氟乙烯\HG/T20606</t>
  </si>
  <si>
    <t>【大庆隆锋】聚四氟乙烯垫片\DN100 PN16\RF\聚四氟乙烯\HG/T20606</t>
  </si>
  <si>
    <t>【大庆隆锋】聚四氟乙烯垫片\D600 PN16\RF\聚四氟乙烯\HG/T20606</t>
  </si>
  <si>
    <t>【大庆隆锋】内外环缠绕垫\1-1/2" 150LB\304+304+石墨+304\ASME B16.20</t>
  </si>
  <si>
    <t>【大庆隆锋】盘根\10×10mm\聚四氟乙烯</t>
  </si>
  <si>
    <t>【大庆隆锋】椭圆垫片\DN500 900LB\304\HG/T20633</t>
  </si>
  <si>
    <t>【大庆隆锋】椭圆垫片\DN500 1500LB\304\HG/T20633</t>
  </si>
  <si>
    <t>【大庆隆锋】椭圆垫片\8″ 900LB\316L\ASME B16.20</t>
  </si>
  <si>
    <t>【大庆隆锋】椭圆垫片\4″ 900LB\316L\ASME B16.20</t>
  </si>
  <si>
    <t>【大庆隆锋】椭圆垫片\4″ 1500LB\304\ASME B16.20</t>
  </si>
  <si>
    <t>【大庆隆锋】椭圆垫片\3″ 900LB\316L\ASME B16.20</t>
  </si>
  <si>
    <t>【大庆隆锋】椭圆垫片\1/2″ 900LB\304L\ASME B16.20</t>
  </si>
  <si>
    <t>【大庆隆锋】椭圆垫片\1-1/2″ 900LB\304L\ASME B16.20</t>
  </si>
  <si>
    <t>【大庆隆锋】带外环缠绕垫\DN500 PN16\304+304+石墨\HG/T20610</t>
  </si>
  <si>
    <t>【大庆隆锋】带外环缠绕垫\DN350 PN16\304+304+石墨\HG/T20610</t>
  </si>
  <si>
    <t>【大庆隆锋】带外环缠绕垫\DN300 PN16\304+304+石墨\HG/T20610</t>
  </si>
  <si>
    <t>【大庆隆锋】带外环缠绕垫\DN250 PN16\304+304+石墨\HG/T20610</t>
  </si>
  <si>
    <t>【大庆隆锋】带外环缠绕垫\DN250 150LB\304+304+石墨\HG/T20631</t>
  </si>
  <si>
    <t>【大庆隆锋】带外环缠绕垫\DN200 150LB\304+304+石墨\HG/T20631</t>
  </si>
  <si>
    <t>【大庆隆锋】内外环缠绕垫\1" 150LB\304+304+石墨+304\ASME B16.20</t>
  </si>
  <si>
    <t>【大庆隆锋】聚四氟乙烯垫片\DN400 150LB\RF\聚四氟乙烯\HG/T20627</t>
  </si>
  <si>
    <t>【大庆隆锋】聚四氟乙烯垫片\DN40 PN16\FF\聚四氟乙烯\HG/T20606</t>
  </si>
  <si>
    <t>【大庆隆锋】聚四氟乙烯垫片\DN350 150LB\RF\聚四氟乙烯\HG/T20627</t>
  </si>
  <si>
    <t>【大庆隆锋】聚四氟乙烯垫片\DN250 PN16\RF\聚四氟乙烯\HG/T20606</t>
  </si>
  <si>
    <t>【大庆隆锋】聚四氟乙烯垫片\DN250 150LB\RF\聚四氟乙烯\HG/T20627</t>
  </si>
  <si>
    <t>【大庆隆锋】聚四氟乙烯垫片\DN25 PN16\FF\聚四氟乙烯\HG/T20606</t>
  </si>
  <si>
    <t>【大庆隆锋】聚四氟乙烯垫片\DN25 150LB\RF\聚四氟乙烯\HG/T20627</t>
  </si>
  <si>
    <t>【大庆隆锋】聚四氟乙烯垫片\DN200 PN16\RF\聚四氟乙烯\HG/T20606</t>
  </si>
  <si>
    <t>【大庆隆锋】聚四氟乙烯垫片\DN200 150LB\RF\聚四氟乙烯\HG/T20627</t>
  </si>
  <si>
    <t>【大庆隆锋】聚四氟乙烯垫片\DN20 PN16\FF\聚四氟乙烯\HG/T20606</t>
  </si>
  <si>
    <t>【大庆隆锋】内外环缠绕垫\10" 150LB\304+304+石墨+304\ASME B16.20</t>
  </si>
  <si>
    <t>【大庆隆锋】聚四氟乙烯垫片\DN20 150LB\RF\聚四氟乙烯\HG/T20627</t>
  </si>
  <si>
    <t>【大庆隆锋】聚四氟乙烯垫片\DN150 150LB\RF\聚四氟乙烯\HG/T20627</t>
  </si>
  <si>
    <t>【大庆隆锋】垫片\B22-400-1.6\水蒸气冷凝器\4110-E003\国产</t>
  </si>
  <si>
    <t>【大庆隆锋】密封垫圈\φ500×490×6mm\聚四氟乙烯</t>
  </si>
  <si>
    <t>【大庆隆锋】内外环缠绕垫\DN300 900LB\304+304+石墨+304\HG/T20631</t>
  </si>
  <si>
    <t>【大庆隆锋】八角垫片\1" 900LB\10#\ASME B16.20</t>
  </si>
  <si>
    <t>【大庆隆锋】O型密封圈\φ779×7mm\氟橡胶</t>
  </si>
  <si>
    <t>【大庆隆锋】带活动对中环型齿形垫片\DN125 300LB\304+石墨\HG/T20632</t>
  </si>
  <si>
    <t>【大庆隆锋】带活动对中环型齿形垫片\DN100 900LB\304+石墨\HG/T20632</t>
  </si>
  <si>
    <t>【大庆隆锋】带活动对中环型齿形垫片\DN350 900LB\304+石墨\HG/T20632</t>
  </si>
  <si>
    <t>【大庆隆锋】带活动对中环型齿形垫片\DN400 150LB\304+石墨\HG/T20632</t>
  </si>
  <si>
    <t>【大庆隆锋】带活动对中环型齿形垫片\DN40 150LB\304+石墨\HG/T20632</t>
  </si>
  <si>
    <t>【大庆隆锋】外头盖垫片\HC028-14-006-06\污水汽提塔底重沸器\BJS1800-2.5/2.5-930­6.0/25-4\国产</t>
  </si>
  <si>
    <t>【大庆隆锋】管箱侧垫片\HC028-14-010-03\蒸汽甲醇过热器\BIU1300-5.35/4.28-500-6/25-2I\国产</t>
  </si>
  <si>
    <t>【大庆隆锋】带内环缠绕垫\DN1000 PN2.5\304+石墨+304\NB/T47025</t>
  </si>
  <si>
    <t>【大庆隆锋】内外环缠绕垫\DN15 PN16\CRS+304+石墨+304\HG/T20610</t>
  </si>
  <si>
    <t>【大庆隆锋】内外环缠绕垫\DN400 600LB\CRS+304+石墨+304\HG/T20631</t>
  </si>
  <si>
    <t>【大庆隆锋】内外环缠绕垫\DN150 900LB\CRS+304+石墨+304\HG/T20631</t>
  </si>
  <si>
    <t>【大庆隆锋】椭圆垫片\8" 900LB\321\ASME B16.20</t>
  </si>
  <si>
    <t>【大庆隆锋】椭圆垫片\10″ 900LB\347\ASME B16.20</t>
  </si>
  <si>
    <t>【大庆隆锋】椭圆垫片\DN600 900LB\316L\ASME B16.20</t>
  </si>
  <si>
    <t>【大庆隆锋】八角垫片\1-1/2" 1500LB\321\ASME B16.20</t>
  </si>
  <si>
    <t>【大庆隆锋】椭圆垫片\6" 900LB\10#\ASME B 16.20</t>
  </si>
  <si>
    <t>【大庆隆锋】内外环缠绕垫\DN50 600LB\CRS+304+柔性石墨+304\HG/T20631</t>
  </si>
  <si>
    <t>【大庆隆锋】石墨复合垫片\DN500 PN1.0\RF\304+柔性石墨\HG20608</t>
  </si>
  <si>
    <t>【大庆隆锋】内外环缠绕垫\12" 150LB\304+304+石墨+304\ASME B16.20</t>
  </si>
  <si>
    <t>【大庆隆锋】内外环缠绕垫\3" 150LB\304+304+石墨+304\ASME B16.20</t>
  </si>
  <si>
    <t>【大庆隆锋】椭圆垫片\6" 900LB\304L\ASME B16.20</t>
  </si>
  <si>
    <t>【大庆隆锋】椭圆垫片\4" 900LB\316\ASME B16.20</t>
  </si>
  <si>
    <t>【大庆隆锋】内外环缠绕垫\1-1/2" 900LB\304+304+石墨+304\ASME B16.20</t>
  </si>
  <si>
    <t>【大庆隆锋】聚四氟乙烯垫片\DN300 150LB\RF\聚四氟乙烯\HG/T20627</t>
  </si>
  <si>
    <t>【大庆隆锋】聚四氟乙烯垫片\DN100 150LB\RF\聚四氟乙烯\HG/T20627</t>
  </si>
  <si>
    <t>【大庆隆锋】带外环缠绕垫\DN400 PN16\304+304+石墨\HG/T20610</t>
  </si>
  <si>
    <t>【大庆隆锋】内外环缠绕垫\DN200 300LB\CRS+321+石墨+321\HG/T20631</t>
  </si>
  <si>
    <t>【大庆隆锋】内外环缠绕垫\DN250 150LB\Q235B+304+石墨+304\HG/T20631</t>
  </si>
  <si>
    <t>【大庆隆锋】内外环缠绕垫\DN65 150LB\CRS+304+石墨+304\HG/T20631</t>
  </si>
  <si>
    <t>【大庆隆锋】聚四氟乙烯垫片\DN125 150LB\RF\PTFE\HG/T20627</t>
  </si>
  <si>
    <t>【大庆隆锋】带活动对中环型齿形垫片\DN20 600LB\304+石墨\HG/T20632</t>
  </si>
  <si>
    <t>【大庆隆锋】管箱垫片\HC028-14-005-03\水洗水冷却器\BES1100-1.6-335-6/25-2I\国产</t>
  </si>
  <si>
    <t>【大庆隆锋】管箱侧垫片\HG028-14-007-06\甲醇凝结水换热器\BJU800-2.5/2.5-170-6/25-2 I\国产</t>
  </si>
  <si>
    <t>【大庆隆锋】内外环缠绕垫\DN32 PN16\CRS+304+石墨+304\HG/T20610</t>
  </si>
  <si>
    <t>【大庆隆锋】带外环缠绕垫\DN20 150LB\CRS+321+石墨\HG/T20631</t>
  </si>
  <si>
    <t>【大庆隆锋】基本型缠绕垫\φ446×426×4.5mm\304+石墨</t>
  </si>
  <si>
    <t>【大庆隆锋】带内环缠绕垫\φ565×525×505×4.5mm\304+石墨+304</t>
  </si>
  <si>
    <t>【大庆隆锋】碳纤维垫片\30" 150LB\RF\压缩无机纤维\ASME B16.21</t>
  </si>
  <si>
    <t>【大庆隆锋】石棉橡胶垫片\DN100 150LB\RF-E\XB350+316\HG/T20627</t>
  </si>
  <si>
    <t>【大庆隆锋】橡胶垫片\6534×3260×6459×3185×6mm 长方形\氯丁橡胶</t>
  </si>
  <si>
    <t>【大庆隆锋】八角垫片\2" 1500LB\INCONEL 625\ASME B16.20</t>
  </si>
  <si>
    <t>【大庆隆锋】缠绕垫\G13-450-4.0-2A\GB/T29463.2</t>
  </si>
  <si>
    <t>【大庆隆锋】内外环缠绕垫\DN500 PN1.0\304+304+石墨+304\NB/T47025</t>
  </si>
  <si>
    <t>【大庆隆锋】带活动对中环型齿形垫片\DN250 150LB\304+石墨\HG/T20632</t>
  </si>
  <si>
    <t>【大庆隆锋】带活动对中环型齿形垫片\DN15 600LB\304+石墨\HG/T20632</t>
  </si>
  <si>
    <t>【大庆隆锋】带活动对中环型齿形垫片\DN80 900LB\304+石墨\HG/T20632</t>
  </si>
  <si>
    <t>【大庆隆锋】带活动对中环型齿形垫片\DN65 300LB\304+石墨\HG/T20632</t>
  </si>
  <si>
    <t>【大庆隆锋】带活动对中环型齿形垫片\DN600 600LB\304+石墨\HG/T20632</t>
  </si>
  <si>
    <t>【大庆隆锋】浮头垫片\HC028-14-005-03\水洗水冷却器\BES1100-1.6-335-6/25-2I\国产</t>
  </si>
  <si>
    <t>【大庆隆锋】带内环缠绕垫\DN500 PN4.0\304+石墨+304\NB/T47025</t>
  </si>
  <si>
    <t>【大庆隆锋】内外环缠绕垫\DN40 PN16\CRS+304+石墨+304\HG/T20610</t>
  </si>
  <si>
    <t>【大庆隆锋】波齿复合垫片\φ71×60.5×2mm\304+石墨</t>
  </si>
  <si>
    <t>【大庆隆锋】内外环缠绕垫\18" 150LB\304+304+石墨+304\ASME B16.20</t>
  </si>
  <si>
    <t>【大庆隆锋】石墨复合垫片\φ460×420×4.5mm\304+石墨</t>
  </si>
  <si>
    <t>【大庆隆锋】带内环波齿复合垫片\φ320×280×260×4.5mm 带筋\304+石墨</t>
  </si>
  <si>
    <t>【大庆隆锋】齿形垫片\φ1040×990×4.5mm 带T字筋 筋宽25mm\304+石墨</t>
  </si>
  <si>
    <t>【大庆隆锋】内外环缠绕垫\DN40 150LB\304+304+石墨+304\HG/T20631</t>
  </si>
  <si>
    <t>【大庆隆锋】碳纤维垫片\DN600 PN20\RF\压缩无机纤维\SH/T3401</t>
  </si>
  <si>
    <t>【大庆隆锋】带活动对中环型齿形垫片\DN250 300LB\304+石墨\HG/T20632</t>
  </si>
  <si>
    <t>【大庆隆锋】内外环缠绕垫\DN25 600LB\304+304+石墨+304\HG/T20631</t>
  </si>
  <si>
    <t>【大庆隆锋】带活动对中环型齿形垫片\DN600 900LB\304+石墨\HG/T20632</t>
  </si>
  <si>
    <t>【大庆隆锋】八角垫片\DN40 900LB\304\HG/T20633</t>
  </si>
  <si>
    <t>【大庆隆锋】内外环缠绕垫\DN200 150LB\304+304+石墨+304\HG/T20631</t>
  </si>
  <si>
    <t>【大庆隆锋】管箱垫片\SRTZ-H1410R014E304-02\甲醇汽提气换热器\BKU1500/2800-1.6/1.6-760-6/25\国产</t>
  </si>
  <si>
    <t>【大庆隆锋】内外环缠绕垫\DN350 PN16\CRS+304+石墨+304\HG/T20610</t>
  </si>
  <si>
    <t>【大庆隆锋】带外环缠绕垫\DN100 150LB\CRS+321+石墨\HG/T20631</t>
  </si>
  <si>
    <t>【大庆隆锋】内外环缠绕垫\DN600 300LB\CRS+304+石墨+304\HG/T20631</t>
  </si>
  <si>
    <t>【大庆隆锋】内外环缠绕垫\DN20 900LB\CRS+304+石墨+304\HG/T20631</t>
  </si>
  <si>
    <t>【大庆隆锋】椭圆垫片\3/4" 900LB\321\ASME B16.20</t>
  </si>
  <si>
    <t>【大庆隆锋】椭圆垫片\12″ 900LB\304L\ASME B16.20</t>
  </si>
  <si>
    <t>【大庆隆锋】内外环缠绕垫\DN50 PN16\CRS+304+石墨+304\HG/T20610</t>
  </si>
  <si>
    <t>【大庆隆锋】内外环缠绕垫\DN50 300LB\CRS+321+石墨+321\HG/T20631</t>
  </si>
  <si>
    <t>【大庆隆锋】内外环缠绕垫\DN15 600LB\304+304+石墨+304\HG/T20631</t>
  </si>
  <si>
    <t>【大庆隆锋】椭圆垫片\1/2" 900LB\347\ASME B16.20</t>
  </si>
  <si>
    <t>【大庆隆锋】内外环缠绕垫\DN125 150LB\304+304+石墨+304\HG/T20631</t>
  </si>
  <si>
    <t>【大庆隆锋】内外环缠绕垫\DN300 600LB\CRS+304+石墨+304\HG/T20631</t>
  </si>
  <si>
    <t>【大庆隆锋】带内环缠绕垫\DN900 PN1.6\304+石墨+304\NB/T47025</t>
  </si>
  <si>
    <t>【大庆隆锋】内外环缠绕垫\DN65 600LB\Q235A+304+石墨+304\HG/T20631</t>
  </si>
  <si>
    <t>【大庆隆锋】内外环缠绕垫\DN20 600LB\Q235A+304+石墨+304\HG/T20631</t>
  </si>
  <si>
    <t>【大庆隆锋】内外环缠绕垫\2" 600LB\304+304+石墨+304\ASME B16.20</t>
  </si>
  <si>
    <t>【大庆隆锋】聚四氟乙烯垫片\DN750 150LB\RF\聚四氟乙烯\HG/T20627</t>
  </si>
  <si>
    <t>【大庆隆锋】聚四氟乙烯垫片\DN350 PN16\RF\聚四氟乙烯\HG/T20606</t>
  </si>
  <si>
    <t>【大庆隆锋】聚四氟乙烯垫片\DN1200 PN16\RF\聚四氟乙烯\HG/T20606</t>
  </si>
  <si>
    <t>【大庆隆锋】碳纤维垫片\24" 150LB\RF\压缩无机纤维\ASME B16.21</t>
  </si>
  <si>
    <t>【大庆隆锋】内外环缠绕垫\φ649×627×592×570×3.2mm\304+304+石墨+304</t>
  </si>
  <si>
    <t>【大庆隆锋】非金属垫\G8-600-1.6-2A\GB/T29463.3</t>
  </si>
  <si>
    <t>【大庆隆锋】椭圆垫片\16" 900LB\316L\ASME B 16.20</t>
  </si>
  <si>
    <t>【大庆隆锋】八角垫片\DN900 900LB\316L\HG/T20633</t>
  </si>
  <si>
    <t>【大庆隆锋】齿形垫片\φ1384×1354×3mm\石墨+304</t>
  </si>
  <si>
    <t>【襄阳五二五】泵盖\GDIH-11S4-003\单级耐腐蚀离心泵\IHE65-50-125\国产</t>
  </si>
  <si>
    <t>襄阳五二五</t>
  </si>
  <si>
    <t>【襄阳五二五】泵体\GDIHE65-50-125-001\单级耐腐蚀离心泵\IHE65-50-125\国产</t>
  </si>
  <si>
    <t>【襄阳五二五】叶轮\GDIHE65-50-125-B6-S3-002\单级耐腐蚀离心泵\IHE65-50-125\国产</t>
  </si>
  <si>
    <t>【襄阳五二五】机封端盖\GDB2111-93-35A\单级耐腐蚀离心泵\IHE65-50-125\国产</t>
  </si>
  <si>
    <t>【襄阳五二五】叶轮螺母\GDB2206-82-12×32\单级耐腐蚀离心泵\IHE65-50-125\国产</t>
  </si>
  <si>
    <t>【襄阳五二五】轴\GDB6102-82-25\单级耐腐蚀离心泵\IHE65-50-125\国产</t>
  </si>
  <si>
    <t>【襄阳五二五】轴套\GDB2214-82-35A\单级耐腐蚀离心泵\IHE65-50-125\国产</t>
  </si>
  <si>
    <t>【襄阳五二五】机封固定环\GDB2112-93-35A\单级耐腐蚀离心泵\IHE65-50-125\国产</t>
  </si>
  <si>
    <t>【襄阳五二五】底座\GDIHE65-50-125-Y112M-002\单级耐腐蚀离心泵\IHE65-50-125\国产</t>
  </si>
  <si>
    <t>【襄阳五二五】悬架体\GDB1209-97-25-01\单级耐腐蚀离心泵\IHE65-50-125\国产</t>
  </si>
  <si>
    <t>【襄阳五二五】悬架支架\GDB5111-82-25×112\单级耐腐蚀离心泵\IHE65-50-125\国产</t>
  </si>
  <si>
    <t>【襄阳五二五】中间支架\GDB5112-82-25×125\单级耐腐蚀离心泵\IHE65-50-125\国产</t>
  </si>
  <si>
    <t>【襄阳五二五】轴承前盖\GDB1209-97-25-02\单级耐腐蚀离心泵\IHE65-50-125\国产</t>
  </si>
  <si>
    <t>【襄阳五二五】轴承后盖\GDB1209-97-25-03\单级耐腐蚀离心泵\IHE65-50-125\国产</t>
  </si>
  <si>
    <t>【襄阳五二五】叶轮\GDCH-TLRD-KWPK800-880-0939-002\渣浆泵\KWPK800-939\国产</t>
  </si>
  <si>
    <t>【襄阳五二五】叶轮\GDCH-TLRD-KWPK800-883-002B-01\渣浆泵\KWPK800-883\国产</t>
  </si>
  <si>
    <t>【襄阳五二五】叶轮\GDCH-TLRD-KWPK800-883-002B-02\渣浆泵\KWPK800-883\国产</t>
  </si>
  <si>
    <t>【襄阳五二五】叶轮\GDCH-TLRD-KWPK800-883-002B-03\渣浆泵\KWPK800-883\国产</t>
  </si>
  <si>
    <t>【襄阳五二五】叶轮螺母\GDCH-TLRD-KWPK800-883-SJ-001\渣浆泵\KWPK800-883\国产</t>
  </si>
  <si>
    <t>【襄阳五二五】叶轮\GDCH-FCDC-KWPK800-934-002\渣浆泵\KWPK800-934\国产</t>
  </si>
  <si>
    <t>【襄阳五二五】叶轮\GDCH-FCDC-700TLR-002\渣浆泵\700TLR\国产</t>
  </si>
  <si>
    <t>【襄阳五二五】叶轮\GDCH-JXHBDC-KWPK800-883-002\渣浆泵\KWPK800-883\国产</t>
  </si>
  <si>
    <t>【襄阳五二五】叶轮\GDCH-JHDC-WPP61-600-002\渣浆泵\WPP61-600\国产</t>
  </si>
  <si>
    <t>【襄阳五二五】耐磨板\GDCH-JHDC-WPP61-600-003\渣浆泵\WPP61-600\国产</t>
  </si>
  <si>
    <t>【襄阳五二五】支撑管\GDPLC550T-002-03E2-A3\渣浆泵\PLC65/310T\国产</t>
  </si>
  <si>
    <t>【襄阳五二五】泵壳\GDLC65/310T-001-DF2\渣浆泵\PLC65/310T\国产</t>
  </si>
  <si>
    <t>【襄阳五二五】叶轮\GDLC65/310-B3-002 DF2\渣浆泵\PLC65/310T\国产</t>
  </si>
  <si>
    <t>【襄阳五二五】泵盖\GDPLC50/350N1T-BG HT200\渣浆泵\PLC65/310T\国产</t>
  </si>
  <si>
    <t>【襄阳五二五】轴\GDPLC550-003C-03-45#\渣浆泵\PLC65/310T\国产</t>
  </si>
  <si>
    <t>【襄阳五二五】支架\GDLC550/700-019 HT200\渣浆泵\LC550/700Ⅱ\国产</t>
  </si>
  <si>
    <t>【襄阳五二五】叶轮\GDLC550/700Ⅱ-B5-002-Cr30A\渣浆泵\LC550/700Ⅱ\国产</t>
  </si>
  <si>
    <t>【襄阳五二五】泵体\GDLC550/700-001 2605N\渣浆泵\LC550/700Ⅱ\国产</t>
  </si>
  <si>
    <t>【襄阳五二五】销钉\GDLC-XD-M12-304\渣浆泵\LC550/700Ⅱ\国产</t>
  </si>
  <si>
    <t>【襄阳五二五】泵壳\GDLC150/350-001-Cr30\渣浆泵\LCF150/350AI\国产</t>
  </si>
  <si>
    <t>【襄阳五二五】机械密封\GDIH-55D3-O-S/SV3-S/GV4-52-N\单级耐腐蚀离心泵\IHE200-150-400\国产</t>
  </si>
  <si>
    <t>【襄阳五二五】特殊法兰\GDIH-001-2205\单级耐腐蚀离心泵\IHE200-150-400\国产</t>
  </si>
  <si>
    <t>【襄阳五二五】泵体\GDIHE200-150-400-001 2507\单级耐腐蚀离心泵\IHE200-150-400\国产</t>
  </si>
  <si>
    <t>【襄阳五二五】泵盖\GDIH-46D2-003 2507\单级耐腐蚀离心泵\IHE200-150-400\国产</t>
  </si>
  <si>
    <t>【襄阳五二五】叶轮\GDIHE200-150-400-S3-B6-02 2507\单级耐腐蚀离心泵\IHE200-150-400\国产</t>
  </si>
  <si>
    <t>【襄阳五二五】焊接底座\GDIHE200-150-400-Y280M-002\单级耐腐蚀离心泵\IHE200-150-400\国产</t>
  </si>
  <si>
    <t>【襄阳五二五】机械密封\GDLB68D3-S/SV3-S/SV4-52-N\单级耐腐蚀离心泵\LB250-400\国产</t>
  </si>
  <si>
    <t>【襄阳五二五】联轴器\GDJMⅡJ5-YA75×142/YA60×107-180\单级耐腐蚀离心泵\LB250-400\国产</t>
  </si>
  <si>
    <t>【襄阳五二五】泵体\GDLB250-400-001 2507\渣浆泵\LB250-400\国产</t>
  </si>
  <si>
    <t>【襄阳五二五】泵体口环\GDLB250-400-004 2507\渣浆泵\LB250-400\国产</t>
  </si>
  <si>
    <t>【襄阳五二五】泵盖\GDLB250-400-003DS 2507\渣浆泵\LB250-400\国产</t>
  </si>
  <si>
    <t>【襄阳五二五】叶轮\GDLB250-400-002B 2507\渣浆泵\LB250-400\国产</t>
  </si>
  <si>
    <t>【襄阳五二五】焊接底座\GDLB250-400-Y280S-002-510L\单级耐腐蚀离心泵\LB250-400\国产</t>
  </si>
  <si>
    <t>【襄阳五二五】机械密封\GDHTM-40D351XX-N\渣浆泵\LCF50/350N1\国产</t>
  </si>
  <si>
    <t>【襄阳五二五】甩液环\GDLC65/310T-017\渣浆泵\LCF50/350N1\国产</t>
  </si>
  <si>
    <t>【襄阳五二五】轴承压环\GDLC1208-88-250-09 HT200\渣浆泵\LCF50/350N1\国产</t>
  </si>
  <si>
    <t>【襄阳五二五】特殊法兰\GDLC1208-88-250-14 2205\渣浆泵\LCF50/350N1\国产</t>
  </si>
  <si>
    <t>【襄阳五二五】叶轮螺母\GDLC-YLLM-002-02 2205\渣浆泵\LCF50/350N1\国产</t>
  </si>
  <si>
    <t>【襄阳五二五】泵盖\GDLCF50/350N1Ⅰ-S25-W6-003-2507\渣浆泵\LCF50/350N1\国产</t>
  </si>
  <si>
    <t>【襄阳五二五】耐磨板\GDLC50/350TN1-3 2507\渣浆泵\LCF50/350N1\国产</t>
  </si>
  <si>
    <t>【襄阳五二五】泵体\GDLC50/350N1-001E1 2507\渣浆泵\LCF50/350N1\国产</t>
  </si>
  <si>
    <t>【襄阳五二五】叶轮\GDLCF50/350N1Ⅰ-S25-W6-002 2507\渣浆泵\LCF50/350N1\国产</t>
  </si>
  <si>
    <t>【襄阳五二五】焊接底座\GDLC250-Y160M-002-510L\渣浆泵\LCF50/350N1\国产</t>
  </si>
  <si>
    <t>【襄阳五二五】机械密封\GDHTM-30D351XX-N\渣浆泵\LCF40/250\国产</t>
  </si>
  <si>
    <t>【襄阳五二五】甩液环\GDLC-180-F-005\渣浆泵\LCF40/250\国产</t>
  </si>
  <si>
    <t>【襄阳五二五】轴承压环\GDLC1208-90-180-09 HT200\渣浆泵\LCF40/250\国产</t>
  </si>
  <si>
    <t>【襄阳五二五】泵体\GDLC40/250-001E1 2507\渣浆泵\LCF40/250\国产</t>
  </si>
  <si>
    <t>【襄阳五二五】叶轮\GDLCF40/250-S11-B3-002 2507\渣浆泵\LCF40/250\国产</t>
  </si>
  <si>
    <t>【襄阳五二五】泵盖\GDLCF40/250-S25-003 2507\渣浆泵\LCF40/250\国产</t>
  </si>
  <si>
    <t>【襄阳五二五】焊接底座\GDLC180-Y132S-002-510L\渣浆泵\LCF40/250\国产</t>
  </si>
  <si>
    <t>【襄阳五二五】轴\GDLCF-250-004E4 2205\渣浆泵\LCF65/350Ⅰ\国产</t>
  </si>
  <si>
    <t>【襄阳五二五】叶轮螺母\GDLC-YLLM-001-01 2205\渣浆泵\LCF65/350Ⅰ\国产</t>
  </si>
  <si>
    <t>【襄阳五二五】叶轮螺栓\GDLC-YLLS-001-01 2205\渣浆泵\LCF65/350Ⅰ\国产</t>
  </si>
  <si>
    <t>【襄阳五二五】泵体\GDLC65/350-001E1 2507\渣浆泵\LCF65/350Ⅰ\国产</t>
  </si>
  <si>
    <t>【襄阳五二五】耐磨板\GDLC50/350TN2-3 2507\渣浆泵\LCF65/350Ⅰ\国产</t>
  </si>
  <si>
    <t>【襄阳五二五】泵盖\GDLCF65/350Ⅰ-S25-W6-003 2507\渣浆泵\LCF65/350Ⅰ\国产</t>
  </si>
  <si>
    <t>【襄阳五二五】叶轮\GDLCF65/350Ⅰ-S25-W6-002 2507\渣浆泵\LCF65/350Ⅰ\国产</t>
  </si>
  <si>
    <t>【襄阳五二五】焊接底座\GDLC250-Y225S-002 510L\渣浆泵\LCF65/350Ⅰ\国产</t>
  </si>
  <si>
    <t>【襄阳五二五】轴\GDLCF-315-004E4 2205\渣浆泵\LCF65/400Ⅰ\国产</t>
  </si>
  <si>
    <t>【襄阳五二五】叶轮螺母\GDLC-YLLM-001-03 2205\渣浆泵\LCF65/400Ⅰ\国产</t>
  </si>
  <si>
    <t>【襄阳五二五】叶轮螺栓\GDLC-YLLS-001-02 2205\渣浆泵\LCF65/400Ⅰ\国产</t>
  </si>
  <si>
    <t>【襄阳五二五】泵体\GDLC65/400-001E1 2507\渣浆泵\LCF65/400Ⅰ\国产</t>
  </si>
  <si>
    <t>【襄阳五二五】泵盖\GDLCF65/400Ⅰ-S25-W6-003 2507\渣浆泵\LCF65/400Ⅰ\国产</t>
  </si>
  <si>
    <t>【襄阳五二五】耐磨板\GDLCF65/400Ⅰ-S25-W6-005 2507\渣浆泵\LCF65/400Ⅰ\国产</t>
  </si>
  <si>
    <t>【襄阳五二五】叶轮\GDLCF65/400Ⅰ-S25-W6-002 2507\渣浆泵\LCF65/400Ⅰ\国产</t>
  </si>
  <si>
    <t>【襄阳五二五】焊接底座\GDLC315-Y225M-002 510L\渣浆泵\LCF65/400Ⅰ\国产</t>
  </si>
  <si>
    <t>【襄阳五二五】耐磨板\GDLC100/300T-003 2507\渣浆泵\LCF100/300Ⅰ\国产</t>
  </si>
  <si>
    <t>【襄阳五二五】泵体\GDLC100/300-001E1 2507\渣浆泵\LCF100/300Ⅰ\国产</t>
  </si>
  <si>
    <t>【襄阳五二五】泵盖\GDLCF100/300Ⅰ-S25-W6-003 2507\渣浆泵\LCF100/300Ⅰ\国产</t>
  </si>
  <si>
    <t>【襄阳五二五】叶轮\GDLCF100/300Ⅰ-S25-W6-002 2507\渣浆泵\LCF100/300Ⅰ\国产</t>
  </si>
  <si>
    <t>【襄阳五二五】焊接底座\GDLC250-Y160L-002 510L\渣浆泵\LCF100/300Ⅰ\国产</t>
  </si>
  <si>
    <t>【襄阳五二五】泵体\GDLC250/430-001E1 2205\渣浆泵\LCF250/430\国产</t>
  </si>
  <si>
    <t>【襄阳五二五】耐磨板\GDLCT-H355-003 2507\渣浆泵\LCF250/430\国产</t>
  </si>
  <si>
    <t>【襄阳五二五】泵盖\GDLC250/430C-S25-003 2507\渣浆泵\LCF250/430\国产</t>
  </si>
  <si>
    <t>【襄阳五二五】叶轮\GDLCF250/430B-S11-B4-002 2507\渣浆泵\LCF250/430\国产</t>
  </si>
  <si>
    <t>【襄阳五二五】焊接底座\GDLC400A-Y315S-002E1 2507\渣浆泵\LCF250/430\国产</t>
  </si>
  <si>
    <t>【襄阳五二五】机械密封\GDHTM-60D1-S/SV3-54-N\渣浆泵\LC200/300Ⅱ\国产</t>
  </si>
  <si>
    <t>【襄阳五二五】特殊法兰\GDLC500/630-021 2507\渣浆泵\LC200/300Ⅱ\国产</t>
  </si>
  <si>
    <t>【襄阳五二五】后泵盖\GDLC200/300Ⅱ-003 2507\渣浆泵\LC200/300Ⅱ\国产</t>
  </si>
  <si>
    <t>【襄阳五二五】耐磨板\GDLC200/300Ⅱ-004 2507\渣浆泵\LC200/300Ⅱ\国产</t>
  </si>
  <si>
    <t>【襄阳五二五】泵体\GDLC200/300Ⅱ-001 2507\渣浆泵\LC200/300Ⅱ\国产</t>
  </si>
  <si>
    <t>【襄阳五二五】叶轮\GDLC200/300Ⅱ-B5-002 2507\渣浆泵\LC200/300Ⅱ\国产</t>
  </si>
  <si>
    <t>【襄阳五二五】机械密封\GDLB-LK7-120D1-S/SV3-54-N\渣浆泵\LC300/450Ⅱ\国产</t>
  </si>
  <si>
    <t>【襄阳五二五】对焊法兰\PN64\DN200\9.5mm\RF\Q235\GB/T9119</t>
  </si>
  <si>
    <t>【襄阳五二五】对焊法兰\PN64\DN300\12mm\RF\20#\GB/T9115</t>
  </si>
  <si>
    <t>【襄阳五二五】对焊法兰\PN64\DN100\9mm\RF\Q235A\GB/T9119</t>
  </si>
  <si>
    <t>【襄阳五二五】中压闸阀\Z41H-64\DN100\GB/T12234</t>
  </si>
  <si>
    <t>【襄阳五二五】中压止回阀\H41H-64C\DN300\GB/T12236</t>
  </si>
  <si>
    <t>【襄阳五二五】中压闸阀\Z41H-64T\DN300\GB/T12234</t>
  </si>
  <si>
    <t>【襄阳五二五】中压闸阀\Z41H-64C\DN200\GB/T12234</t>
  </si>
  <si>
    <t>【襄阳五二五】多功能水泵控制阀\JD745X-64\DN200\GB/T12224</t>
  </si>
  <si>
    <t>【襄阳五二五】弹簧式安全阀\A28H-16\DN40\GB/T12241</t>
  </si>
  <si>
    <t>【襄阳五二五】泵端膜片\GDSJM17-N\渣浆泵\LC800/1000Ⅱ\国产</t>
  </si>
  <si>
    <t>【襄阳五二五】电机端膜片\GDSJM16-N\渣浆泵\LC800/1000Ⅱ\国产</t>
  </si>
  <si>
    <t>【襄阳五二五】油标\GDGB/T1160.2-1989-N\渣浆泵\LC800/1000Ⅱ\国产</t>
  </si>
  <si>
    <t>【沈阳华盈】84消毒液\25kg/桶</t>
  </si>
  <si>
    <t>国电东北环保产业集团有限公司华盈环保材料分公司</t>
  </si>
  <si>
    <t>沈阳华盈</t>
  </si>
  <si>
    <t>WZSCCG-2020-BJ-022</t>
  </si>
  <si>
    <t>国家能源e购商城沈阳华盈84消毒液铺货采购合同</t>
  </si>
  <si>
    <t>【沈阳华盈】84消毒液\10kg/桶</t>
  </si>
  <si>
    <t>【沈阳华盈】84消毒液\5kg/桶</t>
  </si>
  <si>
    <t>【复盛】热控阀芯\160582566\螺杆空气压缩机\SA350W-6K\国产</t>
  </si>
  <si>
    <t>复盛实业（上海）有限公司</t>
  </si>
  <si>
    <t>复盛</t>
  </si>
  <si>
    <t>GNWZBP(TH)ZYCG2020-289</t>
  </si>
  <si>
    <t>国家能源e购商城2020年度复盛空压机配件南方区域长协采购铺货采购合同</t>
  </si>
  <si>
    <t>广州市昌盛复盛机电有限公司</t>
  </si>
  <si>
    <t>【复盛】油细分离器滤芯\160339655\螺杆空气压缩机\SA350W-6K\国产</t>
  </si>
  <si>
    <t>【复盛】充油直立式压力表\160559974\螺杆空气压缩机\SA350W-6K\国产</t>
  </si>
  <si>
    <t>【复盛】安全阀\160771145\螺杆空气压缩机\SA350W-6K\国产</t>
  </si>
  <si>
    <t>【复盛】梭动阀\160888462\螺杆空气压缩机\SA350W-6K\国产</t>
  </si>
  <si>
    <t>【复盛】止回阀\160951426\螺杆式压缩机\SA350-6K\国产</t>
  </si>
  <si>
    <t>【复盛】伺服气缸\160447759\螺杆空气压缩机\SA350W-6K\国产</t>
  </si>
  <si>
    <t>【复盛】联轴器\160222951\螺杆空气压缩机\SA350W-6K\国产</t>
  </si>
  <si>
    <t>【复盛】紧停按钮\160461258\螺杆空气压缩机\SA350W-6K\国产</t>
  </si>
  <si>
    <t>【复盛】风扇\160443368\螺杆空气压缩机\SA350W-6K\国产</t>
  </si>
  <si>
    <t>【复盛】方形门锁\160119954\螺杆空气压缩机\SA350W-6K\国产</t>
  </si>
  <si>
    <t>【复盛】轴承油滤芯\160793321\螺杆空气压缩机\SA350W-6K\国产</t>
  </si>
  <si>
    <t>【复盛】油污分离剂\160887456\螺杆空气压缩机\SA350W-6K\国产</t>
  </si>
  <si>
    <t>【复盛】水污分离剂\160887457\螺杆空气压缩机\SA350W-6K\国产</t>
  </si>
  <si>
    <t>【复盛】油位计浮子\160291112\螺杆空气压缩机\SA350W-6K\国产</t>
  </si>
  <si>
    <t>【复盛】后部冷却器\160336651\螺杆空气压缩机\SA350W-6K\国产</t>
  </si>
  <si>
    <t>【复盛】油冷却器\160598112\螺杆空气压缩机\SA350W-6K\国产</t>
  </si>
  <si>
    <t>【复盛】压力调节器\160334798\螺杆空气压缩机\SA350W-6K\国产</t>
  </si>
  <si>
    <t>【复盛】油过滤器滤芯\160228894\螺杆空气压缩机\SA350W-6K\国产</t>
  </si>
  <si>
    <t>【复盛】空气滤清器滤芯\160337759\螺杆空气压缩机\SA350W-6K\国产</t>
  </si>
  <si>
    <t>【复盛】高级冷却液\SA-350AW;160269122;1×205L\复盛</t>
  </si>
  <si>
    <t>【复盛】观油镜\150903011\螺杆式压缩机\SA350W-6K\国产</t>
  </si>
  <si>
    <t>【复盛】进气导管\150654380\螺杆空气压缩机\SA350W-6K\国产</t>
  </si>
  <si>
    <t>【复盛】压力维持阀\150533450\螺杆空气压缩机\SA350W-6K\国产</t>
  </si>
  <si>
    <t>【复盛】防震垫\150901034\螺杆空气压缩机\SA350W-6K\国产</t>
  </si>
  <si>
    <t>【复盛】油细分离器\160601086\螺杆空气压缩机\SA350W-6K\国产</t>
  </si>
  <si>
    <t>【复盛】油细分离器\160601085\螺杆空气压缩机\SA350W-6K\国产</t>
  </si>
  <si>
    <t>【复盛】油滤芯\160511051\螺杆空气压缩机\SA350W-6K\国产</t>
  </si>
  <si>
    <t>【复盛】放空阀组件\160569850\螺杆空气压缩机\SA350W-6K\国产</t>
  </si>
  <si>
    <t>【复盛】四项电磁阀\160336987\螺杆空气压缩机\SA350W-6K\国产</t>
  </si>
  <si>
    <t>【复盛】油封\160573250\螺杆空气压缩机\SA350W-6K\国产</t>
  </si>
  <si>
    <t>【复盛】油封\160573270\螺杆空气压缩机\SA350W-6K\国产</t>
  </si>
  <si>
    <t>【复盛】压力传感器\160111456\螺杆空气压缩机\SA350W-6K\国产</t>
  </si>
  <si>
    <t>【复盛】泄放电池阀\160448859\螺杆空气压缩机\SA350W-6K\国产</t>
  </si>
  <si>
    <t>【复盛】气控二向阀\160334987\螺杆空气压缩机\SA350W-6K\国产</t>
  </si>
  <si>
    <t>【复盛】气动阀\160116589\螺杆空气压缩机\SA350W-6K\国产</t>
  </si>
  <si>
    <t>【复盛】管路过滤器\160778623\螺杆空气压缩机\SA350W-6K\国产</t>
  </si>
  <si>
    <t>【复盛】进气管弯头\160756329\螺杆式压缩机\SA350W-6K\国产</t>
  </si>
  <si>
    <t>【复盛】加油口盖\160852347\螺杆式压缩机\SA350W-6K\国产</t>
  </si>
  <si>
    <t>【复盛】高压软管\160687415\螺杆式压缩机\SA350W-6K\国产</t>
  </si>
  <si>
    <t>【复盛】弹性体\160987451\螺杆空气压缩机\SA350W-6K\国产</t>
  </si>
  <si>
    <t>【复盛】空气滤清器滤芯\160354222\螺杆空气压缩机\SA350W-6K\国产</t>
  </si>
  <si>
    <t>【复盛】安全阀\2104110112\螺杆式空气压缩机\SA250W\国产</t>
  </si>
  <si>
    <t>【复盛】止回阀\2104100094\空气压缩机\SA250\国产</t>
  </si>
  <si>
    <t>【复盛】进气导管\2606549970\螺杆式空气压缩机\SA250W\国产</t>
  </si>
  <si>
    <t>【复盛】伺服气缸\2104050033\螺杆式空压机\SA160\国产</t>
  </si>
  <si>
    <t>【复盛】伺服气缸膜片\2104050053\螺杆式空压机\SA160\国产</t>
  </si>
  <si>
    <t>【复盛】风扇叶\2106130096\螺杆式空压机\SA250\国产</t>
  </si>
  <si>
    <t>【复盛】后部冷却器\2606512770\空气压缩机\SA-250\国产</t>
  </si>
  <si>
    <t>【复盛】油冷却器\2606512760\螺杆式空气压缩机\SA250W\国产</t>
  </si>
  <si>
    <t>【复盛】主喷油管\2605464840\螺杆式空压机\SA250\国产</t>
  </si>
  <si>
    <t>【复盛】观油镜\2605270410\螺杆式空气压缩机\SA120W\国产</t>
  </si>
  <si>
    <t>【复盛】温度传感器\2105040087\螺杆式空压机\SA250\国产</t>
  </si>
  <si>
    <t>【复盛】压力传感器\2105040054\螺杆式空气压缩机\SA250W\国产</t>
  </si>
  <si>
    <t>【复盛】反比例调节阀\2104030003\螺杆式空气压缩机\SA-250W\国产</t>
  </si>
  <si>
    <t>【复盛】压力维持阀\2104020023\螺杆式空压机\SA250/62G\国产</t>
  </si>
  <si>
    <t>【复盛】温控阀\2104080020\空气压缩机\SA250\国产</t>
  </si>
  <si>
    <t>【复盛】冷却液\2100050233\螺杆式空压机\SA250\国产</t>
  </si>
  <si>
    <t>【复盛】复盛空压机滤芯\2605530180\国产\复盛</t>
  </si>
  <si>
    <t>【复盛】油细分离器\2606271560\螺杆式空压机\SA250\国产</t>
  </si>
  <si>
    <t>【复盛】滤芯\2606539990\螺杆式空气压缩机\SA250W\国产</t>
  </si>
  <si>
    <t>【复盛】油滤\2116020074\螺杆式空压机\SA315W-7G\国产</t>
  </si>
  <si>
    <t>【复盛】空滤\2116049996\螺杆式空压机\SA250\国产</t>
  </si>
  <si>
    <t>【复盛】观油镜螺丝\2605270430\螺杆式空气压缩机\SA250W\国产</t>
  </si>
  <si>
    <t>【复盛】电磁阀线圈\2605694820\空气压缩机\SA250\国产</t>
  </si>
  <si>
    <t>【复盛】放空阀组立\2605694850\螺杆式空气压缩机\SA250W\国产</t>
  </si>
  <si>
    <t>【复盛】机头\2605004680\螺杆式空气压缩机\SA250W\国产</t>
  </si>
  <si>
    <t>【复盛】机体排气接管\2606459940\螺杆式空气压缩机\SA250W\国产</t>
  </si>
  <si>
    <t>【复盛】高压软管\2606462910\螺杆式空气压缩机\SA250W\国产</t>
  </si>
  <si>
    <t>【复盛】PLC模块\2108109976\空气压缩机\SA250\国产</t>
  </si>
  <si>
    <t>【复盛】梭动阀\2605701490\螺杆式空压机\SA250\国产</t>
  </si>
  <si>
    <t>【复盛】泄放电磁阀\2605701560\螺杆式空压机\SA250\国产</t>
  </si>
  <si>
    <t>【北斗天地】矿用本安型手机\KT559-S3\4GB+128GB（64GB存储卡扩展至128GB）\4G全网通</t>
  </si>
  <si>
    <t>北斗天地股份有限公司</t>
  </si>
  <si>
    <t>北斗天地</t>
  </si>
  <si>
    <t>GNWZBP(TH)ZECG2020-293</t>
  </si>
  <si>
    <t>国家能源e购商城IT专区矿用本安型手机铺货采购合同</t>
  </si>
  <si>
    <t>【北斗天地】矿用本安型手机\KT559-S5\8GB+256GB\5G全网通</t>
  </si>
  <si>
    <t>【天融信】NGFW4000-UF(NG-5228-gy)应用识别特征库升级服务许可\AI-LIC-D-NG-1Y/1年</t>
  </si>
  <si>
    <t>北京天融信网络安全技术有限公司（防火墙备件）</t>
  </si>
  <si>
    <t>GNWZBP (TH) ZECG2020-297</t>
  </si>
  <si>
    <t>国家能源e购商城lT专区天融信防火墙备件铺货采购合同</t>
  </si>
  <si>
    <t>【天融信】NGFW4000-UF(NG-5228-gy)专业版快速扫描查杀病毒库升级服务许可\AVPRO-SMT-LIC-D-NG-1Y/1年</t>
  </si>
  <si>
    <t>【天融信】NGFW4000-UF(NG-5228-gy)企业版快速扫描查杀病毒库升级服务许可\AVETS-SMT-LIC-D-NG-1Y/1年，需先购模块</t>
  </si>
  <si>
    <t>【天融信】NGFW4000-UF(NG-5228-gy)企业版快速扫描查杀病毒许可\AVETS-SMT-M-D-NG/含1年病毒库升级服务许可</t>
  </si>
  <si>
    <t>【天融信】NGFW4000-UF(NG-5228-gy)IDP攻击规则特征库升级许可模块\IDP-LIC-D-NG-1Y/1年</t>
  </si>
  <si>
    <t>【天融信】NGFW4000-UF(NG-5228-gy)网卡\TopSEC-CARD-2X-RGA/万兆接口扩展卡：2个SFPplus插槽</t>
  </si>
  <si>
    <t>【天融信】NGFW4000-UF(NG-5228-gy)网卡\TopSEC-CARD-4S4A-RGA/千兆接口扩展卡：4个SFP插槽和4个10/100/1000BASE-T(100m，RJ45)</t>
  </si>
  <si>
    <t>【天融信】NGFW4000-UF(NG-5228-gy)网卡\TopSEC-CARD-8A-RGA/千兆接口扩展卡：8个10/100/1000BASE-T(100m，RJ45)</t>
  </si>
  <si>
    <t>【天融信】NGFW4000-UF(NG-5228-gy)网卡\TopSEC-CARD-8S-RGA/千兆接口扩展卡：8个SFP插槽</t>
  </si>
  <si>
    <t>【天融信】NGFW4000-UF(NG-5228-gy)光纤\TopSEC-Fiber-MM-LCLC/千兆多模光纤(LC-LC),3m</t>
  </si>
  <si>
    <t>【天融信】NGFW4000-UF(NG-5228-gy)光纤\TopSEC-Fiber-MM-SCLC/千兆多模光纤(SC-LC),3m</t>
  </si>
  <si>
    <t>【天融信】NGFW4000-UF(NG-5228-gy)光纤\TopSEC-Fiber-MM-SCSC/千兆多模光纤(SC-SC),3m</t>
  </si>
  <si>
    <t>【天融信】NGFW4000-UF(NG-5228-gy)光纤\TopSEC-Fiber-SM-LCLC/千兆单模光纤(LC-LC),3m</t>
  </si>
  <si>
    <t>【天融信】NGFW4000-UF(NG-5228-gy)光纤\TopSEC-Fiber-SM-SCLC/千兆单模光纤(SC-LC),3m</t>
  </si>
  <si>
    <t>【天融信】NGFW4000-UF(NG-5228-gy)光纤\TopSEC-Fiber-SM-SCSC/千兆单模光纤(SC-SC),3m</t>
  </si>
  <si>
    <t>【天融信】NGFW4000-UF(NG-5228-gy)SFP光模块\TopSEC-SFP-LX/千兆单模光口SFP模块(1310nm，10km，LC)</t>
  </si>
  <si>
    <t>【天融信】NGFW4000-UF(NG-5228-gy)SFP光模块\TopSEC-SFPplus-LX/万兆单模光口SFPplus模块(1310nm，10km，LC)</t>
  </si>
  <si>
    <t>【天融信】NGFW4000-UF(NG-5228-gy)SFP光模块\TopSEC-SFPplus-SX/万兆多模光口SFPplus模块(850nm，300m，LC)</t>
  </si>
  <si>
    <t>【天融信】NGFW4000-UF(NG-5228-gy)SFP光模块\TopSEC-SFP-SX/千兆多模光口SFP模块(850nm，0.55km，LC)</t>
  </si>
  <si>
    <t>【天融信】NGFW4000-UF(NG-5228-gy)SFP光模块\TopSEC-SFP-T/千兆电口SFP模块(100m，RJ45)</t>
  </si>
  <si>
    <t>【天融信】NGFW4000-UF(NG-5228-gy)SFP光模块\TopSEC-SFP-ZX/千兆长距离单模光口SFP模块(1550nm，70km，LC)</t>
  </si>
  <si>
    <t>【天融信】NGFW4000-UF(NG-8168-gy)应用识别特征库升级服务许可\AI-LIC-A-NG-1Y/1年</t>
  </si>
  <si>
    <t>【天融信】NGFW4000-UF(NG-8168-gy)企业版快速扫描查杀病毒库升级服务许可\AVETS-SMT-LIC-A-NG-1Y/1年，需先购模块</t>
  </si>
  <si>
    <t>【天融信】NGFW4000-UF(NG-8168-gy)首次购买企业版快速扫描查杀病毒许可模块\AVETS-SMT-M-A-NG/含1年病毒库升级服务许可</t>
  </si>
  <si>
    <t>【天融信】NGFW4000-UF(NG-8168-gy)专业版快速扫描查杀病毒库升级服务许可\AVPRO-SMT-LIC-A-NG-1Y/1年</t>
  </si>
  <si>
    <t>【天融信】NGFW4000-UF(NG-8168-gy)IDP攻击规则特征库升级许可\IDP-LIC-A-NG-1Y/1年</t>
  </si>
  <si>
    <t>【天融信】NGFW4000-UF(NG-8168-gy)网卡\TopSEC-CARD-2X-NE/万兆接口扩展卡：2个SFPplus+插槽</t>
  </si>
  <si>
    <t>【天融信】NGFW4000-UF(NG-8168-gy)网卡\TopSEC-CARD-4S4A-NE/千兆接口扩展卡：4个SFP插槽和4个10/100/1000BASE-T(100m，RJ45)</t>
  </si>
  <si>
    <t>【天融信】NGFW4000-UF(NG-8168-gy)网卡\TopSEC-CARD-4X-NE/万兆接口扩展卡：4个SFP+插槽</t>
  </si>
  <si>
    <t>【天融信】NGFW4000-UF(NG-8168-gy)网卡\TopSEC-CARD-8A-NE/千兆接口扩展卡：8个10/100/1000BASE-T(100m，RJ45)</t>
  </si>
  <si>
    <t>【天融信】NGFW4000-UF(NG-8168-gy)网卡\TopSEC-CARD-8S-NE/千兆接口扩展卡：8个SFP插槽</t>
  </si>
  <si>
    <t>【天融信】NGFW4000-UF(NG-8168-gy)光纤\TopSEC-Fiber-MM-LCLC/千兆多模光纤(LC-LC),3m</t>
  </si>
  <si>
    <t>【天融信】NGFW4000-UF(NG-8168-gy)光纤\TopSEC-Fiber-MM-SCLC/千兆多模光纤(SC-LC),3m</t>
  </si>
  <si>
    <t>【天融信】NGFW4000-UF(NG-8168-gy)光纤\TopSEC-Fiber-MM-SCSC/千兆多模光纤(SC-SC),3m</t>
  </si>
  <si>
    <t>【天融信】NGFW4000-UF(NG-8168-gy)光纤\TopSEC-Fiber-SM-LCLC/千兆单模光纤(LC-LC),3m</t>
  </si>
  <si>
    <t>【天融信】NGFW4000-UF(NG-8168-gy)光纤\TopSEC-Fiber-SM-SCLC/千兆单模光纤(SC-LC),3m</t>
  </si>
  <si>
    <t>【天融信】NGFW4000-UF(NG-8168-gy)光纤\TopSEC-Fiber-SM-SCSC/千兆单模光纤(SC-SC),3m</t>
  </si>
  <si>
    <t>【天融信】NGFW4000-UF(NG-8168-gy)SFP模块\TopSEC-SFP-LX/千兆单模光口SFP模块(1310nm，10km，LC)</t>
  </si>
  <si>
    <t>【天融信】NGFW4000-UF(NG-8168-gy)SFP模块\TopSEC-SFPplus-LX/万兆单模光口SFPplus模块(1310nm，10km，LC)</t>
  </si>
  <si>
    <t>【天融信】NGFW4000-UF(NG-8168-gy)SFP模块\TopSEC-SFPplus-SX/万兆多模光口SFPplus模块(850nm，300m，LC)</t>
  </si>
  <si>
    <t>【天融信】NGFW4000-UF(NG-8168-gy)SFP模块\TopSEC-SFP-SX/千兆多模光口SFP模块(850nm，0.55km，LC)</t>
  </si>
  <si>
    <t>【天融信】NGFW4000-UF(NG-8168-gy)SFP模块\TopSEC-SFP-T/千兆电口SFP模块(100m，RJ45)</t>
  </si>
  <si>
    <t>【天融信】NGFW4000-UF(NG-8168-gy)SFP模块\TopSEC-SFP-ZX/千兆长距离单模光口SFP模块(1550nm，70km，LC)</t>
  </si>
  <si>
    <t>【新华三】F1070接口卡\NSQM1GT4PFC\H3C SecPath F1000系列 PFC接口卡</t>
  </si>
  <si>
    <t>新华三技术有限公司（路由器防火墙备件）</t>
  </si>
  <si>
    <t>GNWZBP (TH) ZECG2020-299</t>
  </si>
  <si>
    <t>国家能源e购商城IT专区新华三路由器及防火墙设备备件铺货采购合同</t>
  </si>
  <si>
    <t>国能信控互联技术有限公司</t>
  </si>
  <si>
    <t>【新华三】F1070接口模块\NSQM1TG4FBA\H3C SecPath F1000系列,4端口SFP+接口模块</t>
  </si>
  <si>
    <t>【新华三】F1070接口模块\NSQM1GP4FBA\H3C SecPath F1000系列,4端口SFP接口模块</t>
  </si>
  <si>
    <t>【新华三】F1070光模块\SFP-GE-SX-MM850-D\光模块-SFP-GE-多模模块-(850nm,0.55km,LC)</t>
  </si>
  <si>
    <t>【新华三】F1070光模块\SFP-GE-LX-SM1310-D\光模块-SFP-GE-单模模块-(1310nm,10km,LC)</t>
  </si>
  <si>
    <t>【新华三】F1070电模块\SFP-GE-T-D\电模块-SFP-GE-(RJ45)</t>
  </si>
  <si>
    <t>【新华三】F1070万兆光模块\SFP-XG-SX-MM850-D\SFP+ 万兆模块(850nm,300m,LC)</t>
  </si>
  <si>
    <t>【新华三】F1070万兆光模块\SFP-XG-LX-SM1310-D\SFP+ 万兆模块(1310nm,10km,LC)</t>
  </si>
  <si>
    <t>【新华三】F1070电源\PSR150-A1-B\150W交流电源模块</t>
  </si>
  <si>
    <t>【新华三】F1070硬盘\NS-HDD-500G-SATA-SFF\H3C SecPath系列,500GB 2.5inch SATA HDD 硬盘模块</t>
  </si>
  <si>
    <t>【新华三】F1070硬盘\NS-SSD-480G-SATA-SFF\H3C SecPath系列,480GB 2.5inch SATA SSD 硬盘模块</t>
  </si>
  <si>
    <t>【新华三】F1070特征库\LIS-F1000-ACG1-1Y\H3C SecPath F1000,应用识别特征库升级服务,1年</t>
  </si>
  <si>
    <t>【新华三】F1070特征库\LIS-F1000-ACG3-3Y\H3C SecPath F1000,应用识别特征库升级服务,3年</t>
  </si>
  <si>
    <t>【新华三】F1070授权\LIS-F1000-AV-1Y(V7)\H3C SecPath F1000,AV 防病毒安全License,1年</t>
  </si>
  <si>
    <t>【新华三】F1070授权\LIS-F1000-AV-3Y\H3C SecPath F1000,AV 防病毒安全License,3年</t>
  </si>
  <si>
    <t>【新华三】F1070特征库升级服务\LIS-F1000-IPS1-1Y\H3C SecPath F1000,IPS 特征库升级服务,1年</t>
  </si>
  <si>
    <t>【新华三】F1070特征库升级服务\LIS-F1000-IPS3-3Y\H3C SecPath F1000,IPS 特征库升级服务,3年</t>
  </si>
  <si>
    <t>【新华三】F1070授权函\LIS-F1000-URL-1Y\H3C SecPath F1000 URL特征库升级服务授权函,1年</t>
  </si>
  <si>
    <t>【新华三】F1070授权函\LIS-F1000-URL-3Y\H3C SecPath F1000 URL特征库升级服务授权函,3年</t>
  </si>
  <si>
    <t>【新华三】F1070授权函\LIS-F1000-LB\H3C SecPath F1000,LB授权函</t>
  </si>
  <si>
    <t>【新华三】F1070用户\LIS-F1000-SSL-25\H3C SecPath F1000,SSL VPN 25个用户</t>
  </si>
  <si>
    <t>【新华三】F1070用户\LIS-F1000-SSL-125\H3C SecPath F1000,SSL VPN 125个用户</t>
  </si>
  <si>
    <t>【新华三】F1070用户\LIS-F1000-SSL-500\H3C SecPath F1000,SSL VPN 500个用户</t>
  </si>
  <si>
    <t>【新华三】F1070用户\LIS-F1000-SSL-1000\H3C SecPath F1000,SSL VPN 1000个用户</t>
  </si>
  <si>
    <t>【新华三】F1070授权函\LIS-F1000-WAF-1Y\H3C SecPath F1000 WAF特征库升级授权函,1年</t>
  </si>
  <si>
    <t>【新华三】F1070授权函\LIS-F1000-WAF-3Y\H3C SecPath F1000 WAF特征库升级授权函,3年</t>
  </si>
  <si>
    <t>【新华三】F1070授权\LIS-IMC7-SVF1KD-1K\H3C iMC-SSL VPN认证客户端-F1000-1000 License</t>
  </si>
  <si>
    <t>【新华三】F1070授权\LIS-IMC7-SVF1KB-125\H3C iMC-SSL VPN认证客户端-F1000-125 License</t>
  </si>
  <si>
    <t>【新华三】F1070授权\LIS-IMC7-SVF1KC-500\H3C iMC-SSL VPN认证客户端-F1000-500 License</t>
  </si>
  <si>
    <t>【新华三】F1070授权\LIS-IMC7-SVF1KA-25\H3C iMC-SSL VPN认证客户端-F1000-25 License</t>
  </si>
  <si>
    <t>【新华三】F5030端口模块\NSQM1GT8A\H3C SecPath F5000系列,8端口GE模块</t>
  </si>
  <si>
    <t>【新华三】F5030端口模块\NSQM1TG8A\H3C SecPath F5000系列,8端口SFP+模块</t>
  </si>
  <si>
    <t>【新华三】F5030端口模块\NSQM1QG2A\H3C SecPath F5000系列,2端口QSFP+接口模块</t>
  </si>
  <si>
    <t>【新华三】F5030端口模块\NSQM1GP8A\H3C SecPath F5000系列,8端口SFP模块</t>
  </si>
  <si>
    <t>【新华三】F5030端口模块\NSQM1GT4PFCA\H3C SecPath F5000系列,4端口PFC模块</t>
  </si>
  <si>
    <t>【新华三】F5030光模块\SFP-GE-SX-MM850-D\光模块-SFP-GE-多模模块-(850nm,0.55km,LC)</t>
  </si>
  <si>
    <t>【新华三】F5030光模块\SFP-GE-LX-SM1310-D\光模块-SFP-GE-单模模块-(1310nm,10km,LC)</t>
  </si>
  <si>
    <t>【新华三】F5030电模块\SFP-GE-T-D\电模块-SFP-GE-(RJ45)</t>
  </si>
  <si>
    <t>【新华三】F5030电源\PSR650B-12A1-A\650W 交流电源模块</t>
  </si>
  <si>
    <t>【新华三】F5030风扇\FAN-20B-2-A\H3C 风扇模块(端口侧进风,电源侧出风)</t>
  </si>
  <si>
    <t>【新华三】F5030硬盘\NS-SSD-480G-SATA-SFF\H3C SecPath系列,480GB 2.5inch SATA SSD 硬盘模块</t>
  </si>
  <si>
    <t>【新华三】F5030授权函\LIS-F5000-WAF-1Y\H3C SecPath F5000 WAF特征库升级授权函,1年</t>
  </si>
  <si>
    <t>【新华三】F5030授权函\LIS-F5000-WAF-3Y\H3C SecPath F5000 WAF特征库升级授权函,3年</t>
  </si>
  <si>
    <t>【新华三】F5030授权函\LIS-F5000-URL-1Y\H3C SecPath F5000 URL特征库升级服务授权函,1年</t>
  </si>
  <si>
    <t>【新华三】F5030授权函\LIS-F5000-URL-3Y\H3C SecPath F5000 URL特征库升级服务授权函,3年</t>
  </si>
  <si>
    <t>【新华三】F5030特征库升级服务\LIS-F5000-ACG-1Y\H3C SecPath F5000,应用识别特征库升级服务,1年</t>
  </si>
  <si>
    <t>【新华三】F5030特征库升级服务\LIS-F5000-ACG-3Y\H3C SecPath F5000,应用识别特征库升级服务,3年</t>
  </si>
  <si>
    <t>【新华三】F5030授权\LIS-F5000-AV-1Y\H3C SecPath F5000,AV 防病毒安全License,1年</t>
  </si>
  <si>
    <t>【新华三】F5030授权\LIS-F5000-AV-3Y\H3C SecPath F5000,AV 防病毒安全License,3年</t>
  </si>
  <si>
    <t>【新华三】F5030特征库升级服务\LIS-F5000-IPS-1Y\H3C SecPath F5000,IPS 特征库升级服务,1年</t>
  </si>
  <si>
    <t>【新华三】F5030特征库升级服务\LIS-F5000-IPS-3Y\H3C SecPath F5000,IPS 特征库升级服务,3年</t>
  </si>
  <si>
    <t>【新华三】F5030授权函\LIS-F5000-LB\H3C SecPath F5000,LB授权函</t>
  </si>
  <si>
    <t>【新华三】F5030VPN用户\LIS-F5000-SSL-75\H3C SecPath F5000,SSL VPN 75个用户</t>
  </si>
  <si>
    <t>【新华三】F5030VPN用户\LIS-F5000-SSL-500\H3C SecPath F5000,SSL VPN 500个用户</t>
  </si>
  <si>
    <t>【新华三】F5030VPN用户\LIS-F5000-SSL-1000\H3C SecPath F5000,SSL VPN 1000个用户</t>
  </si>
  <si>
    <t>【新华三】F5030VPN用户\LIS-F5000-SSL-3000\H3C SecPath F5000,SSL VPN 3000个用户</t>
  </si>
  <si>
    <t>【新华三】F5030授权\LIS-IMC7-SVF5KA-75\H3C iMC-SSL VPN认证客户端-F5000-75 License</t>
  </si>
  <si>
    <t>【新华三】F5030授权\LIS-IMC7-SVF5KB-500\H3C iMC-SSL VPN认证客户端-F5000-500 License</t>
  </si>
  <si>
    <t>【新华三】F5030授权\LIS-IMC7-SVF5KD-3K\H3C iMC-SSL VPN认证客户端-F5000-3000 License</t>
  </si>
  <si>
    <t>【新华三】F5030授权\LIS-IMC7-SVF5KC-1K\H3C iMC-SSL VPN认证客户端-F5000-1000 License</t>
  </si>
  <si>
    <t>【新华三】MSR5620主控\RT-MPU-60\H3C MSR5620 MPU-60 主控模块</t>
  </si>
  <si>
    <t>【新华三】MSR5620主控\RT-MPU-100-X1\H3C MSR56 MPU-100-X1 主控模块</t>
  </si>
  <si>
    <t>【新华三】MSR5620接口模块\RT-SIC-4GSW\4端口10/100/1000BASE-T以太网二层交换电接口SIC模块</t>
  </si>
  <si>
    <t>【新华三】MSR5620交换模块\RT-SIC-4FSW-H3\4端口10M/100M以太网二层交换模块(RJ45)</t>
  </si>
  <si>
    <t>【新华三】MSR5620接口模块\RT-HMIM-2GEE\2端口千兆以太网电接口HMIM模块</t>
  </si>
  <si>
    <t>【新华三】MSR5620接口模块\RT-HMIM-4GEE\4端口千兆以太网电接口HMIM模块</t>
  </si>
  <si>
    <t>【新华三】MSR5620接口模块\RT-HMIM-8GEE\8端口千兆以太网电接口HMIM模块</t>
  </si>
  <si>
    <t>【新华三】MSR5620接口模块\RT-HMIM-2GEF\2端口千兆以太网光接口HMIM模块</t>
  </si>
  <si>
    <t>【新华三】MSR5620接口模块\RT-HMIM-4GEF\4端口千兆以太网光接口HMIM模块</t>
  </si>
  <si>
    <t>【新华三】MSR5620接口模块\RT-HMIM-8GEF\8端口千兆以太网光接口HMIM模块</t>
  </si>
  <si>
    <t>【新华三】MSR5620接口模块\RT-HMIM-24GSW\24端口千兆以太网二层交换电接口HMIM模块</t>
  </si>
  <si>
    <t>【新华三】MSR5620接口模块\RT-HMIM-4XP\4端口万兆以太网光接口HMIM模块</t>
  </si>
  <si>
    <t>【新华三】MSR5620电源\AC-PSR300-12A2\300W AC 电源模块</t>
  </si>
  <si>
    <t>【新华三】MSR5620授权函\LIS-MSRB-WEBCACHE\H3C MSR 36/56系列Web Cache软件授权函</t>
  </si>
  <si>
    <t>【新华三】MSR5620授权函\LIS-MSR-SSL-200\H3C MSR/ICG 系列 SSL VPN 200个用户授权函</t>
  </si>
  <si>
    <t>【新华三】MSR5620授权函\LIS-MSR-SSL-30\H3C MSR/ICG 系列 SSL VPN 30个用户授权函</t>
  </si>
  <si>
    <t>【新华三】MSR5620授权函\LIS-MSRB-ACG-1Y\H3C MSR 26/36/56/ICG系列应用识别特征库升级服务授权函,1年</t>
  </si>
  <si>
    <t>【新华三】MSR5620授权函\LIS-MSRB-ACG-3Y\H3C MSR 26/36/56/ICG系列应用识别特征库升级服务授权函,3年</t>
  </si>
  <si>
    <t>【新华三】MSR5620授权函\LIS-MSRC-IPS-1Y\H3C MSR 56/ICG系列 IPS 特征库升级服务授权函,1年</t>
  </si>
  <si>
    <t>【新华三】MSR5620授权函\LIS-MSRC-IPS-3Y\H3C MSR 56/ICG系列 IPS 特征库升级服务授权函,3年</t>
  </si>
  <si>
    <t>【新华三】MSR5620授权函\LIS-MSR56-DATA\H3C MSR 56数据版软件授权函</t>
  </si>
  <si>
    <t>【新华三】MSR5620授权函\LIS-MSR56-SECURITY\H3C MSR 56安全版软件授权函</t>
  </si>
  <si>
    <t>【新华三】MSR5620授权函\LIS-MSR56-VOICE\H3C MSR 56语音版软件授权函</t>
  </si>
  <si>
    <t>【新华三】MSR5620光模块\SFP-GE-SX-MM850-D\光模块-SFP-GE-多模模块-(850nm,0.55km,LC)</t>
  </si>
  <si>
    <t>【新华三】MSR5620光模块\SFP-GE-LX-SM1310-D\光模块-SFP-GE-单模模块-(1310nm,10km,LC)</t>
  </si>
  <si>
    <t>【新华三】MSR5620光模块\SFP-XG-SX-MM850-D\SFP+ 万兆模块(850nm,300m,LC)</t>
  </si>
  <si>
    <t>【新华三】MSR5620光模块\SFP-XG-LX-SM1310-D\SFP+ 万兆模块(1310nm,10km,LC)</t>
  </si>
  <si>
    <t>【新华三】MSR5620电缆\LSWM1STK\SFP+电缆0.65m</t>
  </si>
  <si>
    <t>【新华三】MSR5660主控\RT-MPU-60\H3C MSR5620 MPU-60 主控模块</t>
  </si>
  <si>
    <t>【新华三】MSR5660主控\RT-MPU-100-X1\H3C MSR56 MPU-100-X1 主控模块</t>
  </si>
  <si>
    <t>【新华三】MSR5660板卡\RT-SPU-600-X1+2SPE-S1\H3C MSR56 SPU-600-X1业务处理模块(母板)+双SPE-S1业务处理引擎</t>
  </si>
  <si>
    <t>【新华三】MSR5660板卡\RT-SPU-600-X1+2SPE-S3\H3C MSR56 SPU-600-X1业务处理模块(母板)+双SPE-S3业务处理引擎</t>
  </si>
  <si>
    <t>【新华三】MSR5660板卡\RT-SPU-100-X1\H3C MSR56 SPU-100-X1 业务处理模块(10GE Combo)</t>
  </si>
  <si>
    <t>【新华三】MSR5660板卡\RT-SPU-200-X1\H3C MSR56 SPU-200-X1 业务处理模块(10GE Combo+2SFP+)</t>
  </si>
  <si>
    <t>【新华三】MSR5660板卡\RT-SPU-400-X1\H3C MSR56 SPU-400-X1 业务处理模块(10GE Combo+4SFP+)</t>
  </si>
  <si>
    <t>【新华三】MSR5660板卡\RT-SPU-600-X1\H3C MSR56 SPU-600-X1 业务处理模块(母板)</t>
  </si>
  <si>
    <t>【新华三】MSR5660接口模块\RT-HMIM-2GEE\2端口千兆以太网电接口HMIM模块</t>
  </si>
  <si>
    <t>【新华三】MSR5660接口模块\RT-HMIM-4GEE\4端口千兆以太网电接口HMIM模块</t>
  </si>
  <si>
    <t>【新华三】MSR5660接口模块\RT-HMIM-8GEE\8端口千兆以太网电接口HMIM模块</t>
  </si>
  <si>
    <t>【新华三】MSR5660接口模块\RT-HMIM-2GEF\2端口千兆以太网光接口HMIM模块</t>
  </si>
  <si>
    <t>【新华三】MSR5660接口模块\RT-HMIM-4GEF\4端口千兆以太网光接口HMIM模块</t>
  </si>
  <si>
    <t>【新华三】MSR5660接口模块\RT-HMIM-8GEF\8端口千兆以太网光接口HMIM模块</t>
  </si>
  <si>
    <t>【新华三】MSR5660接口模块\RT-HMIM-24GSW\24端口千兆以太网二层交换电接口HMIM模块</t>
  </si>
  <si>
    <t>【新华三】MSR5660接口模块\RT-HMIM-4XP\4端口万兆以太网光接口HMIM模块</t>
  </si>
  <si>
    <t>【新华三】MSR5660风扇框\RT-FAN-MSR5660\H3C MSR 56-60风扇框</t>
  </si>
  <si>
    <t>【新华三】MSR5660电源模块\AC-PSR300-12A2\300W AC 电源模块</t>
  </si>
  <si>
    <t>【新华三】MSR5660授权函\LIS-MSRB-WEBCACHE\H3C MSR 36/56系列Web Cache软件授权函</t>
  </si>
  <si>
    <t>【新华三】MSR5660授权函\LIS-MSR-IPPOS-256\H3C MSR IP POS软件授权函(支持256路并发)</t>
  </si>
  <si>
    <t>【新华三】MSR5660授权函\LIS-MSR-SSL-200\H3C MSR/ICG 系列 SSL VPN 200个用户授权函</t>
  </si>
  <si>
    <t>【新华三】MSR5660授权函\LIS-MSR-SSL-30\H3C MSR/ICG 系列 SSL VPN 30个用户授权函</t>
  </si>
  <si>
    <t>【新华三】MSR5660授权函\LIS-MSRB-ACG-1Y\H3C MSR 26/36/56/ICG系列应用识别特征库升级服务授权函,1年</t>
  </si>
  <si>
    <t>【新华三】MSR5660授权函\LIS-MSRB-ACG-3Y\H3C MSR 26/36/56/ICG系列应用识别特征库升级服务授权函,3年</t>
  </si>
  <si>
    <t>【新华三】MSR5660授权函\LIS-MSRC-IPS-1Y\H3C MSR 56/ICG系列 IPS 特征库升级服务授权函,1年</t>
  </si>
  <si>
    <t>【新华三】MSR5660授权函\LIS-MSRC-IPS-3Y\H3C MSR 56/ICG系列 IPS 特征库升级服务授权函,3年</t>
  </si>
  <si>
    <t>【新华三】MSR5660授权函\LIS-MSR56-DATA\H3C MSR 56数据版软件授权函</t>
  </si>
  <si>
    <t>【新华三】MSR5660授权函\LIS-MSR56-SECURITY\H3C MSR 56安全版软件授权函</t>
  </si>
  <si>
    <t>【新华三】MSR5660授权函\LIS-MSR56-VOICE\H3C MSR 56语音版软件授权函</t>
  </si>
  <si>
    <t>【新华三】MSR5660光模块\SFP-GE-SX-MM850-D\光模块-SFP-GE-多模模块-(850nm,0.55km,LC)</t>
  </si>
  <si>
    <t>【新华三】MSR5660光模块\SFP-GE-LX-SM1310-D\光模块-SFP-GE-单模模块-(1310nm,10km,LC)</t>
  </si>
  <si>
    <t>【新华三】MSR5660板卡\RT-SPE-S1\H3C MSR56 SPE-S1 业务处理引擎(4GE Combo+4SFP)</t>
  </si>
  <si>
    <t>【新华三】MSR5660板卡\RT-SPE-S3\H3C MSR56 SPE-S3 业务处理引擎(8SFP+)</t>
  </si>
  <si>
    <t>【新华三】MSR5660光模块\SFP-XG-LX-SM1310-D\SFP+ 万兆模块(1310nm,10km,LC)</t>
  </si>
  <si>
    <t>【新华三】MSR5660光模块\SFP-XG-SX-MM850-D\SFP+ 万兆模块(850nm,300m,LC)</t>
  </si>
  <si>
    <t>【新华三】MSR5660电缆\LSWM1STK\SFP+电缆0.65m</t>
  </si>
  <si>
    <t>【新华三】SR6604板卡\RT-SFE-L1\SR6600 SFE-L1 交换网板</t>
  </si>
  <si>
    <t>【新华三】SR6604板卡\RT-SFE-L2\SR6600 SFE-L2交换网板</t>
  </si>
  <si>
    <t>【新华三】SR6604板卡\RT-SFU+SFE-L2\SFU交换网板托板+SFE-L2交换网板</t>
  </si>
  <si>
    <t>【新华三】SR6604板卡\RT-SFU\H3C SR6600 SFU交换网板托板</t>
  </si>
  <si>
    <t>【新华三】SR6604板卡\RT-FIP-260\灵活接口平台模块260,4 MIC-X槽位</t>
  </si>
  <si>
    <t>【新华三】SR6604板卡\RT-FIP-380\灵活接口平台模块380,2 MIC-X槽位,2端口万兆SFP+,14端口千兆SFP,8端口千兆RJ45</t>
  </si>
  <si>
    <t>【新华三】SR6604板卡\RT-FIP-660\灵活接口平台模块660,4 MIC-X槽位</t>
  </si>
  <si>
    <t>【新华三】SR6604板卡\RT-FIP-680\业务处理单元(680)</t>
  </si>
  <si>
    <t>【新华三】SR6604板卡\RT-SAP-XP4GE32\业务汇聚平台模块,4端口万兆SFP+,8端口千兆SFP,12端口千兆RJ45,12端口千兆COMBO</t>
  </si>
  <si>
    <t>【新华三】SR6604板卡\RT-BKED\SR6604&amp;SR6608 机箱附件(RPE-X5/RPE-X5E 主控托板)</t>
  </si>
  <si>
    <t>【新华三】SR6604板卡\RT-BKEE\SR6616 机箱附件(RPE-X5/RPE-X5E 主控托板)</t>
  </si>
  <si>
    <t>【新华三】SR6604电源\AC-PSR650-A-H3\H3C PSR650A 交流电源模块,650W</t>
  </si>
  <si>
    <t>【新华三】SR6604电源\AC-PSR1200-A\H3C PSR1200A 交流电源模块,1200W</t>
  </si>
  <si>
    <t>【新华三】SR6604电源线\CAB-C14-C15-3m-Ch\国标PDU电源线(C14-C15)-3.0m-3*1.0mm^2-黑-(C14-250V10A直公)-(245 IEC 53(YZ)3*1.0mm^2黑)-(C15-250V10A直母)</t>
  </si>
  <si>
    <t>【新华三】SR6604电源线\CAB-AC Pwr 3C-3m-PDU\外部电源线-国标交流220V16A-3m-3*1.5mm^2-黑-(C20直公)-(227IEC53-1.5^2(3C))-(C19直母)-PDU</t>
  </si>
  <si>
    <t>【新华三】SR6604授权函\LIS-SR6600-Standard-V7\H3C SR6600主机软件Comware V7标准版授权函</t>
  </si>
  <si>
    <t>【新华三】SR6604授权函\LIS-SR6600-WEBCACHE\H3C SR6600 Web Cache软件授权函</t>
  </si>
  <si>
    <t>【新华三】SR6604风扇\RT-FANC-3U-H3\SR6604 风扇框模块</t>
  </si>
  <si>
    <t>【新华三】SR6604防尘网\RT-6604DUST-H3\SR6604 防尘网</t>
  </si>
  <si>
    <t>【新华三】SR6604板卡\RT-HIM-8GBP-V3\8端口千兆以太网光接口模块(SFP)-V3</t>
  </si>
  <si>
    <t>【新华三】SR6604板卡\MIC-XP4L\4端口万兆以太网光接口子卡(SFP+,LC)</t>
  </si>
  <si>
    <t>【新华三】SR6604板卡\RT-MIC-X-GT8\8端口千兆以太网电接口子卡(RJ45)(MIC-X)</t>
  </si>
  <si>
    <t>【新华三】SR6604板卡\MIC-GP4L\4端口千兆以太网Combo接口卡</t>
  </si>
  <si>
    <t>【新华三】SR6604板卡\RT-MIC-X-GP8\8端口千兆以太网光接口子卡(SFP,LC)(MIC-X)</t>
  </si>
  <si>
    <t>【新华三】SR6604板卡\RT-MIC-X-XP4\4端口万兆以太网光接口子卡(SFP+,LC)(MIC-X)</t>
  </si>
  <si>
    <t>【新华三】SR6604板卡\RT-MIC-X-XP4W\4端口万兆以太网光接口子卡(SFP+,LC)(支持LAN/WAN模式)(MIC-X)</t>
  </si>
  <si>
    <t>【新华三】SR6604板卡\RT-MIC-X-GP4GT4\4端口千兆以太网光接口+4端口千兆以太网电接口子卡(SFP,LC,RJ45)(MIC-X)</t>
  </si>
  <si>
    <t>【新华三】SR6604板卡\RT-MIC-X-GP10\10端口千兆以太网光接口子卡(SFP,LC)(MIC-X)</t>
  </si>
  <si>
    <t>【新华三】SR6604板卡\RT-MIC-X-XP2\2端口万兆以太网光接口子卡(SFP+,LC)(MIC-X)</t>
  </si>
  <si>
    <t>【新华三】SR6604板卡\MIC-GP8L\8端口千兆以太网光接口卡-(SFP,LC)</t>
  </si>
  <si>
    <t>【新华三】SR6604光模块\SFP-XG-LX-SM1310-D\SFP+ 万兆模块(1310nm,10km,LC)</t>
  </si>
  <si>
    <t>【新华三】SR6604光模块\SFP-XG-SX-MM850-D\SFP+ 万兆模块(850nm,300m,LC)</t>
  </si>
  <si>
    <t>【新华三】SR6604电缆\LSTM1STK\SFP+电缆5m</t>
  </si>
  <si>
    <t>【新华三】SR6604光模块\SFP-GE-LX-SM1310-D\光模块-SFP-GE-单模模块-(1310nm,10km,LC)</t>
  </si>
  <si>
    <t>【新华三】SR6604光模块\SFP-GE-SX-MM850-D\光模块-SFP-GE-多模模块-(850nm,0.55km,LC)</t>
  </si>
  <si>
    <t>【新华三】SR6604电模块\SFP-GE-T-D\电模块-SFP-GE-(RJ45)</t>
  </si>
  <si>
    <t>【新华三】安装辅料光纤（省会地区上门安装）\SERVICE\框式工程安装（接口卡、光模块、网线、光纤），包括安装、调试。</t>
  </si>
  <si>
    <t>【新华三】安装辅料光纤（其他地区上门安装）\SERVICE\框式工程安装（接口卡、光模块、网线、光纤），包括安装、调试。</t>
  </si>
  <si>
    <t>GNWZBP(TH)ZYCG2020-301</t>
  </si>
  <si>
    <t>2020年度河南配送复盛空压机配件区域级商城铺货长协采购</t>
  </si>
  <si>
    <t>郑州科宁电力设备有限公司</t>
  </si>
  <si>
    <t>【英格索兰】断油阀维修组件\88164355\空压机\MM350-2S/10kV\国产</t>
  </si>
  <si>
    <t>上海英格索兰压缩机有限公司</t>
  </si>
  <si>
    <t>英格索兰</t>
  </si>
  <si>
    <t>GNWZBP(TH)ZYCG2020-308</t>
  </si>
  <si>
    <t>国家能源e购商城2020年度北京配送（天泓公司）英格索兰空压机备件集团级单一来源长协采购</t>
  </si>
  <si>
    <t>索兰利安科技(北京)有限公司</t>
  </si>
  <si>
    <t>【英格索兰】冷却器进出管总成\88158159\空压机\MM350-2S\国产</t>
  </si>
  <si>
    <t>【英格索兰】软管保养包\47557998001\空压机\M250\国产</t>
  </si>
  <si>
    <t>【英格索兰】软管保养包\47557997001\空压机\M185\国产</t>
  </si>
  <si>
    <t>【英格索兰】软管保养包\47557999001\空压机\M350\国产</t>
  </si>
  <si>
    <t>【英格索兰】软管保养包\47557996001\空压机\M355-2S\国产</t>
  </si>
  <si>
    <t>【英格索兰】软管保养包\47558000001\空压机\M250VSD\国产</t>
  </si>
  <si>
    <t>【英格索兰】软管保养包\47557995001\空压机\M250-2S\国产</t>
  </si>
  <si>
    <t>【英格索兰】软管保养包\47557994001\空压机\M350\国产</t>
  </si>
  <si>
    <t>【英格索兰】软管保养包\47558001001\空压机\M250-2S\国产</t>
  </si>
  <si>
    <t>【英格索兰】管总成\88149554\空压机\M250\国产</t>
  </si>
  <si>
    <t>【英格索兰】管总成\88149547\空压机\M250\国产</t>
  </si>
  <si>
    <t>【英格索兰】\88149497网罩\空压机\M250\国产</t>
  </si>
  <si>
    <t>【英格索兰】管总成\88147822\空压机\M250\国产</t>
  </si>
  <si>
    <t>【英格索兰】管总成\88147731\空压机\M250\国产</t>
  </si>
  <si>
    <t>【英格索兰】管总成\88147723\空压机\M250\国产</t>
  </si>
  <si>
    <t>【英格索兰】软管\49200108\空压机\M250\国产</t>
  </si>
  <si>
    <t>【英格索兰】垫圈\95922258\空压机\SM250\国产</t>
  </si>
  <si>
    <t>【英格索兰】螺纹接管\95657813\空压机\SM250\国产</t>
  </si>
  <si>
    <t>【英格索兰】三通\95298485\空压机\SM250\国产</t>
  </si>
  <si>
    <t>【英格索兰】接头\95243325\空压机\SM250\国产</t>
  </si>
  <si>
    <t>【英格索兰】大垫圈\95081642\空压机\SM250\国产</t>
  </si>
  <si>
    <t>【英格索兰】O型圈\95060745\空压机\SM250\国产</t>
  </si>
  <si>
    <t>【英格索兰】油过滤芯\23424922\英格索兰空压机\R160i\国产</t>
  </si>
  <si>
    <t>【英格索兰】空气滤芯\23429822\螺杆式空气压缩机\R110I-A8.5\进口</t>
  </si>
  <si>
    <t>【英格索兰】气缸\23467251\空气压缩机\R160i\国产</t>
  </si>
  <si>
    <t>【英格索兰】最小压力阀服务包\23531577\空气压缩机\V132-8A\国产</t>
  </si>
  <si>
    <t>【英格索兰】加载调节装置\23531627\螺杆式空气压缩机\MM350-SS\进口</t>
  </si>
  <si>
    <t>【英格索兰】油气分离芯\23545841\螺杆式空气压缩机\R110I-A8.5\国产</t>
  </si>
  <si>
    <t>【英格索兰】止逆阀\23850738\螺杆空气压缩机\M200-SE-LV\国产</t>
  </si>
  <si>
    <t>【英格索兰】弹簧式安全阀\23876535\螺杆式空压机\MM350-SS\进口</t>
  </si>
  <si>
    <t>【英格索兰】弹簧式安全阀\24047409\螺杆式压缩机\M-132SE\国产</t>
  </si>
  <si>
    <t>【英格索兰】冷却剂\24061624\空气压缩机\M110-A8\国产</t>
  </si>
  <si>
    <t>【英格索兰】密封\89244024\螺杆式空气压缩机\MJ75\国产</t>
  </si>
  <si>
    <t>【英格索兰】轴套\89246524\螺杆式空气压缩机\MJ75\国产</t>
  </si>
  <si>
    <t>【英格索兰】传动皮带\89265052\空气压缩机\15T2\进口</t>
  </si>
  <si>
    <t>【英格索兰】软管总成\89270466\螺杆式空压机\MM350-SS\国产</t>
  </si>
  <si>
    <t>【英格索兰】轴密封\89292445\螺杆空气压缩机\M200-SE-LV\国产</t>
  </si>
  <si>
    <t>【英格索兰】轴套\89292460\螺杆式空压机\MM160\国产</t>
  </si>
  <si>
    <t>【英格索兰】轴套\89292478\空气压缩机\ML160\国产</t>
  </si>
  <si>
    <t>【英格索兰】空气滤芯\89295976\空压机\L132C\国产</t>
  </si>
  <si>
    <t>【英格索兰】软管保养包\47557991001\空压机\M250\国产</t>
  </si>
  <si>
    <t>【英格索兰】软管保养包\47557990001\空压机\M185\国产</t>
  </si>
  <si>
    <t>【英格索兰】密封件保养包\47557989001\空压机\M250-2S\国产</t>
  </si>
  <si>
    <t>【英格索兰】水冷却器密封件保养包\47557988001\空气压缩机\MM350-SS\进口</t>
  </si>
  <si>
    <t>【英格索兰】密封件保养包\47556927001\空压机\M250\国产</t>
  </si>
  <si>
    <t>【英格索兰】软管保养包\47558002001\空压机\M355-2S\国产</t>
  </si>
  <si>
    <t>【英格索兰】齿轮箱保养包\47556926001\空压机\M355-2S\国产</t>
  </si>
  <si>
    <t>【英格索兰】齿轮箱保养包\47556925001\空压机\M350\国产</t>
  </si>
  <si>
    <t>【英格索兰】8000小时保养包\47556402001\空压机\R160\国产</t>
  </si>
  <si>
    <t>【东方锅炉】压板\140M2147-29\东锅\国产</t>
  </si>
  <si>
    <t>【东方锅炉】管子\GZ-244 φ33.4×3.8 SA-213T91\东锅\国产</t>
  </si>
  <si>
    <t>【东方锅炉】管子\GZ-245 φ33.4×3.8 15CrMoG\东锅\国产</t>
  </si>
  <si>
    <t>【东方锅炉】管子\GZ-246 φ33.4×7.1 SA-213T91\东锅\国产</t>
  </si>
  <si>
    <t>【东方锅炉】管子\GZ-247 φ33.4×7.1 15CrMoG\东锅\国产</t>
  </si>
  <si>
    <t>【东方锅炉】异种钢接头\YZGJT-71 φ50.8×4 T91 T9P347H\东锅\国产</t>
  </si>
  <si>
    <t>【东方锅炉】异种钢接头\YZGJT-72 φ45×7.5 11 T91 TP347H\东锅\国产</t>
  </si>
  <si>
    <t>【东方锅炉】异种钢接头\YZGJT-73 φ50.8×8.5/φ50.8×12.5\东锅\国产</t>
  </si>
  <si>
    <t>【东方锅炉】异种钢接头\YZGJT-74 φ45×7/φ45×8.5\东锅\国产</t>
  </si>
  <si>
    <t>【东方锅炉】压板\DG4303 R23 1Cr6Si2Mo\东锅\国产</t>
  </si>
  <si>
    <t>【东方锅炉】压板\DG4303 R23×80 1Cr6Si2Mo\东锅\国产</t>
  </si>
  <si>
    <t>【东方锅炉】压板\51K255-3 R31×4 1Cr20Ni14Si2\东锅\国产</t>
  </si>
  <si>
    <t>【东方锅炉】防磨盖板\DG4302 R22×1275I 1Cr6Si2Mo\东锅\国产</t>
  </si>
  <si>
    <t>【东方锅炉】防磨盖板\DG4302 R22×300I 1Cr6Si2Mo\东锅\国产</t>
  </si>
  <si>
    <t>【东方锅炉】U型弯管\52K221-1-1 φ42×3.5 L=2267 20G\东锅\国产</t>
  </si>
  <si>
    <t>【东方锅炉】U型弯管\52K221-1-1 φ42×3.5 L=3108 20G\东锅\国产</t>
  </si>
  <si>
    <t>【东方锅炉】U型弯管\52K221-1-2 φ42×3.5 L=2988 20G\东锅\国产</t>
  </si>
  <si>
    <t>【东方锅炉】U型弯管\52K221-1-2 φ42×3.5 L=2508 20G\东锅\国产</t>
  </si>
  <si>
    <t>【东方锅炉】U型弯管\52K221-1-3 φ42×3.5 L=2748 20G\东锅\国产</t>
  </si>
  <si>
    <t>【东方锅炉】U型弯管\52K221-1-3 φ42×3.5 L=3468 20G\东锅\国产</t>
  </si>
  <si>
    <t>【东方锅炉】U型弯管\52K221-1-4 φ42×3.5 L=3228 20G\东锅\国产</t>
  </si>
  <si>
    <t>【东方锅炉】等径叉形管\DG3261 φ51×3.5 S=100 12Cr1MoVG\东锅\国产</t>
  </si>
  <si>
    <t>【东方锅炉】U型弯管\52K222-1-11 φ51×3.5 L=4212 T91\东锅\国产</t>
  </si>
  <si>
    <t>【东方锅炉】U型弯管\52K222-1-10 φ51×3.5 L=3968 T91\东锅\国产</t>
  </si>
  <si>
    <t>【东方锅炉】U型弯管\52K222-1-9 φ51×3.5 L=3724 T91\东锅\国产</t>
  </si>
  <si>
    <t>【东方锅炉】U型弯管\52K222-1-8 φ51×3.5 L=3480 T91\东锅\国产</t>
  </si>
  <si>
    <t>【东方锅炉】压板\DG4303 R23 1Cr18Ni9\东锅\国产</t>
  </si>
  <si>
    <t>【东方锅炉】防磨盖板\DG4302 R22×545II正 1Cr18Ni9\东锅\国产</t>
  </si>
  <si>
    <t>【东方锅炉】防磨盖板\DG4302 R22×1115II反 1Cr18Ni9\东锅\国产</t>
  </si>
  <si>
    <t>【东方锅炉】防磨盖板\DG4302 R22×830II正 1Cr18Ni9\东锅\国产</t>
  </si>
  <si>
    <t>【东方锅炉】防磨盖板\DG4302 R22×545II反 1Cr18Ni9\东锅\国产</t>
  </si>
  <si>
    <t>【东方锅炉】压板\DG4304 R25×80 1Cr18Ni9\东锅\国产</t>
  </si>
  <si>
    <t>【东方锅炉】防磨弯板\51K254-3-1\东锅\国产</t>
  </si>
  <si>
    <t>【东方锅炉】防磨弯板\51K254-3-2\东锅\国产</t>
  </si>
  <si>
    <t>【东方锅炉】防磨盖板\DG4302 R22×545II正 1Cr6Si2Mo\东锅\国产</t>
  </si>
  <si>
    <t>【东方锅炉】防磨盖板\DG4302 R22×765II反 1Cr6Si2Mo\东锅\国产</t>
  </si>
  <si>
    <t>【东方锅炉】防磨盖板\DG4302 R22×1050I 1Cr6Si2Mo\东锅\国产</t>
  </si>
  <si>
    <t>【东方锅炉】防磨盖板\DG4302 R22×545II反 1Cr6Si2Mo\东锅\国产</t>
  </si>
  <si>
    <t>【东方锅炉】盖板\51K254-7 1Cr20Ni14Si2\东锅\国产</t>
  </si>
  <si>
    <t>【东方锅炉】压板\DG4303 R20 1Cr18Ni9\东锅\国产</t>
  </si>
  <si>
    <t>【东方锅炉】防磨盖板\DG4302 R22×1000I 1Cr18Ni9\东锅\国产</t>
  </si>
  <si>
    <t>【东方锅炉】防磨盖板\DG4302 R22×1010I 1Cr18Ni9\东锅\国产</t>
  </si>
  <si>
    <t>【东方锅炉】管子\59K111-21-1 No.1 L=2765 20G\东锅\国产</t>
  </si>
  <si>
    <t>【东方锅炉】管子\59K111-21-1 No.1 L=3664 20G\东锅\国产</t>
  </si>
  <si>
    <t>【东方锅炉】管子\59K111-20-2 φ60×6.5 L=2596 20G\东锅\国产</t>
  </si>
  <si>
    <t>【东方锅炉】管子\59K111-20-2 φ60×6.5 L=3008 20G\东锅\国产</t>
  </si>
  <si>
    <t>【东方锅炉】管子\59K111-20-3 φ60×6.5 L=3252 20G\东锅\国产</t>
  </si>
  <si>
    <t>【东方锅炉】管子\59K111-20-4 φ60×6.5 L=3336 20G\东锅\国产</t>
  </si>
  <si>
    <t>【东方锅炉】管子\59K111-20-4 φ60×6.5 L=1434 20G\东锅\国产</t>
  </si>
  <si>
    <t>【东方锅炉】管子\59K112-2-1-1\东锅\国产</t>
  </si>
  <si>
    <t>【东方锅炉】管子\59K112-2-1-2\东锅\国产</t>
  </si>
  <si>
    <t>【东方锅炉】管子\59K112-2-1-3\东锅\国产</t>
  </si>
  <si>
    <t>【东方锅炉】管屏\59K113-0 L=4000\东锅\国产</t>
  </si>
  <si>
    <t>【东方锅炉】防磨盖板\59K33-1\东锅\国产</t>
  </si>
  <si>
    <t>【东方锅炉】防磨盖板\59K33-2\东锅\国产</t>
  </si>
  <si>
    <t>【东方锅炉】防磨盖板\59K33-3\东锅\国产</t>
  </si>
  <si>
    <t>【东方锅炉】防磨盖板\DG4302 R20X908II反 Q215A\东锅\国产</t>
  </si>
  <si>
    <t>【东方锅炉】防磨盖板\DG4302 R20X1360II正 Q215A\东锅\国产</t>
  </si>
  <si>
    <t>【东方锅炉】防磨盖板\DG4302 R20X1360II反 Q215A\东锅\国产</t>
  </si>
  <si>
    <t>【东方锅炉】防磨盖板\DG4302 R20X1178II正 Q215A\东锅\国产</t>
  </si>
  <si>
    <t>【东方锅炉】压板\DG4304 R25×80 Q215A\东锅\国产</t>
  </si>
  <si>
    <t>【东方锅炉】防磨盖板\DG4302 R20X300I Q215A\东锅\国产</t>
  </si>
  <si>
    <t>【东方锅炉】喷管\51K23-2-2-5\东锅\国产</t>
  </si>
  <si>
    <t>【东方锅炉】防磨盖板\DG4302-87 R20×330I Q215A\东锅\国产</t>
  </si>
  <si>
    <t>【东方锅炉】U型弯管\51K31-1-1 R130 L=2408 20G\东锅\国产</t>
  </si>
  <si>
    <t>【东方锅炉】U型弯管\51K31-1-1 R75 L=2236 20G\东锅\国产</t>
  </si>
  <si>
    <t>【东方锅炉】U型弯管\51K212-29-1 R195 L=2612.6 20G\东锅\国产</t>
  </si>
  <si>
    <t>【东方锅炉】U型弯管\51K212-29-1 R140 L=2264 20G\东锅\国产</t>
  </si>
  <si>
    <t>【东方锅炉】U型弯管\51K212-29-1 R140 L=2440 20G\东锅\国产</t>
  </si>
  <si>
    <t>【东方锅炉】U型弯管\51K212-29-1 R85 L=2267 20G\东锅\国产</t>
  </si>
  <si>
    <t>【东方锅炉】管子\GZ-248 φ60×6.5 20G\东锅\国产</t>
  </si>
  <si>
    <t>【东方锅炉】燃烧器开孔\TGN11536-0\东锅\国产</t>
  </si>
  <si>
    <t>【东方锅炉】燃尽风开孔\TGN11534-0\东锅\国产</t>
  </si>
  <si>
    <t>【东方锅炉】燃尽风开孔\TGN11533-0\东锅\国产</t>
  </si>
  <si>
    <t>【东方锅炉】吹灰孔\TGN11537-0\东锅\国产</t>
  </si>
  <si>
    <t>【东方锅炉】观察孔\TGN11501-0\东锅\国产</t>
  </si>
  <si>
    <t>【东方锅炉】摄像孔\TGN11504-0\东锅\国产</t>
  </si>
  <si>
    <t>【东方锅炉】扁钢\13N1134-15\东锅\国产</t>
  </si>
  <si>
    <t>【东方锅炉】观察孔\TGN11522-0\东锅\国产</t>
  </si>
  <si>
    <t>【东方锅炉】扁钢\30N1111-9\东锅\国产</t>
  </si>
  <si>
    <t>【东方锅炉】管子\13N1111-1-2\东锅\国产</t>
  </si>
  <si>
    <t>【东方锅炉】管子\30N1113-5-1\东锅\国产</t>
  </si>
  <si>
    <t>【东方锅炉】扁钢\30N1113-6-1\东锅\国产</t>
  </si>
  <si>
    <t>【东方锅炉】吹灰孔\TGN11505-0\东锅\国产</t>
  </si>
  <si>
    <t>【东方锅炉】吹灰孔\TGN11523-0\东锅\国产</t>
  </si>
  <si>
    <t>【东方锅炉】观察孔\TGN11521-0\东锅\国产</t>
  </si>
  <si>
    <t>【东方锅炉】人孔\TGN11528-0\东锅\国产</t>
  </si>
  <si>
    <t>【东方锅炉】烟温探针孔\TGN11539-0\东锅\国产</t>
  </si>
  <si>
    <t>【东方锅炉】人孔\TGN11538-0\东锅\国产</t>
  </si>
  <si>
    <t>【东方锅炉】内螺纹弯管\44N112-1-1-1\东锅\国产</t>
  </si>
  <si>
    <t>【东方锅炉】内螺纹弯管\44N112-1-1-2\东锅\国产</t>
  </si>
  <si>
    <t>【东方锅炉】内螺纹弯管\44N112-1-1-3\东锅\国产</t>
  </si>
  <si>
    <t>【东方锅炉】内螺纹弯管\44N112-1-1-4\东锅\国产</t>
  </si>
  <si>
    <t>【东方锅炉】内螺纹弯管\44N112-1-1-5\东锅\国产</t>
  </si>
  <si>
    <t>【东方锅炉】内螺纹弯管\44N112-1-1-6\东锅\国产</t>
  </si>
  <si>
    <t>【东方锅炉】内螺纹弯管\44N112-1-1-7\东锅\国产</t>
  </si>
  <si>
    <t>【东方锅炉】内螺纹弯管\44N112-1-1-8\东锅\国产</t>
  </si>
  <si>
    <t>【东方锅炉】内螺纹弯管\44N112-1-1-9\东锅\国产</t>
  </si>
  <si>
    <t>【东方锅炉】内螺纹弯管\44N112-1-1-10\东锅\国产</t>
  </si>
  <si>
    <t>【东方锅炉】内螺纹弯管\44N112-1-1-11\东锅\国产</t>
  </si>
  <si>
    <t>【东方锅炉】内螺纹弯管\44N112-1-1-12\东锅\国产</t>
  </si>
  <si>
    <t>【东方锅炉】内螺纹弯管\44N112-1-1-13\东锅\国产</t>
  </si>
  <si>
    <t>【东方锅炉】内螺纹弯管\44N112-1-1-14\东锅\国产</t>
  </si>
  <si>
    <t>【东方锅炉】内螺纹弯管\44N112-1-1-15\东锅\国产</t>
  </si>
  <si>
    <t>【东方锅炉】内螺纹弯管\44N112-1-1-16\东锅\国产</t>
  </si>
  <si>
    <t>【东方锅炉】内螺纹弯管\44N112-1-1-17\东锅\国产</t>
  </si>
  <si>
    <t>【东方锅炉】内螺纹弯管\44N112-1-1-18\东锅\国产</t>
  </si>
  <si>
    <t>【东方锅炉】内螺纹弯管\44N112-1-1-19\东锅\国产</t>
  </si>
  <si>
    <t>【东方锅炉】内螺纹弯管\44N112-1-1-20\东锅\国产</t>
  </si>
  <si>
    <t>【东方锅炉】内螺纹弯管\44N112-1-1-21\东锅\国产</t>
  </si>
  <si>
    <t>【东方锅炉】内螺纹弯管\44N112-1-1-22\东锅\国产</t>
  </si>
  <si>
    <t>【东方锅炉】内螺纹弯管\44N112-1-1-23\东锅\国产</t>
  </si>
  <si>
    <t>【东方锅炉】内螺纹弯管\44N112-1-1-24\东锅\国产</t>
  </si>
  <si>
    <t>【东方锅炉】内螺纹弯管\44N112-1-1-25\东锅\国产</t>
  </si>
  <si>
    <t>【东方锅炉】内螺纹弯管\44N112-1-1-26\东锅\国产</t>
  </si>
  <si>
    <t>【东方锅炉】内螺纹弯管\44N112-1-1-27\东锅\国产</t>
  </si>
  <si>
    <t>【东方锅炉】内螺纹弯管\44N112-1-1-28\东锅\国产</t>
  </si>
  <si>
    <t>【东方锅炉】内螺纹弯管\44N112-1-1-29\东锅\国产</t>
  </si>
  <si>
    <t>【东方锅炉】内螺纹弯管\44N112-1-1-30\东锅\国产</t>
  </si>
  <si>
    <t>【东方锅炉】内螺纹弯管\44N112-1-1-31\东锅\国产</t>
  </si>
  <si>
    <t>【东方锅炉】内螺纹弯管\44N112-1-1-32\东锅\国产</t>
  </si>
  <si>
    <t>【东方锅炉】内螺纹弯管\44N112-1-1-33\东锅\国产</t>
  </si>
  <si>
    <t>【东方锅炉】内螺纹弯管\44N112-1-1-34\东锅\国产</t>
  </si>
  <si>
    <t>【东方锅炉】内螺纹弯管\44N112-1-1-35\东锅\国产</t>
  </si>
  <si>
    <t>【东方锅炉】内螺纹弯管\44N112-1-1-36\东锅\国产</t>
  </si>
  <si>
    <t>【东方锅炉】内螺纹弯管\44N112-1-1-37\东锅\国产</t>
  </si>
  <si>
    <t>【东方锅炉】内螺纹弯管\44N112-1-1-38\东锅\国产</t>
  </si>
  <si>
    <t>【东方锅炉】内螺纹弯管\44N112-1-1-39\东锅\国产</t>
  </si>
  <si>
    <t>【东方锅炉】内螺纹弯管\44N112-1-1-40\东锅\国产</t>
  </si>
  <si>
    <t>【东方锅炉】内螺纹弯管\44N112-1-1-41\东锅\国产</t>
  </si>
  <si>
    <t>【东方锅炉】内螺纹弯管\44N112-1-1-42\东锅\国产</t>
  </si>
  <si>
    <t>【东方锅炉】内螺纹弯管\44N112-1-1-43\东锅\国产</t>
  </si>
  <si>
    <t>【东方锅炉】内螺纹弯管\44N112-1-1-44\东锅\国产</t>
  </si>
  <si>
    <t>【东方锅炉】内螺纹弯管\44N112-1-1-45\东锅\国产</t>
  </si>
  <si>
    <t>【东方锅炉】内螺纹弯管\44N112-2-1-1\东锅\国产</t>
  </si>
  <si>
    <t>【东方锅炉】内螺纹弯管\44N112-2-1-2\东锅\国产</t>
  </si>
  <si>
    <t>【东方锅炉】内螺纹弯管\44N112-2-1-3\东锅\国产</t>
  </si>
  <si>
    <t>【东方锅炉】内螺纹弯管\44N112-2-1-4\东锅\国产</t>
  </si>
  <si>
    <t>【东方锅炉】内螺纹弯管\44N112-2-1-5\东锅\国产</t>
  </si>
  <si>
    <t>【东方锅炉】内螺纹弯管\44N112-2-1-6\东锅\国产</t>
  </si>
  <si>
    <t>【东方锅炉】内螺纹弯管\44N112-2-1-7\东锅\国产</t>
  </si>
  <si>
    <t>【东方锅炉】内螺纹弯管\44N112-2-1-8\东锅\国产</t>
  </si>
  <si>
    <t>【东方锅炉】内螺纹弯管\44N112-2-1-9\东锅\国产</t>
  </si>
  <si>
    <t>【东方锅炉】内螺纹弯管\44N112-2-1-10\东锅\国产</t>
  </si>
  <si>
    <t>【东方锅炉】内螺纹弯管\44N112-2-1-11\东锅\国产</t>
  </si>
  <si>
    <t>【东方锅炉】内螺纹弯管\44N112-2-1-12\东锅\国产</t>
  </si>
  <si>
    <t>【东方锅炉】内螺纹弯管\44N112-2-1-13\东锅\国产</t>
  </si>
  <si>
    <t>【东方锅炉】内螺纹弯管\44N112-2-1-14\东锅\国产</t>
  </si>
  <si>
    <t>【东方锅炉】内螺纹弯管\44N112-2-1-15\东锅\国产</t>
  </si>
  <si>
    <t>【东方锅炉】内螺纹弯管\44N112-2-1-16\东锅\国产</t>
  </si>
  <si>
    <t>【东方锅炉】内螺纹弯管\44N112-2-1-17\东锅\国产</t>
  </si>
  <si>
    <t>【东方锅炉】内螺纹弯管\44N112-2-1-18\东锅\国产</t>
  </si>
  <si>
    <t>【东方锅炉】内螺纹弯管\44N112-2-1-19\东锅\国产</t>
  </si>
  <si>
    <t>【东方锅炉】内螺纹弯管\44N112-2-1-20\东锅\国产</t>
  </si>
  <si>
    <t>【东方锅炉】内螺纹弯管\44N112-2-1-21\东锅\国产</t>
  </si>
  <si>
    <t>【东方锅炉】内螺纹弯管\44N112-2-1-22\东锅\国产</t>
  </si>
  <si>
    <t>【东方锅炉】内螺纹弯管\44N112-2-1-23\东锅\国产</t>
  </si>
  <si>
    <t>【东方锅炉】内螺纹弯管\44N112-2-1-24\东锅\国产</t>
  </si>
  <si>
    <t>【东方锅炉】内螺纹弯管\44N112-2-1-25\东锅\国产</t>
  </si>
  <si>
    <t>【东方锅炉】内螺纹弯管\44N112-2-1-26\东锅\国产</t>
  </si>
  <si>
    <t>【东方锅炉】内螺纹弯管\44N112-2-1-27\东锅\国产</t>
  </si>
  <si>
    <t>【东方锅炉】内螺纹弯管\44N112-2-1-28\东锅\国产</t>
  </si>
  <si>
    <t>【东方锅炉】内螺纹弯管\44N112-2-1-29\东锅\国产</t>
  </si>
  <si>
    <t>【东方锅炉】内螺纹弯管\44N112-2-1-30\东锅\国产</t>
  </si>
  <si>
    <t>【东方锅炉】内螺纹弯管\44N112-2-1-31\东锅\国产</t>
  </si>
  <si>
    <t>【东方锅炉】内螺纹弯管\44N112-2-1-32\东锅\国产</t>
  </si>
  <si>
    <t>【东方锅炉】内螺纹弯管\44N112-2-1-33\东锅\国产</t>
  </si>
  <si>
    <t>【东方锅炉】内螺纹弯管\44N112-2-1-34\东锅\国产</t>
  </si>
  <si>
    <t>【东方锅炉】内螺纹弯管\44N112-2-1-35\东锅\国产</t>
  </si>
  <si>
    <t>【东方锅炉】内螺纹弯管\44N112-2-1-36\东锅\国产</t>
  </si>
  <si>
    <t>【东方锅炉】内螺纹弯管\44N112-2-1-37\东锅\国产</t>
  </si>
  <si>
    <t>【东方锅炉】内螺纹弯管\44N112-2-1-38\东锅\国产</t>
  </si>
  <si>
    <t>【东方锅炉】内螺纹弯管\44N112-3-1-1\东锅\国产</t>
  </si>
  <si>
    <t>【东方锅炉】内螺纹弯管\44N112-3-1-2\东锅\国产</t>
  </si>
  <si>
    <t>【东方锅炉】内螺纹弯管\44N112-3-1-3\东锅\国产</t>
  </si>
  <si>
    <t>【东方锅炉】内螺纹弯管\44N112-3-1-4\东锅\国产</t>
  </si>
  <si>
    <t>【东方锅炉】内螺纹弯管\44N112-3-1-5\东锅\国产</t>
  </si>
  <si>
    <t>【东方锅炉】内螺纹弯管\44N112-3-1-6\东锅\国产</t>
  </si>
  <si>
    <t>【东方锅炉】内螺纹弯管\44N112-3-1-7\东锅\国产</t>
  </si>
  <si>
    <t>【东方锅炉】内螺纹弯管\44N112-3-1-8\东锅\国产</t>
  </si>
  <si>
    <t>【东方锅炉】内螺纹弯管\44N112-3-1-9\东锅\国产</t>
  </si>
  <si>
    <t>【东方锅炉】内螺纹弯管\44N112-3-1-10\东锅\国产</t>
  </si>
  <si>
    <t>【东方锅炉】内螺纹弯管\44N112-3-1-11\东锅\国产</t>
  </si>
  <si>
    <t>【东方锅炉】内螺纹弯管\44N112-3-1-12\东锅\国产</t>
  </si>
  <si>
    <t>【东方锅炉】内螺纹弯管\44N112-3-1-13\东锅\国产</t>
  </si>
  <si>
    <t>【东方锅炉】内螺纹弯管\44N112-3-1-14\东锅\国产</t>
  </si>
  <si>
    <t>【东方锅炉】内螺纹弯管\44N112-3-1-15\东锅\国产</t>
  </si>
  <si>
    <t>【东方锅炉】内螺纹弯管\44N112-3-1-16\东锅\国产</t>
  </si>
  <si>
    <t>【东方锅炉】内螺纹弯管\44N112-3-1-17\东锅\国产</t>
  </si>
  <si>
    <t>【东方锅炉】内螺纹弯管\44N112-3-1-18\东锅\国产</t>
  </si>
  <si>
    <t>【东方锅炉】内螺纹弯管\44N112-3-1-19\东锅\国产</t>
  </si>
  <si>
    <t>【东方锅炉】内螺纹弯管\44N112-3-1-20\东锅\国产</t>
  </si>
  <si>
    <t>【东方锅炉】内螺纹弯管\44N112-3-1-21\东锅\国产</t>
  </si>
  <si>
    <t>【东方锅炉】内螺纹弯管\44N112-3-1-22\东锅\国产</t>
  </si>
  <si>
    <t>【东方锅炉】内螺纹弯管\44N112-3-1-23\东锅\国产</t>
  </si>
  <si>
    <t>【东方锅炉】内螺纹弯管\44N112-3-1-24\东锅\国产</t>
  </si>
  <si>
    <t>【东方锅炉】内螺纹弯管\44N112-3-1-25\东锅\国产</t>
  </si>
  <si>
    <t>【东方锅炉】内螺纹弯管\44N112-3-1-26\东锅\国产</t>
  </si>
  <si>
    <t>【东方锅炉】内螺纹弯管\44N112-3-1-27\东锅\国产</t>
  </si>
  <si>
    <t>【东方锅炉】内螺纹弯管\44N112-3-1-28\东锅\国产</t>
  </si>
  <si>
    <t>【东方锅炉】内螺纹弯管\44N112-3-1-29\东锅\国产</t>
  </si>
  <si>
    <t>【东方锅炉】内螺纹弯管\44N112-3-1-30\东锅\国产</t>
  </si>
  <si>
    <t>【东方锅炉】内螺纹弯管\44N112-3-1-31\东锅\国产</t>
  </si>
  <si>
    <t>【东方锅炉】内螺纹弯管\44N112-3-1-32\东锅\国产</t>
  </si>
  <si>
    <t>【东方锅炉】内螺纹弯管\44N112-3-1-33\东锅\国产</t>
  </si>
  <si>
    <t>【东方锅炉】内螺纹弯管\44N112-3-1-34\东锅\国产</t>
  </si>
  <si>
    <t>【东方锅炉】内螺纹弯管\44N112-3-1-35\东锅\国产</t>
  </si>
  <si>
    <t>【东方锅炉】内螺纹弯管\44N112-3-1-36\东锅\国产</t>
  </si>
  <si>
    <t>【东方锅炉】内螺纹弯管\44N112-3-1-37\东锅\国产</t>
  </si>
  <si>
    <t>【东方锅炉】内螺纹弯管\44N112-3-1-38\东锅\国产</t>
  </si>
  <si>
    <t>【东方锅炉】内螺纹弯管\44N112-3-1-39\东锅\国产</t>
  </si>
  <si>
    <t>【东方锅炉】内螺纹弯管\44N112-3-1-40\东锅\国产</t>
  </si>
  <si>
    <t>【东方锅炉】内螺纹弯管\44N112-3-1-41\东锅\国产</t>
  </si>
  <si>
    <t>【东方锅炉】内螺纹弯管\44N112-3-1-42\东锅\国产</t>
  </si>
  <si>
    <t>【东方锅炉】内螺纹弯管\44N112-3-1-43\东锅\国产</t>
  </si>
  <si>
    <t>【东方锅炉】内螺纹弯管\44N112-3-1-44\东锅\国产</t>
  </si>
  <si>
    <t>【东方锅炉】内螺纹弯管\44N112-3-1-45\东锅\国产</t>
  </si>
  <si>
    <t>【东方锅炉】内螺纹弯管\44N112-3-1-46\东锅\国产</t>
  </si>
  <si>
    <t>【东方锅炉】内螺纹弯管\23N112-4-2-1\东锅\国产</t>
  </si>
  <si>
    <t>【东方锅炉】内螺纹弯管\23N112-4-2-2\东锅\国产</t>
  </si>
  <si>
    <t>【东方锅炉】内螺纹弯管\23N112-4-2-3\东锅\国产</t>
  </si>
  <si>
    <t>【东方锅炉】内螺纹弯管\23N112-4-2-4\东锅\国产</t>
  </si>
  <si>
    <t>【东方锅炉】内螺纹弯管\23N112-4-2-5\东锅\国产</t>
  </si>
  <si>
    <t>【东方锅炉】内螺纹弯管\23N112-4-2-6\东锅\国产</t>
  </si>
  <si>
    <t>【东方锅炉】内螺纹弯管\23N112-4-2-7\东锅\国产</t>
  </si>
  <si>
    <t>【东方锅炉】内螺纹弯管\23N112-4-2-8\东锅\国产</t>
  </si>
  <si>
    <t>【东方锅炉】内螺纹弯管\23N112-4-2-9\东锅\国产</t>
  </si>
  <si>
    <t>【东方锅炉】内螺纹弯管\23N112-4-2-10\东锅\国产</t>
  </si>
  <si>
    <t>【东方锅炉】内螺纹弯管\23N112-4-2-11\东锅\国产</t>
  </si>
  <si>
    <t>【东方锅炉】内螺纹弯管\23N112-4-2-12\东锅\国产</t>
  </si>
  <si>
    <t>【东方锅炉】内螺纹弯管\23N112-4-2-13\东锅\国产</t>
  </si>
  <si>
    <t>【东方锅炉】内螺纹弯管\23N112-4-2-14\东锅\国产</t>
  </si>
  <si>
    <t>【东方锅炉】内螺纹弯管\23N112-4-2-15\东锅\国产</t>
  </si>
  <si>
    <t>【东方锅炉】内螺纹弯管\23N112-4-2-16\东锅\国产</t>
  </si>
  <si>
    <t>【东方锅炉】内螺纹弯管\23N112-4-2-17\东锅\国产</t>
  </si>
  <si>
    <t>【东方锅炉】内螺纹弯管\23N112-4-2-18\东锅\国产</t>
  </si>
  <si>
    <t>【东方锅炉】内螺纹弯管\23N112-4-2-19\东锅\国产</t>
  </si>
  <si>
    <t>【东方锅炉】内螺纹弯管\23N112-4-2-20\东锅\国产</t>
  </si>
  <si>
    <t>【东方锅炉】内螺纹弯管\23N112-4-2-21\东锅\国产</t>
  </si>
  <si>
    <t>【东方锅炉】内螺纹弯管\23N112-4-2-22\东锅\国产</t>
  </si>
  <si>
    <t>【东方锅炉】内螺纹弯管\23N112-4-2-23\东锅\国产</t>
  </si>
  <si>
    <t>【东方锅炉】内螺纹弯管\23N112-4-2-24\东锅\国产</t>
  </si>
  <si>
    <t>【东方锅炉】内螺纹弯管\23N112-4-2-25\东锅\国产</t>
  </si>
  <si>
    <t>【东方锅炉】内螺纹弯管\23N112-4-2-26\东锅\国产</t>
  </si>
  <si>
    <t>【东方锅炉】内螺纹弯管\23N112-4-2-27\东锅\国产</t>
  </si>
  <si>
    <t>【东方锅炉】内螺纹弯管\23N112-4-2-28\东锅\国产</t>
  </si>
  <si>
    <t>【东方锅炉】内螺纹弯管\23N112-4-2-29\东锅\国产</t>
  </si>
  <si>
    <t>【东方锅炉】内螺纹弯管\23N112-4-2-30\东锅\国产</t>
  </si>
  <si>
    <t>【东方锅炉】内螺纹弯管\23N112-4-2-31\东锅\国产</t>
  </si>
  <si>
    <t>【东方锅炉】内螺纹弯管\23N112-4-2-32\东锅\国产</t>
  </si>
  <si>
    <t>【东方锅炉】内螺纹弯管\23N112-4-2-33\东锅\国产</t>
  </si>
  <si>
    <t>【东方锅炉】内螺纹弯管\23N112-4-2-34\东锅\国产</t>
  </si>
  <si>
    <t>【东方锅炉】内螺纹弯管\23N112-4-2-35\东锅\国产</t>
  </si>
  <si>
    <t>【东方锅炉】内螺纹弯管\23N112-4-2-36\东锅\国产</t>
  </si>
  <si>
    <t>【东方锅炉】内螺纹弯管\23N112-4-2-37\东锅\国产</t>
  </si>
  <si>
    <t>【东方锅炉】内螺纹弯管\23N112-4-2-38\东锅\国产</t>
  </si>
  <si>
    <t>【东方锅炉】内螺纹弯管\23N112-4-2-39\东锅\国产</t>
  </si>
  <si>
    <t>【东方锅炉】内螺纹弯管\23N112-4-2-40\东锅\国产</t>
  </si>
  <si>
    <t>【东方锅炉】内螺纹弯管\23N112-4-2-41\东锅\国产</t>
  </si>
  <si>
    <t>【东方锅炉】内螺纹弯管\23N112-4-2-42\东锅\国产</t>
  </si>
  <si>
    <t>【东方锅炉】内螺纹弯管\23N112-4-2-43\东锅\国产</t>
  </si>
  <si>
    <t>【东方锅炉】内螺纹弯管\23N112-4-2-44\东锅\国产</t>
  </si>
  <si>
    <t>【东方锅炉】内螺纹弯管\23N112-4-2-45\东锅\国产</t>
  </si>
  <si>
    <t>【东方锅炉】内螺纹弯管\23N112-4-2-46\东锅\国产</t>
  </si>
  <si>
    <t>【东方锅炉】内螺纹弯管\23N112-4-2-47\东锅\国产</t>
  </si>
  <si>
    <t>【东方锅炉】内螺纹弯管\23N112-4-2-48\东锅\国产</t>
  </si>
  <si>
    <t>【东方锅炉】内螺纹弯管\23N112-4-2-49\东锅\国产</t>
  </si>
  <si>
    <t>【东方锅炉】内螺纹弯管\23N112-4-2-50\东锅\国产</t>
  </si>
  <si>
    <t>【东方锅炉】内螺纹弯管\23N112-4-6\东锅\国产</t>
  </si>
  <si>
    <t>【东方锅炉】内螺纹弯管\23N112-5-2-1\东锅\国产</t>
  </si>
  <si>
    <t>【东方锅炉】内螺纹弯管\23N112-5-2-2\东锅\国产</t>
  </si>
  <si>
    <t>【东方锅炉】内螺纹弯管\23N112-5-2-3\东锅\国产</t>
  </si>
  <si>
    <t>【东方锅炉】内螺纹弯管\23N112-5-2-4\东锅\国产</t>
  </si>
  <si>
    <t>【东方锅炉】内螺纹弯管\23N112-5-2-5\东锅\国产</t>
  </si>
  <si>
    <t>【东方锅炉】内螺纹弯管\23N112-5-2-6\东锅\国产</t>
  </si>
  <si>
    <t>【东方锅炉】内螺纹弯管\23N112-5-2-7\东锅\国产</t>
  </si>
  <si>
    <t>【东方锅炉】内螺纹弯管\23N112-5-2-8\东锅\国产</t>
  </si>
  <si>
    <t>【东方锅炉】内螺纹弯管\23N112-5-2-9\东锅\国产</t>
  </si>
  <si>
    <t>【东方锅炉】内螺纹弯管\23N112-5-2-10\东锅\国产</t>
  </si>
  <si>
    <t>【东方锅炉】内螺纹弯管\23N112-5-2-11\东锅\国产</t>
  </si>
  <si>
    <t>【东方锅炉】内螺纹弯管\23N112-5-2-12\东锅\国产</t>
  </si>
  <si>
    <t>【东方锅炉】内螺纹弯管\23N112-5-2-13\东锅\国产</t>
  </si>
  <si>
    <t>【东方锅炉】内螺纹弯管\23N112-5-2-14\东锅\国产</t>
  </si>
  <si>
    <t>【东方锅炉】内螺纹弯管\23N112-5-2-15\东锅\国产</t>
  </si>
  <si>
    <t>【东方锅炉】内螺纹弯管\23N112-5-2-16\东锅\国产</t>
  </si>
  <si>
    <t>【东方锅炉】内螺纹弯管\23N112-5-2-17\东锅\国产</t>
  </si>
  <si>
    <t>【东方锅炉】内螺纹弯管\23N112-5-2-18\东锅\国产</t>
  </si>
  <si>
    <t>【东方锅炉】内螺纹弯管\23N112-5-2-19\东锅\国产</t>
  </si>
  <si>
    <t>【东方锅炉】内螺纹弯管\23N112-5-2-20\东锅\国产</t>
  </si>
  <si>
    <t>【东方锅炉】内螺纹弯管\23N112-5-2-21\东锅\国产</t>
  </si>
  <si>
    <t>【东方锅炉】内螺纹弯管\23N112-5-2-22\东锅\国产</t>
  </si>
  <si>
    <t>【东方锅炉】内螺纹弯管\23N112-5-2-23\东锅\国产</t>
  </si>
  <si>
    <t>【东方锅炉】内螺纹弯管\23N112-5-2-24\东锅\国产</t>
  </si>
  <si>
    <t>【东方锅炉】内螺纹弯管\23N112-5-2-25\东锅\国产</t>
  </si>
  <si>
    <t>【东方锅炉】内螺纹弯管\23N112-5-2-26\东锅\国产</t>
  </si>
  <si>
    <t>【东方锅炉】内螺纹弯管\23N112-5-2-27\东锅\国产</t>
  </si>
  <si>
    <t>【东方锅炉】内螺纹弯管\23N112-5-2-28\东锅\国产</t>
  </si>
  <si>
    <t>【东方锅炉】内螺纹弯管\23N112-5-2-29\东锅\国产</t>
  </si>
  <si>
    <t>【东方锅炉】内螺纹弯管\23N112-5-2-30\东锅\国产</t>
  </si>
  <si>
    <t>【东方锅炉】内螺纹弯管\23N112-5-2-31\东锅\国产</t>
  </si>
  <si>
    <t>【东方锅炉】内螺纹弯管\23N112-5-2-32\东锅\国产</t>
  </si>
  <si>
    <t>【东方锅炉】内螺纹弯管\23N112-5-2-33\东锅\国产</t>
  </si>
  <si>
    <t>【东方锅炉】内螺纹弯管\23N112-5-2-34\东锅\国产</t>
  </si>
  <si>
    <t>【东方锅炉】内螺纹弯管\23N112-5-2-35\东锅\国产</t>
  </si>
  <si>
    <t>【东方锅炉】内螺纹弯管\23N112-5-2-36\东锅\国产</t>
  </si>
  <si>
    <t>【东方锅炉】内螺纹弯管\23N112-5-2-37\东锅\国产</t>
  </si>
  <si>
    <t>【东方锅炉】内螺纹弯管\23N112-5-2-38\东锅\国产</t>
  </si>
  <si>
    <t>【东方锅炉】内螺纹弯管\23N112-5-2-39\东锅\国产</t>
  </si>
  <si>
    <t>【东方锅炉】内螺纹弯管\23N112-5-2-40\东锅\国产</t>
  </si>
  <si>
    <t>【东方锅炉】内螺纹弯管\23N112-5-2-41\东锅\国产</t>
  </si>
  <si>
    <t>【东方锅炉】内螺纹弯管\23N112-5-2-42\东锅\国产</t>
  </si>
  <si>
    <t>【东方锅炉】内螺纹弯管\23N112-5-2-43\东锅\国产</t>
  </si>
  <si>
    <t>【东方锅炉】内螺纹弯管\23N112-5-2-44\东锅\国产</t>
  </si>
  <si>
    <t>【东方锅炉】内螺纹弯管\23N112-5-2-45\东锅\国产</t>
  </si>
  <si>
    <t>【东方锅炉】内螺纹弯管\23N112-5-2-46\东锅\国产</t>
  </si>
  <si>
    <t>【东方锅炉】内螺纹弯管\23N112-5-2-47\东锅\国产</t>
  </si>
  <si>
    <t>【东方锅炉】内螺纹弯管\23N112-5-2-48\东锅\国产</t>
  </si>
  <si>
    <t>【东方锅炉】内螺纹弯管\23N112-5-2-49\东锅\国产</t>
  </si>
  <si>
    <t>【东方锅炉】内螺纹弯管\23N112-6-5-1\东锅\国产</t>
  </si>
  <si>
    <t>【东方锅炉】内螺纹弯管\23N112-6-5-2\东锅\国产</t>
  </si>
  <si>
    <t>【东方锅炉】内螺纹弯管\23N112-6-5-3\东锅\国产</t>
  </si>
  <si>
    <t>【东方锅炉】内螺纹弯管\23N112-6-5-4\东锅\国产</t>
  </si>
  <si>
    <t>【东方锅炉】内螺纹弯管\23N112-6-5-5\东锅\国产</t>
  </si>
  <si>
    <t>【东方锅炉】内螺纹弯管\23N112-6-5-6\东锅\国产</t>
  </si>
  <si>
    <t>【东方锅炉】内螺纹弯管\23N112-6-5-7\东锅\国产</t>
  </si>
  <si>
    <t>【东方锅炉】内螺纹弯管\23N112-6-5-8\东锅\国产</t>
  </si>
  <si>
    <t>【东方锅炉】内螺纹弯管\23N112-6-5-9\东锅\国产</t>
  </si>
  <si>
    <t>【东方锅炉】内螺纹弯管\23N112-6-5-10\东锅\国产</t>
  </si>
  <si>
    <t>【东方锅炉】内螺纹弯管\23N112-6-5-11\东锅\国产</t>
  </si>
  <si>
    <t>【东方锅炉】内螺纹弯管\23N112-6-5-12\东锅\国产</t>
  </si>
  <si>
    <t>【东方锅炉】内螺纹弯管\23N112-6-5-13\东锅\国产</t>
  </si>
  <si>
    <t>【东方锅炉】内螺纹弯管\23N112-6-5-14\东锅\国产</t>
  </si>
  <si>
    <t>【东方锅炉】内螺纹弯管\23N112-6-5-15\东锅\国产</t>
  </si>
  <si>
    <t>【东方锅炉】内螺纹弯管\23N112-6-5-16\东锅\国产</t>
  </si>
  <si>
    <t>【东方锅炉】内螺纹弯管\23N112-6-5-17\东锅\国产</t>
  </si>
  <si>
    <t>【东方锅炉】内螺纹弯管\23N112-6-5-18\东锅\国产</t>
  </si>
  <si>
    <t>【东方锅炉】内螺纹弯管\23N112-6-5-19\东锅\国产</t>
  </si>
  <si>
    <t>【东方锅炉】内螺纹弯管\23N112-6-5-20\东锅\国产</t>
  </si>
  <si>
    <t>【东方锅炉】内螺纹弯管\23N112-6-5-21\东锅\国产</t>
  </si>
  <si>
    <t>【东方锅炉】内螺纹弯管\23N112-6-5-22\东锅\国产</t>
  </si>
  <si>
    <t>【东方锅炉】内螺纹弯管\23N112-6-5-24\东锅\国产</t>
  </si>
  <si>
    <t>【东方锅炉】内螺纹弯管\23N112-6-5-25\东锅\国产</t>
  </si>
  <si>
    <t>【东方锅炉】内螺纹弯管\23N112-6-5-26\东锅\国产</t>
  </si>
  <si>
    <t>【东方锅炉】内螺纹弯管\23N112-6-5-27\东锅\国产</t>
  </si>
  <si>
    <t>【东方锅炉】内螺纹弯管\23N112-6-5-28\东锅\国产</t>
  </si>
  <si>
    <t>【东方锅炉】内螺纹弯管\23N112-6-5-29\东锅\国产</t>
  </si>
  <si>
    <t>【东方锅炉】内螺纹弯管\23N112-6-5-30\东锅\国产</t>
  </si>
  <si>
    <t>【东方锅炉】内螺纹弯管\23N112-6-5-31\东锅\国产</t>
  </si>
  <si>
    <t>【东方锅炉】内螺纹弯管\23N112-6-5-32\东锅\国产</t>
  </si>
  <si>
    <t>【东方锅炉】内螺纹弯管\23N112-6-5-33\东锅\国产</t>
  </si>
  <si>
    <t>【东方锅炉】内螺纹弯管\23N112-6-5-34\东锅\国产</t>
  </si>
  <si>
    <t>【东方锅炉】内螺纹弯管\23N112-6-5-35\东锅\国产</t>
  </si>
  <si>
    <t>【东方锅炉】内螺纹弯管\13N112-7-5-1\东锅\国产</t>
  </si>
  <si>
    <t>【东方锅炉】内螺纹弯管\13N112-7-5-2\东锅\国产</t>
  </si>
  <si>
    <t>【东方锅炉】内螺纹弯管\13N112-7-5-3\东锅\国产</t>
  </si>
  <si>
    <t>【东方锅炉】内螺纹弯管\13N112-7-5-4\东锅\国产</t>
  </si>
  <si>
    <t>【东方锅炉】内螺纹弯管\13N112-7-5-5\东锅\国产</t>
  </si>
  <si>
    <t>【东方锅炉】内螺纹弯管\13N112-7-5-6\东锅\国产</t>
  </si>
  <si>
    <t>【东方锅炉】内螺纹弯管\13N112-7-5-7\东锅\国产</t>
  </si>
  <si>
    <t>【东方锅炉】内螺纹弯管\13N112-7-5-8\东锅\国产</t>
  </si>
  <si>
    <t>【东方锅炉】内螺纹弯管\13N112-7-5-9\东锅\国产</t>
  </si>
  <si>
    <t>【东方锅炉】内螺纹弯管\13N112-7-5-10\东锅\国产</t>
  </si>
  <si>
    <t>【东方锅炉】内螺纹弯管\13N112-7-5-11\东锅\国产</t>
  </si>
  <si>
    <t>【东方锅炉】内螺纹弯管\13N112-7-5-12\东锅\国产</t>
  </si>
  <si>
    <t>【东方锅炉】内螺纹弯管\13N112-7-5-13\东锅\国产</t>
  </si>
  <si>
    <t>【东方锅炉】内螺纹弯管\13N112-7-5-14\东锅\国产</t>
  </si>
  <si>
    <t>【东方锅炉】内螺纹弯管\13N112-7-5-15\东锅\国产</t>
  </si>
  <si>
    <t>【东方锅炉】内螺纹弯管\13N112-7-5-16\东锅\国产</t>
  </si>
  <si>
    <t>【东方锅炉】内螺纹弯管\13N112-7-5-17\东锅\国产</t>
  </si>
  <si>
    <t>【东方锅炉】内螺纹弯管\13N112-11-3\东锅\国产</t>
  </si>
  <si>
    <t>【东方锅炉】内螺纹弯管\13N112-11-4\东锅\国产</t>
  </si>
  <si>
    <t>【东方锅炉】内螺纹弯管\13N112-11-5\东锅\国产</t>
  </si>
  <si>
    <t>【东方锅炉】内螺纹弯管\13N112-11-6\东锅\国产</t>
  </si>
  <si>
    <t>【东方锅炉】内螺纹弯管\13N112-11-7\东锅\国产</t>
  </si>
  <si>
    <t>【东方锅炉】内螺纹弯管\13N112-11-8\东锅\国产</t>
  </si>
  <si>
    <t>【东方锅炉】内螺纹弯管\13N112-11-9\东锅\国产</t>
  </si>
  <si>
    <t>【东方锅炉】内螺纹弯管\13N112-11-10\东锅\国产</t>
  </si>
  <si>
    <t>【东方锅炉】内螺纹弯管\13N112-11-11-1\东锅\国产</t>
  </si>
  <si>
    <t>【东方锅炉】内螺纹弯管\13N112-11-11-2\东锅\国产</t>
  </si>
  <si>
    <t>【东方锅炉】内螺纹弯管\13N112-11-11-3\东锅\国产</t>
  </si>
  <si>
    <t>【东方锅炉】内螺纹弯管\13N112-11-13-1\东锅\国产</t>
  </si>
  <si>
    <t>【东方锅炉】内螺纹弯管\13N112-11-13-2\东锅\国产</t>
  </si>
  <si>
    <t>【东方锅炉】内螺纹弯管\13N112-11-13-3\东锅\国产</t>
  </si>
  <si>
    <t>【东方锅炉】内螺纹弯管\13N112-11-13-4\东锅\国产</t>
  </si>
  <si>
    <t>【东方锅炉】内螺纹弯管\13N112-11-13-5\东锅\国产</t>
  </si>
  <si>
    <t>【东方锅炉】内螺纹弯管\13N112-11-13-6\东锅\国产</t>
  </si>
  <si>
    <t>【东方锅炉】内螺纹弯管\13N112-11-13-7\东锅\国产</t>
  </si>
  <si>
    <t>【东方锅炉】内螺纹弯管\13N112-11-13-8\东锅\国产</t>
  </si>
  <si>
    <t>【东方锅炉】内螺纹弯管\13N112-11-13-9\东锅\国产</t>
  </si>
  <si>
    <t>【东方锅炉】内螺纹弯管\13N112-11-13-10\东锅\国产</t>
  </si>
  <si>
    <t>【东方锅炉】内螺纹弯管\13N112-11-13-11\东锅\国产</t>
  </si>
  <si>
    <t>【东方锅炉】内螺纹弯管\13N112-11-13-12\东锅\国产</t>
  </si>
  <si>
    <t>【东方锅炉】内螺纹弯管\13N112-11-13-13\东锅\国产</t>
  </si>
  <si>
    <t>【东方锅炉】内螺纹弯管\13N112-11-13-14\东锅\国产</t>
  </si>
  <si>
    <t>【东方锅炉】内螺纹弯管\13N112-11-13-15\东锅\国产</t>
  </si>
  <si>
    <t>【东方锅炉】内螺纹弯管\13N112-11-13-16\东锅\国产</t>
  </si>
  <si>
    <t>【东方锅炉】内螺纹弯管\13N112-11-13-17\东锅\国产</t>
  </si>
  <si>
    <t>【东方锅炉】内螺纹弯管\13N112-11-13-18\东锅\国产</t>
  </si>
  <si>
    <t>【东方锅炉】内螺纹弯管\13N112-11-13-19\东锅\国产</t>
  </si>
  <si>
    <t>【东方锅炉】内螺纹弯管\13N112-11-13-20\东锅\国产</t>
  </si>
  <si>
    <t>【东方锅炉】内螺纹弯管\13N112-11-13-21\东锅\国产</t>
  </si>
  <si>
    <t>【东方锅炉】内螺纹弯管\13N112-11-13-22\东锅\国产</t>
  </si>
  <si>
    <t>【东方锅炉】内螺纹弯管\13N112-11-13-23\东锅\国产</t>
  </si>
  <si>
    <t>【东方锅炉】内螺纹弯管\13N112-11-13-24\东锅\国产</t>
  </si>
  <si>
    <t>【东方锅炉】内螺纹弯管\13N112-11-13-25\东锅\国产</t>
  </si>
  <si>
    <t>【东方锅炉】内螺纹弯管\13N112-11-13-26\东锅\国产</t>
  </si>
  <si>
    <t>【东方锅炉】内螺纹弯管\13N112-11-13-27\东锅\国产</t>
  </si>
  <si>
    <t>【东方锅炉】内螺纹弯管\13N112-11-13-28\东锅\国产</t>
  </si>
  <si>
    <t>【东方锅炉】内螺纹弯管\13N112-11-13-29\东锅\国产</t>
  </si>
  <si>
    <t>【东方锅炉】内螺纹弯管\13N112-11-13-30\东锅\国产</t>
  </si>
  <si>
    <t>【东方锅炉】内螺纹弯管\13N112-11-13-31\东锅\国产</t>
  </si>
  <si>
    <t>【东方锅炉】内螺纹弯管\13N112-11-13-32\东锅\国产</t>
  </si>
  <si>
    <t>【东方锅炉】内螺纹弯管\13N112-11-13-33\东锅\国产</t>
  </si>
  <si>
    <t>【东方锅炉】内螺纹弯管\13N112-11-13-34\东锅\国产</t>
  </si>
  <si>
    <t>【东方锅炉】内螺纹弯管\13N112-11-13-35\东锅\国产</t>
  </si>
  <si>
    <t>【东方锅炉】内螺纹弯管\13N112-11-13-36\东锅\国产</t>
  </si>
  <si>
    <t>【东方锅炉】内螺纹弯管\13N112-11-13-37\东锅\国产</t>
  </si>
  <si>
    <t>【东方锅炉】内螺纹弯管\13N112-11-13-38\东锅\国产</t>
  </si>
  <si>
    <t>【东方锅炉】内螺纹弯管\13N112-11-13-39\东锅\国产</t>
  </si>
  <si>
    <t>【东方锅炉】内螺纹弯管\13N112-11-13-40\东锅\国产</t>
  </si>
  <si>
    <t>【东方锅炉】内螺纹弯管\13N112-12-3\东锅\国产</t>
  </si>
  <si>
    <t>【东方锅炉】内螺纹弯管\13N112-12-4\东锅\国产</t>
  </si>
  <si>
    <t>【东方锅炉】内螺纹弯管\13N112-12-5\东锅\国产</t>
  </si>
  <si>
    <t>【东方锅炉】内螺纹弯管\13N112-12-6\东锅\国产</t>
  </si>
  <si>
    <t>【东方锅炉】内螺纹弯管\13N112-12-7\东锅\国产</t>
  </si>
  <si>
    <t>【东方锅炉】内螺纹弯管\13N112-12-8\东锅\国产</t>
  </si>
  <si>
    <t>【东方锅炉】内螺纹弯管\13N112-12-9\东锅\国产</t>
  </si>
  <si>
    <t>【东方锅炉】内螺纹弯管\13N112-12-10\东锅\国产</t>
  </si>
  <si>
    <t>【东方锅炉】内螺纹弯管\13N112-12-14-1\东锅\国产</t>
  </si>
  <si>
    <t>【东方锅炉】内螺纹弯管\13N112-12-14-2\东锅\国产</t>
  </si>
  <si>
    <t>【东方锅炉】内螺纹弯管\13N112-12-14-3\东锅\国产</t>
  </si>
  <si>
    <t>【东方锅炉】内螺纹弯管\13N112-12-14-4\东锅\国产</t>
  </si>
  <si>
    <t>【东方锅炉】内螺纹弯管\13N112-12-14-5\东锅\国产</t>
  </si>
  <si>
    <t>【东方锅炉】内螺纹弯管\13N112-12-14-6\东锅\国产</t>
  </si>
  <si>
    <t>【东方锅炉】内螺纹弯管\13N112-12-14-7\东锅\国产</t>
  </si>
  <si>
    <t>【东方锅炉】内螺纹弯管\44N112-9-1-1\东锅\国产</t>
  </si>
  <si>
    <t>【东方锅炉】内螺纹弯管\44N112-9-1-2\东锅\国产</t>
  </si>
  <si>
    <t>【东方锅炉】内螺纹弯管\44N112-9-1-3\东锅\国产</t>
  </si>
  <si>
    <t>【东方锅炉】内螺纹弯管\44N112-9-1-4\东锅\国产</t>
  </si>
  <si>
    <t>【东方锅炉】内螺纹弯管\44N112-9-1-5\东锅\国产</t>
  </si>
  <si>
    <t>【东方锅炉】内螺纹弯管\44N112-9-1-6\东锅\国产</t>
  </si>
  <si>
    <t>【东方锅炉】内螺纹弯管\44N112-9-1-7\东锅\国产</t>
  </si>
  <si>
    <t>【东方锅炉】内螺纹弯管\44N112-9-1-8\东锅\国产</t>
  </si>
  <si>
    <t>【东方锅炉】内螺纹弯管\44N112-9-1-9\东锅\国产</t>
  </si>
  <si>
    <t>【东方锅炉】内螺纹弯管\44N112-9-1-10\东锅\国产</t>
  </si>
  <si>
    <t>【东方锅炉】内螺纹弯管\44N112-9-1-11\东锅\国产</t>
  </si>
  <si>
    <t>【东方锅炉】内螺纹弯管\44N112-9-1-12\东锅\国产</t>
  </si>
  <si>
    <t>【东方锅炉】内螺纹弯管\44N112-9-1-13\东锅\国产</t>
  </si>
  <si>
    <t>【东方锅炉】内螺纹弯管\44N112-9-1-14\东锅\国产</t>
  </si>
  <si>
    <t>【东方锅炉】内螺纹弯管\44N112-9-1-15\东锅\国产</t>
  </si>
  <si>
    <t>【东方锅炉】内螺纹弯管\44N112-9-1-16\东锅\国产</t>
  </si>
  <si>
    <t>【东方锅炉】内螺纹弯管\44N112-9-1-17\东锅\国产</t>
  </si>
  <si>
    <t>【东方锅炉】内螺纹弯管\44N112-9-1-18\东锅\国产</t>
  </si>
  <si>
    <t>【东方锅炉】内螺纹弯管\44N112-9-1-19\东锅\国产</t>
  </si>
  <si>
    <t>【东方锅炉】内螺纹弯管\44N112-9-1-20\东锅\国产</t>
  </si>
  <si>
    <t>【东方锅炉】内螺纹弯管\44N112-9-1-21\东锅\国产</t>
  </si>
  <si>
    <t>【东方锅炉】内螺纹弯管\44N112-9-1-22\东锅\国产</t>
  </si>
  <si>
    <t>【东方锅炉】内螺纹弯管\44N112-9-1-23\东锅\国产</t>
  </si>
  <si>
    <t>【东方锅炉】内螺纹弯管\44N112-9-1-24\东锅\国产</t>
  </si>
  <si>
    <t>【东方锅炉】内螺纹弯管\44N112-9-1-25\东锅\国产</t>
  </si>
  <si>
    <t>【东方锅炉】内螺纹弯管\44N112-9-1-26\东锅\国产</t>
  </si>
  <si>
    <t>【东方锅炉】内螺纹弯管\44N112-9-1-27\东锅\国产</t>
  </si>
  <si>
    <t>【东方锅炉】内螺纹弯管\44N112-9-1-28\东锅\国产</t>
  </si>
  <si>
    <t>【东方锅炉】内螺纹弯管\44N112-9-1-29\东锅\国产</t>
  </si>
  <si>
    <t>【东方锅炉】内螺纹弯管\44N112-9-1-30\东锅\国产</t>
  </si>
  <si>
    <t>【东方锅炉】内螺纹弯管\44N112-9-1-31\东锅\国产</t>
  </si>
  <si>
    <t>【东方锅炉】内螺纹弯管\44N112-9-1-32\东锅\国产</t>
  </si>
  <si>
    <t>【东方锅炉】内螺纹弯管\44N112-9-1-33\东锅\国产</t>
  </si>
  <si>
    <t>【东方锅炉】内螺纹弯管\44N112-9-1-34\东锅\国产</t>
  </si>
  <si>
    <t>【东方锅炉】内螺纹弯管\44N112-9-1-35\东锅\国产</t>
  </si>
  <si>
    <t>【东方锅炉】内螺纹弯管\44N112-9-1-36\东锅\国产</t>
  </si>
  <si>
    <t>【东方锅炉】内螺纹弯管\44N112-9-1-37\东锅\国产</t>
  </si>
  <si>
    <t>【东方锅炉】内螺纹弯管\44N112-9-1-38\东锅\国产</t>
  </si>
  <si>
    <t>【东方锅炉】内螺纹弯管\44N112-9-1-39\东锅\国产</t>
  </si>
  <si>
    <t>【东方锅炉】内螺纹弯管\44N112-9-1-40\东锅\国产</t>
  </si>
  <si>
    <t>【东方锅炉】内螺纹弯管\44N112-9-1-41\东锅\国产</t>
  </si>
  <si>
    <t>【东方锅炉】内螺纹弯管\44N112-9-1-42\东锅\国产</t>
  </si>
  <si>
    <t>【东方锅炉】内螺纹弯管\44N112-11-1-1\东锅\国产</t>
  </si>
  <si>
    <t>【东方锅炉】内螺纹弯管\44N112-11-1-2\东锅\国产</t>
  </si>
  <si>
    <t>【东方锅炉】内螺纹弯管\44N112-11-1-3\东锅\国产</t>
  </si>
  <si>
    <t>【东方锅炉】内螺纹弯管\44N112-11-1-4\东锅\国产</t>
  </si>
  <si>
    <t>【东方锅炉】内螺纹弯管\44N112-11-1-5\东锅\国产</t>
  </si>
  <si>
    <t>【东方锅炉】内螺纹弯管\44N112-11-1-6\东锅\国产</t>
  </si>
  <si>
    <t>【东方锅炉】内螺纹弯管\44N112-11-1-7\东锅\国产</t>
  </si>
  <si>
    <t>【东方锅炉】内螺纹弯管\44N112-11-1-8\东锅\国产</t>
  </si>
  <si>
    <t>【东方锅炉】内螺纹弯管\44N112-11-1-9\东锅\国产</t>
  </si>
  <si>
    <t>【东方锅炉】内螺纹弯管\44N112-11-1-10\东锅\国产</t>
  </si>
  <si>
    <t>【东方锅炉】内螺纹弯管\44N112-11-1-11\东锅\国产</t>
  </si>
  <si>
    <t>【东方锅炉】内螺纹弯管\44N112-11-1-12\东锅\国产</t>
  </si>
  <si>
    <t>【东方锅炉】内螺纹弯管\44N112-11-1-13\东锅\国产</t>
  </si>
  <si>
    <t>【东方锅炉】内螺纹弯管\44N112-11-1-14\东锅\国产</t>
  </si>
  <si>
    <t>【东方锅炉】内螺纹弯管\44N112-11-1-15\东锅\国产</t>
  </si>
  <si>
    <t>【东方锅炉】内螺纹弯管\44N112-11-1-16\东锅\国产</t>
  </si>
  <si>
    <t>【东方锅炉】内螺纹弯管\44N112-11-1-17\东锅\国产</t>
  </si>
  <si>
    <t>【东方锅炉】内螺纹弯管\44N112-11-1-18\东锅\国产</t>
  </si>
  <si>
    <t>【东方锅炉】内螺纹弯管\44N112-11-1-19\东锅\国产</t>
  </si>
  <si>
    <t>【东方锅炉】内螺纹弯管\44N112-11-1-20\东锅\国产</t>
  </si>
  <si>
    <t>【东方锅炉】内螺纹弯管\44N112-11-1-21\东锅\国产</t>
  </si>
  <si>
    <t>【东方锅炉】内螺纹弯管\44N112-11-1-22\东锅\国产</t>
  </si>
  <si>
    <t>【东方锅炉】内螺纹弯管\44N112-11-1-23\东锅\国产</t>
  </si>
  <si>
    <t>【东方锅炉】内螺纹弯管\44N112-11-1-24\东锅\国产</t>
  </si>
  <si>
    <t>【东方锅炉】内螺纹弯管\44N112-11-1-25\东锅\国产</t>
  </si>
  <si>
    <t>【东方锅炉】内螺纹弯管\44N112-11-1-26\东锅\国产</t>
  </si>
  <si>
    <t>【东方锅炉】内螺纹弯管\44N112-11-1-27\东锅\国产</t>
  </si>
  <si>
    <t>【东方锅炉】内螺纹弯管\44N112-11-1-28\东锅\国产</t>
  </si>
  <si>
    <t>【东方锅炉】内螺纹弯管\44N112-11-1-29\东锅\国产</t>
  </si>
  <si>
    <t>【东方锅炉】内螺纹弯管\44N112-11-1-30\东锅\国产</t>
  </si>
  <si>
    <t>【东方锅炉】内螺纹弯管\44N112-11-1-31\东锅\国产</t>
  </si>
  <si>
    <t>【东方锅炉】内螺纹弯管\44N112-11-1-32\东锅\国产</t>
  </si>
  <si>
    <t>【东方锅炉】内螺纹弯管\44N112-11-1-33\东锅\国产</t>
  </si>
  <si>
    <t>【东方锅炉】内螺纹弯管\44N112-11-1-34\东锅\国产</t>
  </si>
  <si>
    <t>【东方锅炉】内螺纹弯管\44N112-11-1-35\东锅\国产</t>
  </si>
  <si>
    <t>【东方锅炉】内螺纹弯管\44N112-11-1-36\东锅\国产</t>
  </si>
  <si>
    <t>【东方锅炉】内螺纹弯管\44N112-11-1-37\东锅\国产</t>
  </si>
  <si>
    <t>【东方锅炉】内螺纹弯管\44N112-12-2-1\东锅\国产</t>
  </si>
  <si>
    <t>【东方锅炉】内螺纹弯管\44N112-12-2-2\东锅\国产</t>
  </si>
  <si>
    <t>【东方锅炉】内螺纹弯管\44N112-12-2-3\东锅\国产</t>
  </si>
  <si>
    <t>【东方锅炉】内螺纹弯管\44N112-12-2-4\东锅\国产</t>
  </si>
  <si>
    <t>【东方锅炉】内螺纹弯管\44N112-12-2-5\东锅\国产</t>
  </si>
  <si>
    <t>【东方锅炉】内螺纹弯管\44N112-12-2-6\东锅\国产</t>
  </si>
  <si>
    <t>【东方锅炉】内螺纹弯管\44N112-12-2-7\东锅\国产</t>
  </si>
  <si>
    <t>【东方锅炉】内螺纹弯管\44N112-12-2-8\东锅\国产</t>
  </si>
  <si>
    <t>【东方锅炉】内螺纹弯管\44N112-12-2-9\东锅\国产</t>
  </si>
  <si>
    <t>【东方锅炉】内螺纹弯管\44N112-12-2-10\东锅\国产</t>
  </si>
  <si>
    <t>【东方锅炉】内螺纹弯管\44N112-12-2-11\东锅\国产</t>
  </si>
  <si>
    <t>【东方锅炉】内螺纹弯管\44N112-12-2-12\东锅\国产</t>
  </si>
  <si>
    <t>【东方锅炉】内螺纹弯管\44N112-12-2-13\东锅\国产</t>
  </si>
  <si>
    <t>【东方锅炉】内螺纹弯管\44N112-12-2-14\东锅\国产</t>
  </si>
  <si>
    <t>【东方锅炉】内螺纹弯管\44N112-12-2-15\东锅\国产</t>
  </si>
  <si>
    <t>【东方锅炉】内螺纹弯管\44N112-12-2-16\东锅\国产</t>
  </si>
  <si>
    <t>【东方锅炉】内螺纹弯管\44N112-12-2-17\东锅\国产</t>
  </si>
  <si>
    <t>【东方锅炉】内螺纹弯管\44N112-12-2-18\东锅\国产</t>
  </si>
  <si>
    <t>【东方锅炉】内螺纹弯管\44N112-12-2-19\东锅\国产</t>
  </si>
  <si>
    <t>【东方锅炉】内螺纹弯管\44N112-12-2-20\东锅\国产</t>
  </si>
  <si>
    <t>【东方锅炉】内螺纹弯管\44N112-12-2-21\东锅\国产</t>
  </si>
  <si>
    <t>【东方锅炉】内螺纹弯管\44N112-12-2-22\东锅\国产</t>
  </si>
  <si>
    <t>【东方锅炉】内螺纹弯管\44N112-12-2-23\东锅\国产</t>
  </si>
  <si>
    <t>【东方锅炉】内螺纹弯管\44N112-12-2-24\东锅\国产</t>
  </si>
  <si>
    <t>【东方锅炉】内螺纹弯管\44N112-12-2-25\东锅\国产</t>
  </si>
  <si>
    <t>【东方锅炉】内螺纹弯管\44N112-12-2-26\东锅\国产</t>
  </si>
  <si>
    <t>【东方锅炉】内螺纹弯管\44N112-12-2-27\东锅\国产</t>
  </si>
  <si>
    <t>【东方锅炉】内螺纹弯管\44N112-12-2-28\东锅\国产</t>
  </si>
  <si>
    <t>【东方锅炉】内螺纹弯管\44N112-12-2-29\东锅\国产</t>
  </si>
  <si>
    <t>【东方锅炉】内螺纹弯管\44N112-12-2-30\东锅\国产</t>
  </si>
  <si>
    <t>【东方锅炉】内螺纹弯管\44N112-12-2-31\东锅\国产</t>
  </si>
  <si>
    <t>【东方锅炉】内螺纹弯管\44N112-12-2-32\东锅\国产</t>
  </si>
  <si>
    <t>【东方锅炉】内螺纹弯管\44N112-12-2-33\东锅\国产</t>
  </si>
  <si>
    <t>【东方锅炉】内螺纹弯管\44N112-12-2-34\东锅\国产</t>
  </si>
  <si>
    <t>【东方锅炉】内螺纹弯管\44N112-12-2-35\东锅\国产</t>
  </si>
  <si>
    <t>【东方锅炉】内螺纹弯管\44N112-13-2-1\东锅\国产</t>
  </si>
  <si>
    <t>【东方锅炉】内螺纹弯管\44N112-13-2-2\东锅\国产</t>
  </si>
  <si>
    <t>【东方锅炉】内螺纹弯管\44N112-13-2-3\东锅\国产</t>
  </si>
  <si>
    <t>【东方锅炉】内螺纹弯管\44N112-13-2-4\东锅\国产</t>
  </si>
  <si>
    <t>【东方锅炉】内螺纹弯管\44N112-13-2-5\东锅\国产</t>
  </si>
  <si>
    <t>【东方锅炉】防磨盖板\38M255-7\东锅\国产</t>
  </si>
  <si>
    <t>【东方锅炉】防磨盖板\39M254-4\东锅\国产</t>
  </si>
  <si>
    <t>【东方锅炉】防磨盖板\38M255-6\东锅\国产</t>
  </si>
  <si>
    <t>【东方锅炉】防磨盖板\39M254-3\东锅\国产</t>
  </si>
  <si>
    <t>【东方锅炉】防磨盖板\38M254-5\东锅\国产</t>
  </si>
  <si>
    <t>【东方锅炉】防磨盖板\74M255-4\东锅\国产</t>
  </si>
  <si>
    <t>【东方锅炉】压板\38M254-3\东锅\国产</t>
  </si>
  <si>
    <t>【东方锅炉】管子\DZCZG-1 φ51mm×4.5 SA-213T91\东锅\国产</t>
  </si>
  <si>
    <t>【东方锅炉】管夹\808GJ-1\东锅\国产</t>
  </si>
  <si>
    <t>【东方锅炉】端盖\TGS14001 φ325×75-65 SA-182F92\东锅\国产</t>
  </si>
  <si>
    <t>【东方锅炉】文丘里盖板\2S6101-2-26\东锅\国产</t>
  </si>
  <si>
    <t>【东方锅炉】导流筒\2S6102-6-0\东锅\国产</t>
  </si>
  <si>
    <t>【东方锅炉】导流筒\2S6105-5-0\东锅\国产</t>
  </si>
  <si>
    <t>【东方锅炉】导流筒\2S6106-4-0\东锅\国产</t>
  </si>
  <si>
    <t>【东方锅炉】端盖\TGS14001 φ190×44-35 SA-105\东锅\国产</t>
  </si>
  <si>
    <t>【东方锅炉】异种钢接头\2S223-1-4\东锅\国产</t>
  </si>
  <si>
    <t>【东方锅炉】异种钢接头\2S223-1-1\东锅\国产</t>
  </si>
  <si>
    <t>【东方锅炉】异种钢接头\2S215-1-2\东锅\国产</t>
  </si>
  <si>
    <t>【东方锅炉】异种钢接头\2S211-1-24\东锅\国产</t>
  </si>
  <si>
    <t>【东方锅炉】三维波纹补偿器\2S671-05\东锅\国产</t>
  </si>
  <si>
    <t>【东方锅炉】三维波纹补偿器\2S671-06\东锅\国产</t>
  </si>
  <si>
    <t>【东方锅炉】三维波纹补偿器\2S671-07\东锅\国产</t>
  </si>
  <si>
    <t>【东方锅炉】三维波纹补偿器\2S671-08\东锅\国产</t>
  </si>
  <si>
    <t>【东方锅炉】三维波纹补偿器\2S671-09\东锅\国产</t>
  </si>
  <si>
    <t>【东方锅炉】三维波纹补偿器\2S671-10\东锅\国产</t>
  </si>
  <si>
    <t>【东方锅炉】管屏\94N217-0-2\东锅\国产</t>
  </si>
  <si>
    <t>【东方锅炉】管屏\94N223-0-1\东锅\国产</t>
  </si>
  <si>
    <t>【东方锅炉】弯管\51M222-1-2\东锅\国产</t>
  </si>
  <si>
    <t>【东方锅炉】内螺纹弯管\44N112-13-2-6\东锅\国产</t>
  </si>
  <si>
    <t>【东方锅炉】内螺纹弯管\44N112-13-2-7\东锅\国产</t>
  </si>
  <si>
    <t>【东方锅炉】内螺纹弯管\44N112-13-2-8\东锅\国产</t>
  </si>
  <si>
    <t>【东方锅炉】内螺纹弯管\44N112-13-2-9\东锅\国产</t>
  </si>
  <si>
    <t>【东方锅炉】内螺纹弯管\44N112-13-2-10\东锅\国产</t>
  </si>
  <si>
    <t>【东方锅炉】内螺纹弯管\44N112-13-2-11\东锅\国产</t>
  </si>
  <si>
    <t>【东方锅炉】内螺纹弯管\44N112-13-2-12\东锅\国产</t>
  </si>
  <si>
    <t>【东方锅炉】内螺纹弯管\44N112-13-2-13\东锅\国产</t>
  </si>
  <si>
    <t>【东方锅炉】内螺纹弯管\44N112-13-2-14\东锅\国产</t>
  </si>
  <si>
    <t>【东方锅炉】内螺纹弯管\44N112-13-2-15\东锅\国产</t>
  </si>
  <si>
    <t>【东方锅炉】内螺纹弯管\44N112-13-2-16\东锅\国产</t>
  </si>
  <si>
    <t>【东方锅炉】内螺纹弯管\44N112-13-2-17\东锅\国产</t>
  </si>
  <si>
    <t>【东方锅炉】内螺纹弯管\44N112-13-2-18\东锅\国产</t>
  </si>
  <si>
    <t>【东方锅炉】内螺纹弯管\44N112-13-2-19\东锅\国产</t>
  </si>
  <si>
    <t>【东方锅炉】内螺纹弯管\44N112-13-2-20\东锅\国产</t>
  </si>
  <si>
    <t>【东方锅炉】内螺纹弯管\44N112-13-2-21\东锅\国产</t>
  </si>
  <si>
    <t>【东方锅炉】内螺纹弯管\44N112-13-2-22\东锅\国产</t>
  </si>
  <si>
    <t>【东方锅炉】内螺纹弯管\44N112-13-2-23\东锅\国产</t>
  </si>
  <si>
    <t>【东方锅炉】内螺纹弯管\44N112-14-2-1\东锅\国产</t>
  </si>
  <si>
    <t>【东方锅炉】内螺纹弯管\44N112-14-2-2\东锅\国产</t>
  </si>
  <si>
    <t>【东方锅炉】内螺纹弯管\44N112-14-2-3\东锅\国产</t>
  </si>
  <si>
    <t>【东方锅炉】内螺纹弯管\44N112-14-2-4\东锅\国产</t>
  </si>
  <si>
    <t>【东方锅炉】内螺纹弯管\44N112-14-2-5\东锅\国产</t>
  </si>
  <si>
    <t>【东方锅炉】内螺纹弯管\44N112-14-2-6\东锅\国产</t>
  </si>
  <si>
    <t>【东方锅炉】内螺纹弯管\44N112-14-2-7\东锅\国产</t>
  </si>
  <si>
    <t>【东方锅炉】内螺纹弯管\44N112-14-2-8\东锅\国产</t>
  </si>
  <si>
    <t>【东方锅炉】内螺纹弯管\44N112-14-2-9\东锅\国产</t>
  </si>
  <si>
    <t>【东方锅炉】内螺纹弯管\44N112-14-2-10\东锅\国产</t>
  </si>
  <si>
    <t>【东方锅炉】内螺纹弯管\44N112-14-2-11\东锅\国产</t>
  </si>
  <si>
    <t>【东方锅炉】内螺纹弯管\44N112-14-2-12\东锅\国产</t>
  </si>
  <si>
    <t>【东方锅炉】内螺纹弯管\44N112-14-2-13\东锅\国产</t>
  </si>
  <si>
    <t>【东方锅炉】内螺纹弯管\44N112-14-2-14\东锅\国产</t>
  </si>
  <si>
    <t>【东方锅炉】内螺纹弯管\44N112-14-2-15\东锅\国产</t>
  </si>
  <si>
    <t>【东方锅炉】内螺纹弯管\44N112-14-2-16\东锅\国产</t>
  </si>
  <si>
    <t>【东方锅炉】内螺纹弯管\44N112-14-2-17\东锅\国产</t>
  </si>
  <si>
    <t>【东方锅炉】内螺纹弯管\44N112-14-2-18\东锅\国产</t>
  </si>
  <si>
    <t>【东方锅炉】内螺纹弯管\44N112-14-2-19\东锅\国产</t>
  </si>
  <si>
    <t>【东方锅炉】内螺纹弯管\44N112-14-2-20\东锅\国产</t>
  </si>
  <si>
    <t>【东方锅炉】内螺纹弯管\44N112-14-2-21\东锅\国产</t>
  </si>
  <si>
    <t>【东方锅炉】内螺纹弯管\44N112-14-2-22\东锅\国产</t>
  </si>
  <si>
    <t>【东方锅炉】内螺纹弯管\44N112-14-2-23\东锅\国产</t>
  </si>
  <si>
    <t>【东方锅炉】内螺纹弯管\44N112-14-2-24\东锅\国产</t>
  </si>
  <si>
    <t>【东方锅炉】内螺纹弯管\44N112-14-2-25\东锅\国产</t>
  </si>
  <si>
    <t>【东方锅炉】内螺纹弯管\44N112-14-2-26\东锅\国产</t>
  </si>
  <si>
    <t>【东方锅炉】内螺纹弯管\44N112-14-2-27\东锅\国产</t>
  </si>
  <si>
    <t>【东方锅炉】内螺纹弯管\44N112-14-2-28\东锅\国产</t>
  </si>
  <si>
    <t>【东方锅炉】内螺纹弯管\44N112-14-2-29\东锅\国产</t>
  </si>
  <si>
    <t>【东方锅炉】内螺纹弯管\44N112-14-2-30\东锅\国产</t>
  </si>
  <si>
    <t>【东方锅炉】内螺纹弯管\44N112-14-2-31\东锅\国产</t>
  </si>
  <si>
    <t>【东方锅炉】内螺纹弯管\44N112-14-2-32\东锅\国产</t>
  </si>
  <si>
    <t>【东方锅炉】内螺纹弯管\44N112-14-2-33\东锅\国产</t>
  </si>
  <si>
    <t>【东方锅炉】内螺纹弯管\44N112-14-2-34\东锅\国产</t>
  </si>
  <si>
    <t>【东方锅炉】内螺纹弯管\44N112-14-2-35\东锅\国产</t>
  </si>
  <si>
    <t>【东方锅炉】内螺纹弯管\44N112-14-2-36\东锅\国产</t>
  </si>
  <si>
    <t>【东方锅炉】内螺纹弯管\44N112-14-2-37\东锅\国产</t>
  </si>
  <si>
    <t>【东方锅炉】内螺纹弯管\44N112-14-2-38\东锅\国产</t>
  </si>
  <si>
    <t>【东方锅炉】内螺纹弯管\44N112-14-2-39\东锅\国产</t>
  </si>
  <si>
    <t>【东方锅炉】内螺纹弯管\44N112-14-2-40\东锅\国产</t>
  </si>
  <si>
    <t>【东方锅炉】内螺纹弯管\44N112-14-2-41\东锅\国产</t>
  </si>
  <si>
    <t>【东方锅炉】内螺纹弯管\44N112-14-2-42\东锅\国产</t>
  </si>
  <si>
    <t>【东方锅炉】内螺纹弯管\44N112-14-2-43\东锅\国产</t>
  </si>
  <si>
    <t>【东方锅炉】内螺纹弯管\44N112-14-2-44\东锅\国产</t>
  </si>
  <si>
    <t>【东方锅炉】内螺纹弯管\44N112-14-2-45\东锅\国产</t>
  </si>
  <si>
    <t>【东方锅炉】弯管\51M222-1-3\东锅\国产</t>
  </si>
  <si>
    <t>【东方锅炉】弯管\51M222-1-4\东锅\国产</t>
  </si>
  <si>
    <t>【东方锅炉】弯管\51M222-1-14\东锅\国产</t>
  </si>
  <si>
    <t>【东方锅炉】弯管\51M222-1-1\东锅\国产</t>
  </si>
  <si>
    <t>【东方锅炉】管卡\151909P-15-0\东锅\国产</t>
  </si>
  <si>
    <t>【东方锅炉】水封密封裙\23S853-7\东锅\国产</t>
  </si>
  <si>
    <t>【东方锅炉】水封密封裙\23S853-8\东锅\国产</t>
  </si>
  <si>
    <t>【东方锅炉】水封密封裙\23S853-9\东锅\国产</t>
  </si>
  <si>
    <t>【东方锅炉】水封密封裙\23S853-10\东锅\国产</t>
  </si>
  <si>
    <t>【东方锅炉】测点块\CDK-0 δ4 SA-213T92\东锅\国产</t>
  </si>
  <si>
    <t>【东方锅炉】异种钢接头\YZGJT-70 φ57×4.5 T91 TP347H\东锅\国产</t>
  </si>
  <si>
    <t>【东方锅炉】异径三通\DN150\DN100\9mm\6mm\15CrMo\GB/T12459</t>
  </si>
  <si>
    <t>【东方锅炉】吊挂装置\89N2571-45-0\东锅\国产</t>
  </si>
  <si>
    <t>【东方锅炉】让位管\106N1131-2-6\东锅\国产</t>
  </si>
  <si>
    <t>【东方锅炉】异种钢接头\TGA00808 φ51×4 12Cr1MoVG T91\东锅\国产</t>
  </si>
  <si>
    <t>【东方锅炉】异种钢接头\TGA00808 φ57×4.5 12Cr1MoVG T91\东锅\国产</t>
  </si>
  <si>
    <t>【东方锅炉】旋流调节器\106N6151-4-0\东锅\国产</t>
  </si>
  <si>
    <t>【东方锅炉】弯头\106N2213-0\东锅\国产</t>
  </si>
  <si>
    <t>【东方锅炉】管屏\49N1131-1-0\东锅\国产</t>
  </si>
  <si>
    <t>【东方锅炉】管屏\49N1131-2-0\东锅\国产</t>
  </si>
  <si>
    <t>【东方锅炉】管屏\49N1131-3-0\东锅\国产</t>
  </si>
  <si>
    <t>【东方锅炉】管屏\56N1131-1-0\东锅\国产</t>
  </si>
  <si>
    <t>【东方锅炉】管屏\49N1131-5-0\东锅\国产</t>
  </si>
  <si>
    <t>【东方锅炉】管屏\49N1131-6-0\东锅\国产</t>
  </si>
  <si>
    <t>【东方锅炉】管屏\49N1131-7-0\东锅\国产</t>
  </si>
  <si>
    <t>【东方锅炉】管屏\49N1131-9-0\东锅\国产</t>
  </si>
  <si>
    <t>【东方锅炉】管屏\56N1131-2-0\东锅\国产</t>
  </si>
  <si>
    <t>【东方锅炉】管屏\56N1131-3-0\东锅\国产</t>
  </si>
  <si>
    <t>【东方锅炉】管屏\49N1131-12-0\东锅\国产</t>
  </si>
  <si>
    <t>【东方锅炉】管屏\49N1131-13-0\东锅\国产</t>
  </si>
  <si>
    <t>【东方锅炉】管屏\49N1131-14-0\东锅\国产</t>
  </si>
  <si>
    <t>【东方锅炉】管屏\56N1131-4-0\东锅\国产</t>
  </si>
  <si>
    <t>【东方锅炉】管屏\49N1131-16-0\东锅\国产</t>
  </si>
  <si>
    <t>【东方锅炉】管屏\49N1131-17-0\东锅\国产</t>
  </si>
  <si>
    <t>【东方锅炉】管屏\56N1131-5-0\东锅\国产</t>
  </si>
  <si>
    <t>【东方锅炉】管屏\30N1131-19-0\东锅\国产</t>
  </si>
  <si>
    <t>【东方锅炉】管屏\49N1131-19-0\东锅\国产</t>
  </si>
  <si>
    <t>【东方锅炉】管屏\30N1131-21-0\东锅\国产</t>
  </si>
  <si>
    <t>【东方锅炉】管屏\49N1131-20-0\东锅\国产</t>
  </si>
  <si>
    <t>【东方锅炉】管屏\30N1131-23-0\东锅\国产</t>
  </si>
  <si>
    <t>【东方锅炉】管屏\30N1131-24-0\东锅\国产</t>
  </si>
  <si>
    <t>【东方锅炉】管屏\30N1131-25-0\东锅\国产</t>
  </si>
  <si>
    <t>【东方锅炉】管屏\30N1131-26-0\东锅\国产</t>
  </si>
  <si>
    <t>【东方锅炉】管屏\56N1131-6-0\东锅\国产</t>
  </si>
  <si>
    <t>【东方锅炉】管屏\30N1131-28-0\东锅\国产</t>
  </si>
  <si>
    <t>【东方锅炉】管屏\49N1133-1-0\东锅\国产</t>
  </si>
  <si>
    <t>【东方锅炉】管屏\56N1133-1-0\东锅\国产</t>
  </si>
  <si>
    <t>【东方锅炉】管屏\49N1133-4-0\东锅\国产</t>
  </si>
  <si>
    <t>【东方锅炉】管屏\49N1133-7-0\东锅\国产</t>
  </si>
  <si>
    <t>【东方锅炉】管屏\30N1133-11-0\东锅\国产</t>
  </si>
  <si>
    <t>【东方锅炉】管屏\56N1133-4-0\东锅\国产</t>
  </si>
  <si>
    <t>【东方锅炉】管屏\56N1133-5-0\东锅\国产</t>
  </si>
  <si>
    <t>【东方锅炉】管屏\30N1134-14-0\东锅\国产</t>
  </si>
  <si>
    <t>【东方锅炉】管屏\56N1134-1-0\东锅\国产</t>
  </si>
  <si>
    <t>【东方锅炉】管屏\56N1134-6-0\东锅\国产</t>
  </si>
  <si>
    <t>【东方锅炉】管屏\30N1134-13-0\东锅\国产</t>
  </si>
  <si>
    <t>【东方锅炉】管屏\53N112-1-0\东锅\国产</t>
  </si>
  <si>
    <t>【东方锅炉】管屏\53N112-2-0\东锅\国产</t>
  </si>
  <si>
    <t>【东方锅炉】管屏\53N112-3-0\东锅\国产</t>
  </si>
  <si>
    <t>【东方锅炉】管屏\53N112-4-0\东锅\国产</t>
  </si>
  <si>
    <t>【东方锅炉】管屏\53N112-5-0\东锅\国产</t>
  </si>
  <si>
    <t>【东方锅炉】内螺纹弯管\44N112-14-2-46\东锅\国产</t>
  </si>
  <si>
    <t>【东方锅炉】内螺纹弯管\44N112-14-2-47\东锅\国产</t>
  </si>
  <si>
    <t>【东方锅炉】内螺纹弯管\13N112-19-2-1\东锅\国产</t>
  </si>
  <si>
    <t>【东方锅炉】内螺纹弯管\13N112-19-2-2\东锅\国产</t>
  </si>
  <si>
    <t>【东方锅炉】内螺纹弯管\13N112-19-2-3\东锅\国产</t>
  </si>
  <si>
    <t>【东方锅炉】内螺纹弯管\13N112-19-2-4\东锅\国产</t>
  </si>
  <si>
    <t>【东方锅炉】内螺纹弯管\13N112-19-2-5\东锅\国产</t>
  </si>
  <si>
    <t>【东方锅炉】内螺纹弯管\13N112-19-2-6\东锅\国产</t>
  </si>
  <si>
    <t>【东方锅炉】内螺纹弯管\13N112-19-2-7\东锅\国产</t>
  </si>
  <si>
    <t>【东方锅炉】内螺纹弯管\13N112-19-2-8\东锅\国产</t>
  </si>
  <si>
    <t>【东方锅炉】内螺纹弯管\44N112-15-2-1\东锅\国产</t>
  </si>
  <si>
    <t>【东方锅炉】内螺纹弯管\44N112-15-2-2\东锅\国产</t>
  </si>
  <si>
    <t>【东方锅炉】内螺纹弯管\44N112-15-2-3\东锅\国产</t>
  </si>
  <si>
    <t>【东方锅炉】内螺纹弯管\44N112-15-2-4\东锅\国产</t>
  </si>
  <si>
    <t>【东方锅炉】内螺纹弯管\44N112-15-2-5\东锅\国产</t>
  </si>
  <si>
    <t>【东方锅炉】内螺纹弯管\44N112-15-2-6\东锅\国产</t>
  </si>
  <si>
    <t>【东方锅炉】内螺纹弯管\44N112-15-2-7\东锅\国产</t>
  </si>
  <si>
    <t>【东方锅炉】内螺纹弯管\44N112-16-2-1\东锅\国产</t>
  </si>
  <si>
    <t>【东方锅炉】内螺纹弯管\44N112-16-2-2\东锅\国产</t>
  </si>
  <si>
    <t>【东方锅炉】内螺纹弯管\13N112-20-8-1\东锅\国产</t>
  </si>
  <si>
    <t>【东方锅炉】内螺纹弯管\13N112-20-8-2\东锅\国产</t>
  </si>
  <si>
    <t>【东方锅炉】内螺纹弯管\13N112-20-8-3\东锅\国产</t>
  </si>
  <si>
    <t>【东方锅炉】内螺纹弯管\13N112-20-8-4\东锅\国产</t>
  </si>
  <si>
    <t>【东方锅炉】内螺纹弯管\13N112-20-8-5\东锅\国产</t>
  </si>
  <si>
    <t>【东方锅炉】内螺纹弯管\13N112-20-8-6\东锅\国产</t>
  </si>
  <si>
    <t>【东方锅炉】内螺纹弯管\13N112-20-8-7\东锅\国产</t>
  </si>
  <si>
    <t>【东方锅炉】内螺纹弯管\13N112-20-8-8\东锅\国产</t>
  </si>
  <si>
    <t>【东方锅炉】内螺纹弯管\13N112-20-8-9\东锅\国产</t>
  </si>
  <si>
    <t>【东方锅炉】内螺纹弯管\13N112-20-8-10\东锅\国产</t>
  </si>
  <si>
    <t>【东方锅炉】内螺纹弯管\13N112-20-8-11\东锅\国产</t>
  </si>
  <si>
    <t>【东方锅炉】内螺纹弯管\13N112-20-8-12\东锅\国产</t>
  </si>
  <si>
    <t>【东方锅炉】内螺纹弯管\44N112-17-2-1\东锅\国产</t>
  </si>
  <si>
    <t>【东方锅炉】内螺纹弯管\44N112-17-2-2\东锅\国产</t>
  </si>
  <si>
    <t>【东方锅炉】内螺纹弯管\44N112-17-2-3\东锅\国产</t>
  </si>
  <si>
    <t>【东方锅炉】内螺纹弯管\44N112-17-2-4\东锅\国产</t>
  </si>
  <si>
    <t>【东方锅炉】内螺纹弯管\44N112-17-2-5\东锅\国产</t>
  </si>
  <si>
    <t>【东方锅炉】内螺纹弯管\44N112-17-2-6\东锅\国产</t>
  </si>
  <si>
    <t>【东方锅炉】内螺纹弯管\44N112-17-2-7\东锅\国产</t>
  </si>
  <si>
    <t>【东方锅炉】内螺纹弯管\44N112-17-2-8\东锅\国产</t>
  </si>
  <si>
    <t>【东方锅炉】内螺纹弯管\13N112-21-7\东锅\国产</t>
  </si>
  <si>
    <t>【东方锅炉】内螺纹弯管\13N112-21-10\东锅\国产</t>
  </si>
  <si>
    <t>【东方锅炉】内螺纹弯管\13N112-21-11\东锅\国产</t>
  </si>
  <si>
    <t>【东方锅炉】内螺纹弯管\13N112-21-12\东锅\国产</t>
  </si>
  <si>
    <t>【东方锅炉】内螺纹弯管\13N112-21-13\东锅\国产</t>
  </si>
  <si>
    <t>【东方锅炉】内螺纹弯管\13N112-21-14\东锅\国产</t>
  </si>
  <si>
    <t>【东方锅炉】内螺纹弯管\44N112-17-4-1\东锅\国产</t>
  </si>
  <si>
    <t>【东方锅炉】内螺纹弯管\44N112-17-4-2\东锅\国产</t>
  </si>
  <si>
    <t>【东方锅炉】内螺纹弯管\44N112-17-4-3\东锅\国产</t>
  </si>
  <si>
    <t>【东方锅炉】内螺纹弯管\44N112-17-4-4\东锅\国产</t>
  </si>
  <si>
    <t>【东方锅炉】内螺纹弯管\44N112-17-5\东锅\国产</t>
  </si>
  <si>
    <t>【东方锅炉】内螺纹弯管\13N112-21-23\东锅\国产</t>
  </si>
  <si>
    <t>【东方锅炉】内螺纹弯管\13N112-21-24\东锅\国产</t>
  </si>
  <si>
    <t>【东方锅炉】内螺纹弯管\44N112-10-1-1\东锅\国产</t>
  </si>
  <si>
    <t>【东方锅炉】内螺纹弯管\44N112-10-1-2\东锅\国产</t>
  </si>
  <si>
    <t>【东方锅炉】内螺纹弯管\44N112-10-1-3\东锅\国产</t>
  </si>
  <si>
    <t>【东方锅炉】内螺纹弯管\44N112-10-1-4\东锅\国产</t>
  </si>
  <si>
    <t>【东方锅炉】内螺纹弯管\44N112-10-1-5\东锅\国产</t>
  </si>
  <si>
    <t>【东方锅炉】内螺纹弯管\44N112-10-1-6\东锅\国产</t>
  </si>
  <si>
    <t>【东方锅炉】内螺纹弯管\44N112-10-1-7\东锅\国产</t>
  </si>
  <si>
    <t>【东方锅炉】内螺纹弯管\44N112-10-1-8\东锅\国产</t>
  </si>
  <si>
    <t>【东方锅炉】内螺纹弯管\44N112-10-1-9\东锅\国产</t>
  </si>
  <si>
    <t>【东方锅炉】内螺纹弯管\44N112-10-1-10\东锅\国产</t>
  </si>
  <si>
    <t>【东方锅炉】内螺纹弯管\44N112-10-1-11\东锅\国产</t>
  </si>
  <si>
    <t>【东方锅炉】管屏\53N112-6-0\东锅\国产</t>
  </si>
  <si>
    <t>【东方锅炉】管屏\53N112-7-0\东锅\国产</t>
  </si>
  <si>
    <t>【东方锅炉】管屏\53N112-8-0\东锅\国产</t>
  </si>
  <si>
    <t>【东方锅炉】管屏\53N112-9-0\东锅\国产</t>
  </si>
  <si>
    <t>【东方锅炉】管屏\53N112-10-0\东锅\国产</t>
  </si>
  <si>
    <t>【东方锅炉】管屏\53N112-11-0\东锅\国产</t>
  </si>
  <si>
    <t>【东方锅炉】管屏\53N112-12-0\东锅\国产</t>
  </si>
  <si>
    <t>【东方锅炉】管屏\53N112-13-0\东锅\国产</t>
  </si>
  <si>
    <t>【东方锅炉】管屏\53N112-14-0\东锅\国产</t>
  </si>
  <si>
    <t>【东方锅炉】管屏\53N112-15-0\东锅\国产</t>
  </si>
  <si>
    <t>【东方锅炉】管屏\53N112-16-0\东锅\国产</t>
  </si>
  <si>
    <t>【东方锅炉】管屏\53N112-17-0\东锅\国产</t>
  </si>
  <si>
    <t>【东方锅炉】管屏\53N112-18-0\东锅\国产</t>
  </si>
  <si>
    <t>【东方锅炉】管屏\53N112-19-0\东锅\国产</t>
  </si>
  <si>
    <t>【东方锅炉】管屏\53N112-20-0\东锅\国产</t>
  </si>
  <si>
    <t>【东方锅炉】管屏\53N112-21-0\东锅\国产</t>
  </si>
  <si>
    <t>【东方锅炉】管屏\53N112-22-0\东锅\国产</t>
  </si>
  <si>
    <t>【东方锅炉】管屏\53N112-23-0\东锅\国产</t>
  </si>
  <si>
    <t>【东方锅炉】管屏\53N112-24-0\东锅\国产</t>
  </si>
  <si>
    <t>【东方锅炉】管屏\56N1131-0-1\东锅\国产</t>
  </si>
  <si>
    <t>【东方锅炉】管屏\56N1133-0-1\东锅\国产</t>
  </si>
  <si>
    <t>【东方锅炉】管屏\56N1133-0-2\东锅\国产</t>
  </si>
  <si>
    <t>【东方锅炉】管屏\56N112-0-1\东锅\国产</t>
  </si>
  <si>
    <t>【东方锅炉】管屏\56N112-0-2\东锅\国产</t>
  </si>
  <si>
    <t>【东方锅炉】管屏\56N112-0-3\东锅\国产</t>
  </si>
  <si>
    <t>【东方锅炉】管屏\56N112-0-4\东锅\国产</t>
  </si>
  <si>
    <t>【东方锅炉】管屏\TGN11541\东锅\国产</t>
  </si>
  <si>
    <t>【东方锅炉】管屏\TGN11542\东锅\国产</t>
  </si>
  <si>
    <t>【东方锅炉】管屏\TGN11543\东锅\国产</t>
  </si>
  <si>
    <t>【东方锅炉】管屏\TGN11501\东锅\国产</t>
  </si>
  <si>
    <t>【东方锅炉】管屏\TGN11504\东锅\国产</t>
  </si>
  <si>
    <t>【东方锅炉】观察孔\53N112-18-5\东锅\国产</t>
  </si>
  <si>
    <t>【东方锅炉】人孔\53N112-23-1\东锅\国产</t>
  </si>
  <si>
    <t>【东方锅炉】管屏\1519226P-1-0\东锅\国产</t>
  </si>
  <si>
    <t>【东方锅炉】管屏\LCGZGP-0\东锅\国产</t>
  </si>
  <si>
    <t>【东方锅炉】管屏\SGDZGP-0\东锅\国产</t>
  </si>
  <si>
    <t>【东方锅炉】管子\GZ-170 φ34×8 15CrMoG\东锅\国产</t>
  </si>
  <si>
    <t>【东方锅炉】管子\GZ-171 φ38.1×9 15CrMoG\东锅\国产</t>
  </si>
  <si>
    <t>【东方锅炉】管子\GZ-172 φ44.5×7.5 SA-213T91\东锅\国产</t>
  </si>
  <si>
    <t>【东方锅炉】管子\GZ-173 φ44.5×8.5 TP347HFG\东锅\国产</t>
  </si>
  <si>
    <t>【东方锅炉】管子\GZ-174 φ45×10.5 SA-213T91\东锅\国产</t>
  </si>
  <si>
    <t>【东方锅炉】管子\GZ-175 φ45×10.5 SA-213TP347H\东锅\国产</t>
  </si>
  <si>
    <t>【东方锅炉】管子\GZ-176 φ45×6.5 12Cr1MoVG\东锅\国产</t>
  </si>
  <si>
    <t>【东方锅炉】管子\GZ-177 φ45×6.5 15CrMoG\东锅\国产</t>
  </si>
  <si>
    <t>【东方锅炉】管子\GZ-178 φ45×8.5 SA-213T91\东锅\国产</t>
  </si>
  <si>
    <t>【东方锅炉】管子\GZ-179 φ45×8.5 SA-213TP347HFG\东锅\国产</t>
  </si>
  <si>
    <t>【东方锅炉】管子\GZ-180 φ50.8×10 SA-213TP347HFG\东锅\国产</t>
  </si>
  <si>
    <t>【东方锅炉】管子\GZ-181 φ50.8×11.5\东锅\国产</t>
  </si>
  <si>
    <t>【东方锅炉】管子\GZ-182 φ50.8×11.5 TP347HFG\东锅\国产</t>
  </si>
  <si>
    <t>【东方锅炉】管子\GZ-183 φ50.8×4 12Cr1MoVG\东锅\国产</t>
  </si>
  <si>
    <t>【东方锅炉】管子\GZ-184 φ50.8×4 15CrMoG\东锅\国产</t>
  </si>
  <si>
    <t>【东方锅炉】管子\GZ-185 φ50.8×4 SA-213TP347HFG\东锅\国产</t>
  </si>
  <si>
    <t>【东方锅炉】内螺纹弯管\44N112-10-1-12\东锅\国产</t>
  </si>
  <si>
    <t>【东方锅炉】内螺纹弯管\44N112-10-1-13\东锅\国产</t>
  </si>
  <si>
    <t>【东方锅炉】内螺纹弯管\44N112-10-1-14\东锅\国产</t>
  </si>
  <si>
    <t>【东方锅炉】内螺纹弯管\44N112-10-1-15\东锅\国产</t>
  </si>
  <si>
    <t>【东方锅炉】内螺纹弯管\44N112-10-1-16\东锅\国产</t>
  </si>
  <si>
    <t>【东方锅炉】内螺纹弯管\44N112-10-1-17\东锅\国产</t>
  </si>
  <si>
    <t>【东方锅炉】内螺纹弯管\44N112-10-1-18\东锅\国产</t>
  </si>
  <si>
    <t>【东方锅炉】内螺纹弯管\44N112-10-1-19\东锅\国产</t>
  </si>
  <si>
    <t>【东方锅炉】内螺纹弯管\44N112-10-1-20\东锅\国产</t>
  </si>
  <si>
    <t>【东方锅炉】内螺纹弯管\44N112-10-1-21\东锅\国产</t>
  </si>
  <si>
    <t>【东方锅炉】内螺纹弯管\44N112-10-1-22\东锅\国产</t>
  </si>
  <si>
    <t>【东方锅炉】内螺纹弯管\44N112-10-1-23\东锅\国产</t>
  </si>
  <si>
    <t>【东方锅炉】内螺纹弯管\44N112-10-1-24\东锅\国产</t>
  </si>
  <si>
    <t>【东方锅炉】内螺纹弯管\44N112-10-1-25\东锅\国产</t>
  </si>
  <si>
    <t>【东方锅炉】内螺纹弯管\44N112-10-1-26\东锅\国产</t>
  </si>
  <si>
    <t>【东方锅炉】内螺纹弯管\44N112-10-1-27\东锅\国产</t>
  </si>
  <si>
    <t>【东方锅炉】内螺纹弯管\44N112-10-1-28\东锅\国产</t>
  </si>
  <si>
    <t>【东方锅炉】内螺纹弯管\44N112-10-1-29\东锅\国产</t>
  </si>
  <si>
    <t>【东方锅炉】内螺纹弯管\44N112-10-1-30\东锅\国产</t>
  </si>
  <si>
    <t>【东方锅炉】内螺纹弯管\44N112-10-1-31\东锅\国产</t>
  </si>
  <si>
    <t>【东方锅炉】内螺纹弯管\44N112-10-1-32\东锅\国产</t>
  </si>
  <si>
    <t>【东方锅炉】内螺纹弯管\44N112-10-1-33\东锅\国产</t>
  </si>
  <si>
    <t>【东方锅炉】内螺纹弯管\44N112-10-1-34\东锅\国产</t>
  </si>
  <si>
    <t>【东方锅炉】内螺纹弯管\44N112-10-1-35\东锅\国产</t>
  </si>
  <si>
    <t>【东方锅炉】内螺纹弯管\44N112-10-1-36\东锅\国产</t>
  </si>
  <si>
    <t>【东方锅炉】内螺纹弯管\44N112-15-1-1\东锅\国产</t>
  </si>
  <si>
    <t>【东方锅炉】内螺纹弯管\44N112-15-1-2\东锅\国产</t>
  </si>
  <si>
    <t>【东方锅炉】内螺纹弯管\44N112-15-1-3\东锅\国产</t>
  </si>
  <si>
    <t>【东方锅炉】内螺纹弯管\44N112-15-1-4\东锅\国产</t>
  </si>
  <si>
    <t>【东方锅炉】内螺纹弯管\44N112-15-1-5\东锅\国产</t>
  </si>
  <si>
    <t>【东方锅炉】内螺纹弯管\44N112-15-1-6\东锅\国产</t>
  </si>
  <si>
    <t>【东方锅炉】内螺纹弯管\44N112-15-1-7\东锅\国产</t>
  </si>
  <si>
    <t>【东方锅炉】内螺纹弯管\44N112-15-1-8\东锅\国产</t>
  </si>
  <si>
    <t>【东方锅炉】内螺纹弯管\44N112-15-1-9\东锅\国产</t>
  </si>
  <si>
    <t>【东方锅炉】内螺纹弯管\44N112-15-1-10\东锅\国产</t>
  </si>
  <si>
    <t>【东方锅炉】内螺纹弯管\44N112-15-1-11\东锅\国产</t>
  </si>
  <si>
    <t>【东方锅炉】内螺纹弯管\44N112-15-1-12\东锅\国产</t>
  </si>
  <si>
    <t>【东方锅炉】内螺纹弯管\44N112-15-1-13\东锅\国产</t>
  </si>
  <si>
    <t>【东方锅炉】内螺纹弯管\44N112-15-1-14\东锅\国产</t>
  </si>
  <si>
    <t>【东方锅炉】内螺纹弯管\44N112-15-1-15\东锅\国产</t>
  </si>
  <si>
    <t>【东方锅炉】内螺纹弯管\44N112-15-1-38\东锅\国产</t>
  </si>
  <si>
    <t>【东方锅炉】内螺纹弯管\44N112-15-1-39\东锅\国产</t>
  </si>
  <si>
    <t>【东方锅炉】内螺纹弯管\44N112-15-1-40\东锅\国产</t>
  </si>
  <si>
    <t>【东方锅炉】内螺纹弯管\44N112-15-1-41\东锅\国产</t>
  </si>
  <si>
    <t>【东方锅炉】内螺纹弯管\44N112-15-1-42\东锅\国产</t>
  </si>
  <si>
    <t>【东方锅炉】内螺纹弯管\44N112-15-1-43\东锅\国产</t>
  </si>
  <si>
    <t>【东方锅炉】内螺纹弯管\44N112-15-1-44\东锅\国产</t>
  </si>
  <si>
    <t>【东方锅炉】内螺纹弯管\44N112-15-1-45\东锅\国产</t>
  </si>
  <si>
    <t>【东方锅炉】内螺纹弯管\44N112-15-1-46\东锅\国产</t>
  </si>
  <si>
    <t>【东方锅炉】内螺纹弯管\44N112-15-1-47\东锅\国产</t>
  </si>
  <si>
    <t>【东方锅炉】内螺纹弯管\44N112-15-1-48\东锅\国产</t>
  </si>
  <si>
    <t>【东方锅炉】内螺纹弯管\44N112-15-1-49\东锅\国产</t>
  </si>
  <si>
    <t>【东方锅炉】内螺纹弯管\44N112-15-1-50\东锅\国产</t>
  </si>
  <si>
    <t>【东方锅炉】内螺纹弯管\44N112-15-1-51\东锅\国产</t>
  </si>
  <si>
    <t>【东方锅炉】内螺纹弯管\44N112-15-1-52\东锅\国产</t>
  </si>
  <si>
    <t>【东方锅炉】内螺纹弯管\44N112-15-1-53\东锅\国产</t>
  </si>
  <si>
    <t>【东方锅炉】内螺纹弯管\44N112-15-1-54\东锅\国产</t>
  </si>
  <si>
    <t>【东方锅炉】内螺纹弯管\44N112-15-1-55\东锅\国产</t>
  </si>
  <si>
    <t>【东方锅炉】内螺纹弯管\44N112-15-1-56\东锅\国产</t>
  </si>
  <si>
    <t>【东方锅炉】内螺纹弯管\44N112-15-1-57\东锅\国产</t>
  </si>
  <si>
    <t>【东方锅炉】内螺纹弯管\44N112-15-1-36\东锅\国产</t>
  </si>
  <si>
    <t>【东方锅炉】内螺纹弯管\44N112-15-1-37\东锅\国产</t>
  </si>
  <si>
    <t>【东方锅炉】管子\26N223-1-1 φ50.8×4 T91\东锅\国产</t>
  </si>
  <si>
    <t>【东方锅炉】管子\26N223-1-1 φ50.8×4 TP347H\东锅\国产</t>
  </si>
  <si>
    <t>【东方锅炉】管子\26N223-1-2 φ50.8×4 T91\东锅\国产</t>
  </si>
  <si>
    <t>【东方锅炉】管子\26N223-1-2 φ50.8×4 TP347H\东锅\国产</t>
  </si>
  <si>
    <t>【东方锅炉】管子\26N223-1-3 φ50.8×4 T91\东锅\国产</t>
  </si>
  <si>
    <t>【东方锅炉】管子\26N223-1-3 φ50.8×4 TP347H\东锅\国产</t>
  </si>
  <si>
    <t>【东方锅炉】管子\26N223-1-4 φ50.8×4 T91\东锅\国产</t>
  </si>
  <si>
    <t>【东方锅炉】管子\26N223-1-4 φ50.8×4 TP347H\东锅\国产</t>
  </si>
  <si>
    <t>【东方锅炉】管子\26N223-1-4 φ50.8×4 T23\东锅\国产</t>
  </si>
  <si>
    <t>【东方锅炉】管子\26N223-1-5 φ50.8×4 T91\东锅\国产</t>
  </si>
  <si>
    <t>【东方锅炉】管子\26N223-1-5 φ50.8×4 TP347H\东锅\国产</t>
  </si>
  <si>
    <t>【东方锅炉】管子\26N223-1-5 φ50.8×4 T23\东锅\国产</t>
  </si>
  <si>
    <t>【东方锅炉】管子\26N223-1-6 φ50.8×4 T91\东锅\国产</t>
  </si>
  <si>
    <t>【东方锅炉】管子\26N223-1-6 φ50.8×4 TP347H\东锅\国产</t>
  </si>
  <si>
    <t>【东方锅炉】管子\26N223-1-6 φ50.8×4 T23\东锅\国产</t>
  </si>
  <si>
    <t>【东方锅炉】管子\26N223-1-7 φ50.8×4 T91\东锅\国产</t>
  </si>
  <si>
    <t>【东方锅炉】管子\26N223-1-7 φ50.8×4 TP347H\东锅\国产</t>
  </si>
  <si>
    <t>【东方锅炉】管子\26N223-1-7 φ50.8×4 T23\东锅\国产</t>
  </si>
  <si>
    <t>【东方锅炉】管子\26N223-1-8 φ50.8×4 T91\东锅\国产</t>
  </si>
  <si>
    <t>【东方锅炉】管子\26N223-1-8 φ50.8×4 TP347H\东锅\国产</t>
  </si>
  <si>
    <t>【东方锅炉】管子\26N223-1-9 φ50.8×4 T91\东锅\国产</t>
  </si>
  <si>
    <t>【东方锅炉】管子\26N223-1-9 φ50.8×4 TP347H\东锅\国产</t>
  </si>
  <si>
    <t>【东方锅炉】管子\26N223-1-10 φ50.8×4 T91\东锅\国产</t>
  </si>
  <si>
    <t>【东方锅炉】管子\26N223-1-10 φ50.8×4 TP347H\东锅\国产</t>
  </si>
  <si>
    <t>【东方锅炉】钢板\13N223-1-14\东锅\国产</t>
  </si>
  <si>
    <t>【东方锅炉】半圆板\13N223-1-16\东锅\国产</t>
  </si>
  <si>
    <t>【东方锅炉】梳形板\13N223-1-17\东锅\国产</t>
  </si>
  <si>
    <t>【东方锅炉】瓦形板\13N223-1-18\东锅\国产</t>
  </si>
  <si>
    <t>【东方锅炉】弯管\26N223-2-1 φ50.8×4 T91\东锅\国产</t>
  </si>
  <si>
    <t>【东方锅炉】弯管\26N223-2-1 φ50.8×4 TP347H\东锅\国产</t>
  </si>
  <si>
    <t>【东方锅炉】弯管\26N223-2-2\东锅\国产</t>
  </si>
  <si>
    <t>【东方锅炉】弯管\26N223-2-3 φ50.8×4 T91\东锅\国产</t>
  </si>
  <si>
    <t>【东方锅炉】弯管\26N223-2-3 φ50.8×4 TP347H\东锅\国产</t>
  </si>
  <si>
    <t>【东方锅炉】弯管\26N223-2-4\东锅\国产</t>
  </si>
  <si>
    <t>【东方锅炉】弯管\26N223-2-5 φ50.8×4 T91\东锅\国产</t>
  </si>
  <si>
    <t>【东方锅炉】弯管\26N223-2-5 φ50.8×4 TP347H\东锅\国产</t>
  </si>
  <si>
    <t>【东方锅炉】弯管\26N223-2-6\东锅\国产</t>
  </si>
  <si>
    <t>【东方锅炉】管箱\59K411-1-0\东锅\国产</t>
  </si>
  <si>
    <t>【东方锅炉】管箱\59K411-2-0\东锅\国产</t>
  </si>
  <si>
    <t>【东方锅炉】管箱\59K411-3-0\东锅\国产</t>
  </si>
  <si>
    <t>【东方锅炉】管箱\59K412-1-0\东锅\国产</t>
  </si>
  <si>
    <t>【东方锅炉】管箱\59K412-2-0\东锅\国产</t>
  </si>
  <si>
    <t>【东方锅炉】管箱\59K412-3-0\东锅\国产</t>
  </si>
  <si>
    <t>【东方锅炉】管箱\59K412-4-0\东锅\国产</t>
  </si>
  <si>
    <t>【东方锅炉】管子\GZ-186 φ50.8×7 SA-213T91\东锅\国产</t>
  </si>
  <si>
    <t>【东方锅炉】管子\GZ-187 φ50.8×7 SA-213TP347HFG\东锅\国产</t>
  </si>
  <si>
    <t>【东方锅炉】管子\GZ-188 φ50.8×7 SA-213TP347HFG\东锅\国产</t>
  </si>
  <si>
    <t>【东方锅炉】管子\GZ-189 φ50.8×9\东锅\国产</t>
  </si>
  <si>
    <t>【东方锅炉】管子\GZ-190 φ50.8×9 SA-213TP347HFG\东锅\国产</t>
  </si>
  <si>
    <t>【东方锅炉】管子\GZ-191 φ54×8.5 15CrMoG\东锅\国产</t>
  </si>
  <si>
    <t>【东方锅炉】管子\GZ-192 φ57×13.5 12Cr1MoVG\东锅\国产</t>
  </si>
  <si>
    <t>【东方锅炉】管子\GZ-193 φ57×13.5 15CrMoG\东锅\国产</t>
  </si>
  <si>
    <t>【东方锅炉】管箱\59K412-5-0\东锅\国产</t>
  </si>
  <si>
    <t>【东方锅炉】管箱\59K412-6-0\东锅\国产</t>
  </si>
  <si>
    <t>【东方锅炉】蛇形管束\52K211-1-0\东锅\国产</t>
  </si>
  <si>
    <t>【东方锅炉】汽水取样装置\1520307P-0\东锅\国产</t>
  </si>
  <si>
    <t>【东方锅炉】燃尽风装置\MJRJF-0\东锅\国产</t>
  </si>
  <si>
    <t>【东方锅炉】吹灰气源\CHQYGZ-0\东锅\国产</t>
  </si>
  <si>
    <t>【东方锅炉】钟罩\125M114G-1\东锅\国产</t>
  </si>
  <si>
    <t>【东方锅炉】风帽\125M822G-1-0\东锅\国产</t>
  </si>
  <si>
    <t>【东方锅炉】风帽\125M822G-2-0\东锅\国产</t>
  </si>
  <si>
    <t>【东方锅炉】一次风弯头\2S6101-2-1 FC200\东锅\国产</t>
  </si>
  <si>
    <t>【东方锅炉】弯管\2S6101-2-22\东锅\国产</t>
  </si>
  <si>
    <t>【东方锅炉】中心套筒\2S6101-2-9\东锅\国产</t>
  </si>
  <si>
    <t>【东方锅炉】燃烧器中心风喷嘴\2S6101-2-10 06Cr25Ni20\东锅\国产</t>
  </si>
  <si>
    <t>【东方锅炉】一次风管外套筒法兰\2S6101-2-14 Q235AF\东锅\国产</t>
  </si>
  <si>
    <t>【东方锅炉】一次风管外套筒\2S6101-2-16 06Cr23Ni13\东锅\国产</t>
  </si>
  <si>
    <t>【东方锅炉】支撑块\2S6101-2-8 06Cr23Ni13\东锅\国产</t>
  </si>
  <si>
    <t>【东方锅炉】方圆节\1S666-4-5-6 Q235-A\东锅\国产</t>
  </si>
  <si>
    <t>【东方锅炉】煤粉浓缩器2\2S6101-2-5 SCH22\东锅\国产</t>
  </si>
  <si>
    <t>【东方锅炉】一次风弯头盖板\2S6101-2-17 Q235A.F\东锅\国产</t>
  </si>
  <si>
    <t>【东方锅炉】一次风弯头\2S671-10\东锅\国产</t>
  </si>
  <si>
    <t>【东方锅炉】中心棒保护套筒\2S6101-2-6\东锅\国产</t>
  </si>
  <si>
    <t>【东方锅炉】导流筒\2S6101-8-0-1 06Cr25Ni20\东锅\国产</t>
  </si>
  <si>
    <t>【东方锅炉】文丘里管\2S6101-2-3 IC-3B\东锅\国产</t>
  </si>
  <si>
    <t>【东方锅炉】折焰角吊篮孔让位管\22S1112-1-4\东锅\国产</t>
  </si>
  <si>
    <t>【东方锅炉】折焰角吊篮孔密封盒组件\2S1112-5\东锅\国产</t>
  </si>
  <si>
    <t>【东方锅炉】炉膛吊篮孔密封盒组件\23S2131-13-0\东锅\国产</t>
  </si>
  <si>
    <t>【东方锅炉】吹灰减压站管件\22S7121-3-0 φ168×9 20G\东锅\国产</t>
  </si>
  <si>
    <t>【东方锅炉】低再防磨盖板\22S255-1-5 δ=5\东锅</t>
  </si>
  <si>
    <t>【东方锅炉】低再防磨盖板\22S255-5-0 δ=5\东锅</t>
  </si>
  <si>
    <t>【东方锅炉】低再四级管屏滑动副\TGS22006\东锅</t>
  </si>
  <si>
    <t>【东方锅炉】出口分配集箱端盖\DG3322-2008 φ130×25 SA-182F91\东锅</t>
  </si>
  <si>
    <t>【东方锅炉】防磨瓦\152M2541-1 δ=4mm 16Cr20Ni14Si2\东锅\国产</t>
  </si>
  <si>
    <t>【东方锅炉】过渡管\51K213-1-2 42×5/60×6.5 20G\东锅\国产</t>
  </si>
  <si>
    <t>【东方锅炉】高压加热器\JG-1150-2\东锅\国产</t>
  </si>
  <si>
    <t>【东方锅炉】管子\GZ-194 φ57×9.5 15CrMoG\东锅\国产</t>
  </si>
  <si>
    <t>【东方锅炉】管子\GZ-195 φ63.5×10.5 15CrMoG\东锅\国产</t>
  </si>
  <si>
    <t>【东方锅炉】管子\GZ-196 φ70×22 15CrMoG\东锅\国产</t>
  </si>
  <si>
    <t>【东方锅炉】管子\GZ-197 φ76×16 15CrMoG\东锅\国产</t>
  </si>
  <si>
    <t>【东方锅炉】管子\GZ-198 φ38×6 12Cr1MoVG\东锅\国产</t>
  </si>
  <si>
    <t>【东方锅炉】管子\GZ-199 φ51×4.5 12Cr1MoVG\东锅\国产</t>
  </si>
  <si>
    <t>【东方锅炉】管子\GZ-200 φ51×5 12Cr1MoVG\东锅\国产</t>
  </si>
  <si>
    <t>【东方锅炉】管子\GZ-201 φ63.5×6 12Cr1MoVG\东锅\国产</t>
  </si>
  <si>
    <t>【东方锅炉】管子\GZ-202 φ44.5×4.5 15CrMoG\东锅\国产</t>
  </si>
  <si>
    <t>【东方锅炉】管子\GZ-203 φ51×5.5 SA-210C\东锅\国产</t>
  </si>
  <si>
    <t>【东方锅炉】管子\GZ-204 φ51×8 SA-210C\东锅\国产</t>
  </si>
  <si>
    <t>【东方锅炉】管子\GZ-205 φ66.7×7 SA-210C\东锅\国产</t>
  </si>
  <si>
    <t>【东方锅炉】管子\GZ-206 φ38×5.6 SA-213T22\东锅\国产</t>
  </si>
  <si>
    <t>【东方锅炉】管子\GZ-207 φ51×5 SA-213T22\东锅\国产</t>
  </si>
  <si>
    <t>【东方锅炉】管子\GZ-208 φ38×6 SA-213T91\东锅\国产</t>
  </si>
  <si>
    <t>【东方锅炉】管子\GZ-209 φ38×7.1 SA-213T91\东锅\国产</t>
  </si>
  <si>
    <t>【东方锅炉】管子\GZ-210 φ51×4.5 SA-213T91\东锅\国产</t>
  </si>
  <si>
    <t>【英格索兰】8000小时保养包\47556185001\空压机\R110N\国产</t>
  </si>
  <si>
    <t>【英格索兰】密封件保养包\47555464001\空压机\R160\国产</t>
  </si>
  <si>
    <t>【英格索兰】8000小时保养包\47555212001\空压机\R160\国产</t>
  </si>
  <si>
    <t>【东方锅炉】管子\GZ-211 φ63.5×4 SA-213T91\东锅\国产</t>
  </si>
  <si>
    <t>【东方锅炉】管子\GZ-212 φ50.8×7.1 SA-210C\东锅\国产</t>
  </si>
  <si>
    <t>【东方锅炉】内螺纹管\GZ-213 φ66.7×8 SA-210C\东锅\国产</t>
  </si>
  <si>
    <t>【东方锅炉】管子\GZ-214 50.8×7 SA-210C\东锅\国产</t>
  </si>
  <si>
    <t>【东方锅炉】管子\GZ-215 54×8 SA-210C\东锅\国产</t>
  </si>
  <si>
    <t>【东方锅炉】管子\GZ-216 63.5×8.5 SA-210C\东锅\国产</t>
  </si>
  <si>
    <t>【东方锅炉】管子\GZ-217 38.1×7 15CrMoG\东锅\国产</t>
  </si>
  <si>
    <t>【东方锅炉】管子\GZ-218 38.1×7 SA-213T2\东锅\国产</t>
  </si>
  <si>
    <t>【东方锅炉】管子\GZ-219 38.8×8 12Cr1MoVG\东锅\国产</t>
  </si>
  <si>
    <t>【东方锅炉】管子\GZ-220 76.2×20 12Cr1MoVG\东锅\国产</t>
  </si>
  <si>
    <t>【东方锅炉】管子\GZ-221 76.2×16 15CrMoG\东锅\国产</t>
  </si>
  <si>
    <t>【东方锅炉】管子\GZ-222 62.5×10 15CrMoG\东锅\国产</t>
  </si>
  <si>
    <t>【东方锅炉】管子\GZ-223 57×9 15CrMoG\东锅\国产</t>
  </si>
  <si>
    <t>【东方锅炉】管子\GZ-224 31.8×9 15CrMoG\东锅\国产</t>
  </si>
  <si>
    <t>【东方锅炉】管子\GZ-225 38.1×9 15CrMoG\东锅\国产</t>
  </si>
  <si>
    <t>【东方锅炉】管子\GZ-226 45×12.5 15CrMoG\东锅\国产</t>
  </si>
  <si>
    <t>【东方锅炉】管子\GZ-227 50.8×15.5 15CrMoG\东锅\国产</t>
  </si>
  <si>
    <t>【东方锅炉】管子\GZ-228 45×7 SA-213T91\东锅\国产</t>
  </si>
  <si>
    <t>【东方锅炉】管子\GZ-229 50.8×7 SA-213TP347H\东锅\国产</t>
  </si>
  <si>
    <t>【东方锅炉】管子\GZ-230 45×8.5 SA-213TP347H\东锅\国产</t>
  </si>
  <si>
    <t>【东方锅炉】管子\GZ-231 50.8×12.5 SA-213TP347H\东锅\国产</t>
  </si>
  <si>
    <t>【东方锅炉】管子\GZ-232 50.8×7.5 12Cr1MoVG\东锅\国产</t>
  </si>
  <si>
    <t>【东方锅炉】管子\GZ-233 50.8×7.5 15CrMoG\东锅\国产</t>
  </si>
  <si>
    <t>【东方锅炉】管子\GZ-234 45×7.5 SA-213T91\东锅\国产</t>
  </si>
  <si>
    <t>【东方锅炉】管子\GZ-235 50.8×8.5 SA-213T91\东锅\国产</t>
  </si>
  <si>
    <t>【东方锅炉】管子\GZ-236 45×11 SA-213TP347H\东锅\国产</t>
  </si>
  <si>
    <t>【东方锅炉】管子\GZ-237 50.8×12.5 SA-213TP347H\东锅\国产</t>
  </si>
  <si>
    <t>【东方锅炉】管子\GZ-238 57×4.5 SA-210C\东锅\国产</t>
  </si>
  <si>
    <t>【东方锅炉】管子\GZ-239 57×4.5 15CrMoG\东锅\国产</t>
  </si>
  <si>
    <t>【东方锅炉】管子\GZ-240 57×4.5 12Cr1MoVG\东锅\国产</t>
  </si>
  <si>
    <t>【东方锅炉】管子\GZ-241 50.8×4 12Cr1MoVG\东锅\国产</t>
  </si>
  <si>
    <t>【东方锅炉】管子\GZ-242 50.8×4 SA-213T91\东锅\国产</t>
  </si>
  <si>
    <t>【东方锅炉】管子\GZ-243 50.8×4 SA-213TP347H\东锅\国产</t>
  </si>
  <si>
    <t>【东方锅炉】端盖\140M14-1-2 φ120×20 SA-105\东锅\国产</t>
  </si>
  <si>
    <t>【东方锅炉】端盖\DG3322-2008 φ100×10 12Cr1MoVⅢ\东锅\国产</t>
  </si>
  <si>
    <t>【东方锅炉】端盖\119M2417-4-4 φ120×20-26\东锅\国产</t>
  </si>
  <si>
    <t>【东方锅炉】端盖\TGN14502 φ120×20-24 12Cr1MoVⅢ\东锅\国产</t>
  </si>
  <si>
    <t>【东方锅炉】管接头\TGNS14003 φ33.4×3.8 SA-182F91\东锅\国产</t>
  </si>
  <si>
    <t>【东方锅炉】管接头\TGNS14003 φ33.4×7.1 SA-182F91\东锅\国产</t>
  </si>
  <si>
    <t>【东方锅炉】防蚀盖板\140M2541-3\东锅\国产</t>
  </si>
  <si>
    <t>【东方锅炉】压板\140M2541-2\东锅\国产</t>
  </si>
  <si>
    <t>【东方锅炉】压板\140M2541-4\东锅\国产</t>
  </si>
  <si>
    <t>【东方锅炉】防蚀盖板\140M2551-1\东锅\国产</t>
  </si>
  <si>
    <t>【东方锅炉】防蚀盖板\140M2551-3\东锅\国产</t>
  </si>
  <si>
    <t>【东方锅炉】压板\140M2551-2\东锅\国产</t>
  </si>
  <si>
    <t>【东方锅炉】防蚀盖板\140M2147-31\东锅\国产</t>
  </si>
  <si>
    <t>【英格索兰】过载热继电器\92978543 49099682\压缩机\ML250SG\国产</t>
  </si>
  <si>
    <t>【英格索兰】管总成\49062284\空压机\M250\国产</t>
  </si>
  <si>
    <t>【英格索兰】管总成\49062268\空压机\M250\国产</t>
  </si>
  <si>
    <t>【英格索兰】管总成\49062250\空压机\M250\国产</t>
  </si>
  <si>
    <t>【英格索兰】管总成\49060254\空压机\M250\国产</t>
  </si>
  <si>
    <t>【英格索兰】2000小时保养包\47560107001\空压机\M185\国产</t>
  </si>
  <si>
    <t>【英格索兰】后冷却器\49001902\空压机\M250\国产</t>
  </si>
  <si>
    <t>【英格索兰】油冷却器\49001894\空压机\M250\国产</t>
  </si>
  <si>
    <t>【英格索兰】管总成\48906291\空压机\M250\国产</t>
  </si>
  <si>
    <t>【英格索兰】直角接头组件\89209217\压缩机\UP5-22\国产</t>
  </si>
  <si>
    <t>【英格索兰】内外丝接头\42857755\空压机\M250\国产</t>
  </si>
  <si>
    <t>【英格索兰】回油管总成\89206668\空压机\MM350-2S\国产</t>
  </si>
  <si>
    <t>【英格索兰】压板\35300177\空压机\M250\国产</t>
  </si>
  <si>
    <t>【英格索兰】O型圈\54639752\空压机\M37PE\国产</t>
  </si>
  <si>
    <t>【英格索兰】过载继电器\88281142\空压机\MM350-2S/10kV\国产</t>
  </si>
  <si>
    <t>【英格索兰】垫片\39496591\空压机\M37PE\国产</t>
  </si>
  <si>
    <t>【英格索兰】压板\39447537\空压机\M37PE\国产</t>
  </si>
  <si>
    <t>【英格索兰】计时器垫片\39237086\空压机\M37PE\国产</t>
  </si>
  <si>
    <t>【英格索兰】管总成\88149596\空气压缩机\MM250\国产</t>
  </si>
  <si>
    <t>【英格索兰】尼龙垫圈\39224209\空压机\M37PE\国产</t>
  </si>
  <si>
    <t>【英格索兰】进气阀组件\39216155\空压机\M37PE\国产</t>
  </si>
  <si>
    <t>【英格索兰】直角接头\88154984E7\螺杆式压缩机\ML200\国产</t>
  </si>
  <si>
    <t>【英格索兰】三通\39155346\空压机\M37PE\国产</t>
  </si>
  <si>
    <t>【英格索兰】管总成\88152749E7\螺杆式压缩机\ML200\国产</t>
  </si>
  <si>
    <t>【英格索兰】O型圈\39151915\空压机\M37PE\国产</t>
  </si>
  <si>
    <t>【英格索兰】管总成\88149604\空气压缩机\MM250\国产</t>
  </si>
  <si>
    <t>【英格索兰】夹箍\35374073\空压机\M37PE\国产</t>
  </si>
  <si>
    <t>【英格索兰】红色指示灯\32342180\空压机\M37PE\国产</t>
  </si>
  <si>
    <t>【英格索兰】壳体\85545564\空压机\SM250\国产</t>
  </si>
  <si>
    <t>【英格索兰】排气管\54730973\空压机\SM250\国产</t>
  </si>
  <si>
    <t>【英格索兰】O型圈\54397781\空压机\SM250\国产</t>
  </si>
  <si>
    <t>【英格索兰】放气阀\54386578\空压机\SM250\国产</t>
  </si>
  <si>
    <t>【英格索兰】油过滤芯\39911631\压缩机\R90\国产</t>
  </si>
  <si>
    <t>【英格索兰】液压缸维修包\54386552\空压机\SM250\国产</t>
  </si>
  <si>
    <t>【英格索兰】过载继电器\23053754\螺杆式空压机\MJ75\国产</t>
  </si>
  <si>
    <t>【英格索兰】电磁阀\42590083\空压机\SM250\国产</t>
  </si>
  <si>
    <t>【英格索兰】呼吸器芯\40068389\空压机\SM250\国产</t>
  </si>
  <si>
    <t>【英格索兰】垫片\39925532\空压机\SM250\国产</t>
  </si>
  <si>
    <t>【英格索兰】垫片\39921861\空压机\SM250\国产</t>
  </si>
  <si>
    <t>【英格索兰】温度传感器\39921705\空压机\SM250\国产</t>
  </si>
  <si>
    <t>【英格索兰】电机\23048267\螺杆空压机\ML160\国产</t>
  </si>
  <si>
    <t>【英格索兰】管总成\39921390\空压机\SM250\国产</t>
  </si>
  <si>
    <t>【英格索兰】进气阀\24169013\螺杆式空压机\M132-A7\国产</t>
  </si>
  <si>
    <t>【英格索兰】软管\24436313\螺杆式空压机\MM350-2S\国产</t>
  </si>
  <si>
    <t>【烟台龙源】空气箱\03-00\烟台龙源\国产</t>
  </si>
  <si>
    <t>【英格索兰】智能控制器\24474652\螺杆式空压机\ML250\国产</t>
  </si>
  <si>
    <t>【英格索兰】密封盒\22880744\空压机\MM350-2S\国产</t>
  </si>
  <si>
    <t>【英格索兰】气缸维修组件\24553281\螺杆式空压机\MM350-SS\进口</t>
  </si>
  <si>
    <t>【英格索兰】温控阀\22832885\空压机\V15-12\国产</t>
  </si>
  <si>
    <t>【英格索兰】压力传感器\24571309\压缩机\ML250SG\国产</t>
  </si>
  <si>
    <t>【英格索兰】放气阀\22516025\螺杆式空气压缩机\ML160-2S\国产</t>
  </si>
  <si>
    <t>【英格索兰】指示灯\32342156\螺杆式空气压缩机\UP5-11CTAS-14\国产</t>
  </si>
  <si>
    <t>【英格索兰】真空传感器\22486633\无油螺杆空压机\SM250\进口</t>
  </si>
  <si>
    <t>【英格索兰】调节器膜片\35172923\螺杆式空压机\EP200\国产</t>
  </si>
  <si>
    <t>【英格索兰】电磁阀\22407340\无油螺杆空压机\SM250\进口</t>
  </si>
  <si>
    <t>【英格索兰】连接件\35275494\空气压缩机\MH250\国产</t>
  </si>
  <si>
    <t>【英格索兰】油分芯接头总成\22354989\螺杆式空压机\UP515\国产</t>
  </si>
  <si>
    <t>【英格索兰】油过滤器总成\89306922\压缩机\ML250SG\国产</t>
  </si>
  <si>
    <t>【英格索兰】步进电机联轴器\22279525\螺杆式空气压缩机\MM250\国产</t>
  </si>
  <si>
    <t>【英格索兰】三通\92029644\螺杆空气压缩机\M200-SE-LV\国产</t>
  </si>
  <si>
    <t>【烟台龙源】进水箱\05-00\烟台龙源\国产</t>
  </si>
  <si>
    <t>【英格索兰】导线管\88150164\空压机\M250\国产</t>
  </si>
  <si>
    <t>【英格索兰】透明软管\92031657\螺杆空气压缩机\M200-SE-LV\国产</t>
  </si>
  <si>
    <t>【英格索兰】快插接头\92066927\螺杆式空气压缩机\MM350-SS\进口</t>
  </si>
  <si>
    <t>【英格索兰】管总成\22277149\螺杆式空气压缩机\MM350-SS\进口</t>
  </si>
  <si>
    <t>【英格索兰】快插直角接头\92067917\螺杆空气压缩机\M200-SE-LV\国产</t>
  </si>
  <si>
    <t>【英格索兰】直角接头\92067933\螺杆空气压缩机\M200-SE-LV\国产</t>
  </si>
  <si>
    <t>【英格索兰】接头\92086412\螺杆空气压缩机\M200-SE-LV\国产</t>
  </si>
  <si>
    <t>【英格索兰】管总成\88150362\空压机\M250\国产</t>
  </si>
  <si>
    <t>【英格索兰】接头\92086487\螺杆空气压缩机\M200-SE-LV\国产</t>
  </si>
  <si>
    <t>【英格索兰】直角接头\92417161\螺杆空气压缩机\M200-SE-LV\国产</t>
  </si>
  <si>
    <t>【英格索兰】控制线\88154489\空压机\M250\国产</t>
  </si>
  <si>
    <t>【英格索兰】接头\92419563\螺杆空气压缩机\M200-SE-LV\国产</t>
  </si>
  <si>
    <t>【英格索兰】电缆线\89206452\空压机\M250\国产</t>
  </si>
  <si>
    <t>【英格索兰】内外接头\95021473\空压机\M250\国产</t>
  </si>
  <si>
    <t>【英格索兰】8000小时保养包\47555210001\空压机\R110N\国产</t>
  </si>
  <si>
    <t>【英格索兰】直角接头\95259305\空压机\M250\国产</t>
  </si>
  <si>
    <t>【英格索兰】4000小时保养包\47555207001\空压机\R160N\国产</t>
  </si>
  <si>
    <t>【英格索兰】辅助触点\99283673\空压机\M250\国产</t>
  </si>
  <si>
    <t>【英格索兰】4000小时保养包\47555206001\空压机\R110N\国产</t>
  </si>
  <si>
    <t>【英格索兰】2000小时保养包\47560108001\空压机\M250\国产</t>
  </si>
  <si>
    <t>【英格索兰】2000小时保养包\47555205001\空压机\R160N\国产</t>
  </si>
  <si>
    <t>【英格索兰】2000小时保养包\47560109001\空压机\M350\国产</t>
  </si>
  <si>
    <t>【英格索兰】2000小时保养包\47555204001\空压机\R110N\国产</t>
  </si>
  <si>
    <t>【英格索兰】4000小时保养包\47560110001\空压机\M185\国产</t>
  </si>
  <si>
    <t>【英格索兰】4000小时保养包\47560111001\空压机\M250\国产</t>
  </si>
  <si>
    <t>【英格索兰】软管保养包\47553891001\空压机\R160N\国产</t>
  </si>
  <si>
    <t>【英格索兰】断路器\88146972\螺杆式空压机\ML250\进口</t>
  </si>
  <si>
    <t>【英格索兰】4000小时保养包\47560112001\空压机\M350\国产</t>
  </si>
  <si>
    <t>【英格索兰】断路器\88146667\螺杆式空压机\ML250\进口</t>
  </si>
  <si>
    <t>【英格索兰】8000小时保养包\47560113001\空压机\M185\国产</t>
  </si>
  <si>
    <t>【英格索兰】密封垫片\88141395\压缩机\ML250SG\国产</t>
  </si>
  <si>
    <t>【英格索兰】回气过滤器\88089743\压缩机\ML250SG\国产</t>
  </si>
  <si>
    <t>【英格索兰】8000小时保养包\47560114001\空压机\M250\国产</t>
  </si>
  <si>
    <t>【英格索兰】管总成\85563716\空气压缩机\MM250-2S\国产</t>
  </si>
  <si>
    <t>【英格索兰】油管\85563674\空气压缩机\M250\进口</t>
  </si>
  <si>
    <t>【英格索兰】8000小时保养包\47560115001\空压机\M350\国产</t>
  </si>
  <si>
    <t>【英格索兰】软管\85563484\压缩机\ML250SG\国产</t>
  </si>
  <si>
    <t>【英格索兰】8000小时保养包\47560116001\空压机\M250VSD\国产</t>
  </si>
  <si>
    <t>【英格索兰】管总成\39911284\螺杆空气压缩机\M200-SE-LV\国产</t>
  </si>
  <si>
    <t>【英格索兰】8000小时保养包\47560117001\空气压缩机\M160-A10\国产</t>
  </si>
  <si>
    <t>【英格索兰】空气过滤器滤芯\39903265\螺杆空气压缩机\M200-SE-LV\国产</t>
  </si>
  <si>
    <t>【英格索兰】8000小时保养包\47560118001\空压机\M185\国产</t>
  </si>
  <si>
    <t>【英格索兰】控制器\39875570\空压机\MM350-2S\国产</t>
  </si>
  <si>
    <t>【英格索兰】直角接头\88147889\螺杆空气压缩机\M200-SE-LV\国产</t>
  </si>
  <si>
    <t>【英格索兰】空气滤芯\39903281\螺杆空压机\EP200\国产</t>
  </si>
  <si>
    <t>【英格索兰】压力传感器\39853809\螺杆式空气压缩机\MJ75\国产</t>
  </si>
  <si>
    <t>【英格索兰】密封垫\88141403\螺杆空压机\VPEX220-8W\国产</t>
  </si>
  <si>
    <t>【烟台龙源】综合电源\TH-DY-02\图像火检系统\YTLY-FVM\烟台龙源\国产</t>
  </si>
  <si>
    <t>【英格索兰】齿轮组\39860358\压缩机\ML250SG\国产</t>
  </si>
  <si>
    <t>【英格索兰】软管总成\88106554\螺杆式空压机\MM350-SS\国产</t>
  </si>
  <si>
    <t>【英格索兰】控制器垫圈\39874375\螺杆式空气压缩机\MM350-SS\进口</t>
  </si>
  <si>
    <t>【英格索兰】软管\85563633\螺杆式空压机\MM350-2S\国产</t>
  </si>
  <si>
    <t>【英格索兰】管总成\22259600\压缩机\ML250SG\国产</t>
  </si>
  <si>
    <t>【英格索兰】油气分离芯\39911615\螺杆压缩机\SM250\国产</t>
  </si>
  <si>
    <t>【英格索兰】软管组件\22259592\压缩机\ML250SG\国产</t>
  </si>
  <si>
    <t>【英格索兰】橡胶接头\22233068\空气压缩机\ML37-PE\国产</t>
  </si>
  <si>
    <t>【英格索兰】电机齿轮压板\22249437\螺杆式空压机\MM350-SS\进口</t>
  </si>
  <si>
    <t>【烟台龙源】回水箱\04-00\烟台龙源\国产</t>
  </si>
  <si>
    <t>【英格索兰】PCB电源板\39874425\压缩机\ML250SG\国产</t>
  </si>
  <si>
    <t>【英格索兰】逆止阀\22247308\螺杆式空气压缩机\ML160-2S\国产</t>
  </si>
  <si>
    <t>【烟台龙源】接线板\10-00\等离子点火系统\YTLY-PICS\烟台龙源\国产</t>
  </si>
  <si>
    <t>【英格索兰】电子排污阀\22232763\螺杆式空压机\MJ75\国产</t>
  </si>
  <si>
    <t>【英格索兰】阳转子键\22249502\螺杆式空压机\MM350-SS\进口</t>
  </si>
  <si>
    <t>【英格索兰】管总成\39857388\螺杆式压缩机\MM132\国产</t>
  </si>
  <si>
    <t>【英格索兰】冷油器回油软管\85563344\螺杆空气压缩机\M200-SE-LV\国产</t>
  </si>
  <si>
    <t>【英格索兰】管总成\22277123\螺杆式空气压缩机\MM350-SS\国产</t>
  </si>
  <si>
    <t>【英格索兰】水分离器\22426381\空压机\M250\国产</t>
  </si>
  <si>
    <t>【英格索兰】螺母\95923306\空压机\SM250\国产</t>
  </si>
  <si>
    <t>【英格索兰】管总成\22277099\压缩机\ML250SG\国产</t>
  </si>
  <si>
    <t>【英格索兰】直角接头\95937678\空压机\SM250\国产</t>
  </si>
  <si>
    <t>【英格索兰】管总成\22248389\压缩机\ML250SG\国产</t>
  </si>
  <si>
    <t>【英格索兰】加油塞\22182240\空压机\M200\国产</t>
  </si>
  <si>
    <t>【英格索兰】轴承阳转子隔环\39326483\空压机\M200\国产</t>
  </si>
  <si>
    <t>【烟台龙源】燃烧器本体\LYWB-RSA-00A\烟台龙源\国产</t>
  </si>
  <si>
    <t>【英格索兰】连接件\54423280\空压机\M200\国产</t>
  </si>
  <si>
    <t>【英格索兰】弯头\95937728\空压机\SM250\国产</t>
  </si>
  <si>
    <t>【英格索兰】管总成\22143374\空压机\M250\国产</t>
  </si>
  <si>
    <t>【英格索兰】管总成\22143390\空压机\M250\国产</t>
  </si>
  <si>
    <t>【英格索兰】油分离器滤芯\22219174\螺杆空气压缩机\M200-SE-LV\国产</t>
  </si>
  <si>
    <t>【英格索兰】管总成\22146047\空压机\M250\国产</t>
  </si>
  <si>
    <t>【英格索兰】传动皮带\22189039\空气压缩机\MH37-PE\国产</t>
  </si>
  <si>
    <t>【烟台龙源】燃烧器本体\LYWB-RSA-00B\烟台龙源\国产</t>
  </si>
  <si>
    <t>【英格索兰】齿轮箱\22061345\空压机\M200\国产</t>
  </si>
  <si>
    <t>【英格索兰】阳转子隔环\22236566\螺杆式空压机\MM350-SS\进口</t>
  </si>
  <si>
    <t>【英格索兰】管总成\22143549\空压机\M200\国产</t>
  </si>
  <si>
    <t>【英格索兰】油冷却器\39799531\螺杆式空压机\ML160SEWC\国产</t>
  </si>
  <si>
    <t>【英格索兰】安全阀\39588058\螺杆式空压机\M160\国产</t>
  </si>
  <si>
    <t>【英格索兰】2针插座\39242367\空压机\M200\国产</t>
  </si>
  <si>
    <t>【英格索兰】8000小时保养包\47560119001\空压机\M250\国产</t>
  </si>
  <si>
    <t>【烟台龙源】燃烧器前段\LYWB-RSA-01A\烟台龙源\国产</t>
  </si>
  <si>
    <t>【英格索兰】软管\85561868\空压机\MM350-2S/10kV\国产</t>
  </si>
  <si>
    <t>【英格索兰】8000小时保养包\47560120001\空压机\M350\国产</t>
  </si>
  <si>
    <t>【英格索兰】安全屏\54511902\空压机\M200\国产</t>
  </si>
  <si>
    <t>【英格索兰】8000小时保养包\47560121001\空压机\M250VSD\国产</t>
  </si>
  <si>
    <t>【英格索兰】软管\8.5561587E7\螺杆式压缩机\ML200\国产</t>
  </si>
  <si>
    <t>【英格索兰】8000小时保养包\47560122001\空压机\M250-2S\国产</t>
  </si>
  <si>
    <t>【英格索兰】止逆阀\22211882\空压机\MM350-2S/10kV\国产</t>
  </si>
  <si>
    <t>【英格索兰】8000小时保养包\47560123001\空压机\M355-2S\国产</t>
  </si>
  <si>
    <t>【英格索兰】直接头\95937512\空压机\SM250\国产</t>
  </si>
  <si>
    <t>【英格索兰】8000小时保养包\47572168001\空压机\R160N\国产</t>
  </si>
  <si>
    <t>【烟台龙源】燃烧器前段\LYWB-RSA-01B\烟台龙源\国产</t>
  </si>
  <si>
    <t>【英格索兰】接头\88155692\空压机\M200\国产</t>
  </si>
  <si>
    <t>【英格索兰】软管\85562593\螺杆式空气压缩机\M185A/C\国产</t>
  </si>
  <si>
    <t>【英格索兰】软管总成\85563419\螺杆式空压机\MM350-SS\国产</t>
  </si>
  <si>
    <t>【英格索兰】温控阀\39854880\螺杆式空压机\MM350-SS\国产</t>
  </si>
  <si>
    <t>【英格索兰】软管\85563393\空压机\MM350-2S/10kV\国产</t>
  </si>
  <si>
    <t>【英格索兰】进气阀\3.9840418E7\螺杆式压缩机\M37PE\国产</t>
  </si>
  <si>
    <t>【英格索兰】油冷却器\39799515\螺杆式空压机\ML160SEWC\国产</t>
  </si>
  <si>
    <t>【英格索兰】软管总成\85563252\螺杆式空压机\MM350-SS\国产</t>
  </si>
  <si>
    <t>【英格索兰】温控阀芯\22186720\螺杆式空压机\MH37-PE\国产</t>
  </si>
  <si>
    <t>【英格索兰】软管\85563112\空压机\MM350-2S/10kV\国产</t>
  </si>
  <si>
    <t>【英格索兰】主机喷油多孔接头\22239883\螺杆式空气压缩机\MM250\国产</t>
  </si>
  <si>
    <t>【英格索兰】印制电路板\39817655\螺杆空压机\MM250W\进口</t>
  </si>
  <si>
    <t>【英格索兰】温度传感器\39568092\螺杆式空压机\M110\国产</t>
  </si>
  <si>
    <t>【英格索兰】齿轮组\39817465\空气压缩机\MM250\国产</t>
  </si>
  <si>
    <t>【英格索兰】电磁选择阀\24271529\空压机\M250\国产</t>
  </si>
  <si>
    <t>【英格索兰】齿轮组\39802442\螺杆空气压缩机\M200-SE-LV\国产</t>
  </si>
  <si>
    <t>【英格索兰】管总成\22219182\螺杆空气压缩机\M200-SE-LV\国产</t>
  </si>
  <si>
    <t>【英格索兰】滤芯\22203095\螺杆式空压机\ML250\国产</t>
  </si>
  <si>
    <t>【英格索兰】双级压缩机头\39862990\压缩机\MM350-2S/10kV\进口</t>
  </si>
  <si>
    <t>【英格索兰】空滤芯\39708466\螺杆式空压机\ML55\国产</t>
  </si>
  <si>
    <t>【英格索兰】管总成\85563096\空气压缩机\MM250\国产</t>
  </si>
  <si>
    <t>【英格索兰】压力传感器\47560904001\空压机\SM250\国产</t>
  </si>
  <si>
    <t>【英格索兰】电机轴套\22239362\螺杆式空压机\MM350-SS\进口</t>
  </si>
  <si>
    <t>【英格索兰】直接头\95962601\空压机\SM250\国产</t>
  </si>
  <si>
    <t>【英格索兰】主机齿轮箱垫\22239354\螺杆式空压机\MM350-SS\进口</t>
  </si>
  <si>
    <t>【英格索兰】管总成\39878319\空压机\M160-A7\国产</t>
  </si>
  <si>
    <t>【英格索兰】接头\95937587\空压机\SM250\国产</t>
  </si>
  <si>
    <t>【英格索兰】直键\92793421\空压机\M200\国产</t>
  </si>
  <si>
    <t>【英格索兰】软管\85560993\空压机\SM250\进口</t>
  </si>
  <si>
    <t>【英格索兰】4针插座\54729090\空压机\M200\国产</t>
  </si>
  <si>
    <t>【英格索兰】软管\85560407\螺杆式空压机\MJ75\国产</t>
  </si>
  <si>
    <t>【英格索兰】12针插座\54729520\空压机\M200\国产</t>
  </si>
  <si>
    <t>【上海电气】弹簧加载装置\K3740.3.0\磨煤机\HP983\国产</t>
  </si>
  <si>
    <t>上海电气上重碾磨特装设备有限公司</t>
  </si>
  <si>
    <t>GNWZBP(TH)ZYCG2020-232</t>
  </si>
  <si>
    <t>2020年度北京配送上重磨煤机备件集团级长协采购</t>
  </si>
  <si>
    <t>【上海电气】拉杆螺栓\K3740.3-9.35\磨煤机\HP983\国产</t>
  </si>
  <si>
    <t>【上海电气】压盖\K3740.3-1\磨煤机\HP\国产</t>
  </si>
  <si>
    <t>【上海电气】密封盖\K3740.3-6\磨煤机\HP\国产</t>
  </si>
  <si>
    <t>【上海电气】垫块\K3740.3-21\磨煤机\HP\国产</t>
  </si>
  <si>
    <t>【上海电气】磨辊孔盖\K3740.3.1.0\磨煤机\HP\国产</t>
  </si>
  <si>
    <t>【上海电气】孔板组合\TY01943\磨煤机\HP\国产</t>
  </si>
  <si>
    <t>【上海电气】检查孔盖\K3740.3-10\磨煤机\HP\国产</t>
  </si>
  <si>
    <t>【上海电气】弹簧筒体\K3740.3.2.0\磨煤机\HP\国产</t>
  </si>
  <si>
    <t>【上海电气】弹簧座盖\K3740.3-22\磨煤机\HP\国产</t>
  </si>
  <si>
    <t>【上海电气】盖\K3740.3-13\磨煤机\HP\国产</t>
  </si>
  <si>
    <t>【上海电气】键\K3740.3-14\磨煤机\HP\国产</t>
  </si>
  <si>
    <t>【上海电气】锁紧螺母\K3740.3-15\磨煤机\HP983\国产</t>
  </si>
  <si>
    <t>【上海电气】支承圈组合\TY02943\磨煤机\HP\国产</t>
  </si>
  <si>
    <t>【上海电气】弹簧\101-01297\磨煤机\HP1003\国产</t>
  </si>
  <si>
    <t>【上海电气】弹簧座\K3740.3-16\磨煤机\HP\国产</t>
  </si>
  <si>
    <t>【上海电气】加载螺栓\K3740.3-17\磨煤机\HP1003D\国产</t>
  </si>
  <si>
    <t>【上海电气】O型密封圈\K3740.3-18\磨煤机\HP743-HP1163\国产</t>
  </si>
  <si>
    <t>【上海电气】固定板\K3740.3-19\磨煤机\HP\国产</t>
  </si>
  <si>
    <t>【上海电气】调节螺母\K3740.3-20\磨煤机\HP1003\国产</t>
  </si>
  <si>
    <t>【上海电气】闸板阀\K934.00(B)\磨煤机\HP1003\国产</t>
  </si>
  <si>
    <t>【上海电气】多出口体\K3740.2.2-1\磨煤机\HP\国产</t>
  </si>
  <si>
    <t>【上海电气】排出体\K3740.2.1.0\磨煤机\HP\国产</t>
  </si>
  <si>
    <t>【上海电气】限位开关\3SE3-404-0GW\IP62</t>
  </si>
  <si>
    <t>【上海电气】盘根\16×16mm\碳素石墨</t>
  </si>
  <si>
    <t>【上海电气】多出口体衬板\K3734.1.2.1-2\磨煤机\HP\国产</t>
  </si>
  <si>
    <t>【上海电气】气缸\SHP1003-MQG\磨煤机\HP\国产</t>
  </si>
  <si>
    <t>【上海电气】闸板阀\K933.00(B)\磨煤机\HP\国产</t>
  </si>
  <si>
    <t>【上海电气】多出口体和衬板\K3833.2.2.0\磨煤机\HP\国产</t>
  </si>
  <si>
    <t>【上海电气】排出体\K3971.2-4\磨煤机\HP\国产</t>
  </si>
  <si>
    <t>【上海电气】多出口体衬板\K3833.2-7\磨煤机\HP\国产</t>
  </si>
  <si>
    <t>【上海电气】磨辊装置\K3740.4.0\磨煤机\HP983\国产</t>
  </si>
  <si>
    <t>【上海电气】磨辊护板\K3740.4-24\磨煤机\HP983\国产</t>
  </si>
  <si>
    <t>【上海电气】磨辊座盖\K3740.4-25\磨煤机\HP1003\国产</t>
  </si>
  <si>
    <t>【上海电气】磨辊轴承\GP4160\磨煤机\HP1003\进口</t>
  </si>
  <si>
    <t>【上海电气】密封圈\K3740.4-26\磨煤机\HP1003\国产</t>
  </si>
  <si>
    <t>【上海电气】磨辊座盖\K3740.4-4\磨煤机\HP\国产</t>
  </si>
  <si>
    <t>【上海电气】磁性镙塞\K3740.4.2.0\磨煤机\HP983\国产</t>
  </si>
  <si>
    <t>【上海电气】挡圈\K3740.4-5\磨煤机\HP1003\国产</t>
  </si>
  <si>
    <t>【上海电气】制动垫片\K3740.4-6\磨煤机\HP1003\国产</t>
  </si>
  <si>
    <t>【上海电气】磨辊垫片组\K3740.4-7\磨煤机\HP1003\国产</t>
  </si>
  <si>
    <t>【上海电气】磨辊轴\K3740.4-8\磨煤机\HP1003\国产</t>
  </si>
  <si>
    <t>【上海电气】磨辊座\K3740.4-1\磨煤机\HP983\国产</t>
  </si>
  <si>
    <t>【上海电气】磨辊挡圈\K3740.4-9\磨煤机\HP1003\国产</t>
  </si>
  <si>
    <t>【上海电气】磨辊套\K3740.4.3.0\上海重型机械厂有限公司</t>
  </si>
  <si>
    <t>【上海电气】磨辊键\K3740.4-10\磨煤机\HP1003\国产</t>
  </si>
  <si>
    <t>【上海电气】油封检修盖\K3740.4-11\磨煤机\HP\国产</t>
  </si>
  <si>
    <t>【上海电气】油封\VOO-617\磨煤机\HP983\国产</t>
  </si>
  <si>
    <t>【上海电气】挡圈\K3740.4-12\磨煤机\HP1003\国产</t>
  </si>
  <si>
    <t>【上海电气】挡圈\K3740.4-13\磨煤机\HP1003\国产</t>
  </si>
  <si>
    <t>【上海电气】耐油环\K3740.4-14\磨煤机\HP1003\国产</t>
  </si>
  <si>
    <t>【上海电气】磨辊裙盖装置\K3740.4.4.0\磨煤机\HP983\国产</t>
  </si>
  <si>
    <t>【上海电气】自由端耳轴\K3740.4.5.0\磨煤机\HP1003\国产</t>
  </si>
  <si>
    <t>【上海电气】自由端止推板\K3740.4-15\磨煤机\HP983\国产</t>
  </si>
  <si>
    <t>【上海电气】挡圈\K3740.4-16\磨煤机\HP1003\国产</t>
  </si>
  <si>
    <t>【上海电气】磨辊耳轴衬套\K3740.4.1.0\磨煤机\HP1003\国产</t>
  </si>
  <si>
    <t>【上海电气】磨辊衬板装置\K3740.4.6.0\磨煤机\HP1003\国产</t>
  </si>
  <si>
    <t>【上海电气】止推端止推板\K3740.4-17\磨煤机\HP983\国产</t>
  </si>
  <si>
    <t>【上海电气】止推端耳轴\K3740.4.7.0\磨煤机\HP1003\国产</t>
  </si>
  <si>
    <t>【上海电气】磨辊头\K3740.4-18\磨煤机\HP1003\国产</t>
  </si>
  <si>
    <t>【上海电气】磨辊头盖\K3740.4-19\磨煤机\HP\国产</t>
  </si>
  <si>
    <t>【上海电气】磨辊头垫块\K3740.4-20\磨煤机\HP983\国产</t>
  </si>
  <si>
    <t>【上海电气】支承座\K3740.4-21\磨煤机\HP983\国产</t>
  </si>
  <si>
    <t>【上海电气】油封\VOO-793\磨煤机\HP\国产</t>
  </si>
  <si>
    <t>【上海电气】油封\SM8793\磨煤机\HP\国产</t>
  </si>
  <si>
    <t>【上海电气】油封\SM8819\磨煤机\HP\国产</t>
  </si>
  <si>
    <t>【上海电气】衬板\K3740.5-1\磨煤机\HP983\国产</t>
  </si>
  <si>
    <t>【上海电气】导向装置下衬板\K3740.5-2\磨煤机\HP\国产</t>
  </si>
  <si>
    <t>【上海电气】衬板\K3740.5-7\磨煤机\HP1003\国产</t>
  </si>
  <si>
    <t>【上海电气】导向装置下衬板\K3740.5-3\磨煤机\HP\国产</t>
  </si>
  <si>
    <t>【上海电气】衬板\K3740.5-10\磨煤机\HP1003\国产</t>
  </si>
  <si>
    <t>【上海电气】衬板\K3740.5-14\磨煤机\HP1003\国产</t>
  </si>
  <si>
    <t>【上海电气】衬板\K3740.5-4\磨煤机\HP983\国产</t>
  </si>
  <si>
    <t>【上海电气】衬板\K3740.5-8\磨煤机\HP983\国产</t>
  </si>
  <si>
    <t>【上海电气】衬板\K3740.5-9\磨煤机\HP983\国产</t>
  </si>
  <si>
    <t>【上海电气】衬板\K3740.5-5\磨煤机\HP983\国产</t>
  </si>
  <si>
    <t>【上海电气】焊接塞\K3740.5-15\磨煤机\HP\国产</t>
  </si>
  <si>
    <t>【上海电气】陶瓷盖\K3740.5-16\磨煤机\HP983\国产</t>
  </si>
  <si>
    <t>【上海电气】焊塞\K3740.5-17\磨煤机\HP983\国产</t>
  </si>
  <si>
    <t>【上海电气】陶瓷盖\K3740.5-18\磨煤机\HP1003\国产</t>
  </si>
  <si>
    <t>【上海电气】防护圈\K3740.6-11.1 φ2729×50×16mm\磨煤机\HP983\国产</t>
  </si>
  <si>
    <t>【上海电气】磨碗榖上盖板\K3740.6-5\磨煤机\HP983\国产</t>
  </si>
  <si>
    <t>【上海电气】磨碗毂盖板\K3740.6-6\磨煤机\HP983\国产</t>
  </si>
  <si>
    <t>【上海电气】定位销\K3740.6-4\磨煤机\HP983\国产</t>
  </si>
  <si>
    <t>【上海电气】磨碗毂\K3740.6-2\磨煤机\HP\国产</t>
  </si>
  <si>
    <t>【上海电气】磨碗\K3740.6-1\磨煤机\HP983\国产</t>
  </si>
  <si>
    <t>【上海电气】键\K3740.6-8\磨煤机\HP\国产</t>
  </si>
  <si>
    <t>【上海电气】磨碗衬板组件\K3740.6.1.0\磨煤机\HP983\国产</t>
  </si>
  <si>
    <t>【上海电气】叶轮装置\K3740.6.2.0\磨煤机\HP\国产</t>
  </si>
  <si>
    <t>【上海电气】磨碗夹紧环\K3740.6-9 ZG270~500\磨煤机\HP983\国产</t>
  </si>
  <si>
    <t>【上海电气】耐磨板\K3740.6-10\磨煤机\HP983\国产</t>
  </si>
  <si>
    <t>【上海电气】下裙罩\K3740.7.1.0\磨煤机\HP983\国产</t>
  </si>
  <si>
    <t>【上海电气】上裙罩\K3740.7.2.0\磨煤机\HP1003\国产</t>
  </si>
  <si>
    <t>【上海电气】垫片组\K3740.7-1\磨煤机\HP\国产</t>
  </si>
  <si>
    <t>【上海电气】垫片组\K3740.7-2\磨煤机\HP\国产</t>
  </si>
  <si>
    <t>【上海电气】垫片\K3740.7-3\磨煤机\HP\国产</t>
  </si>
  <si>
    <t>【上海电气】短刮板装置\CK3740.9.0\磨煤机\HP1003\国产</t>
  </si>
  <si>
    <t>【上海电气】气动蝶阀\D67LT/X3-10CB3\DN100\1MPa\100℃\WCB</t>
  </si>
  <si>
    <t>【上海电气】出口文邱利管\K3740.12.1.0\磨煤机\HP\国产</t>
  </si>
  <si>
    <t>【上海电气】陶瓷衬板\K3740.12-1\磨煤机\HP983\国产</t>
  </si>
  <si>
    <t>【上海电气】陶瓷盖\K3740.12-15\磨煤机\HP983\国产</t>
  </si>
  <si>
    <t>【上海电气】焊塞\K3740.12-14\磨煤机\HP1003\国产</t>
  </si>
  <si>
    <t>【上海电气】出口文邱利管\K3833.3.1.0\磨煤机\HP\国产</t>
  </si>
  <si>
    <t>【上海电气】陶瓷盖\K3833.3-1\磨煤机\HP\国产</t>
  </si>
  <si>
    <t>【上海电气】焊塞\K3833.3-2\磨煤机\HP\国产</t>
  </si>
  <si>
    <t>【上海电气】联杆\K3740.13-1\磨煤机\HP\国产</t>
  </si>
  <si>
    <t>【上海电气】操纵杆导向架\K3740.13-2\磨煤机\HP\国产</t>
  </si>
  <si>
    <t>【上海电气】操纵杆\K3740.13.1.0\磨煤机\HP\国产</t>
  </si>
  <si>
    <t>【上海电气】折向门连杆\K3740.13-6\磨煤机\HP\国产</t>
  </si>
  <si>
    <t>【上海电气】联接头\K3740.13-7\磨煤机\HP\国产</t>
  </si>
  <si>
    <t>【上海电气】轴承座\K3740.13.2.0\磨煤机\HP\国产</t>
  </si>
  <si>
    <t>【上海电气】折向门\K3740.13.4.0\磨煤机\HP1003\国产</t>
  </si>
  <si>
    <t>【上海电气】折向门叶片\K3740.13.4-1\磨煤机\HP\国产</t>
  </si>
  <si>
    <t>【上海电气】内锥体\K3740.14.0(B)\磨煤机\HP\国产</t>
  </si>
  <si>
    <t>【上海电气】陶瓷衬板\K3740.14.1.0(B)\磨煤机\HP\国产</t>
  </si>
  <si>
    <t>【上海电气】陶瓷塞\K3736.4-1(B)\磨煤机\HP\国产</t>
  </si>
  <si>
    <t>【上海电气】内锥体\K3740.14-1(B)\磨煤机\HP\国产</t>
  </si>
  <si>
    <t>【上海电气】吹扫器\MP-8973\磨煤机\HP\国产</t>
  </si>
  <si>
    <t>【上海电气】差压开关\MP-10278 DPDT\1/4NPT\非防爆\进口</t>
  </si>
  <si>
    <t>【上海电气】空气压力调节器\MP-8974\磨煤机\HP\国产</t>
  </si>
  <si>
    <t>【上海电气】衬板\K3740.10-20\磨煤机\HP1003\国产</t>
  </si>
  <si>
    <t>【上海电气】耐磨衬板\K3740.10-3\磨煤机\HP\国产</t>
  </si>
  <si>
    <t>【上海电气】绝热层扇形盖\K3740.10-1\磨煤机\HP\国产</t>
  </si>
  <si>
    <t>【上海电气】衬板\K3740.10-22\磨煤机\HP1003\国产</t>
  </si>
  <si>
    <t>【上海电气】封板\K3740.10-4\磨煤机\HP\国产</t>
  </si>
  <si>
    <t>【上海电气】封盖\K3740.10-5\磨煤机\HP\国产</t>
  </si>
  <si>
    <t>【上海电气】衬板\K3740.10-7\磨煤机\HP1003\国产</t>
  </si>
  <si>
    <t>【上海电气】侧机体衬板\K3740.10-8\磨煤机\hp003\国产</t>
  </si>
  <si>
    <t>【上海电气】耐磨衬板\K3740.10-10\磨煤机\HP\国产</t>
  </si>
  <si>
    <t>【上海电气】绝热层扇形盖\K3740.10-2\磨煤机\HP\国产</t>
  </si>
  <si>
    <t>【上海电气】衬板\K3740.10-12\磨煤机\HP1003\国产</t>
  </si>
  <si>
    <t>【上海电气】锁紧板\K3740.10-14\磨煤机\HP\国产</t>
  </si>
  <si>
    <t>【上海电气】内气封环\K3740.10-17\磨煤机\HP\国产</t>
  </si>
  <si>
    <t>【上海电气】密封片\K3740.16-1\磨煤机\HP963\国产</t>
  </si>
  <si>
    <t>【上海电气】缝隙密封片\K3740.16-2\磨煤机\HP\国产</t>
  </si>
  <si>
    <t>【上海电气】长刮板装置\K3740.18.0\中速磨煤机\HP1003\国产</t>
  </si>
  <si>
    <t>【上海电气】弹簧片\K3741.18.0\磨煤机\HP1003\国产</t>
  </si>
  <si>
    <t>【上海电气】电机端接套\K3741.18-1\磨煤机\HP\国产</t>
  </si>
  <si>
    <t>【上海电气】轴承座\K3741.18-3\磨煤机\HP\国产</t>
  </si>
  <si>
    <t>【上海电气】关节轴承\GE60ES-2RS\磨煤机\HP843\国产</t>
  </si>
  <si>
    <t>【上海电气】中间接轴\K3741.18.1.0\磨煤机\HP\国产</t>
  </si>
  <si>
    <t>【上海电气】六角钢片\10038765\磨煤机\HP743-HP1163\国产</t>
  </si>
  <si>
    <t>【上海电气】齿箱端连接套\K3741.18-6\磨煤机\HP963\国产</t>
  </si>
  <si>
    <t>【上海电气】螺钉\K3741.18-7\磨煤机\HP\国产</t>
  </si>
  <si>
    <t>【上海电气】销\K3741.18-8\磨煤机\HP\国产</t>
  </si>
  <si>
    <t>【上海电气】液位计\YWZ-127\上海重型机械厂</t>
  </si>
  <si>
    <t>【上海电气】量油杆\KF3740-1\磨煤机\HP\国产</t>
  </si>
  <si>
    <t>【上海电气】弹簧预载装置\KF3740.2.0\磨煤机\HP1003\国产</t>
  </si>
  <si>
    <t>【上海电气】螺栓预紧装置\KF3740.3.0\中速磨煤机\HP983\国产</t>
  </si>
  <si>
    <t>【上海电气】对中装置\KF3740.4.0\减速器\KMP300\国产</t>
  </si>
  <si>
    <t>【上海电气】磨碗提升装置\KF3740.5.0\磨煤机\HP\国产</t>
  </si>
  <si>
    <t>【上海电气】移动导轨装置\KF3740.6.0\减速器\KMP300\国产</t>
  </si>
  <si>
    <t>【上海电气】辊套拆卸装置\KF3740.7.0\国产</t>
  </si>
  <si>
    <t>【上海电气】磨辊翻转装置\KF3740.8.0\磨煤机\HP\国产</t>
  </si>
  <si>
    <t>【上海电气】限位扳手\KF3740.9.0\磨煤机\HP743-HP1163\国产</t>
  </si>
  <si>
    <t>【上海电气】地脚螺栓预紧装置\KF3740.10.0\减速器\KMP300\国产</t>
  </si>
  <si>
    <t>【上海电气】螺栓预紧装置\KF3740.11.0\磨煤机\HP\国产</t>
  </si>
  <si>
    <t>【上海电气】煤粉取样装置\KF3740.1.0\磨煤机\HP743-HP1163\国产</t>
  </si>
  <si>
    <t>【上海电气】联轴器\K3737.1.0\磨煤机\HP\国产</t>
  </si>
  <si>
    <t>【上海电气】电机端接套\K3737.1-1\磨煤机\HP\国产</t>
  </si>
  <si>
    <t>【上海电气】弹性联接组件\K3737-1890\磨煤机\HP743-HP1163\国产</t>
  </si>
  <si>
    <t>【上海电气】轴承座\K3737.1-4\磨煤机\HP\国产</t>
  </si>
  <si>
    <t>【上海电气】法兰\K3737.1-5\磨煤机\HP\国产</t>
  </si>
  <si>
    <t>【上海电气】六角钢片\K3737-1891\磨煤机\HP743-HP1163\国产</t>
  </si>
  <si>
    <t>【上海电气】中间接轴\K3737.1.1.0\磨煤机\HP\国产</t>
  </si>
  <si>
    <t>【上海电气】齿箱接套\K3737.1-6\磨煤机\HP\国产</t>
  </si>
  <si>
    <t>【上海电气】出口文邱利管\K3737.4.1.0\磨煤机\HP\国产</t>
  </si>
  <si>
    <t>【上海电气】陶瓷衬板\K3737.4-1\磨煤机\HP\国产</t>
  </si>
  <si>
    <t>【上海电气】焊塞盖\K3737.4-2\磨煤机\HP\国产</t>
  </si>
  <si>
    <t>【上海电气】焊塞\K3737.4-3\磨煤机\HP\国产</t>
  </si>
  <si>
    <t>【上海电气】内锥鼓体\K3737.5.2.0\磨煤机\HP\国产</t>
  </si>
  <si>
    <t>【上海电气】联接头\K3737.5-5\磨煤机\HP\国产</t>
  </si>
  <si>
    <t>【上海电气】联杆螺栓\K3737.5-6\磨煤机\HP\国产</t>
  </si>
  <si>
    <t>【上海电气】折向门联杆\K3737.5-7\磨煤机\HP\国产</t>
  </si>
  <si>
    <t>【上海电气】联接头\K3737.5-8\磨煤机\HP\国产</t>
  </si>
  <si>
    <t>【上海电气】轴承座装置\K3737.5.3.0\磨煤机\HP\国产</t>
  </si>
  <si>
    <t>【上海电气】折向门装置\K3737.5.4.0\磨煤机\HP\国产</t>
  </si>
  <si>
    <t>【上海电气】操纵杆\K3737.5.5.0\磨煤机\HP\国产</t>
  </si>
  <si>
    <t>【上海电气】操纵杆导向架\K3737.5-10\磨煤机\HP\国产</t>
  </si>
  <si>
    <t>【上海电气】扇形指示板\K3737.5-11\磨煤机\HP\国产</t>
  </si>
  <si>
    <t>【上海电气】星轮\K3737.5-12\磨煤机\HP\国产</t>
  </si>
  <si>
    <t>【上海电气】手柄螺母\K3737.5-13\磨煤机\HP\国产</t>
  </si>
  <si>
    <t>【上海电气】联杆\K3737.5-14\磨煤机\HP\国产</t>
  </si>
  <si>
    <t>【上海电气】内锥体\K3737.6.0\磨煤机\HP\国产</t>
  </si>
  <si>
    <t>【上海电气】内锥体\K3737.6-1\磨煤机\HP\国产</t>
  </si>
  <si>
    <t>【上海电气】陶瓷塞\K3737.6-2\磨煤机\HP\国产</t>
  </si>
  <si>
    <t>【上海电气】陶瓷衬板\K3737.6.2.0\磨煤机\HP\国产</t>
  </si>
  <si>
    <t>【上海电气】焊塞\K3737.6-3\磨煤机\HP\国产</t>
  </si>
  <si>
    <t>【上海电气】检修门\K3737.6.1.0\磨煤机\HP\国产</t>
  </si>
  <si>
    <t>【上海电气】焊接螺栓\K3737.6-4\磨煤机\HP\国产</t>
  </si>
  <si>
    <t>【上海电气】弹簧加载装置\K3737.7.0\磨煤机\HP\国产</t>
  </si>
  <si>
    <t>【上海电气】拉杆螺栓\K3737.7-2\磨煤机\HP\国产</t>
  </si>
  <si>
    <t>【上海电气】压盖\K3737.7-3\磨煤机\HP\国产</t>
  </si>
  <si>
    <t>【上海电气】调节螺母\K3737.7-4\磨煤机\HP\国产</t>
  </si>
  <si>
    <t>【上海电气】固定板\K3737.7-5\磨煤机\HP\国产</t>
  </si>
  <si>
    <t>【上海电气】弹簧座\K3737.7.1.0\磨煤机\HP\国产</t>
  </si>
  <si>
    <t>【上海电气】螺栓\K3737.7-6\磨煤机\HP\国产</t>
  </si>
  <si>
    <t>【上海电气】弹簧座盖\K3737.7-19\磨煤机\HP\国产</t>
  </si>
  <si>
    <t>【上海电气】后轴承\WJ9710.5.0\磨煤机\HP\国产</t>
  </si>
  <si>
    <t>【上海电气】锁紧螺母\K3737.7-7\磨煤机\HP\国产</t>
  </si>
  <si>
    <t>【上海电气】键\K3737.7-8\磨煤机\HP\国产</t>
  </si>
  <si>
    <t>【上海电气】加载螺栓\K3737.7-9\磨煤机\HP\国产</t>
  </si>
  <si>
    <t>【上海电气】盖\K3737.7-10\磨煤机\HP\国产</t>
  </si>
  <si>
    <t>【上海电气】弹簧\GP-3271-A\磨煤机\HP863\国产</t>
  </si>
  <si>
    <t>【上海电气】弹簧柱座\K3737.7-11\磨煤机\HP\国产</t>
  </si>
  <si>
    <t>【上海电气】挡圈\K3737.7-13\磨煤机\HP\国产</t>
  </si>
  <si>
    <t>【上海电气】密封盖\K3737.7-14\磨煤机\HP\国产</t>
  </si>
  <si>
    <t>【上海电气】检查孔盖\K3737.7-16\磨煤机\HP\国产</t>
  </si>
  <si>
    <t>【上海电气】密封轴承\WJ9710.1.0\磨煤机\HP\国产</t>
  </si>
  <si>
    <t>【上海电气】前轴承\WJ9710.2.0\磨煤机\HP\国产</t>
  </si>
  <si>
    <t>【上海电气】磨辊孔盖\K3737.7.3.0\磨煤机\HP\国产</t>
  </si>
  <si>
    <t>【上海电气】磨辊\K3737.8.0\磨煤机\HP\国产</t>
  </si>
  <si>
    <t>【上海电气】磨辊裙罩装置\K3737.8.1.0\磨煤机\HP\国产</t>
  </si>
  <si>
    <t>【上海电气】密封挡圈\K3737.8-1\磨煤机\HP\国产</t>
  </si>
  <si>
    <t>【上海电气】油封检修盖\K3737.8-2\磨煤机\HP\国产</t>
  </si>
  <si>
    <t>【上海电气】磨辊座盖\K3737.8-4\磨煤机\HP\国产</t>
  </si>
  <si>
    <t>【上海电气】油封\V00-793\磨煤机\HP\国产</t>
  </si>
  <si>
    <t>【上海电气】密封耐油环\K3737.8-5\磨煤机\HP\国产</t>
  </si>
  <si>
    <t>【上海电气】磁性螺塞\K3737.8.2.0\磨煤机\HP\国产</t>
  </si>
  <si>
    <t>【上海电气】磨辊座盖\K3737.8-6\磨煤机\HP\国产</t>
  </si>
  <si>
    <t>【上海电气】垫片组\K3737.8-7\磨煤机\HP\国产</t>
  </si>
  <si>
    <t>【上海电气】磨辊轴\K3737.8-8\磨煤机\HP\国产</t>
  </si>
  <si>
    <t>【上海电气】制动垫片\K3737.8-9\磨煤机\HP\国产</t>
  </si>
  <si>
    <t>【上海电气】磨辊轴承挡圈\K3737.8-10\磨煤机\HP\国产</t>
  </si>
  <si>
    <t>【上海电气】磨辊轴承\GP-4808\磨煤机\HP\国产</t>
  </si>
  <si>
    <t>【上海电气】磨辊座\K3737.8-11\磨煤机\HP\国产</t>
  </si>
  <si>
    <t>【上海电气】磨辊挡圈\K3737.8-12\磨煤机\HP\国产</t>
  </si>
  <si>
    <t>【上海电气】磨辊\K3737.8.3.0\磨煤机\HP\国产</t>
  </si>
  <si>
    <t>【上海电气】磨辊键\K3737.8-13\磨煤机\HP\国产</t>
  </si>
  <si>
    <t>【上海电气】磨辊衬板\K3737.8-14\磨煤机\HP\国产</t>
  </si>
  <si>
    <t>【上海电气】垫圈\K3737.8-15\磨煤机\HP\国产</t>
  </si>
  <si>
    <t>【上海电气】磨辊头垫块支承座\K3737.8-16\磨煤机\HP\国产</t>
  </si>
  <si>
    <t>【上海电气】磨辊头垫块\K3737.8-17\磨煤机\HP\国产</t>
  </si>
  <si>
    <t>【上海电气】磨辊头盖\K3737.8-18\磨煤机\HP\国产</t>
  </si>
  <si>
    <t>【上海电气】磨辊头\K3737.8-19\磨煤机\HP\国产</t>
  </si>
  <si>
    <t>【上海电气】止推端耳轴\K3737.8.4.0\磨煤机\HP\国产</t>
  </si>
  <si>
    <t>【上海电气】止推端止推板\K3737.8-20\磨煤机\HP\国产</t>
  </si>
  <si>
    <t>【上海电气】耳轴衬套挡圈\K3737.8-21\磨煤机\HP\国产</t>
  </si>
  <si>
    <t>【上海电气】磨辊耳轴衬套\K3737.8.5.0\磨煤机\HP\国产</t>
  </si>
  <si>
    <t>【上海电气】自由端止推板\K3737.8-22\磨煤机\HP\国产</t>
  </si>
  <si>
    <t>【上海电气】自由端耳轴\K3737.8.6.0\磨煤机\HP\国产</t>
  </si>
  <si>
    <t>【上海电气】磨辊衬板装置\K3737.8.7.0\磨煤机\HP\国产</t>
  </si>
  <si>
    <t>【上海电气】调整垫\K3737.8-23\磨煤机\HP\国产</t>
  </si>
  <si>
    <t>【上海电气】油封\VOO-819\磨煤机\HP\国产</t>
  </si>
  <si>
    <t>【上海电气】骨架油封\SM8617\磨煤机\HP\国产</t>
  </si>
  <si>
    <t>【上海电气】油封\VOO-640\磨煤机\HP\国产</t>
  </si>
  <si>
    <t>【上海电气】导向装置侧衬板\K3737.9-1\磨煤机\HP\国产</t>
  </si>
  <si>
    <t>【上海电气】导向装置上衬板\K3737.9-2\磨煤机\HP\国产</t>
  </si>
  <si>
    <t>【上海电气】导向装置下衬板\K3737.9-18\磨煤机\HP\国产</t>
  </si>
  <si>
    <t>【上海电气】导向装置上衬板\K3737.9-3\磨煤机\HP\国产</t>
  </si>
  <si>
    <t>【上海电气】导向装置下衬板\K3737.9-4\磨煤机\HP\国产</t>
  </si>
  <si>
    <t>【上海电气】导向装置上衬板\K3737.9-5\磨煤机\HP\国产</t>
  </si>
  <si>
    <t>【上海电气】导向装置侧衬板\K3737.9-6\磨煤机\HP\国产</t>
  </si>
  <si>
    <t>【上海电气】后中间衬板\K3737.9-7\磨煤机\HP\国产</t>
  </si>
  <si>
    <t>【上海电气】前中间衬板\K3737.9-8\磨煤机\HP\国产</t>
  </si>
  <si>
    <t>【上海电气】导向装置衬板支撑板\K3737.9-9\磨煤机\HP\国产</t>
  </si>
  <si>
    <t>【上海电气】检修门\K3737.9.2.0\磨煤机\HP\国产</t>
  </si>
  <si>
    <t>【上海电气】门垫板\K3741.5-11\磨煤机\HP\国产</t>
  </si>
  <si>
    <t>【上海电气】焊塞\K3737.9-14\磨煤机\HP\国产</t>
  </si>
  <si>
    <t>【上海电气】焊塞\K3737.9-16\磨煤机\HP\国产</t>
  </si>
  <si>
    <t>【上海电气】陶瓷盖\K3737.9-15\磨煤机\HP\国产</t>
  </si>
  <si>
    <t>【上海电气】陶瓷盖\K3737.9-17\磨煤机\HP\国产</t>
  </si>
  <si>
    <t>【上海电气】磨碗延伸环\K3737.10-1\磨煤机\HP\国产</t>
  </si>
  <si>
    <t>【上海电气】磨碗上盖板\K3737.10-3\磨煤机\HP\国产</t>
  </si>
  <si>
    <t>【上海电气】耐磨板\K3737.10-4\磨煤机\HP\国产</t>
  </si>
  <si>
    <t>【上海电气】磨碗毂下盖板\K3737.10-5\磨煤机\HP\国产</t>
  </si>
  <si>
    <t>【上海电气】磨碗夹紧环\K3737.10-6\磨煤机\HP\国产</t>
  </si>
  <si>
    <t>【上海电气】螺塞\K3737.10-7\磨煤机\HP\国产</t>
  </si>
  <si>
    <t>【上海电气】键\K3737.10-8\磨煤机\HP\国产</t>
  </si>
  <si>
    <t>【上海电气】叶轮装置\K3737.10.1.0\磨煤机\HP\国产</t>
  </si>
  <si>
    <t>【上海电气】磨碗衬板\K3737.10.2.0\磨煤机\HP\国产</t>
  </si>
  <si>
    <t>【上海电气】磨碗\K3737.10-9\磨煤机\HP\国产</t>
  </si>
  <si>
    <t>【上海电气】裙罩扇形体\K3737.11.1.0\磨煤机\HP\国产</t>
  </si>
  <si>
    <t>【上海电气】垫片组\K3737.11-1\磨煤机\HP\国产</t>
  </si>
  <si>
    <t>【上海电气】气封环\K3737.11.1-1\磨煤机\HP\国产</t>
  </si>
  <si>
    <t>【上海电气】长刮板装置\K3737.12.0\磨煤机\HP\国产</t>
  </si>
  <si>
    <t>【上海电气】C型空气滤清器\C-G1A\带式输送机\国产</t>
  </si>
  <si>
    <t>【上海电气】密封环\K3737.14-2\磨煤机\HP\国产</t>
  </si>
  <si>
    <t>【上海电气】密封垫片\K3737.14-1\磨煤机\HP\国产</t>
  </si>
  <si>
    <t>【上海电气】螺柱\K3737-4\磨煤机\HP\国产</t>
  </si>
  <si>
    <t>【上海电气】螺母\K3737-5\磨煤机\HP\国产</t>
  </si>
  <si>
    <t>【上海电气】短刮板装置\K3737.16.0\磨煤机\HP\国产</t>
  </si>
  <si>
    <t>【上海电气】耐磨衬板\K3737.17-37\磨煤机\HP\国产</t>
  </si>
  <si>
    <t>【上海电气】耐磨衬板\K3737.17-35\磨煤机\HP\国产</t>
  </si>
  <si>
    <t>【上海电气】衬板\K3737.17-33\磨煤机\HP\国产</t>
  </si>
  <si>
    <t>【上海电气】衬板\K3737.17-36\磨煤机\HP\国产</t>
  </si>
  <si>
    <t>【上海电气】衬板\K3737.17-39\磨煤机\HP\国产</t>
  </si>
  <si>
    <t>【上海电气】绝热层扇形盖\K3737.17-4\磨煤机\HP\国产</t>
  </si>
  <si>
    <t>【上海电气】耐磨衬板\K3737.17-34\磨煤机\HP\国产</t>
  </si>
  <si>
    <t>【上海电气】衬板\K3737.17-31\磨煤机\HP\国产</t>
  </si>
  <si>
    <t>【上海电气】耐磨衬板\K3737.17-32\磨煤机\HP\国产</t>
  </si>
  <si>
    <t>【上海电气】绝热层扇形盖\K3737.17-19\磨煤机\HP\国产</t>
  </si>
  <si>
    <t>【上海电气】衬板\K3737.17-38\磨煤机\HP\国产</t>
  </si>
  <si>
    <t>【上海电气】锁紧板\K3737.17-21\磨煤机\HP\国产</t>
  </si>
  <si>
    <t>【上海电气】内气封环\K3737.17-23\磨煤机\HP\国产</t>
  </si>
  <si>
    <t>【上海电气】倒锥体\K3737-8\磨煤机\HP\国产</t>
  </si>
  <si>
    <t>【上海电气】落煤管\K3737-10\磨煤机\HP\国产</t>
  </si>
  <si>
    <t>【上海电气】量油杆\KF3737-1\磨煤机\HP\国产</t>
  </si>
  <si>
    <t>【上海电气】煤粉取样装置\KF3737.1.0\磨煤机\HP743-HP1163\国产</t>
  </si>
  <si>
    <t>【上海电气】磨辊翻转装置\KF3737.2.0\磨煤机\HP\国产</t>
  </si>
  <si>
    <t>【上海电气】磨碗及磨壳提升装置\KF3737.3.0\磨煤机\HP\国产</t>
  </si>
  <si>
    <t>【上海电气】辊套拆卸装置\KF3737.4.0\国产</t>
  </si>
  <si>
    <t>【上海电气】移动装置\KF3737.5.0\减速器\KMP250\国产</t>
  </si>
  <si>
    <t>【上海电气】弹簧预载装置\KF3737.6.0\磨煤机\HP\国产</t>
  </si>
  <si>
    <t>【上海电气】螺栓预拉紧装置\KF3737.7.0\磨煤机\HP\国产</t>
  </si>
  <si>
    <t>【上海电气】限位扳手\KF3737.9.0\磨煤机\HP743-HP1163\国产</t>
  </si>
  <si>
    <t>【上海电气】底板地脚螺栓预紧装置\KF3737.10.0\减速器\KMP250\国产</t>
  </si>
  <si>
    <t>【上海电气】螺栓预拉紧装置\KF3737.11.0\磨煤机\HP\国产</t>
  </si>
  <si>
    <t>【上海电气】润滑油站\OWTS-10\国产</t>
  </si>
  <si>
    <t>【上海电气】排出体\K6108.2.1.0\磨煤机\HP\国产</t>
  </si>
  <si>
    <t>【上海电气】取样吹气装置\K3734.1.3.1.0\磨煤机\HP743-HP1163\国产</t>
  </si>
  <si>
    <t>【上海电气】下落煤管\K3958-2\磨煤机\HP\国产</t>
  </si>
  <si>
    <t>【上海电气】螺柱\K3734-3\磨煤机\HP\国产</t>
  </si>
  <si>
    <t>【上海电气】磨碗螺母\K3734-4\磨煤机\HP983\国产</t>
  </si>
  <si>
    <t>【上海电气】转子装置\K3958.5.0\磨煤机\HP\国产</t>
  </si>
  <si>
    <t>【上海电气】小带轮\K6108.8-2\磨煤机\HP\国产</t>
  </si>
  <si>
    <t>【上海电气】皮带\K6108.8-3\磨煤机\HP\国产</t>
  </si>
  <si>
    <t>【上海电气】落煤管支撑板\K3958.3-4\磨煤机\HP\国产</t>
  </si>
  <si>
    <t>【上海电气】大带轮\K3958.3-6\磨煤机\HP\国产</t>
  </si>
  <si>
    <t>【上海电气】螺柱\K3958.3-7\磨煤机\HP\国产</t>
  </si>
  <si>
    <t>【上海电气】护板\K3994.7-1\磨煤机\HP\国产</t>
  </si>
  <si>
    <t>【上海电气】轴承座装置\K3994.7.1.0\磨煤机\HP\国产</t>
  </si>
  <si>
    <t>【上海电气】多出口板\K6108.8.1.0\磨煤机\HP\国产</t>
  </si>
  <si>
    <t>【上海电气】U形螺栓\K6028.5-4\磨煤机\HP\国产</t>
  </si>
  <si>
    <t>【上海电气】电机调整板\K6108.8-4\磨煤机\HP\国产</t>
  </si>
  <si>
    <t>【上海电气】密封板\K3958.3-12\磨煤机\HP\国产</t>
  </si>
  <si>
    <t>【上海电气】落煤管\K3958.3-18\磨煤机\HP\国产</t>
  </si>
  <si>
    <t>【上海电气】张紧装置\K6028.5.2.0\磨煤机\HP\国产</t>
  </si>
  <si>
    <t>【上海电气】支座\K6028.5-7\磨煤机\HP\国产</t>
  </si>
  <si>
    <t>【上海电气】上中心落煤管\K3958-3\磨煤机\HP\国产</t>
  </si>
  <si>
    <t>【上海电气】油封\X1103L\磨煤机\HP\国产</t>
  </si>
  <si>
    <t>【上海电气】上部油封\X1203U\磨煤机\HP1203\国产</t>
  </si>
  <si>
    <t>【上海电气】下部油封\X1203L\磨煤机\HP1203\国产</t>
  </si>
  <si>
    <t>【上海电气】油封\X0863U\磨煤机\HP\国产</t>
  </si>
  <si>
    <t>【上海电气】油封\X0863L\磨煤机\HP\国产</t>
  </si>
  <si>
    <t>【上海电气】密封风机\9-26-16D-3\磨煤机\HP\国产</t>
  </si>
  <si>
    <t>【上海电气】折向门连杆\K3743.3-6\磨煤机\HP\国产</t>
  </si>
  <si>
    <t>【上海电气】轴承座装置\K3743.3.2.0\磨煤机\HP\国产</t>
  </si>
  <si>
    <t>【上海电气】折向门装置\K3743.3.3.0\磨煤机\HP\国产</t>
  </si>
  <si>
    <t>【上海电气】折向门连杆\K3743.3-7\磨煤机\HP\国产</t>
  </si>
  <si>
    <t>【上海电气】内锥鼓体\K3743.3.5.0\磨煤机\HP\国产</t>
  </si>
  <si>
    <t>【上海电气】内锥体及其陶瓷衬板装置\K3743.4.0\磨煤机\HP\国产</t>
  </si>
  <si>
    <t>【上海电气】陶瓷塞\K3743.4-1\磨煤机\HP\国产</t>
  </si>
  <si>
    <t>【上海电气】焊塞\K3743.4-2\磨煤机\HP\国产</t>
  </si>
  <si>
    <t>【上海电气】陶瓷衬板\K3743.4.1.0\磨煤机\HP\国产</t>
  </si>
  <si>
    <t>【上海电气】陶瓷衬板\K3743.4.1-1(B)\磨煤机\HP\国产</t>
  </si>
  <si>
    <t>【上海电气】内锥体\K3743.4-3\磨煤机\HP\国产</t>
  </si>
  <si>
    <t>【上海电气】检修门\K3743.4.2.0\磨煤机\HP\国产</t>
  </si>
  <si>
    <t>【上海电气】导向装置侧衬板\K3743.5-1\上海重型机器厂有限公司</t>
  </si>
  <si>
    <t>【上海电气】导向装置下衬板\K3743.5-2\上海重型机器厂有限公司</t>
  </si>
  <si>
    <t>【上海电气】导向装置上衬板\K3743.5-3\上海重型机器厂有限公司</t>
  </si>
  <si>
    <t>【上海电气】导向装置上衬板\K3743.5-4\上海重型机器厂有限公司</t>
  </si>
  <si>
    <t>【上海电气】导向装置上衬板\K3743.5-5\上海重型机器厂有限公司</t>
  </si>
  <si>
    <t>【上海电气】导向装置侧衬板\K3743.5-6\上海重型机器厂有限公司</t>
  </si>
  <si>
    <t>【上海电气】后中间衬板\K3743.5-7\上海重型机器厂有限公司</t>
  </si>
  <si>
    <t>【上海电气】导向装置前中间衬板\K3743.5-8\磨煤机\HP843\国产</t>
  </si>
  <si>
    <t>【上海电气】导向装置衬板支承板\K3743.5-9\磨煤机\HP863\国产</t>
  </si>
  <si>
    <t>【上海电气】检修门\K3743.5.2.0\磨煤机\HP\国产</t>
  </si>
  <si>
    <t>【上海电气】盖板\K3741.5-13\磨煤机\HP\国产</t>
  </si>
  <si>
    <t>【上海电气】垫片\K3741.5-12\磨煤机\HP\国产</t>
  </si>
  <si>
    <t>【上海电气】陶瓷塞\K3743.5-13\磨煤机\HP843\国产</t>
  </si>
  <si>
    <t>【上海电气】焊塞\K3743.5-14\上海重型机器厂有限公司</t>
  </si>
  <si>
    <t>【上海电气】支撑管\K3743-2\磨煤机\HP\国产</t>
  </si>
  <si>
    <t>【上海电气】磨碗延伸环\K3743.7-1\磨煤机\HP843\国产</t>
  </si>
  <si>
    <t>【上海电气】磨碗\K3743.7-2\磨煤机\HP\国产</t>
  </si>
  <si>
    <t>【上海电气】磨碗衬板装置\K3743.7.1.0\磨煤机\HP843\国产</t>
  </si>
  <si>
    <t>【上海电气】磨碗夹紧环\K3743.7-3\上海重型机械厂</t>
  </si>
  <si>
    <t>【上海电气】磨碗盖板\K3743.7-4\磨煤机\HP\国产</t>
  </si>
  <si>
    <t>【上海电气】磨碗上盖板\K3743.7-5\磨煤机\HP\国产</t>
  </si>
  <si>
    <t>【上海电气】耐磨板\K3743.7-6\磨煤机\HP\国产</t>
  </si>
  <si>
    <t>【上海电气】键\K3743.7-8\磨煤机\HP\国产</t>
  </si>
  <si>
    <t>【上海电气】叶轮装置\K3743.7.2.0\磨煤机\HP843\国产</t>
  </si>
  <si>
    <t>【上海电气】叶轮扇形体装置\K3743.7.2.1.0\磨煤机\HP\国产</t>
  </si>
  <si>
    <t>【上海电气】叶轮扇形体\K3743.7.2.1-1\磨煤机\HP\国产</t>
  </si>
  <si>
    <t>【上海电气】可调罩\K3743.7.2.1-2\磨煤机\HP\国产</t>
  </si>
  <si>
    <t>【上海电气】空气节流扇形体\K3743.7.2-1\磨煤机\HP843\国产</t>
  </si>
  <si>
    <t>【上海电气】空气节流扇形体\K3743.7.2-2\磨煤机\HP843\国产</t>
  </si>
  <si>
    <t>【上海电气】空气节流扇形体\K3743.7.2-3\磨煤机\HP843\国产</t>
  </si>
  <si>
    <t>【上海电气】叶轮支承耳板\K3743.7.2-4\磨煤机\HP\国产</t>
  </si>
  <si>
    <t>【上海电气】接管\K3743.8-1\磨煤机\HP\国产</t>
  </si>
  <si>
    <t>【上海电气】进风口上衬板\K3743.8-24\上海重型机器厂有限公司</t>
  </si>
  <si>
    <t>【上海电气】侧机体衬板\K3743.8-37\上海重型机器厂有限公司</t>
  </si>
  <si>
    <t>【上海电气】耐磨衬板\K3743.8-38\上海重型机器厂有限公司</t>
  </si>
  <si>
    <t>【上海电气】侧机体衬板\K3743.8-39\上海重型机器厂有限公司</t>
  </si>
  <si>
    <t>【上海电气】耐磨衬板\K3743.8-40\上海重型机器厂有限公司</t>
  </si>
  <si>
    <t>【上海电气】侧机体衬板\K3743.8-25\上海重型机器厂有限公司</t>
  </si>
  <si>
    <t>【上海电气】绝热层扇形盖\K3743.8-31\磨煤机\HP\国产</t>
  </si>
  <si>
    <t>【上海电气】检修门\K3743.8.3.0\磨煤机\HP\国产</t>
  </si>
  <si>
    <t>【上海电气】垫片\K3743.8-6\磨煤机\HP\国产</t>
  </si>
  <si>
    <t>【上海电气】测压管\K3743.8-33\磨煤机\HP\国产</t>
  </si>
  <si>
    <t>【上海电气】内气封环\K3743.8-29 ZG230-450\上海重型机械厂</t>
  </si>
  <si>
    <t>【上海电气】搭板\K3743.8-30 Q235A\上海重型机器厂有限公司</t>
  </si>
  <si>
    <t>【上海电气】绝热层扇形盖\K3743.8-28\磨煤机\HP\国产</t>
  </si>
  <si>
    <t>【上海电气】搭板\K3743.8-32 Q235A\上海重型机器厂有限公司</t>
  </si>
  <si>
    <t>【上海电气】支架\K3743.8-23\磨煤机\HP\国产</t>
  </si>
  <si>
    <t>【上海电气】压块\K3743.8-34\磨煤机\HP\国产</t>
  </si>
  <si>
    <t>【上海电气】气封环垫片组\K3743.8.7.0\磨煤机\HP\国产</t>
  </si>
  <si>
    <t>【上海电气】锁紧板\K3743.8-35\磨煤机\HP\国产</t>
  </si>
  <si>
    <t>【上海电气】耐磨衬板\K3743.8-36\上海重型机器厂有限公司</t>
  </si>
  <si>
    <t>【上海电气】侧机体衬板\K3743.8-2\上海重型机器厂有限公司</t>
  </si>
  <si>
    <t>【上海电气】侧机体衬板\K3743.8-5\上海重型机器厂有限公司</t>
  </si>
  <si>
    <t>【上海电气】耐磨衬板\K3743.8-41\磨煤机\HP\国产</t>
  </si>
  <si>
    <t>【上海电气】封板\K3743.8-26\磨煤机\HP\国产</t>
  </si>
  <si>
    <t>【上海电气】管\K3743.8-27\磨煤机\HP\国产</t>
  </si>
  <si>
    <t>【上海电气】螺柱\K3743-3\磨煤机\HP\国产</t>
  </si>
  <si>
    <t>【上海电气】螺母\K3743-4\磨煤机\HP\国产</t>
  </si>
  <si>
    <t>【上海电气】垫圈\K3743-5\磨煤机\HP\国产</t>
  </si>
  <si>
    <t>【上海电气】密封环\K3739.14-2\磨煤机\HP\国产</t>
  </si>
  <si>
    <t>【上海电气】密封垫片\K3739.14-1 Q235A\上海重型机器厂有限公司</t>
  </si>
  <si>
    <t>【上海电气】润滑冷却装置\OWTS08\磨煤机\HP\国产</t>
  </si>
  <si>
    <t>【上海电气】刮板装置\K3743.14.0\上海重型机器厂</t>
  </si>
  <si>
    <t>【上海电气】磨辊总成\K3743.16.0\上海重型机械厂</t>
  </si>
  <si>
    <t>【上海电气】密封挡圈\K3743.16-1\磨煤机\HP843\国产</t>
  </si>
  <si>
    <t>【上海电气】磨辊头衬板\K3743.16-2\上海重型机械厂</t>
  </si>
  <si>
    <t>【上海电气】磨辊头衬板支架\K3743.16.5.1.0\磨煤机\HP843/Dyn\国产</t>
  </si>
  <si>
    <t>【上海电气】焊塞\K3743.16.5-6\磨煤机\HP\国产</t>
  </si>
  <si>
    <t>【上海电气】焊塞盖\K3743.16.5-7\磨煤机\HP\国产</t>
  </si>
  <si>
    <t>【上海电气】磨辊座盖\K3743.16-3\磨煤机\HP843\国产</t>
  </si>
  <si>
    <t>【上海电气】密封圈\K3743.16-5\丁腈橡胶</t>
  </si>
  <si>
    <t>【上海电气】轴承\GP-556\磨煤机\HP\国产</t>
  </si>
  <si>
    <t>【上海电气】磁性螺塞\K3743.16.1.0\磨煤机\HP\国产</t>
  </si>
  <si>
    <t>【上海电气】磨辊轴承挡圈\K3743.16-6\磨煤机\HP863\国产</t>
  </si>
  <si>
    <t>【上海电气】制动垫片\K3743.16-7\磨煤机\HP\国产</t>
  </si>
  <si>
    <t>【上海电气】垫片组\K3743.16-8\上海重型机器厂有限公司</t>
  </si>
  <si>
    <t>【上海电气】垫片组\K3743.16-9 Q195A\上海重型机器厂有限公司</t>
  </si>
  <si>
    <t>【上海电气】垫片组\K3743.16-10 QSn6.5-0.1\上海重型机器厂有限公司</t>
  </si>
  <si>
    <t>【上海电气】下磨辊座盖\K3743.16-11\磨煤机\HP843\国产</t>
  </si>
  <si>
    <t>【上海电气】磨辊座\K3743.16-33\磨煤机\HP863\国产</t>
  </si>
  <si>
    <t>【上海电气】螺塞\K3743.16-12\磨煤机\HP\国产</t>
  </si>
  <si>
    <t>【上海电气】挡圈\K3743.16-13\上海重型机械厂</t>
  </si>
  <si>
    <t>【上海电气】磨辊键\K3743.16-14\磨煤机\HP863\国产</t>
  </si>
  <si>
    <t>【上海电气】磨辊套\K3743.16.3.0\磨煤机\HP863\国产</t>
  </si>
  <si>
    <t>【上海电气】螺塞\k3743.16-15 M36\磨煤机\HP843\国产</t>
  </si>
  <si>
    <t>【上海电气】磨辊轴\K3743.16-16\磨煤机\HP\国产</t>
  </si>
  <si>
    <t>【上海电气】垫片\K3743.16-17\磨煤机\HP863\国产</t>
  </si>
  <si>
    <t>【上海电气】磨辊头垫块支承座\K3743.16-18\磨煤机\HP863\国产</t>
  </si>
  <si>
    <t>【上海电气】磨辊头垫块\K3743.16-19\磨煤机\HP843\国产</t>
  </si>
  <si>
    <t>【上海电气】磨辊头孔盖板\K3743.16-20\磨煤机\HP\国产</t>
  </si>
  <si>
    <t>【上海电气】磨辊轴承隔圈\K3743.16-21\磨煤机\HP863\国产</t>
  </si>
  <si>
    <t>【上海电气】密封耐磨环\K3743.16-22\磨煤机\HP863\国产</t>
  </si>
  <si>
    <t>【上海电气】油封检修盖\K3743.16-23\磨煤机\HP863\国产</t>
  </si>
  <si>
    <t>【上海电气】骨架油封\C-V00-819\磨煤机\HP843\国产</t>
  </si>
  <si>
    <t>【上海电气】止推端耳轴\K3743.16-24\磨煤机\HP863\国产</t>
  </si>
  <si>
    <t>【上海电气】止推端止推板\K3743.16-25\磨煤机\HP863\国产</t>
  </si>
  <si>
    <t>【上海电气】磨辊裙罩装置\K3743.16.4.0\上海重型机械厂</t>
  </si>
  <si>
    <t>【上海电气】半磨辊裙罩\K3743.16.4-1\磨煤机\HP\国产</t>
  </si>
  <si>
    <t>【上海电气】磨辊头衬板装置\K3743.16.5.0\上海重型机械厂</t>
  </si>
  <si>
    <t>【上海电气】磨辊耳轴衬套\K3743.16.6.0\磨煤机\HP863\国产</t>
  </si>
  <si>
    <t>【上海电气】磨辊头\K3743.16-26\磨煤机\HP\国产</t>
  </si>
  <si>
    <t>【上海电气】数字牌\K3743.16-27\磨煤机\HP\国产</t>
  </si>
  <si>
    <t>【上海电气】耳轴衬套挡圈\K3743.16-28\磨煤机\HP863\国产</t>
  </si>
  <si>
    <t>【上海电气】自由端止推板\K3743.16-29\磨煤机\HP863\国产</t>
  </si>
  <si>
    <t>【上海电气】自由端耳轴\K3743.16-30\磨煤机\HP863\国产</t>
  </si>
  <si>
    <t>【上海电气】数字牌\K3743.16-31\磨煤机\HP\国产</t>
  </si>
  <si>
    <t>【上海电气】密封垫\K3743.16-32\磨煤机\HP\国产</t>
  </si>
  <si>
    <t>【上海电气】油封\SM8640\磨煤机\HP\国产</t>
  </si>
  <si>
    <t>【上海电气】弹簧加载装置\K3744.7.0\磨煤机\HP\国产</t>
  </si>
  <si>
    <t>【上海电气】拉杆螺栓\K3743.17-2\磨煤机\HP843\国产</t>
  </si>
  <si>
    <t>【上海电气】压盖\K3743.17-3\磨煤机\HP843\国产</t>
  </si>
  <si>
    <t>【上海电气】调节螺母\K3743.17-4\磨煤机\HP\国产</t>
  </si>
  <si>
    <t>【上海电气】固定板\K3743.17-5\磨煤机\HP843\国产</t>
  </si>
  <si>
    <t>【上海电气】弹簧座\K3743.17.1.0\磨煤机\HP\国产</t>
  </si>
  <si>
    <t>【上海电气】内圈\K3743.17.1-1\磨煤机\HP\国产</t>
  </si>
  <si>
    <t>【上海电气】筒体\K3743.17.1-2\磨煤机\HP\国产</t>
  </si>
  <si>
    <t>【上海电气】法兰\K3743.17.1-3\磨煤机\HP\国产</t>
  </si>
  <si>
    <t>【上海电气】螺栓\K3743.17-6\磨煤机\HP\国产</t>
  </si>
  <si>
    <t>【上海电气】弹簧座盖\K3743.17.2.0\磨煤机\HP\国产</t>
  </si>
  <si>
    <t>【上海电气】轴承\TY03\上海重型机器厂</t>
  </si>
  <si>
    <t>【上海电气】锁紧螺母\K3744.7-1\磨煤机\HP\国产</t>
  </si>
  <si>
    <t>【上海电气】加载螺栓\K3744.7-2\磨煤机\HP\国产</t>
  </si>
  <si>
    <t>【上海电气】盖\K3743.17-10\磨煤机\HP\国产</t>
  </si>
  <si>
    <t>【上海电气】弹簧柱座\K3743.17-12\磨煤机\HP\国产</t>
  </si>
  <si>
    <t>【上海电气】密封盖\K3743.17-15\磨煤机\HP\国产</t>
  </si>
  <si>
    <t>【上海电气】检查孔盖\K3743.17-17\磨煤机\HP\国产</t>
  </si>
  <si>
    <t>【上海电气】垫片\K3743.17-18\磨煤机\HP\国产</t>
  </si>
  <si>
    <t>【上海电气】垫块\K3743.17-19\磨煤机\HP\国产</t>
  </si>
  <si>
    <t>【上海电气】轴承\TY01\上海重型机器厂</t>
  </si>
  <si>
    <t>【上海电气】轴承\TY02\上海重型机器厂</t>
  </si>
  <si>
    <t>【上海电气】磨辊孔盖\K3743.17.3.0\磨煤机\HP\国产</t>
  </si>
  <si>
    <t>【上海电气】倒锥体\K3743.18-1\磨煤机\HP\国产</t>
  </si>
  <si>
    <t>【上海电气】磨碗垫圈\K3734-5\磨煤机\HP983\国产</t>
  </si>
  <si>
    <t>【上海电气】定位销\K3734-7\磨煤机\HP\国产</t>
  </si>
  <si>
    <t>【上海电气】定位销\K3734-9\磨煤机\HP\国产</t>
  </si>
  <si>
    <t>【上海电气】支撑管\K3734-2\磨煤机\HP\国产</t>
  </si>
  <si>
    <t>【上海电气】倒锥体\K3734-12\磨煤机\HP\国产</t>
  </si>
  <si>
    <t>【上海电气】垫圈\K3734-1\磨煤机\HP\国产</t>
  </si>
  <si>
    <t>【上海电气】润滑冷却装置\OWTS09\磨煤机\HP\国产</t>
  </si>
  <si>
    <t>【上海电气】通气罩\HZJ5017.6\磨煤机\HP843\国产</t>
  </si>
  <si>
    <t>【上海电气】闸板阀\K933.00\磨煤机\HP\国产</t>
  </si>
  <si>
    <t>【上海电气】排出体\K3833.2-4\磨煤机\HP\国产</t>
  </si>
  <si>
    <t>【上海电气】焊接塞\K3734.1.2-4\磨煤机\HP\国产</t>
  </si>
  <si>
    <t>【上海电气】陶瓷塞\K3734.1.2-3\磨煤机\HP\国产</t>
  </si>
  <si>
    <t>【上海电气】多出口板\K3833.2-9\磨煤机\HP\国产</t>
  </si>
  <si>
    <t>【上海电气】联轴器\HP1163ZY\进口</t>
  </si>
  <si>
    <t>【上海电气】上落煤管\K6060-1\磨煤机\HP\国产</t>
  </si>
  <si>
    <t>【上海电气】密封垫圈\K3962-1\磨煤机\HP\国产</t>
  </si>
  <si>
    <t>【上海电气】弹簧加载装置\K3868.11.0\磨煤机\HP1203\进口</t>
  </si>
  <si>
    <t>【上海电气】加载螺栓\K3868.11-1\磨煤机\HP1203\国产</t>
  </si>
  <si>
    <t>【上海电气】密封盖\K3868.11-2\磨煤机\HP1203\国产</t>
  </si>
  <si>
    <t>【上海电气】孔板\KB1203\磨煤机\HP1203\国产</t>
  </si>
  <si>
    <t>【上海电气】前支撑圈\QZ1203\磨煤机\HP1203\国产</t>
  </si>
  <si>
    <t>【上海电气】拉杆螺栓\K3868.11-5\磨煤机\HP1203\国产</t>
  </si>
  <si>
    <t>【上海电气】O型密封圈\K3868.11-6\磨煤机\HP1203\国产</t>
  </si>
  <si>
    <t>【上海电气】磨辊孔盖\K3868.11.1.0\磨煤机\HP\国产</t>
  </si>
  <si>
    <t>【上海电气】挡板\K3868.11-7\磨煤机\HP1203\国产</t>
  </si>
  <si>
    <t>【上海电气】键\K3868.11-8\磨煤机\HP1203\国产</t>
  </si>
  <si>
    <t>【上海电气】拉杆螺母\K3868.11.2.0\磨煤机\HP1203\国产</t>
  </si>
  <si>
    <t>【上海电气】弹簧柱座\K3868.11-9\磨煤机\HP1203\国产</t>
  </si>
  <si>
    <t>【上海电气】平油嘴\BYZ-2\国产</t>
  </si>
  <si>
    <t>【上海电气】弹簧座\K3868.11.3.0\磨煤机\HP1203\国产</t>
  </si>
  <si>
    <t>【上海电气】弹簧\GP-3271-S\磨煤机\HP1203\国产</t>
  </si>
  <si>
    <t>【上海电气】后支撑圈\HZ1203\磨煤机\HP1203\国产</t>
  </si>
  <si>
    <t>【上海电气】加载弹簧座\K3868.11.4.0\磨煤机\HP1163\国产</t>
  </si>
  <si>
    <t>【上海电气】弹簧座盖\K3868.11-11\磨煤机\HP1163\国产</t>
  </si>
  <si>
    <t>【上海电气】调节螺母\K3868.11-12\磨煤机\HP1203\国产</t>
  </si>
  <si>
    <t>【上海电气】弹簧盖\K3868.11-13\磨煤机\HP1203\国产</t>
  </si>
  <si>
    <t>【上海电气】螺栓\K3868.11-14\磨煤机\HP1203\国产</t>
  </si>
  <si>
    <t>【上海电气】垫片\K3868.11-15\磨煤机\HP1203\国产</t>
  </si>
  <si>
    <t>【上海电气】检查孔盖\K3868.11-16\磨煤机\HP\国产</t>
  </si>
  <si>
    <t>【上海电气】磨辊总成\K3868.10.0\上海重型机械厂有限公司</t>
  </si>
  <si>
    <t>【上海电气】镀锌管\K3868.10-1\磨煤机\HP\国产</t>
  </si>
  <si>
    <t>【上海电气】磨辊轴\K3868.10-2\磨煤机\HP1163/dyn\国产</t>
  </si>
  <si>
    <t>【上海电气】油封耐油环\K3868.10-3\磨煤机\HP1203\国产</t>
  </si>
  <si>
    <t>【上海电气】油封\GP-6640\磨煤机\HP\国产</t>
  </si>
  <si>
    <t>【上海电气】磨辊座盖\K3868.10-17\磨煤机\HP1203\国产</t>
  </si>
  <si>
    <t>【上海电气】内六角锥端紧定螺钉\M20\25mm\45H\GB/T78</t>
  </si>
  <si>
    <t>【上海电气】O型密封圈\K3868.10-4\磨煤机\HP1203\国产</t>
  </si>
  <si>
    <t>【上海电气】环\K3868.10-5\磨煤机\HP1203\国产</t>
  </si>
  <si>
    <t>【上海电气】轴承\12112231\磨煤机\HP743-HP1163\国产</t>
  </si>
  <si>
    <t>【上海电气】磁性螺塞\K3868.10.2.0\磨煤机\HP1203\国产</t>
  </si>
  <si>
    <t>【上海电气】下磨辊座盖\K3868.10-6\磨煤机\HP1203\国产</t>
  </si>
  <si>
    <t>【上海电气】止动垫片\K3868.10-7\磨煤机\HP1203\国产</t>
  </si>
  <si>
    <t>【上海电气】垫片组\K3868.10-8 QSn6.5-0.1\上海重型机器厂</t>
  </si>
  <si>
    <t>【上海电气】磨辊轴承挡圈\K3868.10-9\磨煤机\HP1203\国产</t>
  </si>
  <si>
    <t>【上海电气】磨辊座\K3868.10-10\磨煤机\HP1203\国产</t>
  </si>
  <si>
    <t>【上海电气】磨辊挡圈\K3868.10-11\磨煤机\HP1203\国产</t>
  </si>
  <si>
    <t>【上海电气】磨辊套\K3868.10.3.0\磨煤机\HP1163\国产</t>
  </si>
  <si>
    <t>【上海电气】磨辊裙罩装置\K3868.10.4.0\磨煤机\HP1203\国产</t>
  </si>
  <si>
    <t>【上海电气】磨辊头\K3868.10-13\磨煤机\HP1203\国产</t>
  </si>
  <si>
    <t>【上海电气】磨辊头盖\K3868.10-14\磨煤机\HP1203\国产</t>
  </si>
  <si>
    <t>【上海电气】磨辊头衬板装置\K3868.10.5.0\上海重型机器厂</t>
  </si>
  <si>
    <t>【上海电气】磨辊座衬板\k3868.10-15\磨煤机\HP1203\国产</t>
  </si>
  <si>
    <t>【上海电气】油封挡圈\K3868.10-16\磨煤机\HP1203\国产</t>
  </si>
  <si>
    <t>【上海电气】缝隙环\K3868-4\磨煤机\HP1203\国产</t>
  </si>
  <si>
    <t>【上海电气】密封环\K3868.8-1\磨煤机\HP1203\国产</t>
  </si>
  <si>
    <t>【上海电气】定位钉\K3868.8-2\磨煤机\HP1203\国产</t>
  </si>
  <si>
    <t>【上海电气】特种C型盘根成形环\6220×25×25mm AIG24\磨煤机\HP1203\国产</t>
  </si>
  <si>
    <t>【上海电气】密封压盖\K3868.8.1.0\磨煤机\HP1203\国产</t>
  </si>
  <si>
    <t>【上海电气】角钢\K3868.8-3\磨煤机\HP\国产</t>
  </si>
  <si>
    <t>【上海电气】护罩\K3868.8-4\磨煤机\HP1203\国产</t>
  </si>
  <si>
    <t>【上海电气】压盖扇形块\K3868.8.1-1\磨煤机\HP\国产</t>
  </si>
  <si>
    <t>【上海电气】刮板装置\K3868.6.0\上海重型机器厂</t>
  </si>
  <si>
    <t>【上海电气】封板\K3868.7-5\磨煤机\HP\国产</t>
  </si>
  <si>
    <t>【上海电气】检修门\K3868.7.3.0\磨煤机\HP\国产</t>
  </si>
  <si>
    <t>【上海电气】检修门封板\K3868.7-4\磨煤机\HP\国产</t>
  </si>
  <si>
    <t>【上海电气】进风口右侧封板\K6116.4-1\磨煤机\HP\国产</t>
  </si>
  <si>
    <t>【上海电气】进风口上封板\K6116.4-2\磨煤机\HP\国产</t>
  </si>
  <si>
    <t>【上海电气】进风口上封板\K6116.4-3\磨煤机\HP\国产</t>
  </si>
  <si>
    <t>【上海电气】进风口左侧封板\K6116.4-4\磨煤机\HP\国产</t>
  </si>
  <si>
    <t>【上海电气】进风口下封板\K6116.4-6\磨煤机\HP\国产</t>
  </si>
  <si>
    <t>【上海电气】磨碗毂\K3868.5-1\磨煤机\HP1203\国产</t>
  </si>
  <si>
    <t>【上海电气】磨碗毂衬板\K3868.5-15\磨煤机\HP1203\国产</t>
  </si>
  <si>
    <t>【上海电气】磨碗\K3868.5-2\磨煤机\HP1203\国产</t>
  </si>
  <si>
    <t>【上海电气】键\K3868.5-3\磨煤机\HP1203\国产</t>
  </si>
  <si>
    <t>【上海电气】螺钉\K3868.5-4 M20x45\磨煤机\HP1203\国产</t>
  </si>
  <si>
    <t>【上海电气】磨碗衬板装置\K3868.5.1.0\磨煤机\HP1203\国产</t>
  </si>
  <si>
    <t>【上海电气】磨碗夹紧环\K3868.5-5\磨煤机\HP1203\国产</t>
  </si>
  <si>
    <t>【上海电气】O型密封圈\K3868.5-6\磨煤机\HP1203\国产</t>
  </si>
  <si>
    <t>【上海电气】耐磨板\K3868.5-7\磨煤机\HP1203\国产</t>
  </si>
  <si>
    <t>【上海电气】磨碗中心盖\K3868.5-8\磨煤机\HP1203\国产</t>
  </si>
  <si>
    <t>【上海电气】磨碗盖板\K3868.5-9\磨煤机\HP1203\国产</t>
  </si>
  <si>
    <t>【上海电气】螺钉\K3868.5-10 M20x55mm\磨煤机\HP1203\国产</t>
  </si>
  <si>
    <t>【上海电气】键\K3868.5-11\磨煤机\HP1203\国产</t>
  </si>
  <si>
    <t>【上海电气】磨碗延伸环\K3868.5-12\磨煤机\HP1203\国产</t>
  </si>
  <si>
    <t>【上海电气】叶轮装置\K3868.5.2.0\磨煤机\HP1203\国产</t>
  </si>
  <si>
    <t>【上海电气】叶轮扇形体\K3868.5.2-1\磨煤机\HP\国产</t>
  </si>
  <si>
    <t>【上海电气】耐磨环\K3868.5.2-2\磨煤机\HP\国产</t>
  </si>
  <si>
    <t>【上海电气】空气节流环\K3868.5.2-3\磨煤机\MW31B/L-Dyn\国产</t>
  </si>
  <si>
    <t>【上海电气】空气节流环\K3868.5.2-4\磨煤机\MW31B/L-Dyn\国产</t>
  </si>
  <si>
    <t>【上海电气】空气节流环\K3868.5.2-5\磨煤机\MW31B/L-Dyn\国产</t>
  </si>
  <si>
    <t>【上海电气】叶轮支承耳板\K3868.5.2-6\磨煤机\HP\国产</t>
  </si>
  <si>
    <t>【上海电气】定位销\K3868.5-13\磨煤机\HP1203\国产</t>
  </si>
  <si>
    <t>【上海电气】磨碗毂衬板\K3868.5-14\磨煤机\HP1203\国产</t>
  </si>
  <si>
    <t>【上海电气】密封环\K3868-1\磨煤机\HP1203\国产</t>
  </si>
  <si>
    <t>【上海电气】耳轴套\K3868.3-1\磨煤机\HP1203\国产</t>
  </si>
  <si>
    <t>【上海电气】耳轴盖\K3868.3-4\磨煤机\HP1203\国产</t>
  </si>
  <si>
    <t>【上海电气】耳轴衬套\K3868.3.2.0\磨煤机\HP1203\国产</t>
  </si>
  <si>
    <t>【上海电气】耳轴\K3868.3-5\磨煤机\HP1203\国产</t>
  </si>
  <si>
    <t>【上海电气】O型密封圈\K3868.3-6\磨煤机\HP1203\国产</t>
  </si>
  <si>
    <t>【上海电气】盖板\K3868.3-7\磨煤机\HP\国产</t>
  </si>
  <si>
    <t>【上海电气】垫片\K3868.3-8\磨煤机\HP\国产</t>
  </si>
  <si>
    <t>【上海电气】垫片\K3868.3-9\磨煤机\HP1203\国产</t>
  </si>
  <si>
    <t>【上海电气】检修门\K3868.3.3.0\磨煤机\HP\国产</t>
  </si>
  <si>
    <t>【上海电气】导向装置支撑板\K3868.3-10\磨煤机\HP1203\国产</t>
  </si>
  <si>
    <t>【上海电气】焊塞\K3868.3-11\磨煤机\HP1203\国产</t>
  </si>
  <si>
    <t>【上海电气】陶瓷塞\K3868.3-12\磨煤机\HP1203\国产</t>
  </si>
  <si>
    <t>【上海电气】右中间衬板\K3868.3-13\磨煤机\HP1203\国产</t>
  </si>
  <si>
    <t>【上海电气】中间衬板\K3868.3-14\磨煤机\HP1203\国产</t>
  </si>
  <si>
    <t>【上海电气】左中间衬板\K3868.3-15\磨煤机\HP1203\国产</t>
  </si>
  <si>
    <t>【上海电气】右侧衬板\K3868.3-16\磨煤机\HP1203\国产</t>
  </si>
  <si>
    <t>【上海电气】导向装置上衬板\K3868.3-17\磨煤机\HP1203\国产</t>
  </si>
  <si>
    <t>【上海电气】导向装置上衬板\K3868.3-18\磨煤机\HP1203\国产</t>
  </si>
  <si>
    <t>【上海电气】导向装置上衬板\K3868.3-19\磨煤机\HP1203\国产</t>
  </si>
  <si>
    <t>【上海电气】左侧衬板\K3868.3-20\磨煤机\HP1203\国产</t>
  </si>
  <si>
    <t>【上海电气】转子体装置\K3962.3.0\磨煤机\HP1203\国产</t>
  </si>
  <si>
    <t>【上海电气】转子和叶片装置\K3962.3.1.0\磨煤机\HP\国产</t>
  </si>
  <si>
    <t>【上海电气】盖板\K3962.3.1-1\磨煤机\HP\国产</t>
  </si>
  <si>
    <t>【上海电气】叶片\K3962.3.1-2\磨煤机\HP\国产</t>
  </si>
  <si>
    <t>【上海电气】中间板\K3962.3.1-3\磨煤机\HP\国产</t>
  </si>
  <si>
    <t>【上海电气】底板\K3962.3.1-4\磨煤机\HP\国产</t>
  </si>
  <si>
    <t>【上海电气】支架\K3962.3-1\磨煤机\HP\国产</t>
  </si>
  <si>
    <t>【上海电气】角接触球轴承\718/850MP\TIMKEN</t>
  </si>
  <si>
    <t>【上海电气】油封\X1103U\磨煤机\HP\国产</t>
  </si>
  <si>
    <t>【上海电气】下落煤管\K3962-3\磨煤机\HP\国产</t>
  </si>
  <si>
    <t>【上海电气】气动闸板阀\DN760\磨煤机\HP\国产</t>
  </si>
  <si>
    <t>【上海电气】排出体\K6116.6.2.0\磨煤机\HP\国产</t>
  </si>
  <si>
    <t>【上海电气】垫片\K3868.2-3\磨煤机\HP\国产</t>
  </si>
  <si>
    <t>【上海电气】减速机全套轴承\KGKMP250I25.412-QTZC\磨煤机\HP743-HP1163\进口</t>
  </si>
  <si>
    <t>【上海电气】减速机全套轴承\KGKMP250I23.625-QTZC\磨煤机\HP743-HP1163\进口</t>
  </si>
  <si>
    <t>【上海电气】减速机全套轴承\KGKMP300I27.7-QTZC\磨煤机\HP743-HP1163\进口</t>
  </si>
  <si>
    <t>【上海电气】减速机全套轴承\KGKMP300I29.748-QTZC\磨煤机\HP743-HP1163\进口</t>
  </si>
  <si>
    <t>【上海电气】减速机全套轴承\KGKMP340I32.435-QTZC\磨煤机\HP743-HP1163\进口</t>
  </si>
  <si>
    <t>【上海电气】减速机全套轴承\KGKMP370I35.642-QTZC\磨煤机\HP743-HP1163\进口</t>
  </si>
  <si>
    <t>【上海电气】全套伞齿\KGKMP250I23.1-QTSC\减速器\HP743-HP1163\国产</t>
  </si>
  <si>
    <t>【上海电气】全套伞齿\KGKMP250I25.412-QTSC\减速器\HP743-HP1163\国产</t>
  </si>
  <si>
    <t>【上海电气】全套伞齿\KGKMP250I23.625-QTSC\减速器\HP743-HP1163\国产</t>
  </si>
  <si>
    <t>【上海电气】全套伞齿\KGKMP300I27.7-QTSC\减速器\HP743-HP1163\国产</t>
  </si>
  <si>
    <t>【上海电气】全套伞齿\KGKMP300I29.748-QTSC\减速器\HP743-HP1163\国产</t>
  </si>
  <si>
    <t>【上海电气】全套伞齿\KGKMP340I32.435-QTSC\减速器\HP743-HP1163\国产</t>
  </si>
  <si>
    <t>【上海电气】全套伞齿\KGKMP370I35.642-QTSC\减速器\HP743-HP1163\国产</t>
  </si>
  <si>
    <t>【上海电气】减速箱\J411.00(B)\磨煤机\HP743-HP1163\国产</t>
  </si>
  <si>
    <t>【上海电气】减速箱\J411.00(A)\磨煤机\HP743-HP1163\国产</t>
  </si>
  <si>
    <t>【上海电气】减速箱\J430.00(A)\磨煤机\HP743-HP1163\国产</t>
  </si>
  <si>
    <t>【上海电气】减速箱\J434.00(B)\磨煤机\HP743-HP1163\国产</t>
  </si>
  <si>
    <t>【上海电气】减速箱\J434.00(A)\磨煤机\HP743-HP1163\国产</t>
  </si>
  <si>
    <t>【上海电气】差压开关\KGYCKG-1\G1/2\ExdⅡCT6\进口</t>
  </si>
  <si>
    <t>【上海电气】温度开关\205NN-T125-U9-C7A-X373\0-120℃\1/2NPT\非防爆\进口</t>
  </si>
  <si>
    <t>【上海电气】液位开关\301A-F1A-B-A4-N4-X373\水\螺纹连接\非防爆\IP65\进口</t>
  </si>
  <si>
    <t>【上海电气】压力开关\KGYCKG-11\G3/4\进口</t>
  </si>
  <si>
    <t>【上海电气】角接触球轴承\718/710MP\TIMKEN</t>
  </si>
  <si>
    <t>【上海电气】刮板装置\K3743.13.0\上海重型机器厂</t>
  </si>
  <si>
    <t>【上海电气】刮板\K3743.13.1.0\磨煤机\HP\国产</t>
  </si>
  <si>
    <t>【上海电气】耐磨板\K3743.13-6\磨煤机\HP843\国产</t>
  </si>
  <si>
    <t>【上海电气】支承环\J430.1-3\磨煤机\HP\国产</t>
  </si>
  <si>
    <t>【上海电气】法兰\J430.1-6\磨煤机\HP\国产</t>
  </si>
  <si>
    <t>【上海电气】支承环\J430.1-7\磨煤机\HP\国产</t>
  </si>
  <si>
    <t>【上海电气】放油块\J430.1-8\磨煤机\HP\国产</t>
  </si>
  <si>
    <t>【上海电气】轴承座\J430.1-10\磨煤机\HP\国产</t>
  </si>
  <si>
    <t>【上海电气】法兰套\J430-2\磨煤机\HP\国产</t>
  </si>
  <si>
    <t>【上海电气】迷宫盖\J430-3\磨煤机\HP\国产</t>
  </si>
  <si>
    <t>【上海电气】迷宫环\J430-8\磨煤机\HP\国产</t>
  </si>
  <si>
    <t>【上海电气】止推滑动轴承\J430.2.0\减速机\KMP300\国产</t>
  </si>
  <si>
    <t>【上海电气】支承环\J430-12\磨煤机\HP\国产</t>
  </si>
  <si>
    <t>【上海电气】法兰\J430-13\磨煤机\HP\国产</t>
  </si>
  <si>
    <t>【上海电气】行星架\J430-17\磨煤机\HP\国产</t>
  </si>
  <si>
    <t>【上海电气】太阳轮\J430-18Ⅱ\磨煤机\HP\国产</t>
  </si>
  <si>
    <t>【上海电气】盖板\J430-19\磨煤机\HP\国产</t>
  </si>
  <si>
    <t>【上海电气】孔堵\J430-20\磨煤机\HP\国产</t>
  </si>
  <si>
    <t>【上海电气】行星轮\J430-23\减速机\KMP300\国产</t>
  </si>
  <si>
    <t>【上海电气】环\J430-25\磨煤机\HP\国产</t>
  </si>
  <si>
    <t>【上海电气】行星轮轴\J430-26\减速机\KMP300\国产</t>
  </si>
  <si>
    <t>【上海电气】内齿套\J430-27\减速机\KMP300\国产</t>
  </si>
  <si>
    <t>【上海电气】伞齿轮\J430-30b\减速机\KMP300\国产</t>
  </si>
  <si>
    <t>【上海电气】垫环\J430-36\磨煤机\HP\国产</t>
  </si>
  <si>
    <t>【上海电气】空气滤清器\KGKMP-C-G-1\国产</t>
  </si>
  <si>
    <t>【上海电气】液位计\1.2102227E7\磨煤机\HP\国产</t>
  </si>
  <si>
    <t>【上海电气】弹性橡胶块组件\E025000000000630\磨煤机\HP\国产</t>
  </si>
  <si>
    <t>【上海电气】法兰\K3741.18-4\磨煤机\HP\国产</t>
  </si>
  <si>
    <t>【上海电气】垫圈\K3741.18-5\磨煤机\HP\国产</t>
  </si>
  <si>
    <t>【上海电气】关节轴承\KGGE34-W3\SKF</t>
  </si>
  <si>
    <t>【上海电气】六角钢片\1.0038765E7\磨煤机\HP\国产</t>
  </si>
  <si>
    <t>【上海电气】供油管\K7006.3.1.0\磨煤机\HP\国产</t>
  </si>
  <si>
    <t>【上海电气】回油管\K7006.3.2.0\磨煤机\HP\国产</t>
  </si>
  <si>
    <t>【上海电气】空气过滤器\KGKMP-C-G3/4\国产</t>
  </si>
  <si>
    <t>【上海电气】接头体\K7007.3-3\磨煤机\HP\国产</t>
  </si>
  <si>
    <t>【上海电气】排气管\K7007.3-4\磨煤机\HP\国产</t>
  </si>
  <si>
    <t>【上海电气】接管\K7007.5-3\磨煤机\HP\国产</t>
  </si>
  <si>
    <t>【上海电气】密封板\K7006.5-1\磨煤机\HP\国产</t>
  </si>
  <si>
    <t>【上海电气】测压管\K7007.5-9\磨煤机\HP\国产</t>
  </si>
  <si>
    <t>【上海电气】内气封环\K7006.5-3\磨煤机\HP\国产</t>
  </si>
  <si>
    <t>【上海电气】法兰\K7021.2-1\磨煤机\HP\国产</t>
  </si>
  <si>
    <t>【上海电气】密封板\K7021.2-2\磨煤机\HP\国产</t>
  </si>
  <si>
    <t>【上海电气】管\K7006.5-5\磨煤机\HP\国产</t>
  </si>
  <si>
    <t>【上海电气】垫片\K7007.5-6\磨煤机\HP\国产</t>
  </si>
  <si>
    <t>【上海电气】检修门封板\K7006.5-6\磨煤机\HP\国产</t>
  </si>
  <si>
    <t>【上海电气】封板\K7006.5-7\磨煤机\HP\国产</t>
  </si>
  <si>
    <t>【上海电气】进风口左封板\K7021.2-3\磨煤机\HP\国产</t>
  </si>
  <si>
    <t>【上海电气】法兰垫片\K7021.2-4\磨煤机\HP\国产</t>
  </si>
  <si>
    <t>【上海电气】内锥体装置\K7006.6.0\磨煤机\HP\国产</t>
  </si>
  <si>
    <t>【上海电气】内锥体\K7006.6-1\磨煤机\HP\国产</t>
  </si>
  <si>
    <t>【上海电气】检修门\K7007.6.1.0\磨煤机\HP\国产</t>
  </si>
  <si>
    <t>【上海电气】排出体\K7006.7.1-1(A)\磨煤机\HP\国产</t>
  </si>
  <si>
    <t>【上海电气】内锥鼓体\K7006.7-1\磨煤机\HP\国产</t>
  </si>
  <si>
    <t>【上海电气】折向门支架\K7007.7-2\磨煤机\HP\国产</t>
  </si>
  <si>
    <t>【上海电气】折向门装置\K7006.7.2.0\磨煤机\HP\国产</t>
  </si>
  <si>
    <t>【上海电气】轴承座装置\K7007.7.3.0\磨煤机\HP\国产</t>
  </si>
  <si>
    <t>【上海电气】法兰盖\K7006.7-2(A)\磨煤机\HP\国产</t>
  </si>
  <si>
    <t>【上海电气】操纵杆\K7007.7.4.0\磨煤机\HP\国产</t>
  </si>
  <si>
    <t>【上海电气】操纵杆导向架\K7007.7-7\磨煤机\HP\国产</t>
  </si>
  <si>
    <t>【上海电气】左联接头\K7007.7-10\磨煤机\HP\国产</t>
  </si>
  <si>
    <t>【上海电气】右联接头\K7007.7-11\磨煤机\HP\国产</t>
  </si>
  <si>
    <t>【上海电气】折向门连杆\K7007.7-12\磨煤机\HP\国产</t>
  </si>
  <si>
    <t>【上海电气】导向装置侧衬板\K7006.8-1\磨煤机\HP\国产</t>
  </si>
  <si>
    <t>【上海电气】导向装置下衬板\K7006.8-2\磨煤机\HP\国产</t>
  </si>
  <si>
    <t>【上海电气】导向装置上衬板\K7006.8-3\磨煤机\HP\国产</t>
  </si>
  <si>
    <t>【上海电气】导向装置下衬板\K7006.8-4\磨煤机\HP\国产</t>
  </si>
  <si>
    <t>【上海电气】导向装置上衬板\K7006.8-5\磨煤机\HP\国产</t>
  </si>
  <si>
    <t>【上海电气】导向装置上衬板\K7006.8-6\磨煤机\HP\国产</t>
  </si>
  <si>
    <t>【上海电气】导向装置侧衬板\K7006.8-7\磨煤机\HP\国产</t>
  </si>
  <si>
    <t>【上海电气】左中间衬板\K7006.8-8\磨煤机\HP\国产</t>
  </si>
  <si>
    <t>【上海电气】右中间衬板\K7006.8-9\磨煤机\HP\国产</t>
  </si>
  <si>
    <t>【上海电气】导向装置衬板支承板\K7006.8-10\磨煤机\HP\国产</t>
  </si>
  <si>
    <t>【上海电气】耳轴\K7006.8-13\磨煤机\HP\国产</t>
  </si>
  <si>
    <t>【上海电气】耳轴衬套\K7006.8.3.0\磨煤机\HP\国产</t>
  </si>
  <si>
    <t>【上海电气】耳轴盖\K7006.8-14\磨煤机\HP\国产</t>
  </si>
  <si>
    <t>【上海电气】密封接管\K7007.8-3\磨煤机\HP\国产</t>
  </si>
  <si>
    <t>【上海电气】平油嘴\1.2101899E7\磨煤机\HP\国产</t>
  </si>
  <si>
    <t>【上海电气】接管\K7007.8-2\磨煤机\HP\国产</t>
  </si>
  <si>
    <t>【上海电气】耳轴套\K7006.8-15\磨煤机\HP\国产</t>
  </si>
  <si>
    <t>【上海电气】焊塞\K7007.8-11\磨煤机\HP\国产</t>
  </si>
  <si>
    <t>【上海电气】陶瓷塞\K7007.8-12\磨煤机\HP\国产</t>
  </si>
  <si>
    <t>【上海电气】倒锥体\K7021-1\磨煤机\HP\国产</t>
  </si>
  <si>
    <t>【上海电气】支撑管\K7006-2\磨煤机\HP\国产</t>
  </si>
  <si>
    <t>【上海电气】调节环\K7006-3\磨煤机\HP\国产</t>
  </si>
  <si>
    <t>【上海电气】磨碗夹紧环\K7006.9-1\磨煤机\HP\国产</t>
  </si>
  <si>
    <t>【上海电气】叶轮装置\K7006.9.1.0\磨煤机\HP\国产</t>
  </si>
  <si>
    <t>【上海电气】耐磨环\K7006.9.1-3\磨煤机\HP\国产</t>
  </si>
  <si>
    <t>【上海电气】空气节流环\K7006.9.1-4\磨煤机\HP\国产</t>
  </si>
  <si>
    <t>【上海电气】空气节流环\K7006.9.1-5\磨煤机\HP\国产</t>
  </si>
  <si>
    <t>【上海电气】磨碗延伸环\K7006.9-2\磨煤机\HP\国产</t>
  </si>
  <si>
    <t>【上海电气】叶轮装置\KS9901.1.0\磨煤机\HP\国产</t>
  </si>
  <si>
    <t>【上海电气】叶轮装置\KS9902.1.0\磨煤机\HP\国产</t>
  </si>
  <si>
    <t>【上海电气】叶轮装置\KS9903.1.0\磨煤机\HP\国产</t>
  </si>
  <si>
    <t>【上海电气】叶轮装置\KS9904.1.0\磨煤机\HP\国产</t>
  </si>
  <si>
    <t>【上海电气】叶轮装置\KS9905.1.0\磨煤机\HP\国产</t>
  </si>
  <si>
    <t>【上海电气】叶轮装置\KS9906.1.0\磨煤机\HP\国产</t>
  </si>
  <si>
    <t>【上海电气】叶轮装置\KS9901.1.1.0\磨煤机\HP\国产</t>
  </si>
  <si>
    <t>【上海电气】叶轮装置\KS9902.1.1.0\磨煤机\HP\国产</t>
  </si>
  <si>
    <t>【上海电气】叶轮装置\KS9903.1.1.0\磨煤机\HP\国产</t>
  </si>
  <si>
    <t>【上海电气】叶轮装置\KS9904.1.1.0\磨煤机\HP\国产</t>
  </si>
  <si>
    <t>【上海电气】叶轮装置\KS9905.1.1.0\磨煤机\HP\国产</t>
  </si>
  <si>
    <t>【上海电气】叶轮装置\KS9906.1.1.0\磨煤机\HP\国产</t>
  </si>
  <si>
    <t>【上海电气】耐磨板\K7006.9-3\磨煤机\HP\国产</t>
  </si>
  <si>
    <t>【上海电气】磨碗衬板布置图\K7006.9.2.0\磨煤机\HP\国产</t>
  </si>
  <si>
    <t>【上海电气】绝热层保护板\K7006.9-4\磨煤机\HP\国产</t>
  </si>
  <si>
    <t>【上海电气】绝热层保护板\K7006.9-5\磨煤机\HP\国产</t>
  </si>
  <si>
    <t>【上海电气】磨碗\K7006.9-6\磨煤机\HP\国产</t>
  </si>
  <si>
    <t>【上海电气】磨碗中心盖\K7006.9-7\磨煤机\HP\国产</t>
  </si>
  <si>
    <t>【上海电气】磨碗盖板\K7006.9-8\磨煤机\HP\国产</t>
  </si>
  <si>
    <t>【上海电气】键\K7006.9-9\磨煤机\HP\国产</t>
  </si>
  <si>
    <t>【上海电气】螺柱\K7006-4\磨煤机\HP\国产</t>
  </si>
  <si>
    <t>【上海电气】定位针\K7007.10-2\磨煤机\HP\国产</t>
  </si>
  <si>
    <t>【上海电气】密封环\K7006.10-1\磨煤机\HP\国产</t>
  </si>
  <si>
    <t>【上海电气】密封压盖\K7006.10.2.0\磨煤机\HP\国产</t>
  </si>
  <si>
    <t>【上海电气】刮板装置\K7006.11.0\磨煤机\HP\国产</t>
  </si>
  <si>
    <t>【上海电气】刮板支架\K7006.11-1\磨煤机\HP\国产</t>
  </si>
  <si>
    <t>【上海电气】衬板\K7006.11-2\磨煤机\HP\国产</t>
  </si>
  <si>
    <t>【上海电气】轴\K7006.11-3\磨煤机\HP\国产</t>
  </si>
  <si>
    <t>【上海电气】刮板\K7006.11-4\磨煤机\HP\国产</t>
  </si>
  <si>
    <t>【上海电气】刮板支撑架\K7006.11-5\磨煤机\HP\国产</t>
  </si>
  <si>
    <t>【上海电气】扭簧\K7006.11-6\磨煤机\HP\国产</t>
  </si>
  <si>
    <t>【上海电气】挡块\K7007.11-7\磨煤机\HP\国产</t>
  </si>
  <si>
    <t>【上海电气】磨辊装置\K7006(B).12.0\磨煤机\HP\国产</t>
  </si>
  <si>
    <t>【上海电气】磨辊头\K7006.12-1\磨煤机\HP\国产</t>
  </si>
  <si>
    <t>【上海电气】磨辊裙盖装置\K7006.12.1.0\磨煤机\HP\国产</t>
  </si>
  <si>
    <t>【上海电气】油封挡圈\K7006.12-2\磨煤机\HP\国产</t>
  </si>
  <si>
    <t>【上海电气】油封耐磨环\K7006.12-3\磨煤机\HP\国产</t>
  </si>
  <si>
    <t>【上海电气】辊套\K7006.12.2.0\磨煤机\HP\国产</t>
  </si>
  <si>
    <t>【上海电气】辊套\KS9901.2.1.0G\磨煤机\HP\国产</t>
  </si>
  <si>
    <t>【上海电气】辊套\KS9902.2.1.0G\磨煤机\HP\国产</t>
  </si>
  <si>
    <t>【上海电气】辊套\KS9903.2.1.0G\磨煤机\HP\国产</t>
  </si>
  <si>
    <t>【上海电气】辊套\KS9904.2.1.0G\磨煤机\HP\国产</t>
  </si>
  <si>
    <t>【上海电气】辊套\KS9905.2.1.0G\磨煤机\HP\国产</t>
  </si>
  <si>
    <t>【上海电气】辊套\KS9906.2.1.0G\磨煤机\HP\国产</t>
  </si>
  <si>
    <t>【上海电气】磨辊座\K7006.12-4\磨煤机\HP\国产</t>
  </si>
  <si>
    <t>【上海电气】磨辊挡圈\K7006.12-5\磨煤机\HP\国产</t>
  </si>
  <si>
    <t>【上海电气】下磨辊座盖\K7006.12-6\磨煤机\HP\国产</t>
  </si>
  <si>
    <t>【上海电气】磁性螺塞\K7007.12.3.0\磨煤机\HP\国产</t>
  </si>
  <si>
    <t>【上海电气】止动垫片\K7006.12-7\磨煤机\HP\国产</t>
  </si>
  <si>
    <t>【上海电气】磨辊轴承挡圈\K7006.12-8\磨煤机\HP\国产</t>
  </si>
  <si>
    <t>【上海电气】垫片组\K7006.12-9\磨煤机\HP\国产</t>
  </si>
  <si>
    <t>【上海电气】磨辊轴\K7006.12-10\磨煤机\HP\国产</t>
  </si>
  <si>
    <t>【上海电气】磨辊键\K7006.12-11\磨煤机\HP\国产</t>
  </si>
  <si>
    <t>【上海电气】磨辊座衬板\K7006.12-12\磨煤机\HP\国产</t>
  </si>
  <si>
    <t>【上海电气】环\K7006.12-13\磨煤机\HP\国产</t>
  </si>
  <si>
    <t>【上海电气】磨辊座盖\K7006.12-14\磨煤机\HP\国产</t>
  </si>
  <si>
    <t>【上海电气】油封\88100\磨煤机\HP\国产</t>
  </si>
  <si>
    <t>【上海电气】垫圈\K7007.12-18\磨煤机\HP\国产</t>
  </si>
  <si>
    <t>【上海电气】磨辊头盖\K7007.12-19\磨煤机\HP\国产</t>
  </si>
  <si>
    <t>【上海电气】磨辊头衬板\K7006.12-15\磨煤机\HP\国产</t>
  </si>
  <si>
    <t>【上海电气】弹簧加载装置\K7006.13.0\磨煤机\HP\国产</t>
  </si>
  <si>
    <t>【上海电气】加载螺栓\K7007.13-1\磨煤机\HP\国产</t>
  </si>
  <si>
    <t>【上海电气】空气密封盖\K7007.13-2\磨煤机\HP\国产</t>
  </si>
  <si>
    <t>【上海电气】孔板\KB1103\磨煤机\HP\国产</t>
  </si>
  <si>
    <t>【上海电气】前支撑圈\QZ1103\磨煤机\HP\国产</t>
  </si>
  <si>
    <t>【上海电气】拉杆螺栓\K7007.13-5\磨煤机\HP\国产</t>
  </si>
  <si>
    <t>【上海电气】O型密封圈\K7007.13-6\磨煤机\HP\国产</t>
  </si>
  <si>
    <t>【上海电气】磨辊孔盖\K7006.13-1\磨煤机\HP\国产</t>
  </si>
  <si>
    <t>【上海电气】挡板\K7007.13-8\磨煤机\HP\国产</t>
  </si>
  <si>
    <t>【上海电气】键\K7007.13-9\磨煤机\HP\国产</t>
  </si>
  <si>
    <t>【上海电气】拉杆螺母\K7007.13.1.0\磨煤机\HP\国产</t>
  </si>
  <si>
    <t>【上海电气】弹簧柱座\K7007.13-10\磨煤机\HP\国产</t>
  </si>
  <si>
    <t>【上海电气】弹簧座\K7006.13.1.0\磨煤机\HP\国产</t>
  </si>
  <si>
    <t>【上海电气】弹簧座盖\K7007.13-11\磨煤机\HP\国产</t>
  </si>
  <si>
    <t>【上海电气】加载弹簧座\K7007.13-12\磨煤机\HP\国产</t>
  </si>
  <si>
    <t>【上海电气】后支撑圈\HZ1103\磨煤机\HP\国产</t>
  </si>
  <si>
    <t>【上海电气】调节螺母\K7007.13-14\磨煤机\HP\国产</t>
  </si>
  <si>
    <t>【上海电气】弹簧盖\K7007.13-15\磨煤机\HP\国产</t>
  </si>
  <si>
    <t>【上海电气】调节螺栓\K7007.13-16\磨煤机\HP\国产</t>
  </si>
  <si>
    <t>【上海电气】检查孔盖\K7007.13-17\磨煤机\HP\国产</t>
  </si>
  <si>
    <t>【上海电气】垫片\K7007.13-18\磨煤机\HP\国产</t>
  </si>
  <si>
    <t>【上海电气】密封空气集管\K7021.3-1\磨煤机\HP\国产</t>
  </si>
  <si>
    <t>【上海电气】支架\K7007.14-3\磨煤机\HP\国产</t>
  </si>
  <si>
    <t>【上海电气】延伸管\K7021.3-2\磨煤机\HP\国产</t>
  </si>
  <si>
    <t>【上海电气】管\K7021.3-3\磨煤机\HP\国产</t>
  </si>
  <si>
    <t>【上海电气】延伸管\K7021.3-4\磨煤机\HP\国产</t>
  </si>
  <si>
    <t>【上海电气】支架\K7021.3-5\磨煤机\HP\国产</t>
  </si>
  <si>
    <t>【上海电气】管\K7021.3-6\磨煤机\HP\国产</t>
  </si>
  <si>
    <t>【上海电气】支架\K7021.3-7\磨煤机\HP\国产</t>
  </si>
  <si>
    <t>【上海电气】防堵吹扫取样器\FZBFC-2003-50\磨煤机\HP1203\国产</t>
  </si>
  <si>
    <t>【上海电气】闸板阀\KHP1003ZY\磨煤机\HP\国产</t>
  </si>
  <si>
    <t>【上海电气】反法兰\K7021.5-1\磨煤机\HP\国产</t>
  </si>
  <si>
    <t>【上海电气】垫片\K7021.5-2\磨煤机\HP\国产</t>
  </si>
  <si>
    <t>【上海电气】落煤管\K7021-2\磨煤机\HP\国产</t>
  </si>
  <si>
    <t>【上海电气】量油杆\KF7006-1\磨煤机\HP\国产</t>
  </si>
  <si>
    <t>【上海电气】手动泵总成\1.209197E7\磨煤机\HP\国产</t>
  </si>
  <si>
    <t>【上海电气】螺栓拉伸器\1.3004077E7\磨煤机\HP\国产</t>
  </si>
  <si>
    <t>【上海电气】弹簧预加载装置\KF7006.2.0\磨煤机\HP\国产</t>
  </si>
  <si>
    <t>【上海电气】螺栓拉伸器\1.3004076E7\磨煤机\HP\国产</t>
  </si>
  <si>
    <t>【上海电气】钢丝绳吊索具\KF7006.4-1\磨煤机\HP\国产</t>
  </si>
  <si>
    <t>【上海电气】磨辊翻转装置卸扣\1.2101537E7\磨煤机\HP\国产</t>
  </si>
  <si>
    <t>【上海电气】磨辊翻转装置吊耳\KF7006.4-2\磨煤机\HP\国产</t>
  </si>
  <si>
    <t>【上海电气】安全托架\KF7006.4-3\磨煤机\HP\国产</t>
  </si>
  <si>
    <t>【上海电气】辊套拆卸装置\KF7006.5.0\国产</t>
  </si>
  <si>
    <t>【上海电气】减速箱与侧机体对中装置\KF7006.6.0\磨煤机\HP743-HP1163\国产</t>
  </si>
  <si>
    <t>【上海电气】齿轮箱移动装置\KF7006.7.0\磨煤机\HP\国产</t>
  </si>
  <si>
    <t>【上海电气】磨碗提升装置\KF7006.8.0\磨煤机\HP\国产</t>
  </si>
  <si>
    <t>【上海电气】磨辊限位扳手\KF7007.8.0\磨煤机\HP\国产</t>
  </si>
  <si>
    <t>【上海电气】联轴器\K7006.2.0\磨煤机\HP\国产</t>
  </si>
  <si>
    <t>【上海电气】弹性橡胶组块\1.2105944E7\磨煤机\HP\国产</t>
  </si>
  <si>
    <t>【上海电气】轴承座\K7007.2-2\磨煤机\HP\国产</t>
  </si>
  <si>
    <t>【上海电气】法兰\K7007.2-3\磨煤机\HP\国产</t>
  </si>
  <si>
    <t>【上海电气】垫圈\K7007.2-4\磨煤机\HP\国产</t>
  </si>
  <si>
    <t>【上海电气】中间接轴\K7006.2.1.0\磨煤机\HP\国产</t>
  </si>
  <si>
    <t>【上海电气】六角钢片部件\1.2105946E7\磨煤机\HP\国产</t>
  </si>
  <si>
    <t>【上海电气】进油管\K7006.3.1.0(A)\磨煤机\HP743-HP1163\国产</t>
  </si>
  <si>
    <t>【上海电气】回油管\K7006.3.2.0(A)\磨煤机\HP743-HP1163\国产</t>
  </si>
  <si>
    <t>【上海电气】油箱侧进油管\K7006.3.3.0(A)\磨煤机\HP\国产</t>
  </si>
  <si>
    <t>【上海电气】油箱侧回油管\K7006.3.4.0(A)\磨煤机\HP\国产</t>
  </si>
  <si>
    <t>【上海电气】密封板\K7006.5-2\磨煤机\HP\国产</t>
  </si>
  <si>
    <t>【上海电气】密封板\K7006.5-4\磨煤机\HP\国产</t>
  </si>
  <si>
    <t>【上海电气】上落煤管\K7015-1\磨煤机\HP\国产</t>
  </si>
  <si>
    <t>【上海电气】动态分离器转子体\K7006.19.0\磨煤机\HP1003\国产</t>
  </si>
  <si>
    <t>【上海电气】叶片\K7006.19.1-2\磨煤机\HP\国产</t>
  </si>
  <si>
    <t>【上海电气】圈板\K7006.8-11\磨煤机\HP\国产</t>
  </si>
  <si>
    <t>【上海电气】O型密封圈\K7006.8-12\磨煤机\HP\国产</t>
  </si>
  <si>
    <t>【上海电气】压盖扇形体\K7006.10.2-1\磨煤机\HP\国产</t>
  </si>
  <si>
    <t>【上海电气】磨辊装置\K7006.12.0\磨煤机\HP\国产</t>
  </si>
  <si>
    <t>【上海电气】旋转分离器装置\K7015.4.0\磨煤机\HP\国产</t>
  </si>
  <si>
    <t>【上海电气】小带轮\K7006.17-2\磨煤机\HP\国产</t>
  </si>
  <si>
    <t>【上海电气】皮带\K7015.4-1\磨煤机\HP\国产</t>
  </si>
  <si>
    <t>【上海电气】落煤管支撑板\K7006.17-3\磨煤机\HP\国产</t>
  </si>
  <si>
    <t>【上海电气】大带轮\K7006.17-5\磨煤机\HP\国产</t>
  </si>
  <si>
    <t>【上海电气】螺柱\K7006.17-6\磨煤机\HP\国产</t>
  </si>
  <si>
    <t>【上海电气】轴承座装置\K7006.17.1.0\磨煤机\HP\国产</t>
  </si>
  <si>
    <t>【上海电气】弹性挡圈\K7006.17.1-2\磨煤机\HP\国产</t>
  </si>
  <si>
    <t>【上海电气】轴承座外圈\K7006.17.1-3\磨煤机\HP\国产</t>
  </si>
  <si>
    <t>【上海电气】轴承座内圈\K7006.17.1-4\磨煤机\HP\国产</t>
  </si>
  <si>
    <t>【上海电气】弹簧支撑架\K7006.17.1-5\磨煤机\HP\国产</t>
  </si>
  <si>
    <t>【上海电气】弹簧\K7006.17.1-9\磨煤机\HP\国产</t>
  </si>
  <si>
    <t>【上海电气】轴承座下压盖\K7006.17.1-6\磨煤机\HP\国产</t>
  </si>
  <si>
    <t>【上海电气】油封压盖\K7006.17.1-7\磨煤机\HP\国产</t>
  </si>
  <si>
    <t>【上海电气】下密封环\K7006.17.1-8\磨煤机\HP\国产</t>
  </si>
  <si>
    <t>【上海电气】多出口体\K7015.4.1-4\磨煤机\HP\国产</t>
  </si>
  <si>
    <t>【上海电气】分配块\K7006.17-11\磨煤机\HP\国产</t>
  </si>
  <si>
    <t>【上海电气】法兰盖\K7007.7-6\磨煤机\HP\国产</t>
  </si>
  <si>
    <t>【上海电气】护板\K7006.17-14\磨煤机\HP\国产</t>
  </si>
  <si>
    <t>【上海电气】半防护罩\K7015.4-4\磨煤机\HP\国产</t>
  </si>
  <si>
    <t>【上海电气】落煤管\K7006.17-17\磨煤机\HP\国产</t>
  </si>
  <si>
    <t>【上海电气】张紧装置\K7006.17.3.0\磨煤机\HP\国产</t>
  </si>
  <si>
    <t>【上海电气】排出体\K7015.5.1.0\磨煤机\HP\国产</t>
  </si>
  <si>
    <t>【上海电气】润滑油泵\QWTS09LX2\磨煤机\HP\国产</t>
  </si>
  <si>
    <t>【上海电气】磨辊翻转装置\KF7006.1.0(A)\磨煤机\HP\国产</t>
  </si>
  <si>
    <t>【上海电气】翻转架装置\KF7006.1.1.0(A)\磨煤机\HP\国产</t>
  </si>
  <si>
    <t>【上海电气】辊套拆卸吊板\KF7006.5-1\国产</t>
  </si>
  <si>
    <t>【上海电气】左联接头\K3740.13-5\磨煤机\HP\国产</t>
  </si>
  <si>
    <t>【上海电气】垫圈\K3740.13-9\磨煤机\HP\国产</t>
  </si>
  <si>
    <t>【上海电气】连杆螺栓\K3740.13-10\磨煤机\HP\国产</t>
  </si>
  <si>
    <t>【上海电气】内锥鼓体\K3740.13.5.0\磨煤机\HP\国产</t>
  </si>
  <si>
    <t>【上海电气】焊塞\K3736.4-2(B)\磨煤机\HP\国产</t>
  </si>
  <si>
    <t>【上海电气】检修门\K3740.14.2.0(B)\磨煤机\HP\国产</t>
  </si>
  <si>
    <t>【上海电气】盘根\1.9006092E7\磨煤机\HP\国产</t>
  </si>
  <si>
    <t>【上海电气】挡圈\K3740.3-8\磨煤机\HP\国产</t>
  </si>
  <si>
    <t>【上海电气】螺栓\K3740.3-3\磨煤机\HP\国产</t>
  </si>
  <si>
    <t>【上海电气】垫片\K3740.3-11\磨煤机\HP\国产</t>
  </si>
  <si>
    <t>【上海电气】螺母\K3740.3-4\磨煤机\HP\国产</t>
  </si>
  <si>
    <t>【上海电气】垫圈\K3740.4-3\磨煤机\HP\国产</t>
  </si>
  <si>
    <t>【上海电气】垫片\K3740.4-22\磨煤机\HP\国产</t>
  </si>
  <si>
    <t>【上海电气】键\K3740.6-3\磨煤机\HP\国产</t>
  </si>
  <si>
    <t>【上海电气】可调罩\K3740.6.2.1-2\磨煤机\HP\国产</t>
  </si>
  <si>
    <t>【上海电气】空气节流环\K3740.6.2-1\磨煤机\HP1003\国产</t>
  </si>
  <si>
    <t>【上海电气】空气节流环\K3740.6.2-2\磨煤机\HP1003\国产</t>
  </si>
  <si>
    <t>【上海电气】空气节流环\K3740.6.2-3/1500×45×20mm δ=20/16Mn\上海重型机械厂</t>
  </si>
  <si>
    <t>【上海电气】叶轮支承耳板\K3740.6.2-4\磨煤机\HP\国产</t>
  </si>
  <si>
    <t>【上海电气】磨碗裙罩装置\K3740.7.0\磨煤机\HP\国产</t>
  </si>
  <si>
    <t>【上海电气】磨碗堆焊衬板\KS9901.11.0\磨煤机\HP\国产</t>
  </si>
  <si>
    <t>【上海电气】磨碗堆焊衬板\KS9902.11.0\磨煤机\HP\国产</t>
  </si>
  <si>
    <t>【上海电气】磨碗堆焊衬板\KS9903.11.0\磨煤机\HP\国产</t>
  </si>
  <si>
    <t>【上海电气】长刮板装置\K3884.3.0\磨煤机\HP\国产</t>
  </si>
  <si>
    <t>【上海电气】刮板支架\K3740.18-1\磨煤机\HP\国产</t>
  </si>
  <si>
    <t>【上海电气】刮板\K3740.18.1.0\磨煤机\HP1003\国产</t>
  </si>
  <si>
    <t>【上海电气】耐磨板\K3884.3-1\磨煤机\HP\国产</t>
  </si>
  <si>
    <t>【上海电气】刮板支架护板\K3740.18-4\磨煤机\HP\国产</t>
  </si>
  <si>
    <t>【上海电气】衬套\K3740.18-5\磨煤机\HP\国产</t>
  </si>
  <si>
    <t>【上海电气】刮板销\K3740.18-6\磨煤机\HP\国产</t>
  </si>
  <si>
    <t>【上海电气】缝隙气封装置\K3740.16.0\磨煤机\HP1003\国产</t>
  </si>
  <si>
    <t>【上海电气】减速箱\J430.00B\磨煤机\HP743-HP1163\国产</t>
  </si>
  <si>
    <t>【上海电气】护罩装置\K3740.17.0\磨煤机\HP\国产</t>
  </si>
  <si>
    <t>【上海电气】短刮板装置\K3884.5.0\磨煤机\HP\国产</t>
  </si>
  <si>
    <t>【上海电气】刮板支架\K3740.9-1\磨煤机\HP\国产</t>
  </si>
  <si>
    <t>【上海电气】耐磨板\K3884.5-1\磨煤机\HP\国产</t>
  </si>
  <si>
    <t>【上海电气】上中心落煤管\K3734-13\磨煤机\HP\国产</t>
  </si>
  <si>
    <t>【上海电气】油缸装置\KF3740.3.1.0\磨煤机\HP\国产</t>
  </si>
  <si>
    <t>【上海电气】辊套拆卸吊板\KF3740.7-1\国产</t>
  </si>
  <si>
    <t>【上海电气】钢丝绳\KF3740.8-1\磨煤机\HP1003\国产</t>
  </si>
  <si>
    <t>【上海电气】消音器\QXS-20\磨煤机\HP\国产</t>
  </si>
  <si>
    <t>【上海电气】排出体\K3884.2.1.0\磨煤机\HP\国产</t>
  </si>
  <si>
    <t>【上海电气】弹簧加载装置\KS9901.10.0\磨煤机\HP\国产</t>
  </si>
  <si>
    <t>【上海电气】弹簧加载装置\KS9902.10.0\磨煤机\HP\国产</t>
  </si>
  <si>
    <t>【上海电气】弹簧加载装置\KS9903.10.0\磨煤机\HP\国产</t>
  </si>
  <si>
    <t>【上海电气】联轴器\K3743.22.0\磨煤机\HP843\国产</t>
  </si>
  <si>
    <t>【上海电气】电机端接套\K3743.22-1\磨煤机\HP\国产</t>
  </si>
  <si>
    <t>【上海电气】弹性连接组件\12105943\磨煤机\HP803\国产</t>
  </si>
  <si>
    <t>【上海电气】轴承座\K3743.22-3\磨煤机\HP\国产</t>
  </si>
  <si>
    <t>【上海电气】法兰\K3743.22-4\磨煤机\HP\国产</t>
  </si>
  <si>
    <t>【上海电气】六角形钢片装置\12105945\磨煤机\HP803\国产</t>
  </si>
  <si>
    <t>【上海电气】中间接轴\K3743.22.1.0\磨煤机\HP\国产</t>
  </si>
  <si>
    <t>【上海电气】齿箱端接套\K3743.22-5\磨煤机\HP\国产</t>
  </si>
  <si>
    <t>【上海电气】销\K3743.22-6\磨煤机\HP\国产</t>
  </si>
  <si>
    <t>【上海电气】回油管\K6264.1.1.0\磨煤机\HP\国产</t>
  </si>
  <si>
    <t>【上海电气】供油管\K6264.1.2.0\磨煤机\HP\国产</t>
  </si>
  <si>
    <t>【上海电气】接头体\K3868.14-2\磨煤机\HP\国产</t>
  </si>
  <si>
    <t>【上海电气】排气管\K3868.14-3\磨煤机\HP\国产</t>
  </si>
  <si>
    <t>【上海电气】上落煤管\K6264-1\磨煤机\HP\国产</t>
  </si>
  <si>
    <t>【上海电气】闸板阀\1.2100695E7\磨煤机\HP\国产</t>
  </si>
  <si>
    <t>【上海电气】法兰垫片\K6264.2-2\磨煤机\HP\国产</t>
  </si>
  <si>
    <t>【上海电气】小带轮\K6169.3-2\磨煤机\HP\国产</t>
  </si>
  <si>
    <t>【上海电气】皮带\K6169.3-3\磨煤机\HP\国产</t>
  </si>
  <si>
    <t>【上海电气】大带轮\K6169.3-6\磨煤机\HP\国产</t>
  </si>
  <si>
    <t>【上海电气】螺柱\K3925.2-14\磨煤机\HP\国产</t>
  </si>
  <si>
    <t>【上海电气】轴承座装置\K6169.3.1.0\磨煤机\HP\国产</t>
  </si>
  <si>
    <t>【上海电气】轴承座上压盖\K3925.2.1-3\磨煤机\HP\国产</t>
  </si>
  <si>
    <t>【上海电气】骨架油封\K3925.2.1-1\磨煤机\HP\国产</t>
  </si>
  <si>
    <t>【上海电气】弹性挡圈\K3925.2.1-2\磨煤机\HP\国产</t>
  </si>
  <si>
    <t>【上海电气】润滑脂\G.BUSLUX.LIPLEX H 1-2 SZ\磨煤机\HP743-HP1163\国产</t>
  </si>
  <si>
    <t>【上海电气】轴承座外圈\K6169.3.1-1\磨煤机\HP\国产</t>
  </si>
  <si>
    <t>【上海电气】轴承座内圈\K6169.3.1-2\磨煤机\HP\国产</t>
  </si>
  <si>
    <t>【上海电气】轴承座下压盖\K3925.2.1-9\磨煤机\HP\国产</t>
  </si>
  <si>
    <t>【上海电气】油封压板\K6169.3.1-3\磨煤机\HP\国产</t>
  </si>
  <si>
    <t>【上海电气】骨架油封\K3925.2.1-13\磨煤机\HP\国产</t>
  </si>
  <si>
    <t>【上海电气】下密封环\K6169.3.1-4\磨煤机\HP\国产</t>
  </si>
  <si>
    <t>【上海电气】弹簧支撑架\K6169.3.1-5\磨煤机\HP\国产</t>
  </si>
  <si>
    <t>【上海电气】弹簧\K3925.2.1-8\磨煤机\HP\国产</t>
  </si>
  <si>
    <t>【上海电气】分配块\K6169.3-8\磨煤机\HP\国产</t>
  </si>
  <si>
    <t>【上海电气】密封板\K6169.3-9\磨煤机\HP\国产</t>
  </si>
  <si>
    <t>【上海电气】多出口体\K6169.3.2-4\磨煤机\HP\国产</t>
  </si>
  <si>
    <t>【上海电气】落煤管\K6169.3-16\磨煤机\HP\国产</t>
  </si>
  <si>
    <t>【上海电气】下落煤管\K6169-2\磨煤机\HP\国产</t>
  </si>
  <si>
    <t>【上海电气】转子体装置\K6169.5.0\磨煤机\HP843\国产</t>
  </si>
  <si>
    <t>【上海电气】叶片\K6169.5.1.1-2\磨煤机\HP\国产</t>
  </si>
  <si>
    <t>【上海电气】支撑架\K6169.5.1-1\磨煤机\HP\国产</t>
  </si>
  <si>
    <t>【上海电气】挡板\K6114.8-2\磨煤机\HP\国产</t>
  </si>
  <si>
    <t>【上海电气】衬套\K3743.13-3\磨煤机\HP\国产</t>
  </si>
  <si>
    <t>【上海电气】刮板销\K3743.13-4\磨煤机\HP\国产</t>
  </si>
  <si>
    <t>【上海电气】刮板支架\K3743.13-7\磨煤机\HP\国产</t>
  </si>
  <si>
    <t>【上海电气】缝隙气封和护罩\K3743.10.0\磨煤机\HP\国产</t>
  </si>
  <si>
    <t>【上海电气】刮板\K3743.14.1.0\磨煤机\HP\国产</t>
  </si>
  <si>
    <t>【上海电气】耐磨板\K3743.14-1\磨煤机\HP843\国产</t>
  </si>
  <si>
    <t>【上海电气】裙罩装置\K3743.15.0\磨煤机\HP\国产</t>
  </si>
  <si>
    <t>【上海电气】下裙罩\K3743.15.1.0\磨煤机\HP\国产</t>
  </si>
  <si>
    <t>【上海电气】上裙罩\K3743.15.2.0\磨煤机\HP\国产</t>
  </si>
  <si>
    <t>【上海电气】裙罩垫片\K3743-11\磨煤机\HP\国产</t>
  </si>
  <si>
    <t>【上海电气】弹簧加载装置\K3743.21.0\磨煤机\HP\国产</t>
  </si>
  <si>
    <t>【上海电气】拉杆螺栓\K3743.21-2\上海重型机器厂</t>
  </si>
  <si>
    <t>【上海电气】压盖\K3743.21-3\磨煤机\HP\国产</t>
  </si>
  <si>
    <t>【上海电气】调节螺母\K3743.21-4\上海重型机器厂</t>
  </si>
  <si>
    <t>【上海电气】弹簧座\K3743.21.1.0\磨煤机\HP\国产</t>
  </si>
  <si>
    <t>【上海电气】弹簧座盖\K3743.21-20\磨煤机\HP\国产</t>
  </si>
  <si>
    <t>【上海电气】锁紧螺栓\K3743.21-7\磨煤机\HP\国产</t>
  </si>
  <si>
    <t>【上海电气】键\K3743.21-8\磨煤机\HP\国产</t>
  </si>
  <si>
    <t>【上海电气】加载螺栓\K3743.21-9\磨煤机\HP\国产</t>
  </si>
  <si>
    <t>【上海电气】盖\K3743.21-10\磨煤机\HP\国产</t>
  </si>
  <si>
    <t>【上海电气】弹簧柱座\K3743.21-12\磨煤机\HP\国产</t>
  </si>
  <si>
    <t>【上海电气】挡圈\K3743.21-14\磨煤机\HP\国产</t>
  </si>
  <si>
    <t>【上海电气】密封盖\K3743.21-15\磨煤机\HP\国产</t>
  </si>
  <si>
    <t>【上海电气】检查孔盖\K3743.21-17\磨煤机\HP\国产</t>
  </si>
  <si>
    <t>【上海电气】垫片\K3743.21-18\磨煤机\HP\国产</t>
  </si>
  <si>
    <t>【上海电气】磨辊头垫块\K3743.21-19\磨煤机\HP843/Dyn\国产</t>
  </si>
  <si>
    <t>【上海电气】磨辊孔盖\K3743.21.3.0\磨煤机\HP\国产</t>
  </si>
  <si>
    <t>【上海电气】闸板阀\NMSZMD12\磨煤机\HP\国产</t>
  </si>
  <si>
    <t>【英格索兰】软管\85560431\螺杆式空气压缩机\ML160-2S\国产</t>
  </si>
  <si>
    <t>【英格索兰】16针插座\54729538\空压机\M200\国产</t>
  </si>
  <si>
    <t>【英格索兰】软管\39572557\空气压缩机\MJ75\国产</t>
  </si>
  <si>
    <t>【英格索兰】接管\54736418\空压机\M200\国产</t>
  </si>
  <si>
    <t>【英格索兰】软管\39572300\螺杆式空压机\LU355W-8\国产</t>
  </si>
  <si>
    <t>【上海电气】导向装置衬板布置图\K3743.5.1.0(B)\磨煤机\HP\国产</t>
  </si>
  <si>
    <t>【上海电气】导向装置侧衬板\K3743.5.1-1(B)\磨煤机\HP\国产</t>
  </si>
  <si>
    <t>【上海电气】导向装置下衬板\K3743.5.1-2(B)\磨煤机\HP\国产</t>
  </si>
  <si>
    <t>【上海电气】导向装置上衬板\K3743.5.1-3(B)\磨煤机\HP\国产</t>
  </si>
  <si>
    <t>【上海电气】导向装置上衬板\K3743.5.1-4(B)\磨煤机\HP\国产</t>
  </si>
  <si>
    <t>【上海电气】导向装置上衬板\K3743.5.1-5(B)\磨煤机\HP\国产</t>
  </si>
  <si>
    <t>【上海电气】导向装置侧衬板\K3743.5.1-6(B)\磨煤机\HP\国产</t>
  </si>
  <si>
    <t>【上海电气】后中间衬板\K3743.5-1(A)\磨煤机\HP\国产</t>
  </si>
  <si>
    <t>【上海电气】前中间衬板\K3743.5-2(A)\磨煤机\HP\国产</t>
  </si>
  <si>
    <t>【上海电气】磨辊装置\K3743(B).16.0\磨煤机\HP\国产</t>
  </si>
  <si>
    <t>【上海电气】辊套\KS9901.2.2.0J\磨煤机\HP\国产</t>
  </si>
  <si>
    <t>【上海电气】磨辊辊套\KS9902.2.2.0J\磨煤机\HP\国产</t>
  </si>
  <si>
    <t>【上海电气】磨辊辊套\KS9903.2.2.0J\磨煤机\HP\国产</t>
  </si>
  <si>
    <t>【上海电气】磨辊辊套\KS9904.2.2.0J\磨煤机\HP\国产</t>
  </si>
  <si>
    <t>【上海电气】磨辊辊套\KS9905.2.2.0J\磨煤机\HP\国产</t>
  </si>
  <si>
    <t>【上海电气】磨辊辊套\KS9906.2.2.0J\磨煤机\HP\国产</t>
  </si>
  <si>
    <t>【上海电气】油封\8286\磨煤机\HP\国产</t>
  </si>
  <si>
    <t>【上海电气】支承板\K3743.16.5.1-1\磨煤机\HP\国产</t>
  </si>
  <si>
    <t>【上海电气】磨辊翻转装置\KF6169.1.0\磨煤机\HP\国产</t>
  </si>
  <si>
    <t>【上海电气】牵引装置\KF3743.3.2.0\磨煤机\HP863\国产</t>
  </si>
  <si>
    <t>【上海电气】量油杆\KF3743-1\磨煤机\HP\国产</t>
  </si>
  <si>
    <t>【上海电气】煤粉取样装置\KF3743.1.0\上海重型机械厂</t>
  </si>
  <si>
    <t>【上海电气】磨碗起吊装置\KF3743.4.0\上海重型机械厂</t>
  </si>
  <si>
    <t>【上海电气】销轴\KF3743.4-1\磨煤机\HP\国产</t>
  </si>
  <si>
    <t>【上海电气】张紧提升环\KF3743.4-2\磨煤机\HP\国产</t>
  </si>
  <si>
    <t>【上海电气】提升框架扣\KF3743.4-3\磨煤机\HP\国产</t>
  </si>
  <si>
    <t>【上海电气】弹簧预载装置\KF3743.6.0\上海重型机械厂</t>
  </si>
  <si>
    <t>【上海电气】油缸装置\KF3743.6.2.0\磨煤机\HP\国产</t>
  </si>
  <si>
    <t>【上海电气】磨辊间隙调节装置\KF3743.11.0\磨煤机\HP863\国产</t>
  </si>
  <si>
    <t>【上海电气】油位开关\T20-1-B2B-DN4\油\螺纹\国产</t>
  </si>
  <si>
    <t>【上海电气】流量开关\KGRHL-171\0-12.6t/h\1MPa\螺纹\ExedⅡCT6\IP65\进口</t>
  </si>
  <si>
    <t>【上海电气】减速箱\JLX37S\磨煤机\HP743-HP1163\国产</t>
  </si>
  <si>
    <t>【上海电气】多出口和衬板装置\K3744.1.2.1.0\磨煤机\HP\国产</t>
  </si>
  <si>
    <t>【上海电气】焊接塞\K3743.1.4-4\磨煤机\HP\国产</t>
  </si>
  <si>
    <t>【上海电气】陶瓷塞\K3743.1.4-3\磨煤机\HP\国产</t>
  </si>
  <si>
    <t>【上海电气】多出口体衬板\K3743.1.4-1\磨煤机\HP\国产</t>
  </si>
  <si>
    <t>【上海电气】多出口体衬板\K3934.1.1-2\磨煤机\HP\国产</t>
  </si>
  <si>
    <t>【上海电气】出口文邱利管\K3743.20-1\磨煤机\HP\国产</t>
  </si>
  <si>
    <t>【上海电气】衬板\K3743.20-2\磨煤机\HP\国产</t>
  </si>
  <si>
    <t>【上海电气】焊塞盖\K3743.20-3\磨煤机\HP\国产</t>
  </si>
  <si>
    <t>【上海电气】焊塞\K3743.20-4\磨煤机\HP\国产</t>
  </si>
  <si>
    <t>【上海电气】折向门连杆\K3743.19-6\磨煤机\HP\国产</t>
  </si>
  <si>
    <t>【上海电气】折向门装置\K3743.19.3.0\磨煤机\HP\国产</t>
  </si>
  <si>
    <t>【上海电气】内锥鼓体\K3743.19.5.0\磨煤机\HP\国产</t>
  </si>
  <si>
    <t>【上海电气】内锥体\K3743.4.0(B)\磨煤机\HP\国产</t>
  </si>
  <si>
    <t>【上海电气】衬板\K3743.4.1.0(B)\磨煤机\HP\国产</t>
  </si>
  <si>
    <t>【上海电气】内锥体\K3743.4-1(B)\磨煤机\HP\国产</t>
  </si>
  <si>
    <t>【上海电气】刮板支架护板\K3743.13-1\磨煤机\HP\国产</t>
  </si>
  <si>
    <t>【上海电气】刮板销盖\K3743.13-2\磨煤机\HP\国产</t>
  </si>
  <si>
    <t>【上海电气】垫圈\K3743.13-5\磨煤机\HP\国产</t>
  </si>
  <si>
    <t>【上海电气】固定板\K3743.21-5\磨煤机\HP\国产</t>
  </si>
  <si>
    <t>【上海电气】导向环\K3743.21.3-1\磨煤机\HP\国产</t>
  </si>
  <si>
    <t>【上海电气】导向环\K3743.21.3-2\磨煤机\HP\国产</t>
  </si>
  <si>
    <t>【上海电气】倒锥体装置\K3743.18.0\磨煤机\HP\国产</t>
  </si>
  <si>
    <t>【上海电气】上落煤管\K3743-12\磨煤机\HP\国产</t>
  </si>
  <si>
    <t>【上海电气】盘根\K934.00-1\磨煤机\HP\国产</t>
  </si>
  <si>
    <t>【上海电气】排出体\K3966.1.1.0\磨煤机\HP\国产</t>
  </si>
  <si>
    <t>【上海电气】多出口装置\K3966.1.2.0\磨煤机\HP\国产</t>
  </si>
  <si>
    <t>【上海电气】多出口体和衬板装置\K3813.1.3.0\磨煤机\HP\国产</t>
  </si>
  <si>
    <t>【上海电气】消音器\AN600-10\气动调节阀\通用 SMC</t>
  </si>
  <si>
    <t>【上海电气】多出口体衬板\K3813.1-11\磨煤机\HP\国产</t>
  </si>
  <si>
    <t>【上海电气】多出口板\K3813.1-14\磨煤机\HP\国产</t>
  </si>
  <si>
    <t>【上海电气】出口文邱利管\K3813.2.1.0\磨煤机\HP\国产</t>
  </si>
  <si>
    <t>【上海电气】衬板\K3741.2-1\磨煤机\HP\国产</t>
  </si>
  <si>
    <t>【上海电气】焊塞盖\K3741.2-2\磨煤机\HP\国产</t>
  </si>
  <si>
    <t>【上海电气】焊塞\K3741.2-3\磨煤机\HP\国产</t>
  </si>
  <si>
    <t>【上海电气】内锥鼓体\K3741.3.2.0\磨煤机\HP\国产</t>
  </si>
  <si>
    <t>【上海电气】轴承座装置\K3741.3.3.0\磨煤机\HP\国产</t>
  </si>
  <si>
    <t>【上海电气】折向门装置\K3741.3.4.0\磨煤机\HP\国产</t>
  </si>
  <si>
    <t>【上海电气】操纵杆\K3741.3.5.0\磨煤机\HP\国产</t>
  </si>
  <si>
    <t>【上海电气】导向装置侧衬板\K3741.5-1\磨煤机\HP\国产</t>
  </si>
  <si>
    <t>【上海电气】导向装置中间衬板\K3741.5-2\磨煤机\HP\国产</t>
  </si>
  <si>
    <t>【上海电气】导向装置下衬板\K3741.5-3\磨煤机\HP\国产</t>
  </si>
  <si>
    <t>【上海电气】导向装置下衬板\K3741.5-4\磨煤机\HP\国产</t>
  </si>
  <si>
    <t>【上海电气】导向装置中间衬板\K3741.5-5\磨煤机\HP\国产</t>
  </si>
  <si>
    <t>【上海电气】导向装置中间衬板\K3741.5-6\磨煤机\HP\国产</t>
  </si>
  <si>
    <t>【上海电气】导向装置侧衬板\K3741.5-7\磨煤机\HP\国产</t>
  </si>
  <si>
    <t>【上海电气】后中间衬板\K3741.5-8\磨煤机\HP\国产</t>
  </si>
  <si>
    <t>【上海电气】前中间衬板\K3741.5-9\磨煤机\HP\国产</t>
  </si>
  <si>
    <t>【上海电气】导向装置衬板支撑板\K3741.5-10\磨煤机\HP\国产</t>
  </si>
  <si>
    <t>【上海电气】焊塞\K3741.5-15\磨煤机\HP\国产</t>
  </si>
  <si>
    <t>【上海电气】陶瓷塞\K3741.5-16\磨煤机\HP\国产</t>
  </si>
  <si>
    <t>【上海电气】陶瓷塞\K3741.5-17\磨煤机\HP\国产</t>
  </si>
  <si>
    <t>【上海电气】焊塞\K3741.5-18\磨煤机\HP\国产</t>
  </si>
  <si>
    <t>【上海电气】支撑管\K3741-1\磨煤机\HP\国产</t>
  </si>
  <si>
    <t>【上海电气】磨碗延伸环\K3741.7-1\磨煤机\HP\国产</t>
  </si>
  <si>
    <t>【上海电气】磨碗\K3741.7-2\磨煤机\HP\国产</t>
  </si>
  <si>
    <t>【上海电气】定位销\K3741.7-3\磨煤机\HP\国产</t>
  </si>
  <si>
    <t>【上海电气】耐磨板\K3741.7-4\磨煤机\HP\国产</t>
  </si>
  <si>
    <t>【上海电气】螺塞\K3741.7-5\磨煤机\HP\国产</t>
  </si>
  <si>
    <t>【上海电气】磨碗中心盖\K3741.7-6\磨煤机\HP\国产</t>
  </si>
  <si>
    <t>【上海电气】磨碗盖板\K3741.7-7\磨煤机\HP\国产</t>
  </si>
  <si>
    <t>【上海电气】螺塞\K3741.7-8\磨煤机\HP\国产</t>
  </si>
  <si>
    <t>【上海电气】磨碗夹紧环\K3741.7-9\磨煤机\HP\国产</t>
  </si>
  <si>
    <t>【上海电气】键\K3741.7-10\磨煤机\HP\国产</t>
  </si>
  <si>
    <t>【上海电气】磨碗毂\K3741.7-11\磨煤机\HP\国产</t>
  </si>
  <si>
    <t>【上海电气】磨碗衬板布置图\K3741.7.1.0\磨煤机\HP\国产</t>
  </si>
  <si>
    <t>【上海电气】磨碗衬板\KS9901.3.1.0G\磨煤机\HP\国产</t>
  </si>
  <si>
    <t>【上海电气】磨碗衬板\KS9902.3.1.0G\磨煤机\HP\国产</t>
  </si>
  <si>
    <t>【上海电气】磨碗衬板\KS9903.3.1.0G\磨煤机\HP\国产</t>
  </si>
  <si>
    <t>【上海电气】磨碗衬板\KS9904.3.1.0G\磨煤机\HP\国产</t>
  </si>
  <si>
    <t>【上海电气】磨碗衬板\KS9905.3.1.0G\磨煤机\HP\国产</t>
  </si>
  <si>
    <t>【上海电气】磨碗衬板\KS9906.3.1.0G\磨煤机\HP\国产</t>
  </si>
  <si>
    <t>【上海电气】叶轮装置\K3741.7.2.0\磨煤机\HP\国产</t>
  </si>
  <si>
    <t>【上海电气】可调罩\K3741.7.2.1-2\磨煤机\HP\国产</t>
  </si>
  <si>
    <t>【上海电气】空气节流环扇形体\K3741.7.2-1\磨煤机\HP\国产</t>
  </si>
  <si>
    <t>【上海电气】空气节流环扇形板\K3741.7.2-2\磨煤机\HP\国产</t>
  </si>
  <si>
    <t>【上海电气】空气节流环扇形体\K3741.7.2-3\磨煤机\HP\国产</t>
  </si>
  <si>
    <t>【上海电气】叶轮支撑耳板\K3741.7.2-4\磨煤机\HP\国产</t>
  </si>
  <si>
    <t>【上海电气】衬板\K3741.8-2\磨煤机\HP\国产</t>
  </si>
  <si>
    <t>【上海电气】耐磨衬板\K3741.8-3\磨煤机\HP\国产</t>
  </si>
  <si>
    <t>【上海电气】进风口上衬板\K3741.8-22\磨煤机\HP\国产</t>
  </si>
  <si>
    <t>【上海电气】内气封环\K3741.8-6\磨煤机\HP\国产</t>
  </si>
  <si>
    <t>【上海电气】绝缘层扇形盖\K3741.8-24\磨煤机\HP\国产</t>
  </si>
  <si>
    <t>【上海电气】绝缘热层扇形盖\K3741.8-23\磨煤机\HP\国产</t>
  </si>
  <si>
    <t>【上海电气】弹簧垫圈\K3741.8-7\磨煤机\HP\国产</t>
  </si>
  <si>
    <t>【上海电气】方行垫圈\K3741.8-8\磨煤机\HP\国产</t>
  </si>
  <si>
    <t>【上海电气】焊接螺栓\K3741.8-9\磨煤机\HP\国产</t>
  </si>
  <si>
    <t>【上海电气】衬板\K3741.8-18\磨煤机\HP\国产</t>
  </si>
  <si>
    <t>【上海电气】耐磨衬板\K3741.8-19\磨煤机\HP\国产</t>
  </si>
  <si>
    <t>【上海电气】衬板\K3741.8-20\磨煤机\HP\国产</t>
  </si>
  <si>
    <t>【上海电气】衬板\K3741.8-21\磨煤机\HP\国产</t>
  </si>
  <si>
    <t>【上海电气】热风隔绝门\KS9901.5.2.0\磨煤机\HP\国产</t>
  </si>
  <si>
    <t>【上海电气】热风隔绝门\KS9902.5.2.0\磨煤机\HP\国产</t>
  </si>
  <si>
    <t>【上海电气】热风调门\KS9903.5.2.0\磨煤机\HP\国产</t>
  </si>
  <si>
    <t>【上海电气】热风调门\KS9904.5.2.0\磨煤机\HP\国产</t>
  </si>
  <si>
    <t>【上海电气】定位销\K3741-4\磨煤机\HP\国产</t>
  </si>
  <si>
    <t>【上海电气】销\K3741-2\磨煤机\HP\国产</t>
  </si>
  <si>
    <t>【上海电气】螺柱\K3741-3\磨煤机\HP\国产</t>
  </si>
  <si>
    <t>【上海电气】缝隙密封环装置\K3741.10.1.0\磨煤机\HP\国产</t>
  </si>
  <si>
    <t>【上海电气】短刮板装置\K3741.11.0\磨煤机\HP\国产</t>
  </si>
  <si>
    <t>【上海电气】刮板支架护板\K3741.11-1\磨煤机\HP\国产</t>
  </si>
  <si>
    <t>【上海电气】刮板销盖\K3741.11-2\磨煤机\HP\国产</t>
  </si>
  <si>
    <t>【上海电气】刮板支架\K3741.11-3\磨煤机\HP\国产</t>
  </si>
  <si>
    <t>【上海电气】刮板\K3741.11.1.0\磨煤机\HP\国产</t>
  </si>
  <si>
    <t>【上海电气】耐磨板\K3741.11-4\磨煤机\HP\国产</t>
  </si>
  <si>
    <t>【上海电气】垫圈\K3741.11-5\磨煤机\HP\国产</t>
  </si>
  <si>
    <t>【上海电气】刮板销\K3741.11-6\磨煤机\HP\国产</t>
  </si>
  <si>
    <t>【上海电气】垫圈\K3741.11-7\磨煤机\HP\国产</t>
  </si>
  <si>
    <t>【上海电气】衬套\K3741.11-8\磨煤机\HP\国产</t>
  </si>
  <si>
    <t>【上海电气】短刮板装置\K3741.12.0\磨煤机\HP\国产</t>
  </si>
  <si>
    <t>【上海电气】刮板\K3741.12.1.0\磨煤机\HP\国产</t>
  </si>
  <si>
    <t>【上海电气】转子体\KS9901.8.0\磨煤机\HP\国产</t>
  </si>
  <si>
    <t>【上海电气】转子体\KS9902.8.0\磨煤机\HP\国产</t>
  </si>
  <si>
    <t>【上海电气】转子体\KS9903.8.0\磨煤机\HP\国产</t>
  </si>
  <si>
    <t>【上海电气】转子体\KS9901.8.1.0\磨煤机\HP\国产</t>
  </si>
  <si>
    <t>【上海电气】转子体\KS9902.8.1.0\磨煤机\HP\国产</t>
  </si>
  <si>
    <t>【上海电气】转子体\KS9903.8.1.0\磨煤机\HP\国产</t>
  </si>
  <si>
    <t>【上海电气】陶瓷防磨\KS9901.9.0\磨煤机\HP1163\国产</t>
  </si>
  <si>
    <t>【上海电气】耐磨板\K3741.12-1\磨煤机\HP\国产</t>
  </si>
  <si>
    <t>【上海电气】下裙罩\K3741.13.1.0\磨煤机\HP\国产</t>
  </si>
  <si>
    <t>【上海电气】气封环\K3741.13.1.1-2\磨煤机\HP\国产</t>
  </si>
  <si>
    <t>【上海电气】垫片组\K3741.13-1\磨煤机\HP\国产</t>
  </si>
  <si>
    <t>【上海电气】垫片组\K3741.13-2\磨煤机\HP\国产</t>
  </si>
  <si>
    <t>【上海电气】上裙罩\K3741.13.2.0\磨煤机\HP\国产</t>
  </si>
  <si>
    <t>【上海电气】裙罩垫片\K3741-5\磨煤机\HP\国产</t>
  </si>
  <si>
    <t>【上海电气】裙罩垫片组\K3741-6\磨煤机\HP\国产</t>
  </si>
  <si>
    <t>【上海电气】磨辊装置\K3741.14.0\磨煤机\HP\国产</t>
  </si>
  <si>
    <t>【上海电气】磨辊头\K3741.14-1\磨煤机\HP\国产</t>
  </si>
  <si>
    <t>【上海电气】磨辊裙盖装置\K3741.14.1.0\磨煤机\HP\国产</t>
  </si>
  <si>
    <t>【上海电气】半磨辊裙盖\K3741.14.1-1\磨煤机\HP\国产</t>
  </si>
  <si>
    <t>【上海电气】油封挡圈\K3741.14-2\磨煤机\HP\国产</t>
  </si>
  <si>
    <t>【上海电气】油封检修盖\K3741.14-3\磨煤机\HP\国产</t>
  </si>
  <si>
    <t>【上海电气】油封耐油环\K3741.14-5\磨煤机\HP\国产</t>
  </si>
  <si>
    <t>【上海电气】磨辊\K3741.14.2.0\磨煤机\HP\国产</t>
  </si>
  <si>
    <t>【上海电气】磨辊座\K3741.14-6\磨煤机\HP\国产</t>
  </si>
  <si>
    <t>【上海电气】磨辊挡圈\K3741.14-7\磨煤机\HP\国产</t>
  </si>
  <si>
    <t>【上海电气】下磨辊座盖\K3741.14-8\磨煤机\HP\国产</t>
  </si>
  <si>
    <t>【上海电气】磁性螺塞\K3741.14.3.0\磨煤机\HP\国产</t>
  </si>
  <si>
    <t>【上海电气】止动垫片\K3741.14-9\磨煤机\HP\国产</t>
  </si>
  <si>
    <t>【上海电气】润滑油\BESLUX GEARSINT SZ 680;1×180kg\BESLUX</t>
  </si>
  <si>
    <t>【上海电气】磨辊轴承挡圈\K3741.14-10\磨煤机\HP\国产</t>
  </si>
  <si>
    <t>【上海电气】垫片组\K3741.14-11\磨煤机\HP\国产</t>
  </si>
  <si>
    <t>【上海电气】磨辊轴\K3741.14-12\磨煤机\HP\国产</t>
  </si>
  <si>
    <t>【上海电气】磨辊座盖\K3741.14-13\磨煤机\HP\国产</t>
  </si>
  <si>
    <t>【上海电气】磨辊健\K3741.14-14\磨煤机\HP\国产</t>
  </si>
  <si>
    <t>【上海电气】磨辊座衬板\K3741.14-15\磨煤机\HP\国产</t>
  </si>
  <si>
    <t>【上海电气】垫圈\K3741.14-16\磨煤机\HP\国产</t>
  </si>
  <si>
    <t>【上海电气】磨辊头垫块支撑座\K3741.14-17\磨煤机\HP\国产</t>
  </si>
  <si>
    <t>【上海电气】磨辊头垫块\K3741.14-18\磨煤机\HP\国产</t>
  </si>
  <si>
    <t>【上海电气】环\K3741.14-19\磨煤机\HP\国产</t>
  </si>
  <si>
    <t>【上海电气】磨辊头盖\K3741.14-20\磨煤机\HP\国产</t>
  </si>
  <si>
    <t>【上海电气】自由端耳轴\K3741.14-21\磨煤机\HP\国产</t>
  </si>
  <si>
    <t>【上海电气】自由端止推块\K3741.14-22\磨煤机\HP\国产</t>
  </si>
  <si>
    <t>【上海电气】耳轴衬套挡圈\K3741.14-23\磨煤机\HP\国产</t>
  </si>
  <si>
    <t>【上海电气】磨辊耳轴衬套\K3741.14.4.0\磨煤机\HP1103\国产</t>
  </si>
  <si>
    <t>【上海电气】止推端耳轴\K3741.14-24\磨煤机\HP\国产</t>
  </si>
  <si>
    <t>【上海电气】磨辊头衬板装置\K3741.14.5.0\磨煤机\HP\国产</t>
  </si>
  <si>
    <t>【上海电气】止推端止推板\K3741.14-25\磨煤机\HP\国产</t>
  </si>
  <si>
    <t>【上海电气】调整垫\K3741.14-28\磨煤机\HP\国产</t>
  </si>
  <si>
    <t>【上海电气】弹簧加载装置\K3741.15.0\磨煤机\HP\国产</t>
  </si>
  <si>
    <t>【上海电气】检查孔盖\K3741.15-3\磨煤机\HP\国产</t>
  </si>
  <si>
    <t>【上海电气】垫片\K3741.15-4\磨煤机\HP\国产</t>
  </si>
  <si>
    <t>【上海电气】垫块\K3741.15-5\磨煤机\HP\国产</t>
  </si>
  <si>
    <t>【上海电气】密封盖\K3741.15-6\磨煤机\HP\国产</t>
  </si>
  <si>
    <t>【上海电气】挡圈\K3741.15-7\磨煤机\HP\国产</t>
  </si>
  <si>
    <t>【上海电气】压盖\K3741.15-8\磨煤机\HP\国产</t>
  </si>
  <si>
    <t>【上海电气】磨辊孔盖\K3741.15.1.0\磨煤机\HP\国产</t>
  </si>
  <si>
    <t>【上海电气】调节螺母\K3741.15-9\磨煤机\HP\国产</t>
  </si>
  <si>
    <t>【上海电气】固定板\K3741.15-10\磨煤机\HP\国产</t>
  </si>
  <si>
    <t>【上海电气】拉杆螺栓\K3741.15-11\磨煤机\HP\国产</t>
  </si>
  <si>
    <t>【上海电气】螺母\K3741.15-12\磨煤机\HP\国产</t>
  </si>
  <si>
    <t>【上海电气】弹簧座\K3741.15.2.0\磨煤机\HP\国产</t>
  </si>
  <si>
    <t>【上海电气】加载螺栓\K3741.15-14\磨煤机\HP\国产</t>
  </si>
  <si>
    <t>【上海电气】压力弹簧\GP-3271-C\磨煤机\HP\国产</t>
  </si>
  <si>
    <t>【上海电气】弹簧座盖\K3741.15-20\磨煤机\HP\国产</t>
  </si>
  <si>
    <t>【上海电气】键\K3741.15-15\磨煤机\HP\国产</t>
  </si>
  <si>
    <t>【上海电气】盖\K3741.15-16\磨煤机\HP\国产</t>
  </si>
  <si>
    <t>【上海电气】锁紧螺母\K3741.15-17\磨煤机\HP\国产</t>
  </si>
  <si>
    <t>【上海电气】弹簧柱座\K3741.15-18\磨煤机\HP\国产</t>
  </si>
  <si>
    <t>【上海电气】磨碗衬板\KS9901.3.2.0J\磨煤机\HP\国产</t>
  </si>
  <si>
    <t>【上海电气】磨碗衬板\KS9902.3.2.0J\磨煤机\HP\国产</t>
  </si>
  <si>
    <t>【上海电气】磨碗衬板\KS9903.3.2.0J\磨煤机\HP\国产</t>
  </si>
  <si>
    <t>【上海电气】磨碗衬板\KS9904.3.2.0J\磨煤机\HP\国产</t>
  </si>
  <si>
    <t>【上海电气】磨碗衬板\KS9905.3.2.0J\磨煤机\HP\国产</t>
  </si>
  <si>
    <t>【上海电气】磨碗衬板\KS9906.3.2.0J\磨煤机\HP\国产</t>
  </si>
  <si>
    <t>【上海电气】倒锥体装置\K3741.20.0\磨煤机\HP\国产</t>
  </si>
  <si>
    <t>【上海电气】倒锥体\K3741.20-1\磨煤机\HP\国产</t>
  </si>
  <si>
    <t>【上海电气】内锥体\K3741.4.0(B)\磨煤机\HP\国产</t>
  </si>
  <si>
    <t>【上海电气】内锥体\K3741.4-1(B)\磨煤机\HP\国产</t>
  </si>
  <si>
    <t>【上海电气】衬板\K3741.4.2.0(B)\磨煤机\HP\国产</t>
  </si>
  <si>
    <t>【上海电气】上落煤管\K3741-8\磨煤机\HP\国产</t>
  </si>
  <si>
    <t>【上海电气】减速箱\V010200000025500\磨煤机\HP743-HP1163\国产</t>
  </si>
  <si>
    <t>【上海电气】闸板阀\K932.00\磨煤机\HP\国产</t>
  </si>
  <si>
    <t>【上海电气】排出体\K3744.1-8\磨煤机\HP\国产</t>
  </si>
  <si>
    <t>【上海电气】冷风隔绝门\KS9901.5.1.0\磨煤机\HP\国产</t>
  </si>
  <si>
    <t>【上海电气】冷风隔绝门\KS9902.5.1.0\磨煤机\HP\国产</t>
  </si>
  <si>
    <t>【上海电气】冷风调门\KS9903.5.1.0\磨煤机\HP\国产</t>
  </si>
  <si>
    <t>【上海电气】冷风调门\KS9904.5.1.0\磨煤机\HP\国产</t>
  </si>
  <si>
    <t>【上海电气】垫片\K3744.1-12\磨煤机\HP\国产</t>
  </si>
  <si>
    <t>【上海电气】文邱利叶片\K3744.2.0\磨煤机\HP\国产</t>
  </si>
  <si>
    <t>【上海电气】出口文邱利管\K3743.2-1\磨煤机\HP\国产</t>
  </si>
  <si>
    <t>【上海电气】衬板\K3743.2-18\磨煤机\HP\国产</t>
  </si>
  <si>
    <t>【上海电气】焊塞盖\K3743.2-13\磨煤机\HP\国产</t>
  </si>
  <si>
    <t>【上海电气】焊塞\K3743.2-14\磨煤机\HP\国产</t>
  </si>
  <si>
    <t>【上海电气】联杆\K3743.3-1\磨煤机\HP\国产</t>
  </si>
  <si>
    <t>【上海电气】操纵杆导向架\K3743.3-2\磨煤机\HP\国产</t>
  </si>
  <si>
    <t>【上海电气】手柄螺母\K3743.3-3\磨煤机\HP\国产</t>
  </si>
  <si>
    <t>【上海电气】操纵杆\K3743.3.1.0\磨煤机\HP\国产</t>
  </si>
  <si>
    <t>【上海电气】星轮\K3743.3-4\磨煤机\HP\国产</t>
  </si>
  <si>
    <t>【上海电气】左螺母\K3743.3-8\磨煤机\HP\国产</t>
  </si>
  <si>
    <t>【上海电气】左联接头\K3743.3-9\磨煤机\HP\国产</t>
  </si>
  <si>
    <t>【上海电气】联接头\K3743.3-10\磨煤机\HP\国产</t>
  </si>
  <si>
    <t>【上海电气】联杆螺栓\K3743.3-11\磨煤机\HP\国产</t>
  </si>
  <si>
    <t>【上海电气】垫圈\K3743.3-12\磨煤机\HP\国产</t>
  </si>
  <si>
    <t>【上海电气】内锥体装置\K3744.3.0\磨煤机\HP\国产</t>
  </si>
  <si>
    <t>【上海电气】过渡接头\K3743.6-1\磨煤机\HP\国产</t>
  </si>
  <si>
    <t>【上海电气】螺塞\K3743.7-7\磨煤机\HP\国产</t>
  </si>
  <si>
    <t>【上海电气】耐磨衬板\K3743.8-3\磨煤机\HP\国产</t>
  </si>
  <si>
    <t>【上海电气】绝热层扇形盖\K3743.8.4.0\磨煤机\HP\国产</t>
  </si>
  <si>
    <t>【上海电气】衬板\K3743.8-7\磨煤机\HP\国产</t>
  </si>
  <si>
    <t>【上海电气】耐磨衬板\K3744.4-2\磨煤机\HP\国产</t>
  </si>
  <si>
    <t>【上海电气】进风口上衬板\K3744.4-4\磨煤机\HP\国产</t>
  </si>
  <si>
    <t>【上海电气】衬板\K3743.8-11\磨煤机\HP\国产</t>
  </si>
  <si>
    <t>【上海电气】进风口下衬板\K3743.8-12\磨煤机\HP\国产</t>
  </si>
  <si>
    <t>【上海电气】进风口导向板\K3743.8-13\磨煤机\HP\国产</t>
  </si>
  <si>
    <t>【上海电气】进风口导向板\K3743.8-14\磨煤机\HP\国产</t>
  </si>
  <si>
    <t>【上海电气】进风口导向板\K3743.8-15\磨煤机\HP\国产</t>
  </si>
  <si>
    <t>【上海电气】进风口导向板\K3743.8-16\磨煤机\HP\国产</t>
  </si>
  <si>
    <t>【上海电气】进风口下衬板\K3743.8-17\磨煤机\HP\国产</t>
  </si>
  <si>
    <t>【上海电气】绝热层扇形盖\K3743.8.5.0\磨煤机\HP\国产</t>
  </si>
  <si>
    <t>【上海电气】绝热层扇形盖\K3743.8.6.0\磨煤机\HP\国产</t>
  </si>
  <si>
    <t>【上海电气】内气封环\K3744.4-5\磨煤机\HP\国产</t>
  </si>
  <si>
    <t>【上海电气】减速箱\J411.00A\磨煤机\HP743-HP1163\国产</t>
  </si>
  <si>
    <t>【上海电气】伞齿轮\J411-1a\磨煤机\HP\国产</t>
  </si>
  <si>
    <t>【上海电气】轴承\12091936\磨煤机\HP743-HP1163\国产</t>
  </si>
  <si>
    <t>【上海电气】压环\J411-2\磨煤机\HP\国产</t>
  </si>
  <si>
    <t>【上海电气】轴承\12091937\磨煤机\HP743-HP1163\国产</t>
  </si>
  <si>
    <t>【上海电气】轴\J411-5Ⅰ\磨煤机\HP\国产</t>
  </si>
  <si>
    <t>【上海电气】压环\J411-6\磨煤机\HP\国产</t>
  </si>
  <si>
    <t>【上海电气】轴承\12091932\磨煤机\HP743-HP1163\国产</t>
  </si>
  <si>
    <t>【上海电气】撑圈\J411-9\磨煤机\HP\国产</t>
  </si>
  <si>
    <t>【上海电气】压环\J411-10\磨煤机\HP\国产</t>
  </si>
  <si>
    <t>【上海电气】轴承\12091938\磨煤机\HP743-HP1163\国产</t>
  </si>
  <si>
    <t>【上海电气】调整环\J411-11\磨煤机\HP\国产</t>
  </si>
  <si>
    <t>【上海电气】法兰套\J411-12\磨煤机\HP\国产</t>
  </si>
  <si>
    <t>【上海电气】压盖\J411-13\磨煤机\HP\国产</t>
  </si>
  <si>
    <t>【上海电气】挡油盘\J411-14\磨煤机\HP\国产</t>
  </si>
  <si>
    <t>【上海电气】环\J411-15\磨煤机\HP\国产</t>
  </si>
  <si>
    <t>【上海电气】伞齿轮轴\J411-16a\磨煤机\HP\国产</t>
  </si>
  <si>
    <t>【上海电气】迷宫环装配\J411.2.0\磨煤机\HP\国产</t>
  </si>
  <si>
    <t>【上海电气】内齿套\J411-19Ⅰ\磨煤机\HP\国产</t>
  </si>
  <si>
    <t>【上海电气】法兰\J411-21\磨煤机\HP\国产</t>
  </si>
  <si>
    <t>【上海电气】行星架\J411-23\磨煤机\HP\国产</t>
  </si>
  <si>
    <t>【上海电气】压紧环\J411-24\磨煤机\HP\国产</t>
  </si>
  <si>
    <t>【上海电气】太阳轮\J411-26Ⅰ\磨煤机\HP\国产</t>
  </si>
  <si>
    <t>【上海电气】孔堵\J411-28\磨煤机\HP\国产</t>
  </si>
  <si>
    <t>【上海电气】盖\J411-29\磨煤机\HP\国产</t>
  </si>
  <si>
    <t>【上海电气】行星轮轴\J411-30\磨煤机\HP\国产</t>
  </si>
  <si>
    <t>【上海电气】行星轮\J411-33Ⅰ\磨煤机\HP\国产</t>
  </si>
  <si>
    <t>【上海电气】支承环\J411-34\磨煤机\HP\国产</t>
  </si>
  <si>
    <t>【上海电气】圆柱销\J411-36\磨煤机\HP\国产</t>
  </si>
  <si>
    <t>【上海电气】内齿圈\J411-37Ⅰ\磨煤机\HP\国产</t>
  </si>
  <si>
    <t>【上海电气】压盖\J411-39\磨煤机\HP\国产</t>
  </si>
  <si>
    <t>【上海电气】轴承套\J411-40\磨煤机\HP\国产</t>
  </si>
  <si>
    <t>【上海电气】调整环\J411-41\磨煤机\HP\国产</t>
  </si>
  <si>
    <t>【上海电气】支承环\J411.5.0\磨煤机\HP\国产</t>
  </si>
  <si>
    <t>【上海电气】铂热电阻\J411-52a\磨煤机\HP743-HP1163\国产</t>
  </si>
  <si>
    <t>【上海电气】流量开关\KGRHL-210\0-210t/h\1MPa\螺纹\ExedⅡCT6\IP65\进口</t>
  </si>
  <si>
    <t>【上海电气】定位销\K3743-7\磨煤机\HP\国产</t>
  </si>
  <si>
    <t>【上海电气】联轴器\K3744.6.0\磨煤机\HP\国产</t>
  </si>
  <si>
    <t>【上海电气】电机端接套\K3743.12-1\磨煤机\HP\国产</t>
  </si>
  <si>
    <t>【上海电气】垫圈\K3743.12-3\磨煤机\HP\国产</t>
  </si>
  <si>
    <t>【上海电气】轴承座\K3743.12-4\磨煤机\HP\国产</t>
  </si>
  <si>
    <t>【上海电气】法兰\K3743.12-5\磨煤机\HP\国产</t>
  </si>
  <si>
    <t>【上海电气】中间接轴\K3743.12.1.0\磨煤机\HP\国产</t>
  </si>
  <si>
    <t>【上海电气】齿箱端接套\K3743.12-6\磨煤机\HP\国产</t>
  </si>
  <si>
    <t>【上海电气】键\K3743.17-8\磨煤机\HP\国产</t>
  </si>
  <si>
    <t>【上海电气】挡圈\K3743.17-14\磨煤机\HP\国产</t>
  </si>
  <si>
    <t>【上海电气】排气管\K3806.2-4\磨煤机\HP1003\国产</t>
  </si>
  <si>
    <t>【上海电气】接头体\K3970.1-1\磨煤机\HP\国产</t>
  </si>
  <si>
    <t>【上海电气】支架\K6015.5-1\磨煤机\HP\国产</t>
  </si>
  <si>
    <t>【上海电气】闸板阀\KHP1003ZY2\磨煤机\HP\国产</t>
  </si>
  <si>
    <t>【上海电气】刮板销盖\K3740.18-2\磨煤机\HP\国产</t>
  </si>
  <si>
    <t>【上海电气】耐磨板\K3740.18-3\磨煤机\HP\国产</t>
  </si>
  <si>
    <t>【上海电气】旋转分离器装置\K6108.8.0\磨煤机\HP\国产</t>
  </si>
  <si>
    <t>【上海电气】轴承座上压盖\K3958.3.1-1\磨煤机\HP\国产</t>
  </si>
  <si>
    <t>【上海电气】油封\K3958.3.1-2\磨煤机\HP983\国产</t>
  </si>
  <si>
    <t>【上海电气】弹性挡圈\K3958.3.1-3\磨煤机\HP1003\国产</t>
  </si>
  <si>
    <t>【上海电气】轴承座外圈\K3994.7.1-1\磨煤机\HP\国产</t>
  </si>
  <si>
    <t>【上海电气】轴承座内圈\K3958.3.1-5\磨煤机\HP\国产</t>
  </si>
  <si>
    <t>【上海电气】弹簧支撑架\K3958.3.1-6\磨煤机\HP\国产</t>
  </si>
  <si>
    <t>【上海电气】弹簧\DTXZFLQTTH\磨煤机\HP\国产</t>
  </si>
  <si>
    <t>【上海电气】轴承座下压盖\K3958.3.1-7\磨煤机\HP\国产</t>
  </si>
  <si>
    <t>【上海电气】油封压板\K3958.3.1-8\磨煤机\HP\国产</t>
  </si>
  <si>
    <t>【上海电气】油封\K3958.3.1-9\磨煤机\HP983\国产</t>
  </si>
  <si>
    <t>【上海电气】下密封环\K3958.3.1-10\磨煤机\HP\国产</t>
  </si>
  <si>
    <t>【上海电气】分配块\K3958.3-11\磨煤机\HP\国产</t>
  </si>
  <si>
    <t>【上海电气】闸板阀\K932.00(A)20"\上海重型机械厂有限公司</t>
  </si>
  <si>
    <t>【上海电气】消音器\XYQ.2.1-1\磨煤机\HP\国产</t>
  </si>
  <si>
    <t>【上海电气】联杆\K3743.19-1\磨煤机\HP\国产</t>
  </si>
  <si>
    <t>【上海电气】操纵杆导向架\K3743.19-2\磨煤机\HP\国产</t>
  </si>
  <si>
    <t>【上海电气】手柄螺母\K3743.19-3\磨煤机\HP\国产</t>
  </si>
  <si>
    <t>【上海电气】操纵杆\K3743.19.1.0\磨煤机\HP\国产</t>
  </si>
  <si>
    <t>【上海电气】星轮\K3743.19-4\磨煤机\HP\国产</t>
  </si>
  <si>
    <t>【上海电气】轴承座装置\K3743.19.2.0\磨煤机\HP\国产</t>
  </si>
  <si>
    <t>【上海电气】折向门连杆\K3743.19-7\磨煤机\HP\国产</t>
  </si>
  <si>
    <t>【上海电气】左联接头\K3743.19-9\磨煤机\HP\国产</t>
  </si>
  <si>
    <t>【上海电气】联接头\K3743.19-10\磨煤机\HP\国产</t>
  </si>
  <si>
    <t>【上海电气】联杆螺栓\K3743.19-11\磨煤机\HP\国产</t>
  </si>
  <si>
    <t>【上海电气】垫圈\K3743.19-12\磨煤机\HP\国产</t>
  </si>
  <si>
    <t>【上海电气】手孔塞盖\K3743.19-13\磨煤机\HP\国产</t>
  </si>
  <si>
    <t>【上海电气】手孔塞盖\K3743.19-14\磨煤机\HP\国产</t>
  </si>
  <si>
    <t>【上海电气】内锥体\K6054.8.0(B)\磨煤机\HP\国产</t>
  </si>
  <si>
    <t>【上海电气】陶瓷衬板\K3736.4.1-1(B)\磨煤机\HP\国产</t>
  </si>
  <si>
    <t>【上海电气】密封风装置\KS9901.7.0\磨煤机\HP\国产</t>
  </si>
  <si>
    <t>【上海电气】密封风装置\KS9902.7.0\磨煤机\HP\国产</t>
  </si>
  <si>
    <t>【上海电气】密封风装置\KS9903.7.0\磨煤机\HP\国产</t>
  </si>
  <si>
    <t>【上海电气】陶瓷衬板\K3736.4.1-4(B)\磨煤机\HP\国产</t>
  </si>
  <si>
    <t>【上海电气】陶瓷衬板\K3736.4.1-5(B)\磨煤机\HP\国产</t>
  </si>
  <si>
    <t>【上海电气】陶瓷衬板\K3736.4.1-2(B)\磨煤机\HP\国产</t>
  </si>
  <si>
    <t>【上海电气】减速箱移动装置\J411.00\磨煤机\HP743-HP1163\国产</t>
  </si>
  <si>
    <t>【上海电气】垫圈\K3743.22-2\磨煤机\HP\国产</t>
  </si>
  <si>
    <t>【上海电气】定位销\K3743-9\磨煤机\HP\国产</t>
  </si>
  <si>
    <t>【上海电气】垫片组\K3743.15-1 Q235A\上海重型机器厂有限公司</t>
  </si>
  <si>
    <t>【上海电气】磨辊总成\K3737.8.0(ZC)\磨煤机\HP\国产</t>
  </si>
  <si>
    <t>【上海电气】磨辊总成\K3743.16.0(ZC)\磨煤机\HP\国产</t>
  </si>
  <si>
    <t>【上海电气】磨辊总成\K3739.8.0(ZC)\磨煤机\HP\国产</t>
  </si>
  <si>
    <t>【上海电气】磨辊总成\K7006.12.0(ZC)\磨煤机\HP\国产</t>
  </si>
  <si>
    <t>【上海电气】磨辊总成\K3741.14.0(ZC)\磨煤机\HP\国产</t>
  </si>
  <si>
    <t>【上海电气】磨辊总成\K3868.10.0(ZC)\磨煤机\HP\国产</t>
  </si>
  <si>
    <t>【上海电气】磨辊总成\K3740.4.0(ZC)\磨煤机\HP\国产</t>
  </si>
  <si>
    <t>【上海电气】弹簧加载装置总成\K3737.7.0(ZC)\磨煤机\HP\国产</t>
  </si>
  <si>
    <t>【上海电气】弹簧加载装置总成\K3743.21.0(ZC)\磨煤机\HP\国产</t>
  </si>
  <si>
    <t>【上海电气】弹簧加载装置总成\K3739.19.0(ZC)\磨煤机\HP\国产</t>
  </si>
  <si>
    <t>【上海电气】弹簧加载装置总成\K7006.13.0(ZC)\磨煤机\HP\国产</t>
  </si>
  <si>
    <t>【上海电气】弹簧加载装置总成\K3741.15.0(ZC)\磨煤机\HP\国产</t>
  </si>
  <si>
    <t>【上海电气】弹簧加载装置总成\K3868.11.0(ZC)\磨煤机\HP\国产</t>
  </si>
  <si>
    <t>【上海电气】弹簧加载装置总成\K3740.3.0(ZC)\磨煤机\HP\国产</t>
  </si>
  <si>
    <t>【上海电气】挡圈\K3962.1.1.0\磨煤机\HP1163\国产</t>
  </si>
  <si>
    <t>【上海电气】减速箱\12091656\磨煤机\HP743-HP1163\进口</t>
  </si>
  <si>
    <t>【上海电气】滤芯\OWTS 10LX1\国产</t>
  </si>
  <si>
    <t>【上海电气】耐磨板\K3740.9-2\磨煤机\HP\国产</t>
  </si>
  <si>
    <t>【上海电气】旋转分离器装置\K6028.5.0\磨煤机\HP\国产</t>
  </si>
  <si>
    <t>【上海电气】小带轮\K6028.5-2\磨煤机\HP\国产</t>
  </si>
  <si>
    <t>【上海电气】皮带\K6028.5-3\磨煤机\HP1003\国产</t>
  </si>
  <si>
    <t>【上海电气】轴承座装置\K3958.3.1.0\磨煤机\HP983\国产</t>
  </si>
  <si>
    <t>【上海电气】落煤管\K6040.3-2\磨煤机\HP\国产</t>
  </si>
  <si>
    <t>【上海电气】减速机\12197078\磨煤机\HP743-HP1163\进口</t>
  </si>
  <si>
    <t>【上海电气】轴承座外圈\K3958.3.1-4\磨煤机\HP\国产</t>
  </si>
  <si>
    <t>【上海电气】上落煤管\K7116-1\磨煤机\HP\国产</t>
  </si>
  <si>
    <t>【上海电气】调节环\K7003-4\磨煤机\HP803\国产</t>
  </si>
  <si>
    <t>【上海电气】螺柱\K7004-4\磨煤机\HP\国产</t>
  </si>
  <si>
    <t>【上海电气】减速器\J411G.00B\磨煤机\HP743-HP1163\国产</t>
  </si>
  <si>
    <t>【上海电气】伞齿轮\J411-1b\磨煤机\HP\国产</t>
  </si>
  <si>
    <t>【上海电气】挡圈\J411-4\磨煤机\HP\国产</t>
  </si>
  <si>
    <t>【上海电气】轴\J411-5Ⅱ\磨煤机\HP\国产</t>
  </si>
  <si>
    <t>【上海电气】伞齿轮轴\J411-16b\磨煤机\HP\国产</t>
  </si>
  <si>
    <t>【上海电气】内齿套\J411-19Ⅱ\磨煤机\HP\国产</t>
  </si>
  <si>
    <t>【上海电气】太阳轮\J411-26Ⅱ\磨煤机\HP\国产</t>
  </si>
  <si>
    <t>【上海电气】行星轮\J411-33Ⅱ\磨煤机\HP\国产</t>
  </si>
  <si>
    <t>【上海电气】轴承座\J411.4.0\磨煤机\HP\国产</t>
  </si>
  <si>
    <t>【上海电气】内齿圈\J411-37Ⅱ\磨煤机\HP\国产</t>
  </si>
  <si>
    <t>【上海电气】联轴器\K7003.2.0\磨煤机\HP\国产</t>
  </si>
  <si>
    <t>【上海电气】电机端接套\K7003.2-1\磨煤机\HP\国产</t>
  </si>
  <si>
    <t>【上海电气】齿轮箱接套\K7003.2-5\磨煤机\HP\国产</t>
  </si>
  <si>
    <t>【上海电气】密封板\K8830.3-1\磨煤机\HP\国产</t>
  </si>
  <si>
    <t>【上海电气】密封板\K8830.3-5\磨煤机\HP\国产</t>
  </si>
  <si>
    <t>【上海电气】旋转分离器装置\K7116.2.0\磨煤机\HP\国产</t>
  </si>
  <si>
    <t>【上海电气】小带轮\K7003.17-2\磨煤机\HP\国产</t>
  </si>
  <si>
    <t>【上海电气】窄V带\X25N3860\磨煤机\HP\国产</t>
  </si>
  <si>
    <t>【上海电气】大带轮\K7003.17-5\磨煤机\HP\国产</t>
  </si>
  <si>
    <t>【上海电气】轴承座装置\K7116.2.2.0\磨煤机\HP803\国产</t>
  </si>
  <si>
    <t>【上海电气】减速机\12091655\磨煤机\HP743-HP1163\进口</t>
  </si>
  <si>
    <t>【上海电气】落煤管\K7003.17-16\磨煤机\HP\国产</t>
  </si>
  <si>
    <t>【上海电气】多出口体\K7116.2-1\磨煤机\HP\国产</t>
  </si>
  <si>
    <t>【上海电气】轴承上压盖\K7003.17.1-1\磨煤机\HP\国产</t>
  </si>
  <si>
    <t>【上海电气】轴承座外圈\K7003.17.1-3\磨煤机\HP\国产</t>
  </si>
  <si>
    <t>【上海电气】轴承座内圈\K7003.17.1-4\磨煤机\HP\国产</t>
  </si>
  <si>
    <t>【上海电气】轴承座下压盖\K7003.17.1-5\磨煤机\HP\国产</t>
  </si>
  <si>
    <t>【上海电气】油封压板\K7003.17.1-6\磨煤机\HP\国产</t>
  </si>
  <si>
    <t>【上海电气】下密封环\K7003.17.1-7\磨煤机\HP\国产</t>
  </si>
  <si>
    <t>【上海电气】转子体装置\K7003.19.0\磨煤机\HP\国产</t>
  </si>
  <si>
    <t>【上海电气】叶片\K7003.19.1-2\磨煤机\HP\国产</t>
  </si>
  <si>
    <t>【上海电气】内锥鼓体\K7003.7-1\磨煤机\HP\国产</t>
  </si>
  <si>
    <t>【上海电气】折向门装置\K7003.7.2.0\磨煤机\HP\国产</t>
  </si>
  <si>
    <t>【上海电气】导向装置衬板布置图\K8830.5.2.0\磨煤机\HP\国产</t>
  </si>
  <si>
    <t>【上海电气】左中间衬板\K8830.5-1\磨煤机\HP\国产</t>
  </si>
  <si>
    <t>【上海电气】右中间衬板\K8830.5-2\磨煤机\HP\国产</t>
  </si>
  <si>
    <t>【上海电气】导向装置衬板支承板\K8830.5-3\磨煤机\HP\国产</t>
  </si>
  <si>
    <t>【上海电气】焊接塞\K8830.5-11\磨煤机\HP\国产</t>
  </si>
  <si>
    <t>【上海电气】陶瓷盖\K8830.5-12\磨煤机\HP\国产</t>
  </si>
  <si>
    <t>【上海电气】导向装置侧衬板\K8830.5.2-1\磨煤机\HP\国产</t>
  </si>
  <si>
    <t>【上海电气】导向装置上衬板\K8830.5.2-2\磨煤机\HP\国产</t>
  </si>
  <si>
    <t>【上海电气】导向装置下衬板\K8830.5.2-3\磨煤机\HP\国产</t>
  </si>
  <si>
    <t>【上海电气】导向装置上衬板\K8830.5.2-4\磨煤机\HP\国产</t>
  </si>
  <si>
    <t>【上海电气】导向装置下衬板\K8830.5.2-5\磨煤机\HP\国产</t>
  </si>
  <si>
    <t>【上海电气】导向装置上衬板\K8830.5.2-6\磨煤机\HP\国产</t>
  </si>
  <si>
    <t>【上海电气】导向装置侧衬板\K8830.5.2-7\磨煤机\HP\国产</t>
  </si>
  <si>
    <t>【上海电气】磨碗夹紧环\K7003.9-1\磨煤机\HP\国产</t>
  </si>
  <si>
    <t>【上海电气】叶轮装置\K7003.9.1.0\磨煤机\HP803\国产</t>
  </si>
  <si>
    <t>【上海电气】磨碗延伸环\K7003.9-2\磨煤机\HP\国产</t>
  </si>
  <si>
    <t>【上海电气】磨碗衬板\K7003.9.2.0\磨煤机\HP803\国产</t>
  </si>
  <si>
    <t>【上海电气】空气节流环\K7003.9.1-4\磨煤机\HP\国产</t>
  </si>
  <si>
    <t>【上海电气】叶轮护板\K7003.9.1-5\磨煤机\HP803\国产</t>
  </si>
  <si>
    <t>【上海电气】刮板装置\K7003.11.0\磨煤机\HP803\国产</t>
  </si>
  <si>
    <t>【上海电气】刮板\K7003.11-1\磨煤机\HP803\国产</t>
  </si>
  <si>
    <t>【上海电气】刮板支撑架\K7003.11-2\磨煤机\HP\国产</t>
  </si>
  <si>
    <t>【上海电气】刮板支架\K7003.11-3\磨煤机\HP\国产</t>
  </si>
  <si>
    <t>【上海电气】衬板\K7003.11-4\磨煤机\HP\国产</t>
  </si>
  <si>
    <t>【上海电气】扭簧\K7003.11-6\磨煤机\HP\国产</t>
  </si>
  <si>
    <t>【上海电气】磨辊装置\K8830(A).7.0\磨煤机\HP\国产</t>
  </si>
  <si>
    <t>【上海电气】磨辊裙盖装置\K8830.7.1.0\磨煤机\HP803\国产</t>
  </si>
  <si>
    <t>【上海电气】油封挡圈\K8830.7-4\磨煤机\HP803\国产</t>
  </si>
  <si>
    <t>【上海电气】油封耐磨环\K8830.7-7\磨煤机\HP803\国产</t>
  </si>
  <si>
    <t>【上海电气】辊套\K8830.7.2.0\磨煤机\HP803\国产</t>
  </si>
  <si>
    <t>【上海电气】磨辊座\K8830.7-8\磨煤机\HP803\国产</t>
  </si>
  <si>
    <t>【上海电气】磨辊挡圈\K8830.7-9\磨煤机\HP803\国产</t>
  </si>
  <si>
    <t>【上海电气】下磨辊座盖\K8830.7-10\磨煤机\HP803\国产</t>
  </si>
  <si>
    <t>【上海电气】磁性螺塞\K8830.7.3.0\磨煤机\HP803\国产</t>
  </si>
  <si>
    <t>【上海电气】制动垫片\K8830.7-11\磨煤机\HP803\国产</t>
  </si>
  <si>
    <t>【上海电气】磨辊轴承挡圈\K8830.7-12\磨煤机\HP803\国产</t>
  </si>
  <si>
    <t>【上海电气】磨辊轴\K8830.7-14\磨煤机\HP803\国产</t>
  </si>
  <si>
    <t>【上海电气】磨辊键\K8830.7-15\磨煤机\HP803\国产</t>
  </si>
  <si>
    <t>【上海电气】磨辊座衬板\K8830.7-16\磨煤机\HP803\国产</t>
  </si>
  <si>
    <t>【上海电气】磨辊座盖\K8830.7-17\磨煤机\HP803\国产</t>
  </si>
  <si>
    <t>【上海电气】油封\6880\磨煤机\HP\国产</t>
  </si>
  <si>
    <t>【上海电气】耳轴\K8830.7.4.0\磨煤机\HP\国产</t>
  </si>
  <si>
    <t>【上海电气】止推端止推板\K8830.7-20\磨煤机\HP803\国产</t>
  </si>
  <si>
    <t>【上海电气】耳轴衬套挡圈\K8830.7-21\磨煤机\HP803\国产</t>
  </si>
  <si>
    <t>【上海电气】磨辊耳轴衬套\K8830.7.5.0\磨煤机\HP803\国产</t>
  </si>
  <si>
    <t>【上海电气】自由端止推板\K8830.7-22\磨煤机\HP803\国产</t>
  </si>
  <si>
    <t>【上海电气】支撑板\K8830.7-23\磨煤机\HP\国产</t>
  </si>
  <si>
    <t>【上海电气】弹簧加载装置\K8830.8.0\磨煤机\HP\国产</t>
  </si>
  <si>
    <t>【上海电气】加载螺栓\K7004.13-1\磨煤机\HP\国产</t>
  </si>
  <si>
    <t>【上海电气】拉杆螺栓\K7004.13-3\磨煤机\HP803\国产</t>
  </si>
  <si>
    <t>【上海电气】拉杆螺母\K7004.13.2.0\磨煤机\HP803\国产</t>
  </si>
  <si>
    <t>【上海电气】后支撑圈\HZ863\磨煤机\HP\国产</t>
  </si>
  <si>
    <t>【上海电气】闸板阀\NMDCKT12\磨煤机\HP\国产</t>
  </si>
  <si>
    <t>【上海电气】滤油器滤芯\OWTS 08ZY\国产</t>
  </si>
  <si>
    <t>【上海电气】上落煤管\K6040-4\磨煤机\HP\国产</t>
  </si>
  <si>
    <t>【上海电气】下落煤管\K6040-3\磨煤机\HP\国产</t>
  </si>
  <si>
    <t>【上海电气】旋转分离器装置\K3958.3.0\磨煤机\HP\国产</t>
  </si>
  <si>
    <t>【上海电气】滤油器滤芯\XYZ-200ZY\国产</t>
  </si>
  <si>
    <t>【上海电气】键\J411-3\磨煤机\HP\国产</t>
  </si>
  <si>
    <t>【上海电气】垫圈\J411-7\磨煤机\HP\国产</t>
  </si>
  <si>
    <t>【上海电气】甩油板\J411-8\磨煤机\HP\国产</t>
  </si>
  <si>
    <t>【上海电气】键\J411-17\磨煤机\HP\国产</t>
  </si>
  <si>
    <t>【上海电气】盖\J411-18\磨煤机\HP\国产</t>
  </si>
  <si>
    <t>【上海电气】销\J411-20\磨煤机\HP\国产</t>
  </si>
  <si>
    <t>【上海电气】罩盖\J411-22\磨煤机\HP\国产</t>
  </si>
  <si>
    <t>【上海电气】垫环\J411-25\磨煤机\HP\国产</t>
  </si>
  <si>
    <t>【上海电气】环\J411-31\磨煤机\HP\国产</t>
  </si>
  <si>
    <t>【上海电气】销\J411-32\磨煤机\HP\国产</t>
  </si>
  <si>
    <t>【上海电气】挡圈\J411-35\磨煤机\HP\国产</t>
  </si>
  <si>
    <t>【上海电气】甩油环\J411-42\磨煤机\HP\国产</t>
  </si>
  <si>
    <t>【上海电气】螺柱\K3868-3\磨煤机\HP1203\国产</t>
  </si>
  <si>
    <t>【上海电气】上落煤管\K6095-3\磨煤机\HP\国产</t>
  </si>
  <si>
    <t>【上海电气】耐磨衬板\K3868.6-1\磨煤机\HP1203\国产</t>
  </si>
  <si>
    <t>【上海电气】扭簧\K3868.6-5\磨煤机\HP1203\国产</t>
  </si>
  <si>
    <t>【上海电气】刮板\K3868.6-6\磨煤机\HP1203\国产</t>
  </si>
  <si>
    <t>【上海电气】密封板\K3868.7-1\磨煤机\HP\国产</t>
  </si>
  <si>
    <t>【上海电气】密封板\K3868.7-9\磨煤机\HP\国产</t>
  </si>
  <si>
    <t>【上海电气】密封板\K3962.5-3\磨煤机\HP\国产</t>
  </si>
  <si>
    <t>【上海电气】密封板\K3962.5-4\磨煤机\HP\国产</t>
  </si>
  <si>
    <t>【上海电气】密封板\K3962.5-5\磨煤机\HP\国产</t>
  </si>
  <si>
    <t>【上海电气】旋转分离器装置\K6153.7.0\磨煤机\HP\国产</t>
  </si>
  <si>
    <t>【上海电气】张紧装置\K3962.1.3.0\磨煤机\HP\国产</t>
  </si>
  <si>
    <t>【上海电气】减速机\12100651\磨煤机\HP743-HP1163\进口</t>
  </si>
  <si>
    <t>【上海电气】皮带\K6095.7-8\磨煤机\HP\国产</t>
  </si>
  <si>
    <t>【上海电气】大带轮\K3962.1-18\磨煤机\HP\国产</t>
  </si>
  <si>
    <t>【上海电气】轴承上压盖\K3962.1.1-1\磨煤机\HP\国产</t>
  </si>
  <si>
    <t>【上海电气】弹性挡圈\K3962.1.1-2\磨煤机\HP\国产</t>
  </si>
  <si>
    <t>【上海电气】轴承座内圈\K3962.1.1-3\磨煤机\HP\国产</t>
  </si>
  <si>
    <t>【上海电气】骨架油封\K3962.1.1-4\磨煤机\HP\国产</t>
  </si>
  <si>
    <t>【上海电气】轴承\102085MP\磨煤机\HP\国产</t>
  </si>
  <si>
    <t>【上海电气】轴承座外圈\K3962.1.1-5\磨煤机\HP\国产</t>
  </si>
  <si>
    <t>【上海电气】过渡接头\K3925.2.1-4\磨煤机\HP\国产</t>
  </si>
  <si>
    <t>【上海电气】弯头\12116932\磨煤机\HP743-HP1163\国产</t>
  </si>
  <si>
    <t>【上海电气】弹簧支撑环\K3962.1.1-6\磨煤机\HP\国产</t>
  </si>
  <si>
    <t>【上海电气】弹簧\4S16075\磨煤机\HP\国产</t>
  </si>
  <si>
    <t>【上海电气】油封压板\K3962.1.1-7\磨煤机\HP\国产</t>
  </si>
  <si>
    <t>【上海电气】下密封环\K3962.1.1-8\磨煤机\HP\国产</t>
  </si>
  <si>
    <t>【上海电气】骨架油封\K3962.1.1-9\磨煤机\HP\国产</t>
  </si>
  <si>
    <t>【上海电气】轴承下压盖\K3962.1.1-10\磨煤机\HP\国产</t>
  </si>
  <si>
    <t>【上海电气】滤油器滤芯\XYZ-287ZY\国产</t>
  </si>
  <si>
    <t>【上海电气】螺柱\K3739-4\磨煤机\HP\国产</t>
  </si>
  <si>
    <t>【上海电气】螺母\K3739-5\磨煤机\HP\国产</t>
  </si>
  <si>
    <t>【上海电气】减速器\J430.00A\磨煤机\HP743-HP1163\国产</t>
  </si>
  <si>
    <t>【上海电气】挡油板\J430-4\磨煤机\HP\国产</t>
  </si>
  <si>
    <t>【上海电气】伞齿轮轴\J430-5a\磨煤机\HP\国产</t>
  </si>
  <si>
    <t>【上海电气】键\J430-6\磨煤机\HP\国产</t>
  </si>
  <si>
    <t>【上海电气】环\J430-7\磨煤机\HP\国产</t>
  </si>
  <si>
    <t>【上海电气】轴承座\J430-9\磨煤机\HP\国产</t>
  </si>
  <si>
    <t>【上海电气】销钉\J430-10\磨煤机\HP\国产</t>
  </si>
  <si>
    <t>【上海电气】盖\J430-11\磨煤机\HP\国产</t>
  </si>
  <si>
    <t>【上海电气】集油环\J430-14\磨煤机\HP\国产</t>
  </si>
  <si>
    <t>【上海电气】罩盖\J430-15\磨煤机\HP\国产</t>
  </si>
  <si>
    <t>【上海电气】垫环\J430-16\磨煤机\HP\国产</t>
  </si>
  <si>
    <t>【上海电气】太阳轮\J430-18Ⅰ\磨煤机\HP\国产</t>
  </si>
  <si>
    <t>【上海电气】销\J430-21\磨煤机\HP\国产</t>
  </si>
  <si>
    <t>【上海电气】弹性挡圈\J430-22\磨煤机\HP\国产</t>
  </si>
  <si>
    <t>【上海电气】接头\J430-53\磨煤机\HP\国产</t>
  </si>
  <si>
    <t>【上海电气】内齿圈\J430-24\减速机\KMP300\国产</t>
  </si>
  <si>
    <t>【上海电气】盖\J430-28\磨煤机\HP\国产</t>
  </si>
  <si>
    <t>【上海电气】垫圈\J430-29\磨煤机\HP\国产</t>
  </si>
  <si>
    <t>【上海电气】伞齿轮\J430-30a\磨煤机\HP\国产</t>
  </si>
  <si>
    <t>【上海电气】销\J430-31\磨煤机\HP\国产</t>
  </si>
  <si>
    <t>【上海电气】盖圈\J430-32\磨煤机\HP\国产</t>
  </si>
  <si>
    <t>【上海电气】轮毂\J430-33\磨煤机\HP\国产</t>
  </si>
  <si>
    <t>【上海电气】键\J430-34\磨煤机\HP\国产</t>
  </si>
  <si>
    <t>【上海电气】垫圈\J430-35\磨煤机\HP\国产</t>
  </si>
  <si>
    <t>【上海电气】花键轴\J430-37\减速机\KMP300\国产</t>
  </si>
  <si>
    <t>【上海电气】盖\J430-38\磨煤机\HP\国产</t>
  </si>
  <si>
    <t>【上海电气】轴承盖\J430-39\磨煤机\HP\国产</t>
  </si>
  <si>
    <t>【上海电气】轴承套\J430-40\减速机\KMP300\进口</t>
  </si>
  <si>
    <t>【上海电气】垫圈\J430-41\磨煤机\HP\国产</t>
  </si>
  <si>
    <t>【上海电气】挡环\J430-42\磨煤机\HP\国产</t>
  </si>
  <si>
    <t>【上海电气】盖\J430-43\磨煤机\HP\国产</t>
  </si>
  <si>
    <t>【上海电气】圆柱销\J430-44\磨煤机\HP\国产</t>
  </si>
  <si>
    <t>【上海电气】弹性联接组件\K3739.1.0-6\国产</t>
  </si>
  <si>
    <t>【上海电气】电机端接套\K3739.1-1\磨煤机\HP\国产</t>
  </si>
  <si>
    <t>【上海电气】轴承座\K3739.1-3\磨煤机\HP\国产</t>
  </si>
  <si>
    <t>【上海电气】关节轴承\GE60E3-2RS\FAG</t>
  </si>
  <si>
    <t>【上海电气】中间接轴\K3739.1.1.0\磨煤机\HP\国产</t>
  </si>
  <si>
    <t>【上海电气】齿箱端接套\K3739.1-6\磨煤机\HP\国产</t>
  </si>
  <si>
    <t>【上海电气】侧机体衬板\K3739.17-1\磨煤机\HP\国产</t>
  </si>
  <si>
    <t>【上海电气】侧机体衬板\K3739.17-4\磨煤机\HP\国产</t>
  </si>
  <si>
    <t>【上海电气】侧机体衬板\K3739.17-9\磨煤机\HP\国产</t>
  </si>
  <si>
    <t>【上海电气】侧机体衬板\K3739.17-10\磨煤机\HP\国产</t>
  </si>
  <si>
    <t>【上海电气】耐磨衬板\K3739.17-11\磨煤机\HP\国产</t>
  </si>
  <si>
    <t>【上海电气】侧机体衬板\K3739.17-15\磨煤机\HP\国产</t>
  </si>
  <si>
    <t>【上海电气】耐磨衬板\K3739.17-17\磨煤机\HP\国产</t>
  </si>
  <si>
    <t>【上海电气】绝垫层扇形盖\K3739.17-19\磨煤机\HP943\国产</t>
  </si>
  <si>
    <t>【上海电气】绝垫层扇形盖\K3739.17-20\磨煤机\HP943\国产</t>
  </si>
  <si>
    <t>【上海电气】内气封环\K3739.17-23\磨煤机\HP\国产</t>
  </si>
  <si>
    <t>【上海电气】耐磨衬板\K3739.17-29\磨煤机\HP\国产</t>
  </si>
  <si>
    <t>【上海电气】衬板\K3739.17-30\磨煤机\HP\国产</t>
  </si>
  <si>
    <t>【上海电气】耐磨衬板\K3739.17-31\磨煤机\HP\国产</t>
  </si>
  <si>
    <t>【上海电气】门衬板\K3739.17.1.1-1\磨煤机\HP\国产</t>
  </si>
  <si>
    <t>【上海电气】旋转分离器装置\K6040.3.0\磨煤机\HP\国产</t>
  </si>
  <si>
    <t>【上海电气】转子体装置\K6040.5.0\磨煤机\HP\国产</t>
  </si>
  <si>
    <t>【上海电气】叶片\K6040.5.1-2\磨煤机\HP\国产</t>
  </si>
  <si>
    <t>【上海电气】导向装置侧衬板\K3739.9-1\磨煤机\HP943\国产</t>
  </si>
  <si>
    <t>【上海电气】导向装置下衬板\K3739.9-2\磨煤机\HP943\国产</t>
  </si>
  <si>
    <t>【上海电气】导向装置上衬板\K3739.9-3\磨煤机\HP943\国产</t>
  </si>
  <si>
    <t>【上海电气】导向装置下衬板\K3739.9-4\磨煤机\HP943\国产</t>
  </si>
  <si>
    <t>【上海电气】导向装置上衬板\K3739.9-5\磨煤机\HP943\国产</t>
  </si>
  <si>
    <t>【上海电气】导向装置上衬板\K3739.9-6\磨煤机\HP1003\国产</t>
  </si>
  <si>
    <t>【上海电气】导向装置侧衬板\K3739.9-7\磨煤机\HP943\国产</t>
  </si>
  <si>
    <t>【上海电气】中间衬板\K3739.9-8\磨煤机\HP943\国产</t>
  </si>
  <si>
    <t>【上海电气】导向装置前中间衬板\K3739.9-9\磨煤机\HP943\国产</t>
  </si>
  <si>
    <t>【上海电气】导向装置支撑板\K3739.9-10\磨煤机\HP943\国产</t>
  </si>
  <si>
    <t>【上海电气】焊塞\K3739.9-15\磨煤机\HP943\国产</t>
  </si>
  <si>
    <t>【上海电气】陶瓷盖\K3739.9-16\磨煤机\HP\国产</t>
  </si>
  <si>
    <t>【上海电气】焊塞\K3739.9-17\磨煤机\HP943\国产</t>
  </si>
  <si>
    <t>【上海电气】陶瓷盖\K3739.9-18\磨煤机\HP\国产</t>
  </si>
  <si>
    <t>【上海电气】叶轮装置\K3739.10.1.0\磨煤机\HP943\国产</t>
  </si>
  <si>
    <t>【上海电气】磨碗延伸环\K3739.10-1\磨煤机\HP1003\国产</t>
  </si>
  <si>
    <t>【上海电气】磨碗衬板\K3739.10.2.0\磨煤机\HP943\国产</t>
  </si>
  <si>
    <t>【上海电气】键\K3739.10-2\磨煤机\HP\国产</t>
  </si>
  <si>
    <t>【上海电气】磨碗夹紧环\K3739.10-3\磨煤机\HP943\国产</t>
  </si>
  <si>
    <t>【上海电气】空气节流环扇形体\K3739.10.1-3\磨煤机\HP\国产</t>
  </si>
  <si>
    <t>【上海电气】空气节流环扇形体\K3739.10.1-4\磨煤机\HP\国产</t>
  </si>
  <si>
    <t>【上海电气】空气节流环扇形体\K3739.10.1-5\磨煤机\HP\国产</t>
  </si>
  <si>
    <t>【上海电气】护罩\K3739.14-3\磨煤机\HP\国产</t>
  </si>
  <si>
    <t>【上海电气】刮板装置\K3739.12.0\磨煤机\HP943\国产</t>
  </si>
  <si>
    <t>【上海电气】刮板支架\K3739.12-1\磨煤机\HP\国产</t>
  </si>
  <si>
    <t>【上海电气】刮板\K3739.12.1.0\磨煤机\HP\国产</t>
  </si>
  <si>
    <t>【上海电气】耐磨板\K3739.12-3\磨煤机\HP\国产</t>
  </si>
  <si>
    <t>【上海电气】刮板装置\K3739.16.0\磨煤机\HP943\国产</t>
  </si>
  <si>
    <t>【上海电气】刮板支架\K3739.16-1\磨煤机\HP\国产</t>
  </si>
  <si>
    <t>【上海电气】耐磨板\K3739.16-2\磨煤机\HP\国产</t>
  </si>
  <si>
    <t>【上海电气】磨辊群罩装置\K3739.8.1.0\磨煤机\HP943\国产</t>
  </si>
  <si>
    <t>【上海电气】密封挡圈\K3739.8-2\磨煤机\HP\国产</t>
  </si>
  <si>
    <t>【上海电气】油封检修盖\K3739.8-3\磨煤机\HP\国产</t>
  </si>
  <si>
    <t>【上海电气】O型密封圈\K3739.8-4\磨煤机\HP943\国产</t>
  </si>
  <si>
    <t>【上海电气】密封耐油环\K3739.8-5\磨煤机\HP943\国产</t>
  </si>
  <si>
    <t>【上海电气】磁性螺塞\K3739.8.2.0\磨煤机\HP\国产</t>
  </si>
  <si>
    <t>【上海电气】磨辊轴承挡圈\K3739.8-6\磨煤机\HP\国产</t>
  </si>
  <si>
    <t>【上海电气】垫片组\K3739.8-7\磨煤机\HP\国产</t>
  </si>
  <si>
    <t>【上海电气】磨辊轴\K3739.8-8\磨煤机\HP\国产</t>
  </si>
  <si>
    <t>【上海电气】止动垫片\K3739.8-9\磨煤机\HP\国产</t>
  </si>
  <si>
    <t>【上海电气】下磨辊座盖\K3739.8-10\磨煤机\HP\国产</t>
  </si>
  <si>
    <t>【上海电气】磨辊挡圈\K3739.8-11\磨煤机\HP943\国产</t>
  </si>
  <si>
    <t>【上海电气】磨辊座\K3739.8-24\磨煤机\HP\国产</t>
  </si>
  <si>
    <t>【上海电气】磨辊\K3739.8.4.0\磨煤机\HP\国产</t>
  </si>
  <si>
    <t>【上海电气】磨辊键\K3739.8-12\磨煤机\HP\国产</t>
  </si>
  <si>
    <t>【上海电气】磨辊座衬板\K3739.8-13\磨煤机\HP943\国产</t>
  </si>
  <si>
    <t>【上海电气】磨辊座盖\K3739.8-14\磨煤机\HP943\国产</t>
  </si>
  <si>
    <t>【上海电气】磨辊头\K3739.8-18\磨煤机\HP\国产</t>
  </si>
  <si>
    <t>【上海电气】磨辊头盖\K3739.8-19\磨煤机\HP\国产</t>
  </si>
  <si>
    <t>【上海电气】垫片\K3739.8-20\磨煤机\HP\国产</t>
  </si>
  <si>
    <t>【上海电气】止推端耳轴\K3739.8.5.0\磨煤机\HP\国产</t>
  </si>
  <si>
    <t>【上海电气】止推端止推板\K3739.8-21\磨煤机\HP\国产</t>
  </si>
  <si>
    <t>【上海电气】耳轴衬套挡圈\K3739.8-22\磨煤机\HP\国产</t>
  </si>
  <si>
    <t>【上海电气】耳轴衬套\K3739.8.6.0\磨煤机\HP\国产</t>
  </si>
  <si>
    <t>【上海电气】自由端耳轴\K3739.8.7.0\磨煤机\HP\国产</t>
  </si>
  <si>
    <t>【上海电气】磨辊头衬板装置\K3739.8.8.0\磨煤机\HP943\国产</t>
  </si>
  <si>
    <t>【上海电气】自由端止推板\K3739.8-23\磨煤机\HP\国产</t>
  </si>
  <si>
    <t>【上海电气】弹簧加载装置\K3739.19.0\磨煤机\HP\国产</t>
  </si>
  <si>
    <t>【上海电气】磨辊孔盖\K3739.19.1.0\磨煤机\HP\国产</t>
  </si>
  <si>
    <t>【上海电气】拉杆螺栓\K3739.19-2\磨煤机\HP\国产</t>
  </si>
  <si>
    <t>【上海电气】锁紧螺母\K3739.19-9\磨煤机\HP\国产</t>
  </si>
  <si>
    <t>【上海电气】加载螺栓\K3739.19-11\磨煤机\HP\国产</t>
  </si>
  <si>
    <t>【上海电气】O型密封圈\K3739.19-14\磨煤机\HP743-HP1163\国产</t>
  </si>
  <si>
    <t>【上海电气】密封盖\K3739.19-16\磨煤机\HP\国产</t>
  </si>
  <si>
    <t>【上海电气】闸板阀\K933.00(A)\磨煤机\HP\国产</t>
  </si>
  <si>
    <t>【上海电气】滤油器滤芯\XRZ-175ZY\国产</t>
  </si>
  <si>
    <t>【上海电气】减速器\J05.00A\磨煤机\HP743-HP1163\进口</t>
  </si>
  <si>
    <t>【上海电气】伞齿轮轴\J05-3a\磨煤机\HP\国产</t>
  </si>
  <si>
    <t>【上海电气】轴承\1.2117259E7\磨煤机\HP\国产</t>
  </si>
  <si>
    <t>【上海电气】行星架\J05-9\磨煤机\HP\国产</t>
  </si>
  <si>
    <t>【上海电气】内齿套\J05-20\磨煤机\HP\国产</t>
  </si>
  <si>
    <t>【上海电气】轴承座\J05-24\磨煤机\HP\国产</t>
  </si>
  <si>
    <t>【上海电气】行星轮轴\J05-25\磨煤机\HP\国产</t>
  </si>
  <si>
    <t>【上海电气】行星轮\J05-27\磨煤机\HP\国产</t>
  </si>
  <si>
    <t>【上海电气】内齿圈\J05-28\磨煤机\HP\国产</t>
  </si>
  <si>
    <t>【上海电气】太阳轮\J05-31\磨煤机\HP\国产</t>
  </si>
  <si>
    <t>【上海电气】内齿套\J05-32\磨煤机\HP\国产</t>
  </si>
  <si>
    <t>【上海电气】伞齿轮\J05-34a\磨煤机\HP\国产</t>
  </si>
  <si>
    <t>【上海电气】弹性挡圈\J05-41\磨煤机\HP\国产</t>
  </si>
  <si>
    <t>【上海电气】滤油器滤芯\OWTS 11ZY\国产</t>
  </si>
  <si>
    <t>【上海电气】迷宫环\J06-1 J437.00\磨煤机\MW31B/L-Dyn\国产</t>
  </si>
  <si>
    <t>【上海电气】键\J06-2\磨煤机\HP\国产</t>
  </si>
  <si>
    <t>【上海电气】伞齿轮轴\J06-3a\磨煤机\HP\国产</t>
  </si>
  <si>
    <t>【上海电气】垫环\J06-4\磨煤机\HP\国产</t>
  </si>
  <si>
    <t>【上海电气】挡油板\J06-5\磨煤机\HP\国产</t>
  </si>
  <si>
    <t>【上海电气】法兰套\J06-8\磨煤机\HP\国产</t>
  </si>
  <si>
    <t>【上海电气】行星架\J06-9\磨煤机\HP\国产</t>
  </si>
  <si>
    <t>【上海电气】盖板\J06-10\磨煤机\HP\国产</t>
  </si>
  <si>
    <t>【上海电气】内齿套\J06-20\磨煤机\HP\国产</t>
  </si>
  <si>
    <t>【上海电气】轴承座\J06-24\磨煤机\HP\国产</t>
  </si>
  <si>
    <t>【上海电气】行星轮轴\J06-25\磨煤机\HP\国产</t>
  </si>
  <si>
    <t>【上海电气】弹性挡圈\J06-26\磨煤机\HP\国产</t>
  </si>
  <si>
    <t>【上海电气】行星轮\J06-27\磨煤机\HP\国产</t>
  </si>
  <si>
    <t>【上海电气】内齿圈\J06-28\磨煤机\HP\国产</t>
  </si>
  <si>
    <t>【上海电气】太阳轮\J06-31\磨煤机\HP\国产</t>
  </si>
  <si>
    <t>【上海电气】内齿套\J06-32\磨煤机\HP\国产</t>
  </si>
  <si>
    <t>【上海电气】伞齿轮\J06-34a\磨煤机\HP\国产</t>
  </si>
  <si>
    <t>【上海电气】弹性挡圈\J06-41\磨煤机\HP\国产</t>
  </si>
  <si>
    <t>【上海电气】联轴器\K9033-1080L\磨煤机\HP\国产</t>
  </si>
  <si>
    <t>【上海电气】供油管\K9033.3.1.0\磨煤机\HP\国产</t>
  </si>
  <si>
    <t>【上海电气】排气管\K3745.4-4\磨煤机\HP\国产</t>
  </si>
  <si>
    <t>【上海电气】回油管\K9033.3.2.0\磨煤机\HP\国产</t>
  </si>
  <si>
    <t>【上海电气】导向装置衬板布置图\K3868.3.1.0(B)\磨煤机\HP\国产</t>
  </si>
  <si>
    <t>【上海电气】左侧衬板\K3868.3.1-1(B)\磨煤机\HP\国产</t>
  </si>
  <si>
    <t>【上海电气】导向装置上衬板\K3868.3.1-2(B)\磨煤机\HP\国产</t>
  </si>
  <si>
    <t>【上海电气】导向装置上衬板\K3868.3.1-3(B)\磨煤机\HP\国产</t>
  </si>
  <si>
    <t>【上海电气】导向装置上衬板\K3868.3.1-4(B)\磨煤机\HP\国产</t>
  </si>
  <si>
    <t>【上海电气】右侧衬板\K3868.3.1-5(B)\磨煤机\HP\国产</t>
  </si>
  <si>
    <t>【上海电气】绝热层外护板布置图\K9033.5.2.0\磨煤机\HP\国产</t>
  </si>
  <si>
    <t>【上海电气】检修门左侧护板\K6118.5.2-5\磨煤机\HP\国产</t>
  </si>
  <si>
    <t>【上海电气】绝热层护板\K6118.5.2-6\磨煤机\HP\国产</t>
  </si>
  <si>
    <t>【上海电气】检修门右侧护板\K6118.5.2-7\磨煤机\HP\国产</t>
  </si>
  <si>
    <t>【上海电气】检修门左侧护板\K6118.5.2-8\磨煤机\HP\国产</t>
  </si>
  <si>
    <t>【上海电气】护板\K6118.5.2-9\磨煤机\HP\国产</t>
  </si>
  <si>
    <t>【上海电气】护板\K6118.5.2-2\磨煤机\HP\国产</t>
  </si>
  <si>
    <t>【上海电气】护板\K6118.5.2-1\磨煤机\HP\国产</t>
  </si>
  <si>
    <t>【上海电气】护板\K6118.5.2-3\磨煤机\HP\国产</t>
  </si>
  <si>
    <t>【上海电气】检修门右侧护板\K6118.5.2-4\磨煤机\HP\国产</t>
  </si>
  <si>
    <t>【上海电气】气动闸板阀\NMDN760\磨煤机\HP\国产</t>
  </si>
  <si>
    <t>【上海电气】排出体\K6083.1.2.0\磨煤机\HP\国产</t>
  </si>
  <si>
    <t>【上海电气】磨辊装置总成\K8830(A).7.0(ZC)\磨煤机\HP\国产</t>
  </si>
  <si>
    <t>【上海电气】弹簧加载装置总成\K8830.8.0(ZC)\磨煤机\HP\国产</t>
  </si>
  <si>
    <t>【上海电气】螺旋推进器\K4611.7.6.0(1)\磨煤机\BBD4054\国产</t>
  </si>
  <si>
    <t>【上海电气】螺旋推进器\K4611.7.6.0(2)\磨煤机\BBD4054\国产</t>
  </si>
  <si>
    <t>【上海电气】中心管\K4611.7.6.1.0\磨煤机\BBD4054\国产</t>
  </si>
  <si>
    <t>【上海电气】铰链\K4611.7.6.2.0\磨煤机\BBD4054\国产</t>
  </si>
  <si>
    <t>【上海电气】链节\K4000.7.6.2-1(T)\磨煤机\BBD4054\国产</t>
  </si>
  <si>
    <t>【上海电气】三环链\K4000.7.6.2-2(T)\磨煤机\BBD4054\国产</t>
  </si>
  <si>
    <t>【上海电气】铰链\K4611.7.6.3.0\磨煤机\BBD4054\国产</t>
  </si>
  <si>
    <t>【上海电气】双环链\K4000.7.6.3-1(T)\磨煤机\BBD4054\国产</t>
  </si>
  <si>
    <t>【上海电气】右螺旋叶片\K4000.7.6-2(T1)\磨煤机\BBD4054\国产</t>
  </si>
  <si>
    <t>【上海电气】右螺旋叶片\K4000.7.6-2(T2)\磨煤机\BBD4054\国产</t>
  </si>
  <si>
    <t>【上海电气】中空管\K4611.7.5.0(1)\磨煤机\BBD4054\国产</t>
  </si>
  <si>
    <t>【上海电气】中空管\K4611.7.5.0(2)\磨煤机\BBD4054\国产</t>
  </si>
  <si>
    <t>【上海电气】中空管体\K4611.7.5.1.0\磨煤机\BBD4054\国产</t>
  </si>
  <si>
    <t>【上海电气】弯管\K4611.7.5.2.0\磨煤机\BBD4054\国产</t>
  </si>
  <si>
    <t>【上海电气】弯管\K4611.7.5.3.0\磨煤机\BBD4054\国产</t>
  </si>
  <si>
    <t>【上海电气】弯管\K4611.7.5.4.0\磨煤机\BBD4054\国产</t>
  </si>
  <si>
    <t>【上海电气】弯管\K4611.7.5.5.0\磨煤机\BBD4054\国产</t>
  </si>
  <si>
    <t>【上海电气】衬套\K4000.7.5-1(T1)\磨煤机\BBD4054\国产</t>
  </si>
  <si>
    <t>【上海电气】衬套\K4000.7.5-1(T2)\磨煤机\BBD4054\国产</t>
  </si>
  <si>
    <t>【上海电气】主轴\K4000.7.6-5(T)\磨煤机\BBD4054\国产</t>
  </si>
  <si>
    <t>【上海电气】衬板部分\K4613.7.3.0\磨煤机\BBD4054\国产</t>
  </si>
  <si>
    <t>【上海电气】衬板\K4611.7.3-22\磨煤机\BBD4054\国产</t>
  </si>
  <si>
    <t>【上海电气】衬板\K4611.7.3-23\磨煤机\BBD4054\国产</t>
  </si>
  <si>
    <t>【上海电气】衬板\K4611.7.3-24\磨煤机\BBD4054\国产</t>
  </si>
  <si>
    <t>【上海电气】螺栓\K4611.7.3-28\磨煤机\BBD4054\国产</t>
  </si>
  <si>
    <t>【上海电气】垫圈\K4611.7.3-27\磨煤机\BBD4054\国产</t>
  </si>
  <si>
    <t>【上海电气】螺母\NM14174380\磨煤机\BBD4054\国产</t>
  </si>
  <si>
    <t>【上海电气】管帽\K4000.7-17(T)\磨煤机\BBD4054\国产</t>
  </si>
  <si>
    <t>【上海电气】螺母\K4000.7-16(T)\磨煤机\BBD4054\国产</t>
  </si>
  <si>
    <t>【上海电气】管套\K4000.7-15(T)\磨煤机\BBD4054\国产</t>
  </si>
  <si>
    <t>【上海电气】圆钢\K4000.7.6.1-5(T)\磨煤机\BBD4054\国产</t>
  </si>
  <si>
    <t>【上海电气】撑杆\K4000.7-14(T1)\磨煤机\BBD4054\国产</t>
  </si>
  <si>
    <t>【上海电气】撑杆\K4000.7-14(T2)\磨煤机\BBD4054\国产</t>
  </si>
  <si>
    <t>【上海电气】挡板\K4000.7.6-4(T)\磨煤机\BBD4054\国产</t>
  </si>
  <si>
    <t>【上海电气】撑杆组件\K4000.7-14(T3)\磨煤机\BBD4054\国产</t>
  </si>
  <si>
    <t>【上海电气】撑杆组件\K4000.7-14(T4)\磨煤机\BBD4054\国产</t>
  </si>
  <si>
    <t>【上海电气】轴承座\K4611.7.9.0\磨煤机\BBD4054\国产</t>
  </si>
  <si>
    <t>【上海电气】轴承座组件\K4000.7.9-1(T1)\磨煤机\BBD4054\国产</t>
  </si>
  <si>
    <t>【上海电气】轴承座\K4000.7.9-1(T)\磨煤机\BBD4054\国产</t>
  </si>
  <si>
    <t>【上海电气】闷盖\K4000.7.9-2(T)\磨煤机\BBD4054\国产</t>
  </si>
  <si>
    <t>【上海电气】退卸套\NM12090946\磨煤机\BBD4054\国产</t>
  </si>
  <si>
    <t>【上海电气】螺旋输送器轴承\NM12090927\磨煤机\BBD4054\国产</t>
  </si>
  <si>
    <t>【上海电气】热风盒\K4613.7.2.0\磨煤机\BBD4054\国产</t>
  </si>
  <si>
    <t>【上海电气】密封盖\K4000.7-19(T)\磨煤机\BBD4054\国产</t>
  </si>
  <si>
    <t>【上海电气】衬板部\K4613.8.3.0\磨煤机\BBD4054\国产</t>
  </si>
  <si>
    <t>【上海电气】热风盒\K4613.8.2.0\磨煤机\BBD4054\国产</t>
  </si>
  <si>
    <t>【上海电气】左螺旋叶片\K4000.8.5-2(T1)\磨煤机\BBD4054\国产</t>
  </si>
  <si>
    <t>【上海电气】左螺旋叶片\K4000.8.5-2(T2)\磨煤机\BBD4054\国产</t>
  </si>
  <si>
    <t>【上海电气】挡板\K4000.8.5-3(T)\磨煤机\BBD4054\国产</t>
  </si>
  <si>
    <t>【上海电气】中空管\K4611.8.4.0(1)\磨煤机\BBD4054\国产</t>
  </si>
  <si>
    <t>【上海电气】中空管\K4611.8.4.0(2)\磨煤机\BBD4054\国产</t>
  </si>
  <si>
    <t>【上海电气】螺旋推进器\K4611.8.5.0(1)\磨煤机\BBD4054\国产</t>
  </si>
  <si>
    <t>【上海电气】螺旋推进器\K4611.8.5.0(2)\磨煤机\BBD4054\国产</t>
  </si>
  <si>
    <t>【上海电气】中心管\K4611.8.5.1.0\磨煤机\BBD4054\国产</t>
  </si>
  <si>
    <t>【上海电气】大齿轮装置\K4000.2.1.0(T)\磨煤机\BBD4054\国产</t>
  </si>
  <si>
    <t>【上海电气】销轴\K4000.2.1-2(T)\磨煤机\BBD4054\国产</t>
  </si>
  <si>
    <t>【上海电气】螺柱\K4000.2.1-3(T)\磨煤机\BBD4054\国产</t>
  </si>
  <si>
    <t>【上海电气】螺母\K4000.2.1-4(T)\磨煤机\BBD4054\国产</t>
  </si>
  <si>
    <t>【上海电气】螺母\K4000.2.1-5(T)\磨煤机\BBD4054\国产</t>
  </si>
  <si>
    <t>【上海电气】螺钉\K4000.2.1-7(T)\磨煤机\BBD4054\国产</t>
  </si>
  <si>
    <t>【上海电气】螺母\NM14179228\磨煤机\BBD4054\国产</t>
  </si>
  <si>
    <t>【上海电气】钢板\K4000.2.1-8(T)\磨煤机\BBD4054\国产</t>
  </si>
  <si>
    <t>【上海电气】小齿轮装置\K4000.2.2.0(T)\磨煤机\BBD4054\国产</t>
  </si>
  <si>
    <t>【上海电气】轴\K4000.2.2-1(T)\磨煤机\BBD4054\国产</t>
  </si>
  <si>
    <t>【上海电气】键\K4000.2.2-2(T)\磨煤机\BBD4054\国产</t>
  </si>
  <si>
    <t>【上海电气】定位套\K4000.2.2-3(T)\磨煤机\BBD4054\国产</t>
  </si>
  <si>
    <t>【上海电气】迷宫环\K4000.2.2-4(T)\磨煤机\BBD4054\国产</t>
  </si>
  <si>
    <t>【上海电气】透盖\K4000.2.2-5(T)\磨煤机\BBD4054\国产</t>
  </si>
  <si>
    <t>【上海电气】轴承盖\K4000.2.2-6(T)\磨煤机\BBD4054\国产</t>
  </si>
  <si>
    <t>【上海电气】隔套\K4000.2.2-7(T)\磨煤机\BBD4054\国产</t>
  </si>
  <si>
    <t>【上海电气】键\K4000.2.2-8(T)\磨煤机\BBD4054\国产</t>
  </si>
  <si>
    <t>【上海电气】圆螺母\K4000.2.2-10(T)\磨煤机\BBD4054\国产</t>
  </si>
  <si>
    <t>【上海电气】自由端轴承盖\K4000.2.2-12(T)\磨煤机\BBD4054\国产</t>
  </si>
  <si>
    <t>【上海电气】闷盖\K4000.2.2-13(T)\磨煤机\BBD4054\国产</t>
  </si>
  <si>
    <t>【上海电气】方头螺栓\K4000.2.2-14(T)\磨煤机\BBD4054\国产</t>
  </si>
  <si>
    <t>【上海电气】定位螺栓\K4000.2.2-17(T)\磨煤机\BBD4054\国产</t>
  </si>
  <si>
    <t>【上海电气】底板\K4000.2.2.1.0(T)\磨煤机\BBD4054\国产</t>
  </si>
  <si>
    <t>【上海电气】定位螺栓\K4000.2.2-18(T)\磨煤机\BBD4054\国产</t>
  </si>
  <si>
    <t>【上海电气】支座\K4000.2.2-16(T)\磨煤机\BBD4054\国产</t>
  </si>
  <si>
    <t>【上海电气】自由端轴承座\K4000.2.2-19(T)\磨煤机\BBD4054\国产</t>
  </si>
  <si>
    <t>【上海电气】固定端轴承座\K4000.2.2-20(T)\磨煤机\BBD4054\国产</t>
  </si>
  <si>
    <t>【上海电气】小齿轮轴承\NM12208726\磨煤机\BBD4054\国产</t>
  </si>
  <si>
    <t>【上海电气】小齿轮轴承锥套\NM12208727\磨煤机\BBD4054\国产</t>
  </si>
  <si>
    <t>【上海电气】小齿轮\K4000.2.2-9(T)\磨煤机\BBD4054\国产</t>
  </si>
  <si>
    <t>【上海电气】端盖内圈衬板\K4613.13-1\磨煤机\BBD4054\国产</t>
  </si>
  <si>
    <t>【上海电气】端盖内圈衬板\K4613.13-2\磨煤机\BBD4054\国产</t>
  </si>
  <si>
    <t>【上海电气】端盖外圈短衬板\K4613.13-3\磨煤机\BBD4054\国产</t>
  </si>
  <si>
    <t>【上海电气】端盖外圈长衬板\K4613.13-4\磨煤机\BBD4054\国产</t>
  </si>
  <si>
    <t>【上海电气】螺栓\K463.2-5\磨煤机\BBD4054\国产</t>
  </si>
  <si>
    <t>【上海电气】密封垫圈\K463.2-6\磨煤机\BBD4054\国产</t>
  </si>
  <si>
    <t>【上海电气】压圈\K463.2-7\磨煤机\BBD4054\国产</t>
  </si>
  <si>
    <t>【上海电气】螺栓\K463.2-8\磨煤机\BBD4054\国产</t>
  </si>
  <si>
    <t>【上海电气】螺栓\K463.2-9\磨煤机\BBD4054\国产</t>
  </si>
  <si>
    <t>【上海电气】斜纹衬板\K4613.13-5\磨煤机\BBD4054\国产</t>
  </si>
  <si>
    <t>【上海电气】斜纹衬板\K4613.13-6\磨煤机\BBD4054\国产</t>
  </si>
  <si>
    <t>【上海电气】平衬板\K4613.13-7\磨煤机\BBD4054\国产</t>
  </si>
  <si>
    <t>【上海电气】平衬板\K4613.13-8\磨煤机\BBD4054\国产</t>
  </si>
  <si>
    <t>【上海电气】斜纹衬板\K4613.13-9\磨煤机\BBD4054\国产</t>
  </si>
  <si>
    <t>【上海电气】斜纹衬板\K4613.13-10\磨煤机\BBD4054\国产</t>
  </si>
  <si>
    <t>【上海电气】螺栓\K463.2-16\磨煤机\BBD4054\国产</t>
  </si>
  <si>
    <t>【上海电气】联轴器弹性柱销\NM14205770\磨煤机\BBD4054\国产</t>
  </si>
  <si>
    <t>【上海电气】联轴器弹性柱销\NM14205771\磨煤机\BBD4054\国产</t>
  </si>
  <si>
    <t>【上海电气】联轴器\NM12174759\磨煤机\BBD4054\国产</t>
  </si>
  <si>
    <t>【上海电气】联轴器\NM12207461\磨煤机\BBD4054\国产</t>
  </si>
  <si>
    <t>【上海电气】斜齿离合器\K465.1.3.1.0\磨煤机\BBD4054\国产</t>
  </si>
  <si>
    <t>【上海电气】半斜齿离合器\K461.1.3.1-3\磨煤机\BBD4054\国产</t>
  </si>
  <si>
    <t>【上海电气】半斜齿离合器\K461.1.3.1-4\磨煤机\BBD4054\国产</t>
  </si>
  <si>
    <t>【上海电气】压盖\K4000.4-1(T)\磨煤机\BBD4054\国产</t>
  </si>
  <si>
    <t>【上海电气】非传动侧中空轴\K4000.4.1.1-4(T)\磨煤机\BBD4054\国产</t>
  </si>
  <si>
    <t>【上海电气】传动侧中空轴\K4000.4.1.3-3(T)\磨煤机\BBD4054\国产</t>
  </si>
  <si>
    <t>【上海电气】金属软管\NM12113841\磨煤机\BBD4054\国产</t>
  </si>
  <si>
    <t>【上海电气】金属软管\NM12113842\磨煤机\BBD4054\国产</t>
  </si>
  <si>
    <t>【上海电气】内锥体\K4613.5.5.0(1)\磨煤机\BBD4054\国产</t>
  </si>
  <si>
    <t>【上海电气】内锥体\K4613.5.3.0(1)\磨煤机\BBD4054\国产</t>
  </si>
  <si>
    <t>【上海电气】内锥体\K4613.5.5.0(2)\磨煤机\BBD4054\国产</t>
  </si>
  <si>
    <t>【上海电气】内锥体\K4613.5.3.0(2)\磨煤机\BBD4054\国产</t>
  </si>
  <si>
    <t>【上海电气】球面瓦\K4000.6.3.0(T)\磨煤机\BBD4054\国产</t>
  </si>
  <si>
    <t>【上海电气】螺旋推进器\K4645.6.2.0(1)\磨煤机\BBD4060\国产</t>
  </si>
  <si>
    <t>【上海电气】螺旋推进器\K4645.6.2.0(2)\磨煤机\BBD4060\国产</t>
  </si>
  <si>
    <t>【上海电气】中心管\K4645.6.2.1.0\磨煤机\BBD4060\国产</t>
  </si>
  <si>
    <t>【上海电气】铰链\K4645.6.2.2.0\磨煤机\BBD4060\国产</t>
  </si>
  <si>
    <t>【上海电气】铰链\K4645.6.2.3.0\磨煤机\BBD4060\国产</t>
  </si>
  <si>
    <t>【上海电气】中空管\K4645.6.3.0(1)\磨煤机\BBD4060\国产</t>
  </si>
  <si>
    <t>【上海电气】中空管\K4645.6.3.0(2)\磨煤机\BBD4060\国产</t>
  </si>
  <si>
    <t>【上海电气】中空管体\K4645.6.3-1\磨煤机\BBD4060\国产</t>
  </si>
  <si>
    <t>【上海电气】弯管\K4645.6.3.1.0\磨煤机\BBD4060\国产</t>
  </si>
  <si>
    <t>【上海电气】弯管\K4645.6.3.2.0\磨煤机\BBD4060\国产</t>
  </si>
  <si>
    <t>【上海电气】弯管\K4645.6.3.3.0\磨煤机\BBD4060\国产</t>
  </si>
  <si>
    <t>【上海电气】弯管\K4645.6.3.4.0\磨煤机\BBD4060\国产</t>
  </si>
  <si>
    <t>【上海电气】衬板部\K4645.6.5.0\磨煤机\BBD4060\国产</t>
  </si>
  <si>
    <t>【上海电气】衬板\K4645.6.5-22\磨煤机\BBD4060\国产</t>
  </si>
  <si>
    <t>【上海电气】衬板\K4645.6.5-23\磨煤机\BBD4060\国产</t>
  </si>
  <si>
    <t>【上海电气】衬板\K4645.6.5-24\磨煤机\BBD4060\国产</t>
  </si>
  <si>
    <t>【上海电气】垫圈\K4645.6.5-27\磨煤机\BBD4060\国产</t>
  </si>
  <si>
    <t>【上海电气】螺栓\K4645.6.5-28\磨煤机\BBD4060\国产</t>
  </si>
  <si>
    <t>【上海电气】热风盒\K4645.6.6.0\磨煤机\BBD4060\国产</t>
  </si>
  <si>
    <t>【上海电气】轴承\K4645.6.9.0\磨煤机\BBD4060\国产</t>
  </si>
  <si>
    <t>【上海电气】螺旋推进器\K4645.7.2.0(1)\磨煤机\BBD4060\国产</t>
  </si>
  <si>
    <t>【上海电气】螺旋推进器\K4645.7.2.0(2)\磨煤机\BBD4060\国产</t>
  </si>
  <si>
    <t>【上海电气】中心管\K4645.7.2.1.0\磨煤机\BBD4060\国产</t>
  </si>
  <si>
    <t>【上海电气】中空管\K4645.7.3.0(1)\磨煤机\BBD4060\国产</t>
  </si>
  <si>
    <t>【上海电气】中空管\K4645.7.3.0(2)\磨煤机\BBD4060\国产</t>
  </si>
  <si>
    <t>【上海电气】衬板部\K4645.7.4.0\磨煤机\BBD4060\国产</t>
  </si>
  <si>
    <t>【上海电气】热风盒\K4645.7.5.0\磨煤机\BBD4060\国产</t>
  </si>
  <si>
    <t>【上海电气】小齿轮装置\K4645.2.1.0\磨煤机\BBD4060\国产</t>
  </si>
  <si>
    <t>【上海电气】轴\K4645.2.1-1\磨煤机\BBD4060\国产</t>
  </si>
  <si>
    <t>【上海电气】键\K4645.2.1-2\磨煤机\BBD4060\国产</t>
  </si>
  <si>
    <t>【上海电气】衬板部\K4645.5.0\磨煤机\BBD4060\国产</t>
  </si>
  <si>
    <t>【上海电气】端盖内圈衬板\K4645.5-1\磨煤机\BBD4060\国产</t>
  </si>
  <si>
    <t>【上海电气】端盖内圈衬板\K4645.5-2\磨煤机\BBD4060\国产</t>
  </si>
  <si>
    <t>【上海电气】端盖外圈短衬板\K4645.5-3\磨煤机\BBD4060\国产</t>
  </si>
  <si>
    <t>【上海电气】端盖外圈长衬板\K4645.5-4\磨煤机\BBD4060\国产</t>
  </si>
  <si>
    <t>【上海电气】螺栓\K4645.5-5\磨煤机\BBD4060\国产</t>
  </si>
  <si>
    <t>【上海电气】密封垫圈\K4645.5-6\磨煤机\BBD4060\国产</t>
  </si>
  <si>
    <t>【上海电气】压圈\K4645.5-7\磨煤机\BBD4060\国产</t>
  </si>
  <si>
    <t>【上海电气】螺栓\K4645.5-8\磨煤机\BBD4060\国产</t>
  </si>
  <si>
    <t>【上海电气】螺栓\K4645.5-9\磨煤机\BBD4060\国产</t>
  </si>
  <si>
    <t>【上海电气】斜纹衬板\K4645.5-10\磨煤机\BBD4060\国产</t>
  </si>
  <si>
    <t>【上海电气】斜纹衬板\K4645.5-11\磨煤机\BBD4060\国产</t>
  </si>
  <si>
    <t>【上海电气】平衬板\K4645.5-12\磨煤机\BBD4060\国产</t>
  </si>
  <si>
    <t>【上海电气】平衬板\K4645.5-13\磨煤机\BBD4060\国产</t>
  </si>
  <si>
    <t>【上海电气】斜纹衬板\K4645.5-14\磨煤机\BBD4060\国产</t>
  </si>
  <si>
    <t>【上海电气】斜纹衬板\K4645.5-15\磨煤机\BBD4060\国产</t>
  </si>
  <si>
    <t>【上海电气】螺栓\K4645.5-16\磨煤机\BBD4060\国产</t>
  </si>
  <si>
    <t>【上海电气】联轴器\NM12097079\磨煤机\BBD4060\国产</t>
  </si>
  <si>
    <t>【上海电气】联轴器\NM12128383\磨煤机\BBD4060\国产</t>
  </si>
  <si>
    <t>【上海电气】斜齿离合器\K4645.3.3.1.0\磨煤机\BBD4060\国产</t>
  </si>
  <si>
    <t>【上海电气】半斜齿离合器\K4645.3.3.1-2\磨煤机\BBD4060\国产</t>
  </si>
  <si>
    <t>【上海电气】半斜齿离合器\K4645.3.3.1-3\磨煤机\BBD4060\国产</t>
  </si>
  <si>
    <t>【上海电气】内锥体\K4645.12.3.0(1)\磨煤机\BBD4060\国产</t>
  </si>
  <si>
    <t>【上海电气】内锥体下部\K4645.12.6.0(1)\磨煤机\BBD4060\国产</t>
  </si>
  <si>
    <t>【上海电气】内锥体\K4645.12.3.0(2)\磨煤机\BBD4060\国产</t>
  </si>
  <si>
    <t>【上海电气】内锥体\K4645.12.6.0(2)\磨煤机\BBD4060\国产</t>
  </si>
  <si>
    <t>【上海电气】衬板部\K4635.10.0\磨煤机\BBD4062\国产</t>
  </si>
  <si>
    <t>【上海电气】端盖内圈衬板\K4635.10-1\磨煤机\BBD4062\国产</t>
  </si>
  <si>
    <t>【上海电气】端盖内圈衬板\K4635.10-2\磨煤机\BBD4062\国产</t>
  </si>
  <si>
    <t>【上海电气】端盖外圈短衬板\K4635.10-3\磨煤机\BBD4062\国产</t>
  </si>
  <si>
    <t>【上海电气】端盖外圈长衬板\K4635.10-4\磨煤机\BBD4062\国产</t>
  </si>
  <si>
    <t>【上海电气】螺栓\K4611.13-5\磨煤机\BBD4062\国产</t>
  </si>
  <si>
    <t>【上海电气】密封垫圈\K4611.13-6\磨煤机\BBD4062\国产</t>
  </si>
  <si>
    <t>【上海电气】压圈\K4611.13-7\磨煤机\BBD4062\国产</t>
  </si>
  <si>
    <t>【上海电气】螺栓\K4611.13-8\磨煤机\BBD4062\国产</t>
  </si>
  <si>
    <t>【上海电气】螺栓\K4611.13-9\磨煤机\BBD4062\国产</t>
  </si>
  <si>
    <t>【上海电气】斜纹衬板\K4635.10-5\磨煤机\BBD4062\国产</t>
  </si>
  <si>
    <t>【上海电气】斜纹衬板\K4635.10-6\磨煤机\BBD4062\国产</t>
  </si>
  <si>
    <t>【上海电气】平衬板\K4635.10-7\磨煤机\BBD4062\国产</t>
  </si>
  <si>
    <t>【上海电气】平衬板\K4635.10-8\磨煤机\BBD4062\国产</t>
  </si>
  <si>
    <t>【上海电气】斜纹衬板\K4635.10-9\磨煤机\BBD4062\国产</t>
  </si>
  <si>
    <t>【上海电气】斜纹衬板\K4635.10-10\磨煤机\BBD4062\国产</t>
  </si>
  <si>
    <t>【上海电气】螺栓\K4611.13-16\磨煤机\BBD4062\国产</t>
  </si>
  <si>
    <t>【上海电气】联轴器\NM12191577\磨煤机\BBD4062\国产</t>
  </si>
  <si>
    <t>【上海电气】内锥体\K4626.2.2.0\磨煤机\BBD4062\国产</t>
  </si>
  <si>
    <t>【上海电气】螺旋输送器\K4621.3.0(1)\磨煤机\BBD4360\国产</t>
  </si>
  <si>
    <t>【上海电气】螺旋输送器\K4621.3.0(2)\磨煤机\BBD4360\国产</t>
  </si>
  <si>
    <t>【上海电气】热风盒\K4621.3.1.0\磨煤机\BBD4360\国产</t>
  </si>
  <si>
    <t>【上海电气】壳体\K4621.3.2.1.0\磨煤机\BBD4360\国产</t>
  </si>
  <si>
    <t>【上海电气】衬板\K462.4.2-3\磨煤机\BBD4360\国产</t>
  </si>
  <si>
    <t>【上海电气】衬板\K462.4.2-4\磨煤机\BBD4360\国产</t>
  </si>
  <si>
    <t>【上海电气】衬板\K462.4.2-5\磨煤机\BBD4360\国产</t>
  </si>
  <si>
    <t>【上海电气】衬板\K462.4.2-7\磨煤机\BBD4360\国产</t>
  </si>
  <si>
    <t>【上海电气】衬板\K462.4.2-8\磨煤机\BBD4360\国产</t>
  </si>
  <si>
    <t>【上海电气】衬板\K462.4.2-9\磨煤机\BBD4360\国产</t>
  </si>
  <si>
    <t>【上海电气】衬板\K462.4.2-10\磨煤机\BBD4360\国产</t>
  </si>
  <si>
    <t>【上海电气】衬板\K462.4.2-11\磨煤机\BBD4360\国产</t>
  </si>
  <si>
    <t>【上海电气】衬板\K462.4.2-12\磨煤机\BBD4360\国产</t>
  </si>
  <si>
    <t>【上海电气】衬板\K462.4.2-13\磨煤机\BBD4360\国产</t>
  </si>
  <si>
    <t>【上海电气】衬板\K462.4.2-14\磨煤机\BBD4360\国产</t>
  </si>
  <si>
    <t>【上海电气】衬板\K462.4.2-15\磨煤机\BBD4360\国产</t>
  </si>
  <si>
    <t>【上海电气】衬板\K462.4.2-18\磨煤机\BBD4360\国产</t>
  </si>
  <si>
    <t>【上海电气】衬板\K462.4.2-19\磨煤机\BBD4360\国产</t>
  </si>
  <si>
    <t>【上海电气】衬板\K462.4.2-20\磨煤机\BBD4360\国产</t>
  </si>
  <si>
    <t>【上海电气】衬板\K462.4.2-21\磨煤机\BBD4360\国产</t>
  </si>
  <si>
    <t>【上海电气】衬板\K462.4.2-22\磨煤机\BBD4360\国产</t>
  </si>
  <si>
    <t>【上海电气】衬板\K462.4.2-23\磨煤机\BBD4360\国产</t>
  </si>
  <si>
    <t>【上海电气】衬板\K462.4.2-24\磨煤机\BBD4360\国产</t>
  </si>
  <si>
    <t>【上海电气】衬板\K462.4.2-25\磨煤机\BBD4360\国产</t>
  </si>
  <si>
    <t>【上海电气】衬板\K462.4.2-26\磨煤机\BBD4360\国产</t>
  </si>
  <si>
    <t>【上海电气】衬板\K462.4.2-27\磨煤机\BBD4360\国产</t>
  </si>
  <si>
    <t>【上海电气】衬板\K462.4.2-30\磨煤机\BBD4360\国产</t>
  </si>
  <si>
    <t>【上海电气】衬板\K462.4.2-31\磨煤机\BBD4360\国产</t>
  </si>
  <si>
    <t>【上海电气】衬板\K462.4.2-35\磨煤机\BBD4360\国产</t>
  </si>
  <si>
    <t>【上海电气】衬板\K462.4.2-36\磨煤机\BBD4360\国产</t>
  </si>
  <si>
    <t>【上海电气】衬板\K462.14.2-1\磨煤机\BBD4360\国产</t>
  </si>
  <si>
    <t>【上海电气】衬板\K462.14.2-2\磨煤机\BBD4360\国产</t>
  </si>
  <si>
    <t>【上海电气】螺柱\K462.4.2-32\磨煤机\BBD4360\国产</t>
  </si>
  <si>
    <t>【上海电气】螺栓\K462.4.2-33\磨煤机\BBD4360\国产</t>
  </si>
  <si>
    <t>【上海电气】螺旋推进器\K462.4.3.0(1)\磨煤机\BBD4360\国产</t>
  </si>
  <si>
    <t>【上海电气】螺旋推进器\K462.4.3.0(2)\磨煤机\BBD4360\国产</t>
  </si>
  <si>
    <t>【上海电气】轴\K462.4.3-1\磨煤机\BBD4360\国产</t>
  </si>
  <si>
    <t>【上海电气】中心管\K462.4.3.1.0\磨煤机\BBD4360\国产</t>
  </si>
  <si>
    <t>【上海电气】挂链\K462.4.3.2.0\磨煤机\BBD4360\国产</t>
  </si>
  <si>
    <t>【上海电气】链节\K462.4.3.2-1\磨煤机\BBD4360\国产</t>
  </si>
  <si>
    <t>【上海电气】二节链\K462.4.3.2-2\磨煤机\BBD4360\国产</t>
  </si>
  <si>
    <t>【上海电气】链节\K462.4.3.2-3\磨煤机\BBD4360\国产</t>
  </si>
  <si>
    <t>【上海电气】右螺旋叶片\K462.4.3-2(1)\磨煤机\BBD4360\国产</t>
  </si>
  <si>
    <t>【上海电气】右螺旋叶片\K462.4.3-2(2)\磨煤机\BBD4360\国产</t>
  </si>
  <si>
    <t>【上海电气】挂链\K462.4.3.3.0\磨煤机\BBD4360\国产</t>
  </si>
  <si>
    <t>【上海电气】链节\K462.4.3.3-1\磨煤机\BBD4360\国产</t>
  </si>
  <si>
    <t>【上海电气】二节链\K462.4.3.3-2\磨煤机\BBD4360\国产</t>
  </si>
  <si>
    <t>【上海电气】链节\K462.4.3.3-3\磨煤机\BBD4360\国产</t>
  </si>
  <si>
    <t>【上海电气】挂链\K462.4.3.4.0\磨煤机\BBD4360\国产</t>
  </si>
  <si>
    <t>【上海电气】链节\K462.4.3.4-1\磨煤机\BBD4360\国产</t>
  </si>
  <si>
    <t>【上海电气】二节链\K462.4.3.4-2\磨煤机\BBD4360\国产</t>
  </si>
  <si>
    <t>【上海电气】链节\K462.4.3.4-3\磨煤机\BBD4360\国产</t>
  </si>
  <si>
    <t>【上海电气】绞龙撑杆管帽\K462.4.3-4 45#\磨煤机\BBD4366\国产</t>
  </si>
  <si>
    <t>【上海电气】绞龙撑杆螺母\K462.4.3-5 45#\磨煤机\BBD4366\国产</t>
  </si>
  <si>
    <t>【上海电气】绞龙撑杆轴套\K462.4.3-6 Q235A\磨煤机\BBD4366\国产</t>
  </si>
  <si>
    <t>【上海电气】绞龙撑杆管套\K462.4.3-7 45#\磨煤机\BBD4366\国产</t>
  </si>
  <si>
    <t>【上海电气】绞龙撑杆挡板\K462.4.3-8 42CrMo\磨煤机\BBD4366\国产</t>
  </si>
  <si>
    <t>【上海电气】撑杆\K462.4.3-9(1)\磨煤机\BBD4360\国产</t>
  </si>
  <si>
    <t>【上海电气】撑杆\K462.4.3-9(2)\磨煤机\BBD4360\国产</t>
  </si>
  <si>
    <t>【上海电气】撑杆组件\K462.4.3-9(3)\磨煤机\BBD4360\国产</t>
  </si>
  <si>
    <t>【上海电气】撑杆组件\K462.4.3-9(4)\磨煤机\BBD4360\国产</t>
  </si>
  <si>
    <t>【上海电气】中空管\K462.14.4.0(1)\磨煤机\BBD4360\国产</t>
  </si>
  <si>
    <t>【上海电气】中空管\K462.14.4.0(2)\磨煤机\BBD4360\国产</t>
  </si>
  <si>
    <t>【上海电气】中空管体\K462.4.4.1.0\磨煤机\BBD4360\国产</t>
  </si>
  <si>
    <t>【上海电气】弯管\K462.4.4.2.0\磨煤机\BBD4360\国产</t>
  </si>
  <si>
    <t>【上海电气】弯管\K462.4.4.3.0\磨煤机\BBD4360\国产</t>
  </si>
  <si>
    <t>【上海电气】衬套\K462.4.4-4(1)\磨煤机\BBD4360\国产</t>
  </si>
  <si>
    <t>【上海电气】衬套\K462.4.4-4(2)\磨煤机\BBD4360\国产</t>
  </si>
  <si>
    <t>【上海电气】取样管\K462.4.4.4.0\磨煤机\BBD4630\国产</t>
  </si>
  <si>
    <t>【上海电气】取样管\K462.4.4.5.0\磨煤机\BBD4630\国产</t>
  </si>
  <si>
    <t>【上海电气】轴承座组件\K462.4-13(1)\磨煤机\BBD4360\国产</t>
  </si>
  <si>
    <t>【上海电气】端盖\K462.4-10\磨煤机\BBD4360\国产</t>
  </si>
  <si>
    <t>【上海电气】轴承座\K462.4-13\磨煤机\BBD4360\国产</t>
  </si>
  <si>
    <t>【上海电气】密封垫\K462.4-20\磨煤机\BBD4360\国产</t>
  </si>
  <si>
    <t>【上海电气】热风盒\K4621.6.1.0\磨煤机\BBD4360\国产</t>
  </si>
  <si>
    <t>【上海电气】螺旋推进器\K462.14.3.0(1)\磨煤机\BBD4360\国产</t>
  </si>
  <si>
    <t>【上海电气】螺旋推进器\K462.14.3.0(2)\磨煤机\BBD4360\国产</t>
  </si>
  <si>
    <t>【上海电气】中心管\K462.14.3.1.0\磨煤机\BBD4360\国产</t>
  </si>
  <si>
    <t>【上海电气】中空管\K462.4.4.0(1)\磨煤机\BBD4360\国产</t>
  </si>
  <si>
    <t>【上海电气】中空管\K462.4.4.0(2)\磨煤机\BBD4360\国产</t>
  </si>
  <si>
    <t>【上海电气】左螺旋叶片\K462.14.3-1(1)\磨煤机\BBD4360\国产</t>
  </si>
  <si>
    <t>【上海电气】左螺旋叶片\K462.14.3-1(2)\磨煤机\BBD4360\国产</t>
  </si>
  <si>
    <t>【上海电气】挡板\K462.14.3-2\磨煤机\BBD4360\国产</t>
  </si>
  <si>
    <t>【上海电气】热风盒\K462.4.1.0\磨煤机\BBD4360\国产</t>
  </si>
  <si>
    <t>【上海电气】热风盒\K462.14.1.0\磨煤机\BBD4360\国产</t>
  </si>
  <si>
    <t>【上海电气】大齿轮装置\K462.1.1.0\磨煤机\BBD4360\国产</t>
  </si>
  <si>
    <t>【上海电气】销轴\K461.1.1-2\磨煤机\BBD4360\国产</t>
  </si>
  <si>
    <t>【上海电气】螺柱\K461.1.1-3\磨煤机\BBD4360\国产</t>
  </si>
  <si>
    <t>【上海电气】螺母\K461.1.1-4\磨煤机\BBD4360\国产</t>
  </si>
  <si>
    <t>【上海电气】螺母\K461.1.1-5\磨煤机\BBD4360\国产</t>
  </si>
  <si>
    <t>【上海电气】螺钉\K461.1.1-7\磨煤机\BBD4360\国产</t>
  </si>
  <si>
    <t>【上海电气】钢板\K461.1.1-8\磨煤机\BBD4360\国产</t>
  </si>
  <si>
    <t>【上海电气】小齿轮装配\K462.1.2.0\磨煤机\BBD4360\国产</t>
  </si>
  <si>
    <t>【上海电气】轴\K461.1.2-1\磨煤机\BBD4360\国产</t>
  </si>
  <si>
    <t>【上海电气】键\K462.1.2-2\磨煤机\BBD4360\国产</t>
  </si>
  <si>
    <t>【上海电气】定位套\K462.1.2-3\磨煤机\BBD4360\国产</t>
  </si>
  <si>
    <t>【上海电气】迷宫环\K462.1.2-4\磨煤机\BBD4360\国产</t>
  </si>
  <si>
    <t>【上海电气】透盖\K462.1.2-5\磨煤机\BBD4360\国产</t>
  </si>
  <si>
    <t>【上海电气】轴承盖\K462.1.2-6\磨煤机\BBD4360\国产</t>
  </si>
  <si>
    <t>【上海电气】隔套\K462.1.2-7\磨煤机\BBD4360\国产</t>
  </si>
  <si>
    <t>【上海电气】键\K462.1.2-8\磨煤机\BBD4360\国产</t>
  </si>
  <si>
    <t>【上海电气】小齿轮\K462.1.2-1\磨煤机\BBD4360\国产</t>
  </si>
  <si>
    <t>【上海电气】圆螺母\K462.1.2-10\磨煤机\BBD4360\国产</t>
  </si>
  <si>
    <t>【上海电气】自由端轴承盖\K462.1.2-12\磨煤机\BBD4360\国产</t>
  </si>
  <si>
    <t>【上海电气】闷盖\K462.1.2-13\磨煤机\BBD4360\国产</t>
  </si>
  <si>
    <t>【上海电气】方头螺栓\K462.1.2-14\磨煤机\BBD4360\国产</t>
  </si>
  <si>
    <t>【上海电气】定位螺栓\K462.1.2-17\磨煤机\BBD4360\国产</t>
  </si>
  <si>
    <t>【上海电气】定位螺栓\K462.1.2-18\磨煤机\BBD4360\国产</t>
  </si>
  <si>
    <t>【上海电气】支座\K462.1.2-16\磨煤机\BBD4360\国产</t>
  </si>
  <si>
    <t>【上海电气】自由端轴承座\K462.1.2-19\磨煤机\BBD4360\国产</t>
  </si>
  <si>
    <t>【上海电气】固定端轴承座\K462.1.2-20\磨煤机\BBD4360\国产</t>
  </si>
  <si>
    <t>【上海电气】衬板部\K4620.3.0\磨煤机\BBD4360\国产</t>
  </si>
  <si>
    <t>【上海电气】端盖内圈衬板\K4620.3-1\磨煤机\BBD4360\国产</t>
  </si>
  <si>
    <t>【英格索兰】温控阀弹簧\22186696\螺杆式空压机\MH37-PE\国产</t>
  </si>
  <si>
    <t>【英格索兰】软管\85562544\螺杆式空气压缩机\M185A/C\国产</t>
  </si>
  <si>
    <t>【英格索兰】疏水阀\39530159\螺杆空气压缩机\MM160\国产</t>
  </si>
  <si>
    <t>【英格索兰】可调直接头\95938106\空压机\SM250\国产</t>
  </si>
  <si>
    <t>【上海电气】端盖内圈衬板\K4620.3-2\磨煤机\BBD4360\国产</t>
  </si>
  <si>
    <t>【上海电气】端盖外圈短衬板\K4620.3-3\磨煤机\BBD4360\国产</t>
  </si>
  <si>
    <t>【上海电气】端盖外圈长衬板\K4620.3-4\磨煤机\BBD4360\国产</t>
  </si>
  <si>
    <t>【上海电气】螺栓\K467.3-5\磨煤机\BBD4360\国产</t>
  </si>
  <si>
    <t>【上海电气】密封垫圈\K467.3-6\磨煤机\BBD4360\国产</t>
  </si>
  <si>
    <t>【上海电气】压圈\K467.3-7\磨煤机\BBD4360\国产</t>
  </si>
  <si>
    <t>【上海电气】螺栓\K467.3-8\磨煤机\BBD4360\国产</t>
  </si>
  <si>
    <t>【上海电气】螺栓\K467.3-9\磨煤机\BBD4360\国产</t>
  </si>
  <si>
    <t>【上海电气】斜纹衬板\K4620.3-5\磨煤机\BBD4360\国产</t>
  </si>
  <si>
    <t>【上海电气】斜纹衬板\K4620.3-6\磨煤机\BBD4360\国产</t>
  </si>
  <si>
    <t>【上海电气】平衬板\K4620.3-7\磨煤机\BBD4360\国产</t>
  </si>
  <si>
    <t>【上海电气】平衬板\K4620.3-8\磨煤机\BBD4360\国产</t>
  </si>
  <si>
    <t>【上海电气】斜纹衬板\K4620.3-9\磨煤机\BBD4360\国产</t>
  </si>
  <si>
    <t>【上海电气】斜纹衬板\K4620.3-10\磨煤机\BBD4360\国产</t>
  </si>
  <si>
    <t>【上海电气】螺栓\K467.3-16\磨煤机\BBD4360\国产</t>
  </si>
  <si>
    <t>【上海电气】端盖外圈短衬板\K4620.3-11\磨煤机\BBD4360\国产</t>
  </si>
  <si>
    <t>【上海电气】端盖外圈长衬板\K4620.3-12\磨煤机\BBD4360\国产</t>
  </si>
  <si>
    <t>【上海电气】弹簧联轴器\NM12229570\磨煤机\BBD4360\国产</t>
  </si>
  <si>
    <t>【上海电气】压盖\K467.2-1\磨煤机\BBD4360\国产</t>
  </si>
  <si>
    <t>【上海电气】非传动侧中空轴\K467.2.1.1-5\磨煤机\BBD4360\国产</t>
  </si>
  <si>
    <t>【上海电气】传动侧中空轴\K467.2.1.2-2\磨煤机\BBD4360\国产</t>
  </si>
  <si>
    <t>【上海电气】金属软管\NM12116655\磨煤机\BBD4360\国产</t>
  </si>
  <si>
    <t>【上海电气】金属软管\NM12116654\磨煤机\BBD4360\国产</t>
  </si>
  <si>
    <t>【上海电气】内锥体\K4620.8.3.0(1)\磨煤机\BBD4360\国产</t>
  </si>
  <si>
    <t>【上海电气】内锥体\K4620.8.3.0(2)\磨煤机\BBD4360\国产</t>
  </si>
  <si>
    <t>【上海电气】球面瓦\K462.3.3.0\磨煤机\BBD4360\国产</t>
  </si>
  <si>
    <t>【上海电气】螺旋推进器\K4627.10.2.0(1)\磨煤机\BBD4360\国产</t>
  </si>
  <si>
    <t>【上海电气】螺旋推进器\K4627.10.2.0(2)\磨煤机\BBD4360\国产</t>
  </si>
  <si>
    <t>【上海电气】中心管\K4627.10.2.1.0\磨煤机\BBD4360\国产</t>
  </si>
  <si>
    <t>【上海电气】轴套\K4627.10.2-1\磨煤机\BBD4360\国产</t>
  </si>
  <si>
    <t>【上海电气】管套\K4627.10.2-2\磨煤机\BBD4360\国产</t>
  </si>
  <si>
    <t>【上海电气】撑杆\K4627.10.2-3(1)\磨煤机\BBD4360\国产</t>
  </si>
  <si>
    <t>【上海电气】撑杆\K4627.10.2-3(2)\磨煤机\BBD4360\国产</t>
  </si>
  <si>
    <t>【上海电气】撑杆组件\K4627.10.2-3(3)\磨煤机\BBD4360\国产</t>
  </si>
  <si>
    <t>【上海电气】撑杆组件\K4627.10.2-3(4)\磨煤机\BBD4360\国产</t>
  </si>
  <si>
    <t>【上海电气】螺旋推进器\K4627.11.2.0(1)\磨煤机\BBD4360\国产</t>
  </si>
  <si>
    <t>【上海电气】螺旋推进器\K4627.11.2.0(2)\磨煤机\BBD4360\国产</t>
  </si>
  <si>
    <t>【上海电气】中心管\K4627.11.2.1.0\磨煤机\BBD4360\国产</t>
  </si>
  <si>
    <t>【上海电气】衬板部\K4633.3.0\磨煤机\BBD4360\国产</t>
  </si>
  <si>
    <t>【上海电气】端盖内圈衬板\K4633.3-1\磨煤机\BBD4360\国产</t>
  </si>
  <si>
    <t>【上海电气】端盖内圈衬板\K4633.3-2\磨煤机\BBD4360\国产</t>
  </si>
  <si>
    <t>【上海电气】端盖外圈长衬板\K4633.3-3\磨煤机\BBD4360\国产</t>
  </si>
  <si>
    <t>【上海电气】斜齿离合器\K468.1.1.1.0\磨煤机\BBD4360\国产</t>
  </si>
  <si>
    <t>【上海电气】热风盒\K4646.7.1.0\磨煤机\MGS4366\国产</t>
  </si>
  <si>
    <t>【上海电气】衬板\K4300.7.2-3(T)\磨煤机\MGS4366\国产</t>
  </si>
  <si>
    <t>【上海电气】衬板\K4300.7.2-4(T)\磨煤机\MGS4366\国产</t>
  </si>
  <si>
    <t>【上海电气】衬板\K4300.7.2-5(T)\磨煤机\MGS4366\国产</t>
  </si>
  <si>
    <t>【上海电气】衬板\K4300.7.2-7(T)\磨煤机\MGS4366\国产</t>
  </si>
  <si>
    <t>【上海电气】衬板\K4300.7.2-8(T)\磨煤机\MGS4366\国产</t>
  </si>
  <si>
    <t>【上海电气】衬板\K4300.7.2-9(T)\磨煤机\MGS4366\国产</t>
  </si>
  <si>
    <t>【上海电气】衬板\K4300.7.2-10(T)\磨煤机\MGS4366\国产</t>
  </si>
  <si>
    <t>【上海电气】衬板\K4300.7.2-11(T)\磨煤机\MGS4366\国产</t>
  </si>
  <si>
    <t>【上海电气】衬板\K4300.7.2-12(T)\磨煤机\MGS4366\国产</t>
  </si>
  <si>
    <t>【上海电气】衬板\K4300.7.2-13(T)\磨煤机\MGS4366\国产</t>
  </si>
  <si>
    <t>【上海电气】衬板\K4300.7.2-14(T)\磨煤机\MGS4366\国产</t>
  </si>
  <si>
    <t>【上海电气】衬板\K4300.7.2-15(T)\磨煤机\MGS4366\国产</t>
  </si>
  <si>
    <t>【上海电气】衬板\K4300.7.2-16(T)\磨煤机\MGS4366\国产</t>
  </si>
  <si>
    <t>【上海电气】衬板\K4300.7.2-17(T)\磨煤机\MGS4366\国产</t>
  </si>
  <si>
    <t>【上海电气】衬板\K4300.7.2-18(T)\磨煤机\MGS4366\国产</t>
  </si>
  <si>
    <t>【上海电气】衬板\K4300.7.2-19(T)\磨煤机\MGS4366\国产</t>
  </si>
  <si>
    <t>【上海电气】衬板\K4300.7.2-22(T)\磨煤机\MGS4366\国产</t>
  </si>
  <si>
    <t>【上海电气】衬板\K4300.7.2-23(T)\磨煤机\MGS4366\国产</t>
  </si>
  <si>
    <t>【上海电气】衬板\K4300.7.2-24(T)\磨煤机\MGS4366\国产</t>
  </si>
  <si>
    <t>【上海电气】衬板\K4300.7.2-25(T)\磨煤机\MGS4366\国产</t>
  </si>
  <si>
    <t>【上海电气】衬板\K4300.7.2-26(T)\磨煤机\MGS4366\国产</t>
  </si>
  <si>
    <t>【上海电气】衬板\K4300.7.2-27(T)\磨煤机\MGS4366\国产</t>
  </si>
  <si>
    <t>【上海电气】衬板\K4300.7.2-28(T)\磨煤机\MGS4366\国产</t>
  </si>
  <si>
    <t>【上海电气】衬板\K4300.7.2-29(T)\磨煤机\MGS4366\国产</t>
  </si>
  <si>
    <t>【上海电气】衬板\K4300.7.2-30(T)\磨煤机\MGS4366\国产</t>
  </si>
  <si>
    <t>【上海电气】衬板\K4300.7.2-31(T)\磨煤机\MGS4366\国产</t>
  </si>
  <si>
    <t>【上海电气】衬板\K4300.7.2-34(T)\磨煤机\MGS4366\国产</t>
  </si>
  <si>
    <t>【上海电气】衬板\K4300.7.2-35(T)\磨煤机\MGS4366\国产</t>
  </si>
  <si>
    <t>【上海电气】螺柱\K4300.7.2-36(T)\磨煤机\MGS4366\国产</t>
  </si>
  <si>
    <t>【上海电气】螺栓\K4300.7.2-37(T)\磨煤机\MGS4366\国产</t>
  </si>
  <si>
    <t>【上海电气】螺旋推进器\K4674.13.1.0(1)\磨煤机\MGS4366\国产</t>
  </si>
  <si>
    <t>【上海电气】螺旋推进器\K4674.13.1.0(2)\磨煤机\MGS4366\国产</t>
  </si>
  <si>
    <t>【上海电气】轴\K4300.7.3-1(T)\磨煤机\MGS4366\国产</t>
  </si>
  <si>
    <t>【上海电气】中心管\K4646.7.3.1.0\磨煤机\MGS4366\国产</t>
  </si>
  <si>
    <t>【上海电气】挂链\K4646.7.3.2.0\磨煤机\MGS4366\国产</t>
  </si>
  <si>
    <t>【上海电气】链节\K4300.7.3.2-1(T)\磨煤机\MGS4366\国产</t>
  </si>
  <si>
    <t>【上海电气】二节链\K4300.7.3.2-2(T)\磨煤机\MGS4366\国产</t>
  </si>
  <si>
    <t>【上海电气】链节\K4300.7.3.2-3(T)\磨煤机\MGS4366\国产</t>
  </si>
  <si>
    <t>【上海电气】右螺旋叶片\K4300.7.3-2(T1)\磨煤机\MGS4366\国产</t>
  </si>
  <si>
    <t>【上海电气】右螺旋叶片\K4300.7.3-2(T2)\磨煤机\MGS4366\国产</t>
  </si>
  <si>
    <t>【上海电气】挂链\K4646.7.3.3.0\磨煤机\MGS4366\国产</t>
  </si>
  <si>
    <t>【上海电气】链节\K4300.7.3.3-1(T)\磨煤机\MGS4366\国产</t>
  </si>
  <si>
    <t>【上海电气】挂链\K4646.7.3.4.0\磨煤机\MGS4366\国产</t>
  </si>
  <si>
    <t>【上海电气】链节\K4300.7.3.4-1(T)\磨煤机\MGS4366\国产</t>
  </si>
  <si>
    <t>【上海电气】管帽\K4300.7.3-4(T)\磨煤机\MGS4366\国产</t>
  </si>
  <si>
    <t>【上海电气】轴套\K4674.13.1-1\磨煤机\MGS4366\国产</t>
  </si>
  <si>
    <t>【上海电气】管套\K4300.7.3-6(T)\磨煤机\MGS4366\国产</t>
  </si>
  <si>
    <t>【上海电气】挡板\K4300.7.3-9(T)\磨煤机\MGS4366\国产</t>
  </si>
  <si>
    <t>【上海电气】撑杆\K4674.13.1-2(1)\磨煤机\MGS4366\国产</t>
  </si>
  <si>
    <t>【上海电气】撑杆\K4674.13.1-2(2)\磨煤机\MGS4366\国产</t>
  </si>
  <si>
    <t>【上海电气】撑杆组件\K4674.13.1-2(3)\磨煤机\MGS4366\国产</t>
  </si>
  <si>
    <t>【上海电气】撑杆组件\K4674.13.1-2(4)\磨煤机\MGS4366\国产</t>
  </si>
  <si>
    <t>【上海电气】中空管\K4646.7.4.0(1)\磨煤机\MGS4366\国产</t>
  </si>
  <si>
    <t>【上海电气】中空管\K4646.7.4.0(2)\磨煤机\MGS4366\国产</t>
  </si>
  <si>
    <t>【上海电气】中空管体\K4300.7.4-1(T)\磨煤机\MGS4366\国产</t>
  </si>
  <si>
    <t>【上海电气】弯管\K4646.7.4.1.0\磨煤机\MGS4366\国产</t>
  </si>
  <si>
    <t>【上海电气】弯管\K4646.7.4.2.0\磨煤机\MGS4366\国产</t>
  </si>
  <si>
    <t>【上海电气】衬套\K4300.7.4-5(T1)\磨煤机\MGS4366\国产</t>
  </si>
  <si>
    <t>【上海电气】衬套\K4300.7.4-5(T2)\磨煤机\MGS4366\国产</t>
  </si>
  <si>
    <t>【上海电气】弯管\K4646.7.4.3.0\磨煤机\MGS4366\国产</t>
  </si>
  <si>
    <t>【上海电气】弯管\K4646.7.4.4.0\磨煤机\MGS4366\国产</t>
  </si>
  <si>
    <t>【上海电气】轴承座组件\K4300.7-8(T1)\磨煤机\MGS4366\国产</t>
  </si>
  <si>
    <t>【上海电气】端盖\K4300.7-5(T)\磨煤机\MGS4366\国产</t>
  </si>
  <si>
    <t>【上海电气】轴承座\K4300.7-8(T)\磨煤机\MGS4366\国产</t>
  </si>
  <si>
    <t>【上海电气】密封垫\K4300.7-23(T)\磨煤机\MGS4366\国产</t>
  </si>
  <si>
    <t>【上海电气】热风盒\K4646.8.1.0\磨煤机\MGS4366\国产</t>
  </si>
  <si>
    <t>【上海电气】螺旋推进器\K4674.14.1.0(1)\磨煤机\MGS4366\国产</t>
  </si>
  <si>
    <t>【上海电气】螺旋推进器\K4674.14.1.0(2)\磨煤机\MGS4366\国产</t>
  </si>
  <si>
    <t>【上海电气】中心管\K4646.8.3.1.0\磨煤机\MGS4366\国产</t>
  </si>
  <si>
    <t>【上海电气】中空管\K4646.8.4.0(1)\磨煤机\MGS4366\国产</t>
  </si>
  <si>
    <t>【上海电气】中空管\K4646.8.4.0(2)\磨煤机\MGS4366\国产</t>
  </si>
  <si>
    <t>【上海电气】左螺旋叶片\K4300.8.3-1(T1)\磨煤机\MGS4366\国产</t>
  </si>
  <si>
    <t>【上海电气】左螺旋叶片\K4300.8.3-1(T2)\磨煤机\MGS4366\国产</t>
  </si>
  <si>
    <t>【上海电气】挡板\K4300.8.3-2(T)\磨煤机\MGS4366\国产</t>
  </si>
  <si>
    <t>【上海电气】大齿轮装置\K4300.2.1.0(T)\磨煤机\MGS4366\国产</t>
  </si>
  <si>
    <t>【上海电气】销轴\K4300.2.1-2(T)\磨煤机\MGS4366\国产</t>
  </si>
  <si>
    <t>【上海电气】螺柱\K4300.2.1-3(T)\磨煤机\MGS4366\国产</t>
  </si>
  <si>
    <t>【上海电气】螺母\K4300.2.1-4(T)\磨煤机\MGS4366\国产</t>
  </si>
  <si>
    <t>【上海电气】螺母\K4300.2.1-5(T)\磨煤机\MGS4366\国产</t>
  </si>
  <si>
    <t>【上海电气】螺钉\K4300.2.1-7(T)\磨煤机\MGS4366\国产</t>
  </si>
  <si>
    <t>【上海电气】钢板\K4300.2.1-8(T)\磨煤机\MGS4366\国产</t>
  </si>
  <si>
    <t>【上海电气】小齿轮装置\K4646.2.1.0\磨煤机\MGS4366\国产</t>
  </si>
  <si>
    <t>【上海电气】轴\K4300.2.2-1(T)\磨煤机\MGS4366\国产</t>
  </si>
  <si>
    <t>【上海电气】键\K4300.2.2-2(T)\磨煤机\MGS4366\国产</t>
  </si>
  <si>
    <t>【上海电气】定位套\K4300.2.2-3(T)\磨煤机\MGS4366\国产</t>
  </si>
  <si>
    <t>【上海电气】迷宫环\K4300.2.2-4(T)\磨煤机\MGS4366\国产</t>
  </si>
  <si>
    <t>【上海电气】透盖\K4300.2.2-5(T)\磨煤机\MGS4366\国产</t>
  </si>
  <si>
    <t>【上海电气】轴承盖\K4300.2.2-6(T)\磨煤机\MGS4366\国产</t>
  </si>
  <si>
    <t>【上海电气】隔套\K4300.2.2-7(T)\磨煤机\MGS4366\国产</t>
  </si>
  <si>
    <t>【上海电气】键\K4300.2.2-8(T)\磨煤机\MGS4366\国产</t>
  </si>
  <si>
    <t>【上海电气】小齿轮\K4300.2.2-9(T)\磨煤机\MGS4366\国产</t>
  </si>
  <si>
    <t>【上海电气】圆螺母\K4300.2.2-10(T)\磨煤机\MGS4366\国产</t>
  </si>
  <si>
    <t>【上海电气】自由端轴承盖\K4300.2.2-12(T)\磨煤机\MGS4366\国产</t>
  </si>
  <si>
    <t>【上海电气】闷盖\K4300.2.2-13(T)\磨煤机\MGS4366\国产</t>
  </si>
  <si>
    <t>【上海电气】方头螺栓\K4300.2.2-14(T)\磨煤机\MGS4366\国产</t>
  </si>
  <si>
    <t>【上海电气】定位螺栓\K4300.2.2-17(T)\磨煤机\MGS4366\国产</t>
  </si>
  <si>
    <t>【上海电气】底板\K4300.2.2.1.0(T)\磨煤机\MGS4366\国产</t>
  </si>
  <si>
    <t>【上海电气】定位螺栓\K4300.2.2-18(T)\磨煤机\MGS4366\国产</t>
  </si>
  <si>
    <t>【上海电气】支座\K4300.2.2-16(T)\磨煤机\MGS4366\国产</t>
  </si>
  <si>
    <t>【上海电气】自由端轴承盖\K4300.2.2-19(T)\磨煤机\MGS4366\国产</t>
  </si>
  <si>
    <t>【上海电气】固定端轴承座\K4300.2.2-20(T)\磨煤机\MGS4366\国产</t>
  </si>
  <si>
    <t>【上海电气】衬板部\K4674.2.0\磨煤机\MGS4366\国产</t>
  </si>
  <si>
    <t>【上海电气】端盖内圈衬板\K4650.3-1\磨煤机\MGS4366\国产</t>
  </si>
  <si>
    <t>【上海电气】端盖内圈衬板\K4650.3-2\磨煤机\MGS4366\国产</t>
  </si>
  <si>
    <t>【上海电气】端盖外圈短衬板\K4650.3-3\磨煤机\MGS4366\国产</t>
  </si>
  <si>
    <t>【上海电气】端盖外圈长衬板\K4650.3-4\磨煤机\MGS4366\国产</t>
  </si>
  <si>
    <t>【上海电气】螺栓\K4646.5-5\磨煤机\MGS4366\国产</t>
  </si>
  <si>
    <t>【上海电气】密封垫圈\K4646.5-6\磨煤机\MGS4366\国产</t>
  </si>
  <si>
    <t>【上海电气】压圈\K4646.5-7\磨煤机\MGS4366\国产</t>
  </si>
  <si>
    <t>【上海电气】螺栓\K4646.5-8\磨煤机\MGS4366\国产</t>
  </si>
  <si>
    <t>【上海电气】螺栓\K4646.5-9\磨煤机\MGS4366\国产</t>
  </si>
  <si>
    <t>【上海电气】斜纹衬板\K4650.3-5\磨煤机\MGS4366\国产</t>
  </si>
  <si>
    <t>【上海电气】斜纹衬板\K4650.3-6\磨煤机\MGS4366\国产</t>
  </si>
  <si>
    <t>【上海电气】平衬板\K4650.3-7\磨煤机\MGS4366\国产</t>
  </si>
  <si>
    <t>【上海电气】平衬板\K4650.3-8\磨煤机\MGS4366\国产</t>
  </si>
  <si>
    <t>【上海电气】斜纹衬板\K4650.3-9\磨煤机\MGS4366\国产</t>
  </si>
  <si>
    <t>【上海电气】斜纹衬板\K4650.3-10\磨煤机\MGS4366\国产</t>
  </si>
  <si>
    <t>【上海电气】螺栓\K4646.5-16\磨煤机\MGS4366\国产</t>
  </si>
  <si>
    <t>【上海电气】端盖外圈短衬板\K4650.3-11\磨煤机\MGS4366\国产</t>
  </si>
  <si>
    <t>【上海电气】端盖外圈长衬板\K4650.3-12\磨煤机\MGS4366\国产</t>
  </si>
  <si>
    <t>【上海电气】蛇形联轴器弹簧\NM12191423\磨煤机\MGS4366\国产</t>
  </si>
  <si>
    <t>【上海电气】蛇形联轴器\NM12191423.00\磨煤机\MGS4366\国产</t>
  </si>
  <si>
    <t>【上海电气】联轴器\NM12097080\磨煤机\MGS4366\国产</t>
  </si>
  <si>
    <t>【上海电气】压盖\K4300.4-1(T)\磨煤机\MGS4366\国产</t>
  </si>
  <si>
    <t>【上海电气】非传动侧中空轴\K4674.1-1\磨煤机\MGS4366\国产</t>
  </si>
  <si>
    <t>【上海电气】传动侧中空轴\K4674.1-2\磨煤机\MGS4366\国产</t>
  </si>
  <si>
    <t>【上海电气】内锥体\K4658.12.7.0(1)\磨煤机\MGS4366\国产</t>
  </si>
  <si>
    <t>【上海电气】内锥体\K4658.12.7.0(2)\磨煤机\MGS4366\国产</t>
  </si>
  <si>
    <t>【上海电气】球面瓦\K4300.6.3.0\磨煤机\MGS4366\国产</t>
  </si>
  <si>
    <t>【上海电气】球面瓦\K4300.16.3.0\磨煤机\MGS4366\国产</t>
  </si>
  <si>
    <t>【上海电气】热风盒\K4663.7.1.0\磨煤机\MGS4766\国产</t>
  </si>
  <si>
    <t>【上海电气】衬板\K4663.7.2-3\磨煤机\MGS4766\国产</t>
  </si>
  <si>
    <t>【上海电气】衬板\K4663.7.2-4\磨煤机\MGS4766\国产</t>
  </si>
  <si>
    <t>【上海电气】衬板\K4663.7.2-8\磨煤机\MGS4766\国产</t>
  </si>
  <si>
    <t>【上海电气】衬板\K4663.7.2-9\磨煤机\MGS4766\国产</t>
  </si>
  <si>
    <t>【上海电气】衬板\K4663.7.2-10\磨煤机\MGS4766\国产</t>
  </si>
  <si>
    <t>【上海电气】衬板\K4663.7.2-11\磨煤机\MGS4766\国产</t>
  </si>
  <si>
    <t>【上海电气】衬板\K4663.7.2-12\磨煤机\MGS4766\国产</t>
  </si>
  <si>
    <t>【上海电气】衬板\K4663.7.2-13\磨煤机\MGS4766\国产</t>
  </si>
  <si>
    <t>【上海电气】衬板\K4663.7.2-14\磨煤机\MGS4766\国产</t>
  </si>
  <si>
    <t>【上海电气】衬板\K4663.7.2-15\磨煤机\MGS4766\国产</t>
  </si>
  <si>
    <t>【上海电气】衬板\K4663.7.2-16\磨煤机\MGS4766\国产</t>
  </si>
  <si>
    <t>【上海电气】衬板\K4663.7.2-17\磨煤机\MGS4766\国产</t>
  </si>
  <si>
    <t>【上海电气】衬板\K4663.7.2-18\磨煤机\MGS4766\国产</t>
  </si>
  <si>
    <t>【上海电气】衬板\K4663.7.2-19\磨煤机\MGS4766\国产</t>
  </si>
  <si>
    <t>【上海电气】衬板\K4663.7.2-20\磨煤机\MGS4766\国产</t>
  </si>
  <si>
    <t>【上海电气】衬板\K4663.7.2-21\磨煤机\MGS4766\国产</t>
  </si>
  <si>
    <t>【上海电气】衬板\K4663.7.2-22\磨煤机\MGS4766\国产</t>
  </si>
  <si>
    <t>【上海电气】衬板\K4663.7.2-23\磨煤机\MGS4766\国产</t>
  </si>
  <si>
    <t>【上海电气】衬板\K4663.7.2-24\磨煤机\MGS4766\国产</t>
  </si>
  <si>
    <t>【上海电气】衬板\K4663.7.2-25\磨煤机\MGS4766\国产</t>
  </si>
  <si>
    <t>【上海电气】衬板\K4663.7.2-26\磨煤机\MGS4766\国产</t>
  </si>
  <si>
    <t>【上海电气】衬板\K4663.7.2-27\磨煤机\MGS4766\国产</t>
  </si>
  <si>
    <t>【上海电气】衬板\K4663.7.2-28\磨煤机\MGS4766\国产</t>
  </si>
  <si>
    <t>【上海电气】衬板\K4663.7.2-29\磨煤机\MGS4766\国产</t>
  </si>
  <si>
    <t>【上海电气】螺栓\K4663.7.2-30\磨煤机\MGS4766\国产</t>
  </si>
  <si>
    <t>【上海电气】铜垫\K4663.7.2-31\磨煤机\MGS4766\国产</t>
  </si>
  <si>
    <t>【上海电气】衬板\K4663.7.2-32\磨煤机\MGS4766\国产</t>
  </si>
  <si>
    <t>【上海电气】衬板\K4663.7.2-33\磨煤机\MGS4766\国产</t>
  </si>
  <si>
    <t>【上海电气】衬板\K4663.7.2-34\磨煤机\MGS4766\国产</t>
  </si>
  <si>
    <t>【上海电气】衬板\K4663.7.2-35\磨煤机\MGS4766\国产</t>
  </si>
  <si>
    <t>【上海电气】衬板\K4663.7.2-38\磨煤机\MGS4766\国产</t>
  </si>
  <si>
    <t>【上海电气】衬板\K4663.7.2-39\磨煤机\MGS4766\国产</t>
  </si>
  <si>
    <t>【上海电气】衬板\K4663.7.2-40\磨煤机\MGS4766\国产</t>
  </si>
  <si>
    <t>【上海电气】螺旋推进器\K4665.6.2.0(1)\磨煤机\MGS4766\国产</t>
  </si>
  <si>
    <t>【上海电气】螺旋推进器\K4665.6.2.0(2)\磨煤机\MGS4766\国产</t>
  </si>
  <si>
    <t>【上海电气】轴\K4663.7.3-1\磨煤机\MGS4766\国产</t>
  </si>
  <si>
    <t>【上海电气】中心管\K4663.7.3.1.0\磨煤机\MGS4766\国产</t>
  </si>
  <si>
    <t>【上海电气】左螺旋叶片\K4663.7.3-2(1)\磨煤机\MGS4766\国产</t>
  </si>
  <si>
    <t>【上海电气】左螺旋叶片\K4663.7.3-2(2)\磨煤机\MGS4766\国产</t>
  </si>
  <si>
    <t>【上海电气】挂链\K4663.7.3.2.0\磨煤机\MGS4766\国产</t>
  </si>
  <si>
    <t>【上海电气】链节\K4663.7.3.2-1\磨煤机\MGS4766\国产</t>
  </si>
  <si>
    <t>【上海电气】二节链\K4663.7.3.2-2\磨煤机\MGS4766\国产</t>
  </si>
  <si>
    <t>【上海电气】链节\K4663.7.3.2-3\磨煤机\MGS4766\国产</t>
  </si>
  <si>
    <t>【上海电气】挂链\K4663.7.3.3.0\磨煤机\MGS4766\国产</t>
  </si>
  <si>
    <t>【上海电气】链节\K4663.7.3.3-1\磨煤机\MGS4766\国产</t>
  </si>
  <si>
    <t>【上海电气】挂链\K4663.7.3.4.0\磨煤机\MGS4766\国产</t>
  </si>
  <si>
    <t>【上海电气】链节\K4663.7.3.4-1\磨煤机\MGS4766\国产</t>
  </si>
  <si>
    <t>【上海电气】管帽\K4663.7.3-8\磨煤机\MGS4766\国产</t>
  </si>
  <si>
    <t>【上海电气】螺母\NM14187959\磨煤机\MGS4766\国产</t>
  </si>
  <si>
    <t>【上海电气】轴套\K4665.6.2-2\磨煤机\MGS4766\国产</t>
  </si>
  <si>
    <t>【上海电气】管套\K4663.7.3-11\磨煤机\MGS4766\国产</t>
  </si>
  <si>
    <t>【上海电气】挡板\K4663.7.3-5\磨煤机\MGS4766\国产</t>
  </si>
  <si>
    <t>【上海电气】撑杆\K4665.6.2-3(1)\磨煤机\MGS4766\国产</t>
  </si>
  <si>
    <t>【上海电气】撑杆\K4665.6.2-3(2)\磨煤机\MGS4766\国产</t>
  </si>
  <si>
    <t>【上海电气】撑杆组件\K4665.6.2-3(3)\磨煤机\MGS4766\国产</t>
  </si>
  <si>
    <t>【上海电气】撑杆组件\K4665.6.2-3(4)\磨煤机\MGS4766\国产</t>
  </si>
  <si>
    <t>【上海电气】中空管\K4663.7.4.0(1)\磨煤机\MGS4766\国产</t>
  </si>
  <si>
    <t>【上海电气】中空管\K4663.7.4.0(2)\磨煤机\MGS4766\国产</t>
  </si>
  <si>
    <t>【上海电气】中空管体\K4663.7.4-1\磨煤机\MGS4766\国产</t>
  </si>
  <si>
    <t>【上海电气】弯管\K4663.7.4.1.0\磨煤机\MGS4766\国产</t>
  </si>
  <si>
    <t>【上海电气】弯管\K4663.7.4.2.0\磨煤机\MGS4766\国产</t>
  </si>
  <si>
    <t>【上海电气】衬套\K4663.7.4-5(1)\磨煤机\MGS4766\国产</t>
  </si>
  <si>
    <t>【上海电气】衬套\K4663.7.4-5(2)\磨煤机\MGS4766\国产</t>
  </si>
  <si>
    <t>【上海电气】弯管\K4663.7.4.3.0\磨煤机\MGS4766\国产</t>
  </si>
  <si>
    <t>【上海电气】弯管\K4663.7.4.4.0\磨煤机\MGS4766\国产</t>
  </si>
  <si>
    <t>【上海电气】轴承座组件\K4663.7-20(1)\磨煤机\MGS4766\国产</t>
  </si>
  <si>
    <t>【上海电气】轴承座\K4663.7-20\磨煤机\MGS4766\国产</t>
  </si>
  <si>
    <t>【上海电气】端盖\K4663.7-23\磨煤机\MGS4766\国产</t>
  </si>
  <si>
    <t>【上海电气】密封垫\K4663.7-31\磨煤机\MGS4766\国产</t>
  </si>
  <si>
    <t>【上海电气】热风盒\K4663.17.1.0\磨煤机\MGS4766\国产</t>
  </si>
  <si>
    <t>【上海电气】螺旋推进器\K4665.12.2.0(1)\磨煤机\MGS4766\国产</t>
  </si>
  <si>
    <t>【上海电气】螺旋推进器\K4665.12.2.0(2)\磨煤机\MGS4766\国产</t>
  </si>
  <si>
    <t>【上海电气】中心管\K4663.17.3.1.0\磨煤机\MGS4766\国产</t>
  </si>
  <si>
    <t>【上海电气】中空管\K4663.17.4.0(1)\磨煤机\MGS4766\国产</t>
  </si>
  <si>
    <t>【上海电气】中空管\K4663.17.4.0(2)\磨煤机\MGS4766\国产</t>
  </si>
  <si>
    <t>【上海电气】右螺旋叶片\K4663.17.3-1(1)\磨煤机\MGS4766\国产</t>
  </si>
  <si>
    <t>【上海电气】右螺旋叶片\K4663.17.3-1(2)\磨煤机\MGS4766\国产</t>
  </si>
  <si>
    <t>【上海电气】挡板\K4663.17.3-2\磨煤机\MGS4766\国产</t>
  </si>
  <si>
    <t>【上海电气】退卸套\NM12111655\磨煤机\MGS4766\国产</t>
  </si>
  <si>
    <t>【上海电气】螺旋输送器轴承\NM12123576\磨煤机\MGS4766\国产</t>
  </si>
  <si>
    <t>【上海电气】小齿轮装置\K4665.2.1.0\磨煤机\MGS4766\国产</t>
  </si>
  <si>
    <t>【上海电气】轴\K4651.2.1-1\磨煤机\MGS4766\国产</t>
  </si>
  <si>
    <t>【上海电气】键\K4651.2.1-2\磨煤机\MGS4766\国产</t>
  </si>
  <si>
    <t>【上海电气】定位套\K4651.2.1-3\磨煤机\MGS4766\国产</t>
  </si>
  <si>
    <t>【上海电气】迷宫环\K4651.2.1-4\磨煤机\MGS4766\国产</t>
  </si>
  <si>
    <t>【上海电气】透盖\K4651.2.1-5\磨煤机\MGS4766\国产</t>
  </si>
  <si>
    <t>【上海电气】轴承盖\K4651.2.1-6\磨煤机\MGS4766\国产</t>
  </si>
  <si>
    <t>【上海电气】隔套\K4651.2.1-7\磨煤机\MGS4766\国产</t>
  </si>
  <si>
    <t>【上海电气】键\K4651.2.1-8\磨煤机\MGS4766\国产</t>
  </si>
  <si>
    <t>【上海电气】圆螺母\K4651.2.1-9\磨煤机\MGS4766\国产</t>
  </si>
  <si>
    <t>【上海电气】轴承盖\K4651.2.1-12\磨煤机\MGS4766\国产</t>
  </si>
  <si>
    <t>【上海电气】闷盖\K4651.2.1-13\磨煤机\MGS4766\国产</t>
  </si>
  <si>
    <t>【上海电气】方头螺栓\K4651.2.1-14\磨煤机\MGS4766\国产</t>
  </si>
  <si>
    <t>【上海电气】定位螺栓\K4651.2.1-16\磨煤机\MGS4766\国产</t>
  </si>
  <si>
    <t>【上海电气】底板\K4651.2.1.1.0\磨煤机\MGS4766\国产</t>
  </si>
  <si>
    <t>【上海电气】定位螺栓\K4651.2.1-17\磨煤机\MGS4766\国产</t>
  </si>
  <si>
    <t>【上海电气】支座\K4651.2.1-18\磨煤机\MGS4766\国产</t>
  </si>
  <si>
    <t>【上海电气】自由端轴承座\K4651.2.1-19\磨煤机\MGS4766\国产</t>
  </si>
  <si>
    <t>【上海电气】固定端轴承座\K4651.2.1-20\磨煤机\MGS4766\国产</t>
  </si>
  <si>
    <t>【上海电气】小齿轮轴承\NM12229571\磨煤机\MGS4766\国产</t>
  </si>
  <si>
    <t>【上海电气】小齿轮轴承锥套\NM12229572\磨煤机\MGS4766\国产</t>
  </si>
  <si>
    <t>【上海电气】衬板部\K4663.5.0\磨煤机\MGS4766\国产</t>
  </si>
  <si>
    <t>【上海电气】端盖内圈衬板\K4663.5-1\磨煤机\MGS4766\国产</t>
  </si>
  <si>
    <t>【上海电气】端盖内圈衬板\K4663.5-2\磨煤机\MGS4766\国产</t>
  </si>
  <si>
    <t>【上海电气】端盖外圈长衬板\K4663.5-3\磨煤机\MGS4766\国产</t>
  </si>
  <si>
    <t>【上海电气】端盖外圈短衬板\K4663.5-4\磨煤机\MGS4766\国产</t>
  </si>
  <si>
    <t>【上海电气】螺栓\K4663.5-5\磨煤机\MGS4766\国产</t>
  </si>
  <si>
    <t>【上海电气】密封垫圈\K4663.5-6\磨煤机\MGS4766\国产</t>
  </si>
  <si>
    <t>【上海电气】压圈\K4663.5-7\磨煤机\MGS4766\国产</t>
  </si>
  <si>
    <t>【上海电气】螺母\NM14174598\磨煤机\MGS4766\国产</t>
  </si>
  <si>
    <t>【上海电气】螺栓\K4663.5-8\磨煤机\MGS4766\国产</t>
  </si>
  <si>
    <t>【上海电气】螺栓\K4663.5-9\磨煤机\MGS4766\国产</t>
  </si>
  <si>
    <t>【上海电气】斜纹衬板\K4663.5-10\磨煤机\MGS4766\国产</t>
  </si>
  <si>
    <t>【上海电气】斜纹衬板\K4663.5-11\磨煤机\MGS4766\国产</t>
  </si>
  <si>
    <t>【上海电气】平衬板\K4663.5-12\磨煤机\MGS4766\国产</t>
  </si>
  <si>
    <t>【上海电气】平衬板\K4663.5-13\磨煤机\MGS4766\国产</t>
  </si>
  <si>
    <t>【上海电气】螺栓\K4663.5-14\磨煤机\MGS4766\国产</t>
  </si>
  <si>
    <t>【上海电气】斜纹衬板\K4663.5-15\磨煤机\MGS4766\国产</t>
  </si>
  <si>
    <t>【上海电气】斜纹衬板\K4663.5-16\磨煤机\MGS4766\国产</t>
  </si>
  <si>
    <t>【上海电气】联轴器弹性柱销\NM12229573\磨煤机\MGS4766\国产</t>
  </si>
  <si>
    <t>【上海电气】联轴器弹性柱销\NM12229574\磨煤机\MGS4766\国产</t>
  </si>
  <si>
    <t>【上海电气】联轴器\NM12130464\磨煤机\MGS4766\国产</t>
  </si>
  <si>
    <t>【上海电气】联轴器\NM12130462\磨煤机\MGS4766\国产</t>
  </si>
  <si>
    <t>【上海电气】斜齿离合器\K4663.3.4.1.0\磨煤机\MGS4766\国产</t>
  </si>
  <si>
    <t>【上海电气】半斜齿离合器\K4663.3.4.1-2\磨煤机\MGS4766\国产</t>
  </si>
  <si>
    <t>【上海电气】半斜齿离合器\K4663.3.4.1-3\磨煤机\MGS4766\国产</t>
  </si>
  <si>
    <t>【上海电气】压盖\K4663.4-1\磨煤机\MGS4766\国产</t>
  </si>
  <si>
    <t>【上海电气】非传动侧中空轴\K4665.4-1\磨煤机\MGS4766\国产</t>
  </si>
  <si>
    <t>【上海电气】传动侧中空轴\K4665.4-4\磨煤机\MGS4766\国产</t>
  </si>
  <si>
    <t>【上海电气】高铝水泥\NM010131300000010\50kg/袋</t>
  </si>
  <si>
    <t>【上海电气】耐磨合成料\NM010131300000030\50kg/袋</t>
  </si>
  <si>
    <t>【上海电气】球面瓦\K4665.5.1.0\磨煤机\MGS4766\国产</t>
  </si>
  <si>
    <t>【上海电气】球面瓦\K4665.13.1.0\磨煤机\MGS4766\国产</t>
  </si>
  <si>
    <t>【上海电气】动态分离器\NM2400DY\磨煤机\BBD\国产</t>
  </si>
  <si>
    <t>【上海电气】动态分离器\NM2900DY\磨煤机\BBD\国产</t>
  </si>
  <si>
    <t>【上海电气】动态分离器\NM3200DY\磨煤机\BBD\国产</t>
  </si>
  <si>
    <t>【上海电气】小齿轮热套\NM2214PRT\磨煤机\BBD\国产</t>
  </si>
  <si>
    <t>【上海电气】喷淋油\NM2214PLY-1;1×200L\克莱德贝尔曼</t>
  </si>
  <si>
    <t>【上海电气】喷淋油\NM2214PLY-2;1×60L\克莱德贝尔曼</t>
  </si>
  <si>
    <t>【英格索兰】三通接头\95947636\空压机\SM250\国产</t>
  </si>
  <si>
    <t>【英格索兰】直接头\95938148\空压机\SM250\国产</t>
  </si>
  <si>
    <t>【英格索兰】进气阀总成\22475362\空压机\SM250\国产</t>
  </si>
  <si>
    <t>【英格索兰】电磁阀\54654652\空气压缩机\ML110\国产</t>
  </si>
  <si>
    <t>【英格索兰】软管\85558302\空压机\SM250\国产</t>
  </si>
  <si>
    <t>【烟台龙源】燃烧器后段\LYWB-RSA-02A\烟台龙源\国产</t>
  </si>
  <si>
    <t>【英格索兰】直接头\54749221\空压机\M37PE\国产</t>
  </si>
  <si>
    <t>【英格索兰】软管\85561058\螺杆式空压机\MM250\进口</t>
  </si>
  <si>
    <t>【英格索兰】软管\85561751\空压机\MM350-2S/10kV\国产</t>
  </si>
  <si>
    <t>【英格索兰】橡胶护套\85583367\空压机\M37PE\国产</t>
  </si>
  <si>
    <t>【烟台龙源】燃烧器后段\LYWB-RSA-02B\烟台龙源\国产</t>
  </si>
  <si>
    <t>【英格索兰】挡板\39489844\空压机\MM350-2S\国产</t>
  </si>
  <si>
    <t>【英格索兰】软管\85562460\空压机\M37PE\国产</t>
  </si>
  <si>
    <t>【英格索兰】软管\85562783\空压机\M37PE\国产</t>
  </si>
  <si>
    <t>【烟台龙源】燃烧器喷口\LYWOFA-G\烟台龙源\国产</t>
  </si>
  <si>
    <t>【英格索兰】法兰\96950308\空压机\SM250\国产</t>
  </si>
  <si>
    <t>【英格索兰】定位销\95239919\空压机\M200\国产</t>
  </si>
  <si>
    <t>【烟台龙源】挡板门\LYW-FDB-00\烟台龙源\国产</t>
  </si>
  <si>
    <t>【英格索兰】垫片\93168144\空压机\M200\国产</t>
  </si>
  <si>
    <t>【英格索兰】异径接头\92354380\空压机\M200\国产</t>
  </si>
  <si>
    <t>【英格索兰】压力开关\22505309\空压机\M37PE\国产</t>
  </si>
  <si>
    <t>【英格索兰】接头\92895184\空压机\M200\国产</t>
  </si>
  <si>
    <t>【烟台龙源】燃烧器内喷口\LYW-OFA-I\烟台龙源\国产</t>
  </si>
  <si>
    <t>【英格索兰】8000小时保养包\47572172001\空压机\R160N\国产</t>
  </si>
  <si>
    <t>【烟台龙源】燃烧器外喷口\LYW-OFA-O\烟台龙源\国产</t>
  </si>
  <si>
    <t>【英格索兰】水分离器\85543098\螺杆式空气压缩机\ML160-2S\国产</t>
  </si>
  <si>
    <t>【烟台龙源】燃烧器\LYW-OFA-00\国产</t>
  </si>
  <si>
    <t>【英格索兰】气弹簧\54749114\压缩机\UP5-22\国产</t>
  </si>
  <si>
    <t>【英格索兰】风扇网罩\54634894\螺杆式空气压缩机\ML160-2S\国产</t>
  </si>
  <si>
    <t>【英格索兰】扩口式直通接头\95955860\空压机\M200\国产</t>
  </si>
  <si>
    <t>【英格索兰】软管\24265647\空压机\R90I\国产</t>
  </si>
  <si>
    <t>【英格索兰】软管\24265621\空压机\R90I\国产</t>
  </si>
  <si>
    <t>【英格索兰】油分离芯\23675010\空压机\R37IE\进口</t>
  </si>
  <si>
    <t>【英格索兰】直接头\95962312\空压机\M37PE\国产</t>
  </si>
  <si>
    <t>【烟台龙源】燃烧器本体\ZL-SiC-400\烟台龙源\国产</t>
  </si>
  <si>
    <t>【英格索兰】三通接头\95999520\空压机\M37PE\国产</t>
  </si>
  <si>
    <t>【英格索兰】断油电磁阀\22173629\空压机\M160\国产</t>
  </si>
  <si>
    <t>【英格索兰】空滤芯\49101645\空压机\R37IE\进口</t>
  </si>
  <si>
    <t>【烟台龙源】燃烧器本体\ZL-SiC-500\烟台龙源\国产</t>
  </si>
  <si>
    <t>【烟台龙源】燃烧器本体\ZL-SiC-600\烟台龙源\国产</t>
  </si>
  <si>
    <t>【英格索兰】印制电路板\39564364\空压机\MM350-2S\国产</t>
  </si>
  <si>
    <t>【英格索兰】温度传感器\39560628\螺杆式空压机\MH250\国产</t>
  </si>
  <si>
    <t>【英格索兰】温控阀芯\23332588\空压机\R90I\国产</t>
  </si>
  <si>
    <t>【英格索兰】齿轮组\23782261\空压机\M160-A7\国产</t>
  </si>
  <si>
    <t>【英格索兰】内外丝接头\22255780\空压机\M250\国产</t>
  </si>
  <si>
    <t>【英格索兰】软管\85575645\空压机\R90I\国产</t>
  </si>
  <si>
    <t>【嘉实多】电商锂基润滑脂\Spheerol EPL 2;1×180kg</t>
  </si>
  <si>
    <t>碧辟（中国）工业油品有限公司</t>
  </si>
  <si>
    <t>嘉实多</t>
  </si>
  <si>
    <t>GNWZBP(TH)ZYCG2020-186-03</t>
  </si>
  <si>
    <t>嘉实多润滑油电力专区经营主体铺货长协（迈宁韦尔工业设备）</t>
  </si>
  <si>
    <t>迈宁韦尔工业设备有限公司</t>
  </si>
  <si>
    <t>【嘉实多】电商极压锂基润滑脂\Spheerol EPL 3;1×180kg</t>
  </si>
  <si>
    <t>【嘉实多】无灰抗磨液压油\Hyspin HLP 46;1×200L</t>
  </si>
  <si>
    <t>【嘉实多】车辆齿轮油\凯宝基 80W-90 GL-5;1×200L</t>
  </si>
  <si>
    <t>【嘉实多】特种合成齿轮油\Optigear Syn A 320;1×208L</t>
  </si>
  <si>
    <t>【嘉实多】电商极压锂基润滑脂\Spheerol EPL 1;1×180kg</t>
  </si>
  <si>
    <t>【嘉实多】液压油\Hyspin AWS 46;1×200L</t>
  </si>
  <si>
    <t>【嘉实多】电商极压锂基润滑脂\Spheerol EPL 0;1×180kg</t>
  </si>
  <si>
    <t>【嘉实多】合成压缩机油\Tribol CS 1555/32;1×200L</t>
  </si>
  <si>
    <t>【嘉实多】抗磨液压油\Hyspin AWS 32;1×200L</t>
  </si>
  <si>
    <t>【嘉实多】工业合成齿轮油\Alphasyn GS 220;1×208L</t>
  </si>
  <si>
    <t>【嘉实多】电商极压锂基润滑脂\Spheerol EPL 3;1×15kg</t>
  </si>
  <si>
    <t>【嘉实多】抗磨液压油\Hyspin AWS 68;1×200L</t>
  </si>
  <si>
    <t>【嘉实多】无灰抗磨液压油\Hyspin HLP 68;1×200L</t>
  </si>
  <si>
    <t>【嘉实多】高性能液压油\Hyspin HVI 32;1×200L</t>
  </si>
  <si>
    <t>【嘉实多】电商极压锂基润滑脂\Spheerol EPL 1;1×15kg</t>
  </si>
  <si>
    <t>【嘉实多】工业合成齿轮油\Alphasyn EP 220;1×208L</t>
  </si>
  <si>
    <t>【嘉实多】气体压缩机合成润滑油\Aircol PG 185;1×208L</t>
  </si>
  <si>
    <t>【嘉实多】电商极压锂基润滑脂\Spheerol EPL 2;1×15kg</t>
  </si>
  <si>
    <t>【嘉实多】高性能长寿空气压缩机油\Aircol MR 46;1×200L</t>
  </si>
  <si>
    <t>【嘉实多】抗磨液压油\Hyspin AWS 10;1×18L</t>
  </si>
  <si>
    <t>【嘉实多】工业合成齿轮油\Alphasyn EP 320;1×208L</t>
  </si>
  <si>
    <t>【嘉实多】极压工业齿轮油\Alpha SP 320;1×200L</t>
  </si>
  <si>
    <t>【嘉实多】工业合成齿轮油\Alphasyn GS 460;1×208L</t>
  </si>
  <si>
    <t>【嘉实多】工业合成齿轮油\Alphasyn GS 320;1×208L</t>
  </si>
  <si>
    <t>【嘉实多】工业合成齿轮油\Alphasyn HTX 320;1×200L</t>
  </si>
  <si>
    <t>【嘉实多】特种合成齿轮油\Optigear Syn 800/680;1×208L</t>
  </si>
  <si>
    <t>【嘉实多】无灰抗磨液压油\Hyspin HLP 46;1×18L</t>
  </si>
  <si>
    <t>【嘉实多】无灰抗磨液压油\Hyspin HLP 32;1×200L</t>
  </si>
  <si>
    <t>【嘉实多】高性能抗磨液压油\Hyspin AWH-M32;1×200L</t>
  </si>
  <si>
    <t>【嘉实多】电商重载链轮润滑脂\MA 3036/680;1×52kg</t>
  </si>
  <si>
    <t>【嘉实多】极压工业齿轮油\Alpha SP 220;1×200L</t>
  </si>
  <si>
    <t>【嘉实多】合成齿轮油\Optileb GT100;1×20L</t>
  </si>
  <si>
    <t>【嘉实多】电商二硫化钼极压锂基脂\Spheerol EPLX M 2;1×15kg</t>
  </si>
  <si>
    <t>【嘉实多】工业合成齿轮油\Alphasyn HTX 220;1×200L</t>
  </si>
  <si>
    <t>【嘉实多】工业合成齿轮油\Alphasyn EP 460;1×208L</t>
  </si>
  <si>
    <t>【嘉实多】工业合成齿轮油\Alphasyn EP 150;1×208L</t>
  </si>
  <si>
    <t>【嘉实多】工业合成齿轮油\Alphasyn HTX 1000;1×208L</t>
  </si>
  <si>
    <t>【嘉实多】工业合成齿轮油\Alphasyn HTX 460;1×200L</t>
  </si>
  <si>
    <t>【嘉实多】工业合成齿轮油\Alphasyn EP 680;1×205L</t>
  </si>
  <si>
    <t>【嘉实多】工业合成齿轮油\Alphasyn GS 150;1×208L</t>
  </si>
  <si>
    <t>【嘉实多】工业合成齿轮油\Alphasyn GS 680;1×208L</t>
  </si>
  <si>
    <t>【嘉实多】特种齿轮油\Optigear Synthetic X220;1×200L</t>
  </si>
  <si>
    <t>【嘉实多】特种齿轮油\Optigear Synthetic X320;1×200L</t>
  </si>
  <si>
    <t>【嘉实多】特种齿轮油\OptigearSynthetic PD150;1×208L</t>
  </si>
  <si>
    <t>【嘉实多】特种齿轮油\OptigearSynthetic CT320;1×208L</t>
  </si>
  <si>
    <t>【嘉实多】特种齿轮油\OptigearSynthetic PD320;1×208L</t>
  </si>
  <si>
    <t>【嘉实多】特种齿轮油\OptigearSynthetic PD220;1×208L</t>
  </si>
  <si>
    <t>【嘉实多】特种齿轮油\OptigearSynthetic PD460;1×200L</t>
  </si>
  <si>
    <t>【嘉实多】特种齿轮油\OptigearSynthetic PD680;1×200L</t>
  </si>
  <si>
    <t>【嘉实多】特种齿轮油\Optigear Syn 800/220;1×208L</t>
  </si>
  <si>
    <t>【嘉实多】特种齿轮油\Optigear Syn 800/320;1×208L</t>
  </si>
  <si>
    <t>【嘉实多】特种齿轮油\Optigear Syn 800/460;1×208L</t>
  </si>
  <si>
    <t>【嘉实多】合成齿轮油\Optigear BM 3000;VG3000;1×208L</t>
  </si>
  <si>
    <t>【嘉实多】极压工业齿轮油\Alpha SP 100;1×200L</t>
  </si>
  <si>
    <t>【嘉实多】极压工业齿轮油\Alpha SP 150;1×200L</t>
  </si>
  <si>
    <t>【嘉实多】极压工业齿轮油\Alpha SP 460;1×200L</t>
  </si>
  <si>
    <t>【嘉实多】极压工业齿轮油\Alpha SP 680;1×200L</t>
  </si>
  <si>
    <t>【嘉实多】电商夏季开式齿轮油\MA OG 936 Heavy;1×204kg</t>
  </si>
  <si>
    <t>【嘉实多】电商冬季开式齿轮油\MA OG 936 WT 680;1×204kg</t>
  </si>
  <si>
    <t>【嘉实多】抗磨液压油\Hyspin AWS 100;1×200L</t>
  </si>
  <si>
    <t>【嘉实多】高性能抗磨液压油\Hyspin AWH-M 46;1×200L</t>
  </si>
  <si>
    <t>【嘉实多】高性能抗磨液压油\Hyspin AWH-M 68;1×200L</t>
  </si>
  <si>
    <t>【嘉实多】汽轮机油\Perfecto T 46;1×200L</t>
  </si>
  <si>
    <t>【嘉实多】汽轮机油\Perfecto X 32;1×200L</t>
  </si>
  <si>
    <t>【嘉实多】汽轮机油\Perfecto X 46;1×209L</t>
  </si>
  <si>
    <t>【嘉实多】高性能长寿空气压缩机油\Aircol MR 68;1×200L</t>
  </si>
  <si>
    <t>【嘉实多】高性能长寿空气压缩机油\Aircol MR 32;1×200L</t>
  </si>
  <si>
    <t>【嘉实多】合成压缩机油\Aircol CL 1400;1×200L</t>
  </si>
  <si>
    <t>【嘉实多】合成压缩机油\Aircol CL 1400 s;1×200L</t>
  </si>
  <si>
    <t>【嘉实多】合成压缩机油\Aircol SR 68;1×208L</t>
  </si>
  <si>
    <t>【嘉实多】合成压缩机油\Aircol SR 46;1×208L</t>
  </si>
  <si>
    <t>【嘉实多】合成压缩机油\Aircol SR 32;1×208L</t>
  </si>
  <si>
    <t>【嘉实多】汽轮机油\Perfecto X-EP 68;1×209L</t>
  </si>
  <si>
    <t>【嘉实多】汽轮机油\Perfecto X-EP 46;1×209L</t>
  </si>
  <si>
    <t>【嘉实多】汽轮机油\Perfecto X-EP 32;1×200L</t>
  </si>
  <si>
    <t>【嘉实多】电商特种轴承润滑脂\Tribol GR 1350-2.5;20×0.4kg</t>
  </si>
  <si>
    <t>【嘉实多】电商极压锂基润滑脂\Spheerol EPL 0;1×15kg</t>
  </si>
  <si>
    <t>【嘉实多】电商极压锂基润滑脂\Spheerol EPL 00;1×180kg</t>
  </si>
  <si>
    <t>【嘉实多】电商极压锂基润滑脂\Spheerol EPL 00;1×18kg</t>
  </si>
  <si>
    <t>【嘉实多】电商特种润滑脂\MA OG 8031/6000-00;1×181.4kg</t>
  </si>
  <si>
    <t>【嘉实多】电商特种润滑脂\MA OG 8031/3000-00;1×181.4kg</t>
  </si>
  <si>
    <t>【嘉实多】电商复合锂基润滑脂\MA BH 47/1600 1.5;1×180kg</t>
  </si>
  <si>
    <t>【嘉实多】电商复合锂基润滑脂\TribolGR 4020/460-2;1×180kg</t>
  </si>
  <si>
    <t>【嘉实多】电商复合锂基润滑脂\TribolGR 4020/460-2;1×16.7kg</t>
  </si>
  <si>
    <t>【嘉实多】电商复合锂基润滑脂\TribolGR 4020/220-2;1×16.7kg</t>
  </si>
  <si>
    <t>【嘉实多】电商复合锂基润滑脂\TribolGR 4020/220-2;1×180kg</t>
  </si>
  <si>
    <t>【嘉实多】电商复合锂基润滑脂\Spheerol SY 4601;1×165kg</t>
  </si>
  <si>
    <t>【嘉实多】电商复合锂基润滑脂\Spheerol SY 4600;1×165kg</t>
  </si>
  <si>
    <t>【嘉实多】电商复合锂基润滑脂\Spheerol SY 4600;1×20kg</t>
  </si>
  <si>
    <t>【嘉实多】电商复合锂基润滑脂\Spheerol SY 2202;1×20kg</t>
  </si>
  <si>
    <t>【嘉实多】电商二硫化钼极压锂基脂\Spheerol EPLX M 2;1×180kg</t>
  </si>
  <si>
    <t>【嘉实多】电商复合锂基润滑脂\MA 6780 1;1×181kg</t>
  </si>
  <si>
    <t>【嘉实多】电商二硫化钼特种润滑脂\MA 777-1 ES;1×181kg</t>
  </si>
  <si>
    <t>【嘉实多】电商二硫化钼特种润滑脂\MA 777-2 ES;1×181kg</t>
  </si>
  <si>
    <t>【嘉实多】电商特种重载润滑脂\TribolGR 3020/1000-2;1×18kg</t>
  </si>
  <si>
    <t>【嘉实多】循环油\Magna 320;1×200L</t>
  </si>
  <si>
    <t>【嘉实多】电商特种轴承润滑脂\Tribol GR 1350-2.5;1×180kg</t>
  </si>
  <si>
    <t>【嘉实多】电商特种轴承润滑脂\Tribol GR 1350-2.5;1×18kg</t>
  </si>
  <si>
    <t>【嘉实多】汽轮机油\Perfecto T 68;1×200L</t>
  </si>
  <si>
    <t>【嘉实多】抗磨液压油\Hyspin HLP-Z 32;1×200L</t>
  </si>
  <si>
    <t>【嘉实多】抗磨液压油\Hyspin HLP-Z 46;1×200L</t>
  </si>
  <si>
    <t>【嘉实多】抗磨液压油\Hyspin HLP-Z 68;1×200L</t>
  </si>
  <si>
    <t>【嘉实多】汽轮机油\Perfecto T 32;1×200L</t>
  </si>
  <si>
    <t>【嘉实多】抗磨液压油\Hyspin AWS 22;1×200L</t>
  </si>
  <si>
    <t>【嘉实多】抗磨液压油\Hyspin AWS 15;1×200L</t>
  </si>
  <si>
    <t>【嘉实多】抗磨液压油\Hyspin AWS 10;1×200L</t>
  </si>
  <si>
    <t>【嘉实多】无灰抗磨液压油\Hyspin HLP 150;1×200L</t>
  </si>
  <si>
    <t>【嘉实多】无灰抗磨液压油\Hyspin HLP 100;1×200L</t>
  </si>
  <si>
    <t>【嘉实多】无灰抗磨液压油\Hyspin HLP 68;1×18L</t>
  </si>
  <si>
    <t>【嘉实多】无灰抗磨液压油\Hyspin HLP 32;1×18L</t>
  </si>
  <si>
    <t>【嘉实多】电商极压锂基润滑脂\Spheerol EPL 00;1×15kg</t>
  </si>
  <si>
    <t>【嘉实多】特种齿轮油\Optigear Synthetic X 320;1×18L</t>
  </si>
  <si>
    <t>【嘉实多】合成齿轮油\ALPHASYN T 46;1×20L</t>
  </si>
  <si>
    <t>【嘉实多】特种齿轮油\Optigear Synthetic CT 320;1×18</t>
  </si>
  <si>
    <t>【嘉实多】特种齿轮油\Optigear Syn 800/1000 1×20L</t>
  </si>
  <si>
    <t>【嘉实多】特种齿轮油\Optigear Syn 800/1000 1×208L</t>
  </si>
  <si>
    <t>【嘉实多】高性能导热油\Perfecto HT 5;1×200L</t>
  </si>
  <si>
    <t>【嘉实多】电商特种重载润滑脂\TribolGR 3020/1000-00;1×18kg</t>
  </si>
  <si>
    <t>【嘉实多】车辆齿轮油\Transmax Axle80W-90 GL-5;1×18L</t>
  </si>
  <si>
    <t>【嘉实多】车辆齿轮油\Transmax Axle85W-140GL-5;1×18L</t>
  </si>
  <si>
    <t>【嘉实多】车辆齿轮油\Transmax Axle85W-140GL-51×200L</t>
  </si>
  <si>
    <t>【嘉实多】传动油\Transmax Offroad 10;1×18L</t>
  </si>
  <si>
    <t>【嘉实多】传动油\Transmax Offroad 10;1×200L</t>
  </si>
  <si>
    <t>【嘉实多】电商特种重载润滑脂\TribolGR 3020/1000-1;1×18kg</t>
  </si>
  <si>
    <t>【嘉实多】柴油发动机油\CRB Mulit 15W-40 CH-4;1×18L</t>
  </si>
  <si>
    <t>【嘉实多】柴油发动机油\CRB Mulit 15W-40 CH-4;1×208L</t>
  </si>
  <si>
    <t>【嘉实多】电商特种重载润滑脂\TribolGR 3020/1000-0;1×18kg</t>
  </si>
  <si>
    <t>【嘉实多】开式齿轮油\Optigear OG 4 EP;1×205L</t>
  </si>
  <si>
    <t>【嘉实多】柴油发动机油\CRB Mulit 20W-50 CI-4;1×18L</t>
  </si>
  <si>
    <t>【嘉实多】柴油发动机油\CRB Mulit 20W-50 CI-4;1×208L</t>
  </si>
  <si>
    <t>【嘉实多】特种齿轮油\Optigear SyntheticCT320;1×200L</t>
  </si>
  <si>
    <t>【嘉实多】极压工业齿轮油\Alpha SP 68;1×200L</t>
  </si>
  <si>
    <t>【嘉实多】柴油发动机油\CRB Mulit 15W-40 CI-4;1×208L</t>
  </si>
  <si>
    <t>【嘉实多】柴油发动机油\CRB Mulit 15W-40 CI-4;1×18L</t>
  </si>
  <si>
    <t>【嘉实多】冲洗油\Fushing oil;1×200L</t>
  </si>
  <si>
    <t>【嘉实多】电商特种润滑脂\Molub-Alloy 860-220-2;1×16.7kg</t>
  </si>
  <si>
    <t>【嘉实多】电商特种润滑脂\Molub-Alloy 860-220-1;1×16.7kg</t>
  </si>
  <si>
    <t>【嘉实多】电商特种润滑脂\Molub-Alloy 860-150-2;1×16.7kg</t>
  </si>
  <si>
    <t>【嘉实多】电商风电润滑脂\Tribol GR SW 460-1;1×400g</t>
  </si>
  <si>
    <t>【嘉实多】电商风电润滑脂\Tribol GR SW 460-1;1×1kg</t>
  </si>
  <si>
    <t>【嘉实多】电商风电润滑脂\Tribol GR SW 460-1;1×18kg</t>
  </si>
  <si>
    <t>【嘉实多】电商风电润滑脂\Tribol GR SW 460-1;1×180kg</t>
  </si>
  <si>
    <t>【嘉实多】专用清洗剂\TECHNICLEAN SC 170;1×20L</t>
  </si>
  <si>
    <t>【嘉实多】电商特种润滑脂\Molub-Alloy860-460-1;1×181.4Kg</t>
  </si>
  <si>
    <t>【嘉实多】电商特种润滑脂\Molub-Alloy860-460-2;1×181.4kg</t>
  </si>
  <si>
    <t>【英格索兰】软管\24260861001\空压机\R90I\国产</t>
  </si>
  <si>
    <t>GNWZBP(TH)ZYCG2020-186-02</t>
  </si>
  <si>
    <t>嘉实多润滑油电力专区经营主体铺货长协（北京御道矿业）</t>
  </si>
  <si>
    <t>北京御道矿业投资顾问有限公司</t>
  </si>
  <si>
    <t>【英格索兰】密封垫片\2.213877E7\螺杆式压缩机\ML200\国产</t>
  </si>
  <si>
    <t>GNWZBP(TH)ZYCG2020-186-01</t>
  </si>
  <si>
    <t>嘉实多润滑油电力专区经营主体铺货长协（北京唯诚万信矿山机械）</t>
  </si>
  <si>
    <t>北京唯诚万信矿山机械销售有限公司</t>
  </si>
  <si>
    <t>【英格索兰】法兰\22143531\螺杆式空气压缩机\ML250\国产</t>
  </si>
  <si>
    <t>【英格索兰】保养包\47602379001\空压机\RM220\国产</t>
  </si>
  <si>
    <t>【英格索兰】密封胶\42837054\空压机\R90I\国产</t>
  </si>
  <si>
    <t>【英格索兰】保养包\47602380001\空压机\RM220\国产</t>
  </si>
  <si>
    <t>【英格索兰】安装板\22141162\空气压缩机\ML250\国产</t>
  </si>
  <si>
    <t>【英格索兰】保养包\47602381001\空压机\RM220\国产</t>
  </si>
  <si>
    <t>【英格索兰】最小压力阀\85542058\螺杆式空压机\LU315W\国产</t>
  </si>
  <si>
    <t>【英格索兰】压力表\54772058\螺杆式空压机\MJ75\国产</t>
  </si>
  <si>
    <t>【英格索兰】接触器辅助触点\24482895\空压机\M160\国产</t>
  </si>
  <si>
    <t>【英格索兰】保养包\47602382001\空压机\RM220\国产</t>
  </si>
  <si>
    <t>【英格索兰】油分离器芯\54749247\压缩机\UP5-22\国产</t>
  </si>
  <si>
    <t>【英格索兰】保养包\47602383001\空压机\RM220\国产</t>
  </si>
  <si>
    <t>【英格索兰】滤芯\54672654\螺杆式空气压缩机\ML250\国产</t>
  </si>
  <si>
    <t>【英格索兰】挡圈\39497862\空压机\MM350-2S\国产</t>
  </si>
  <si>
    <t>【英格索兰】4000小时保养包\47604750001\空压机\RS250IE\国产</t>
  </si>
  <si>
    <t>【英格索兰】挡圈\39497870\空压机\MM350-2S\国产</t>
  </si>
  <si>
    <t>【英格索兰】隔环\39489976\空压机\MM350-2S\国产</t>
  </si>
  <si>
    <t>【英格索兰】保养包\47602384001\空压机\RM220\国产</t>
  </si>
  <si>
    <t>【英格索兰】垫片\39487434\螺杆式空压机\ML110\国产</t>
  </si>
  <si>
    <t>【英格索兰】直角带止逆阀接头\5.4775556E7\压缩机\UP5-22-14\国产</t>
  </si>
  <si>
    <t>【英格索兰】挡板\39489836\空压机\MM350-2S\国产</t>
  </si>
  <si>
    <t>【英格索兰】加载电磁阀\54774302\空压机\UP5-15\进口</t>
  </si>
  <si>
    <t>【英格索兰】预过滤板\23497001\空压机\R90I\国产</t>
  </si>
  <si>
    <t>【英格索兰】二级压力开关\54720693\空压机\MM350-2S/10kV\国产</t>
  </si>
  <si>
    <t>【英格索兰】后冷密封\47554328001\空压机\R90I\国产</t>
  </si>
  <si>
    <t>【广州擎天】电源变压器\YSC-1/0.93\1kVA\930V\AC100V</t>
  </si>
  <si>
    <t>广州擎天实业有限公司</t>
  </si>
  <si>
    <t>广州擎天</t>
  </si>
  <si>
    <t>GNWZBP(TH)ZYCG2020-238</t>
  </si>
  <si>
    <t>国家能源e购商城大渡河配送大渡河流域2020年度广州擎天励磁系统备件铺货采购合同</t>
  </si>
  <si>
    <t>【广州擎天】电源变压器\YDC-4/0.93\4kVA\930V\AC170/230V</t>
  </si>
  <si>
    <t>【广州擎天】电源变压器\YDC-0.6/0.93\0.6kVA\930V\AC170/170V</t>
  </si>
  <si>
    <t>【广州擎天】转子电压变送器\WL2BS\国产</t>
  </si>
  <si>
    <t>【广州擎天】合闸电阻\30.265-27R</t>
  </si>
  <si>
    <t>【广州擎天】非全相过压保护装置\1800V-UL390V-IL1775A</t>
  </si>
  <si>
    <t>【广州擎天】合闸电阻\30.265-100R</t>
  </si>
  <si>
    <t>【广州擎天】接触器\VBC6A-30-10 DC24V</t>
  </si>
  <si>
    <t>【广州擎天】电涌保护器\TT-ST-M-SFP-24AC</t>
  </si>
  <si>
    <t>【广州擎天】触摸屏\TPC-1551\国产</t>
  </si>
  <si>
    <t>【广州擎天】温控器\KTO 01159.0-00\国产</t>
  </si>
  <si>
    <t>【广州擎天】湿度控制器\KTO011\0-60℃\1℃\进口</t>
  </si>
  <si>
    <t>【广州擎天】限位开关\SND4111-SP-C\IP65</t>
  </si>
  <si>
    <t>【广州擎天】信号隔离器\WBV334S05-0.5 DC24V 4-20mA</t>
  </si>
  <si>
    <t>【广州擎天】微动开关\VX-012-1C23\IP66</t>
  </si>
  <si>
    <t>【广州擎天】快速熔断器\RS8-1500V/1400A-P2b205NK\15kV\1.4kA\固定式</t>
  </si>
  <si>
    <t>【广州擎天】断路器\IC65H\400V\16A\3P</t>
  </si>
  <si>
    <t>【广州擎天】电压变送器\FPDH-2 0-600V 4-20mA AC220V\国产</t>
  </si>
  <si>
    <t>【广州擎天】隔离变送器\FPDH-2 0-75mV 4-20mA AC220V\国产</t>
  </si>
  <si>
    <t>【广州擎天】电源滤波器\FLCH64-10A\AC220V\10A</t>
  </si>
  <si>
    <t>【广州擎天】灭磁开关\1000V 3200A DC 4P 固定式 E3H/E MS\ABB</t>
  </si>
  <si>
    <t>【广州擎天】二极管\DSEI2X61-12B\52A\1200V</t>
  </si>
  <si>
    <t>【广州擎天】变频器通风机\SK3243.100\550/600m3/h 230V 70/87w</t>
  </si>
  <si>
    <t>【广州擎天】断路器\S264-C20A\400V\20A\4P</t>
  </si>
  <si>
    <t>【广州擎天】断路器\S262UC\DC230V\20A\2P</t>
  </si>
  <si>
    <t>【广州擎天】断路器\S262-K10\400V\10A\2P\进口</t>
  </si>
  <si>
    <t>【广州擎天】浪涌抑制器\RV-BC6/250 AC/DC110-250V</t>
  </si>
  <si>
    <t>【广州擎天】晶闸管\DCR2040L42\2040A\4200V</t>
  </si>
  <si>
    <t>【广州擎天】绕线电阻\RXG20\10kΩ\300W</t>
  </si>
  <si>
    <t>【广州擎天】电源变压器\YSC-0.1/0.93\1kVA\930V\AC52V</t>
  </si>
  <si>
    <t>【广州擎天】旋钮\XB6-CD221B EXC9000\IP66</t>
  </si>
  <si>
    <t>【广州擎天】控制按钮\XB6-CA11B AC250V 5A 绿\IP65</t>
  </si>
  <si>
    <t>【广州擎天】信号指示灯\XB6AV3BB</t>
  </si>
  <si>
    <t>【广州擎天】电流互感器\LT2032\600V\2500/1\0.5级\10VA\固定式\进口</t>
  </si>
  <si>
    <t>【广州擎天】电源模块\QUINT-PS-100\AC240V\DC24V\5A</t>
  </si>
  <si>
    <t>【广州擎天】电源模块\QUINT-PS/1AC/24DC/10/2320911\AC100-240V\DC24V\10A</t>
  </si>
  <si>
    <t>【广州擎天】继电器底座\PF083A-E\功率继电器\MKS2PIN</t>
  </si>
  <si>
    <t>【广州擎天】过电压保护装置\UNS4681\ABB</t>
  </si>
  <si>
    <t>【广州擎天】电源模块\D-71570 9000-41034-0100600\DC24V\DC24V\6A</t>
  </si>
  <si>
    <t>【广州擎天】断路器\MS325\380V\2.5-4A\3P</t>
  </si>
  <si>
    <t>【广州擎天】继电器\MM2XP\DC220V\进口</t>
  </si>
  <si>
    <t>【广州擎天】高频脉冲变压板\MB9000-3\广州擎天实业有限公司\国产</t>
  </si>
  <si>
    <t>【广州擎天】晶闸管\KPA-1200A/4000V\广州擎天实业有限公司\国产</t>
  </si>
  <si>
    <t>【广州擎天】断路器\IC65N\400V\16A\3P</t>
  </si>
  <si>
    <t>【广州擎天】断路器\IC65H-C\400V\32A\2P</t>
  </si>
  <si>
    <t>【广州擎天】断路器\C65H\400V\10A\2P</t>
  </si>
  <si>
    <t>【广州擎天】断路器\C65H-C\400V\10A\1P</t>
  </si>
  <si>
    <t>【广州擎天】轴流通风机\FN040-VDL.OF.A7P1\10000m3/h 220-380V 1000W 50HZ</t>
  </si>
  <si>
    <t>【广州擎天】继电器\MK2PN-S\AC220V\10A\国产</t>
  </si>
  <si>
    <t>【广州擎天】转换开关\LW39-16B\690V\10A\IP65</t>
  </si>
  <si>
    <t>【广州擎天】转换开关\LW39-16A\AC690V DC440V\10A\IP66</t>
  </si>
  <si>
    <t>【广州擎天】输入耦合单元\KS D211 B 3BHE022455R1101\进口</t>
  </si>
  <si>
    <t>【广州擎天】接触器\IORE8520 DC220V</t>
  </si>
  <si>
    <t>【广州擎天】灭磁开关\HPB45M-82S\赛雪龙\进口</t>
  </si>
  <si>
    <t>【广州擎天】继电器输出板\EXC910RELAY\发电机组\QF-12-2G\国产</t>
  </si>
  <si>
    <t>【广州擎天】智能均流板\EXC910JL\广州擎天\国产</t>
  </si>
  <si>
    <t>【广州擎天】开关量输入板\EXC910IN\发电机组\QF-12-2G\国产</t>
  </si>
  <si>
    <t>【广州擎天】智能IIU板\EXC910IIU1-2 20111-01 VER 1.2\国产</t>
  </si>
  <si>
    <t>【广州擎天】智能控制板\EXC910FCB\发电机组\QF-12-2G\国产</t>
  </si>
  <si>
    <t>【广州擎天】中间继电器\DRM270220L\DC220V\10A</t>
  </si>
  <si>
    <t>【广州擎天】电容器\GMKP2800-321IBY 32μF±10%\DC2800V\进口</t>
  </si>
  <si>
    <t>【广州擎天】触发板\GDI UNS0881V2\ABB\进口</t>
  </si>
  <si>
    <t>【广州擎天】交换机\FL-SWITCH-SFN-4TX/FX 100M 5口</t>
  </si>
  <si>
    <t>【广州擎天】中间继电器\FINDER 60.13.9.220.0040\DC220V</t>
  </si>
  <si>
    <t>【广州擎天】中间继电器\CR-U024DC3\DC24V</t>
  </si>
  <si>
    <t>【广州擎天】继电器\CR-MO24DC3\DC24V\10A\进口</t>
  </si>
  <si>
    <t>【广州擎天】信号接口板\UAD215A102\ABB\进口</t>
  </si>
  <si>
    <t>【广州擎天】行程开关\ZL-15G031 HANKUK\IP66</t>
  </si>
  <si>
    <t>【广州擎天】电压变送器\WBV334S01 0-10V/4-20mA\国产</t>
  </si>
  <si>
    <t>【广州擎天】整流器组件\UNS4680a-G Var. 18\ABB\进口</t>
  </si>
  <si>
    <t>【广州擎天】输入/输出板\AC800PEC PCD235 A101\进口</t>
  </si>
  <si>
    <t>【广州擎天】单路输出直流电压隔离变送器\CE-VZ01-54MS1-0.2\国产</t>
  </si>
  <si>
    <t>【广州擎天】CPU板\AC800PEC-PP-D113\进口</t>
  </si>
  <si>
    <t>【广州擎天】测量单元板(MUB)\UNS 2881b-P V1 UN5000\ABB</t>
  </si>
  <si>
    <t>【广州擎天】COB板\3BHE014967R0001 UNS 2880\ABB\进口</t>
  </si>
  <si>
    <t>【广州擎天】通讯适配器\UNS 0887a-P\ABB\进口</t>
  </si>
  <si>
    <t>【广州擎天】功率柜面板\UNS 0885A-Z V1\ABB</t>
  </si>
  <si>
    <t>【广州擎天】电流互感器\JKO-168\10kV\2500/1\0.5级\10VA\贯穿式\进口</t>
  </si>
  <si>
    <t>【广州擎天】信号接口板\UNS 0882a-P\ABB\进口</t>
  </si>
  <si>
    <t>【广州擎天】门极驱动板\UNS0881/3BHB006338R0001\ABB\进口</t>
  </si>
  <si>
    <t>【广州擎天】整流桥接口单元板\UNS 0880a-P V1 CIN\ABB</t>
  </si>
  <si>
    <t>【广州擎天】熔断器\170M6501\DC1.1kV\1.4kA\固定式</t>
  </si>
  <si>
    <t>【广州擎天】微动开关\170H3027\IP66</t>
  </si>
  <si>
    <t>【广州擎天】非线性电阻\600A/US16/PP\METROSIL\进口</t>
  </si>
  <si>
    <t>【广州擎天】同步变压器\YSG-0.5/1.1 500VA\广州擎天实业有限公司</t>
  </si>
  <si>
    <t>【广州擎天】转换开关\TO-2-15394/E\AC220V\10A\IP66</t>
  </si>
  <si>
    <t>【广州擎天】电压继电器\SSU76 UC24-48\DC24-48V\5A\进口</t>
  </si>
  <si>
    <t>【广州擎天】线绕电阻\RXG20\80Ω\250W</t>
  </si>
  <si>
    <t>【广州擎天】电阻\RXG20\100Ω\200W</t>
  </si>
  <si>
    <t>【广州擎天】线绕电阻\RX20\2kΩ\30W</t>
  </si>
  <si>
    <t>【广州擎天】二极管模块\IXYS VU082-16N07\82A\1600V</t>
  </si>
  <si>
    <t>【广州擎天】快速熔断器\RS8\1000V\1400A</t>
  </si>
  <si>
    <t>【广州擎天】接触器\GMC-100 380V 100A</t>
  </si>
  <si>
    <t>【广州擎天】模拟量总线板\EXC900E6\广州擎天实业有限公司\国产</t>
  </si>
  <si>
    <t>【广州擎天】阻容保护装置\EXC9200-EK119\广州擎天\国产</t>
  </si>
  <si>
    <t>【广州擎天】霍尔变送器\CSF3-2KA\广州擎天实业有限公司\国产</t>
  </si>
  <si>
    <t>【广州擎天】快速熔断器\RS4\1000V\40A</t>
  </si>
  <si>
    <t>【广州擎天】电源模块\NES-200-24\AC200-240V\DC24V\8.8A</t>
  </si>
  <si>
    <t>【广州擎天】电源模块\MPS10/5-230/24/48\AC100-240V\DC24V\10.4A</t>
  </si>
  <si>
    <t>【广州擎天】中间继电器\MK3P2-S\DC24V\10A\进口</t>
  </si>
  <si>
    <t>【广州擎天】稳压电源\MINI-PS-100\AC240V\DC24V\1A</t>
  </si>
  <si>
    <t>【广州擎天】电容器\CBB80A 1μF±5%\1400V\国产</t>
  </si>
  <si>
    <t>【广州擎天】工控机箱\APCI-JX6-06\广州擎天\国产</t>
  </si>
  <si>
    <t>【广州擎天】断路器\3VU1340-1MK00\广州擎天实业有限公司</t>
  </si>
  <si>
    <t>【广州擎天】接触器\3TH82-62-OX 380V 10A</t>
  </si>
  <si>
    <t>【广州擎天】液晶显示器\V240128T\广州擎天</t>
  </si>
  <si>
    <t>【广州擎天】真空断路器\UR26M-82S-220-DS1-800\1.8kV\2.6kA\80kA\进口</t>
  </si>
  <si>
    <t>【广州擎天】开关电源\NET-75B\AC220V\DC5/12/-12V\6/2.8/0.5A</t>
  </si>
  <si>
    <t>【广州擎天】灭磁开关\HPB6082S DC110V\赛雪龙\进口</t>
  </si>
  <si>
    <t>【广州擎天】电压变送器\FPVX-V1-F1-P2-O3\国产</t>
  </si>
  <si>
    <t>【广州擎天】电压变送器\FPDH-2 0-120V\国产</t>
  </si>
  <si>
    <t>【广州擎天】电源滤波器\SCHAFFNER FN2080-3-06\广州电器科学研究院</t>
  </si>
  <si>
    <t>【广州擎天】继电器\85.03.0.024\DC24V\10A\进口</t>
  </si>
  <si>
    <t>【广州擎天】绕线电阻\RX20\600Ω\1000W</t>
  </si>
  <si>
    <t>【广州擎天】快速熔断器\RS4-1000V/125A\1000V\125A</t>
  </si>
  <si>
    <t>【广州擎天】二极管模块\MDD95-22N1B\120A\2200V</t>
  </si>
  <si>
    <t>【广州擎天】二极管\MDD95-18N1B\120A\1800V</t>
  </si>
  <si>
    <t>【广州擎天】二极管\LGV452109P3016 DSA2-16A 3.6A/4\ABB\进口</t>
  </si>
  <si>
    <t>【广州擎天】电容器\C66 0.47μF±5%\1000V\国产</t>
  </si>
  <si>
    <t>【广州擎天】接口板\ARC093AE01\继电器\ROL</t>
  </si>
  <si>
    <t>【广州擎天】二极管模块\IXYS-DSEI-2X61-014A\广州电气科学研究院</t>
  </si>
  <si>
    <t>【广州擎天】人机界面操作屏\V810CD\国产</t>
  </si>
  <si>
    <t>【广州擎天】电源滤波器\FTS-H3N\广州擎天\国产</t>
  </si>
  <si>
    <t>【广州擎天】通风机\FN045-VDL.2F.A7P2\5550m3/h 116Pa 380V 350W</t>
  </si>
  <si>
    <t>【广州擎天】通讯模块\EXC910MC1-2\广州擎天\国产</t>
  </si>
  <si>
    <t>【广州擎天】电源滤波器\MFS3N-230V\185-265V\2.5A</t>
  </si>
  <si>
    <t>【广州擎天】分闸线圈\4923-HSBA331257P0001\ABB</t>
  </si>
  <si>
    <t>【广州擎天】继电器\3BHB002782R0001\DC24V\10A\进口</t>
  </si>
  <si>
    <t>【广州擎天】直流变送器板\EXC900-P3\广州擎天\国产</t>
  </si>
  <si>
    <t>【广州擎天】BOD板\EXC900N 3200V\广州擎天\国产</t>
  </si>
  <si>
    <t>【广州擎天】功率柜脉冲板\EXC900M-4\广州电器科学研究院</t>
  </si>
  <si>
    <t>【广州擎天】灭磁柜智能板\EXC900K-3\广州电器科学研究院</t>
  </si>
  <si>
    <t>【广州擎天】功率柜智能板\EXC900K-3\广州擎天实业有限公司</t>
  </si>
  <si>
    <t>【广州擎天】单片机系统板\EXC900J-2(新)\广州擎天实业有限公司</t>
  </si>
  <si>
    <t>【广州擎天】智能接口板\EXC900I-03\广州擎天\国产</t>
  </si>
  <si>
    <t>【广州擎天】开关量总线板\EXC900H5\广州擎天实业有限公司\国产</t>
  </si>
  <si>
    <t>【广州擎天】高压熔断器\FD20GC100V50T\DC1kV/AC1.5kV\50A\夹紧式</t>
  </si>
  <si>
    <t>【广州擎天】高压熔断器\FD20GC100V40T\DC1kV/AC1.5kV\40A\夹紧式</t>
  </si>
  <si>
    <t>【广州擎天】稳压二极管V22\1.5KE\350V/350A\350A\350V</t>
  </si>
  <si>
    <t>【广州擎天】硅元件\5STP/18H4200\国产</t>
  </si>
  <si>
    <t>【广州擎天】二极管模块\MDD44-16N1B\IXYS</t>
  </si>
  <si>
    <t>【广州擎天】电流互感器\LZB-0.6\600V\100/0.1\10P3\2.5VA\穿心式\国产</t>
  </si>
  <si>
    <t>【广州擎天】刀形隔离器\HD17B-1600/3108</t>
  </si>
  <si>
    <t>【广州擎天】DSP板\EXC9002\广州擎天\国产</t>
  </si>
  <si>
    <t>【广州擎天】触摸屏\TK6102\威纶通</t>
  </si>
  <si>
    <t>【广州擎天】刀型隔离器\HD17B-1600/2108</t>
  </si>
  <si>
    <t>【广州擎天】BOD板\EXC900N 1800V\广州擎天\国产</t>
  </si>
  <si>
    <t>【广州擎天】功率柜脉冲板\EXC900M-05\广州擎天\国产</t>
  </si>
  <si>
    <t>【广州擎天】灭磁开关\SACE E3H/E MS 25 2500A 4P\ABB\进口</t>
  </si>
  <si>
    <t>【广州擎天】直流电源\DRP-240-24\AC200-240V\DC24V\3.5A</t>
  </si>
  <si>
    <t>【广州擎天】跨接器触发单元\UNS0017a-P/Var.1\ABB\进口</t>
  </si>
  <si>
    <t>【广州擎天】脉冲变压器\T60407-B4803-X101\ABB\国产</t>
  </si>
  <si>
    <t>【广州擎天】继电器\MKS2P1-D\DC24V\10A\进口</t>
  </si>
  <si>
    <t>【广州擎天】二极管\MDD44-18N1B\64A\1800V</t>
  </si>
  <si>
    <t>【广州擎天】中间继电器\BJ8-BB\DC24V</t>
  </si>
  <si>
    <t>【广州擎天】小型断路器\C65N\230V/400V\16A\3P</t>
  </si>
  <si>
    <t>【广州擎天】晶闸管\5STP16F2801\ABB\进口</t>
  </si>
  <si>
    <t>【广州擎天】电子控制板\A71\广州擎天\国产</t>
  </si>
  <si>
    <t>【广州擎天】整流桥信号接口\3BHE020174R0106\UA D209 A06\ABB</t>
  </si>
  <si>
    <t>【广州擎天】输入接口板\A04\广州擎天\国产</t>
  </si>
  <si>
    <t>【广州擎天】电容器\CBB48 0.47μF±5%\1000V\国产</t>
  </si>
  <si>
    <t>【广州擎天】电压变送器\FPVX 0-120V 4-20mA AC220V 0.2级\国产</t>
  </si>
  <si>
    <t>【广州擎天】显示面板\CCP AF-D242A\国产</t>
  </si>
  <si>
    <t>【广州擎天】绕线电阻\RXG20\20Ω\200W</t>
  </si>
  <si>
    <t>【广州擎天】绕线电阻\RXG20\20Ω\500W</t>
  </si>
  <si>
    <t>【广州擎天】继电器\BC6-30-01\DC24V\10A\进口</t>
  </si>
  <si>
    <t>【广州擎天】刀型隔离器\HD17-3200/3108</t>
  </si>
  <si>
    <t>【广州擎天】二极管\ZPA 1900-40 200635 I\1900A\4000V</t>
  </si>
  <si>
    <t>【广州擎天】接触器\AL30-30-01</t>
  </si>
  <si>
    <t>【广州擎天】接触器\AL30-30-10 DC220V</t>
  </si>
  <si>
    <t>【广州擎天】绕线电阻\RXG20\160Ω\250W</t>
  </si>
  <si>
    <t>【广州擎天】绕线电阻\RXG20\20Ω\30W</t>
  </si>
  <si>
    <t>【广州擎天】刀形隔离器\HD17-2500/3108</t>
  </si>
  <si>
    <t>【广州擎天】熔断器\FR22GC69V50T\690V\50A</t>
  </si>
  <si>
    <t>【广州擎天】刀形隔离器\HD17-2500/2108s</t>
  </si>
  <si>
    <t>【广州擎天】二极管\MDD44-16N18\44A\1600V</t>
  </si>
  <si>
    <t>【广州擎天】主控柜冷却风扇\SK3325107\威图</t>
  </si>
  <si>
    <t>【广州擎天】连接片\RSH2.5-2A 米红</t>
  </si>
  <si>
    <t>【广州擎天】PMU接口板\EXC9200PM\广州擎天\国产</t>
  </si>
  <si>
    <t>【广州擎天】人机界面操作屏\Hakko V606eC20-24V\广州擎天实业有限公司</t>
  </si>
  <si>
    <t>【广州擎天】断路器\C65H\400V\10A\1P\进口</t>
  </si>
  <si>
    <t>【广州擎天】非线性电阻\1004003020220\国产</t>
  </si>
  <si>
    <t>【广州擎天】扁平电缆\4003002050032\广州擎天\国产</t>
  </si>
  <si>
    <t>【广州擎天】扁平电缆\4003002010017\广州擎天\国产</t>
  </si>
  <si>
    <t>【广州擎天】扁平电缆\4003002010006\广州擎天\国产</t>
  </si>
  <si>
    <t>【广州擎天】扁平电缆\4003002010014\广州擎天\国产</t>
  </si>
  <si>
    <t>【广州擎天】扁平电缆\4003002010009\广州擎天\国产</t>
  </si>
  <si>
    <t>【广州擎天】CPU板\EXC9001\广州擎天\国产</t>
  </si>
  <si>
    <t>【广州擎天】I/O板\EXC9003\广州擎天\国产</t>
  </si>
  <si>
    <t>【英格索兰】指示器\39494851\螺杆式空压机\ML250\进口</t>
  </si>
  <si>
    <t>【英格索兰】油分离芯\54509427\螺杆式空压机\M110-W8\国产</t>
  </si>
  <si>
    <t>【英格索兰】接头\39481486\空气压缩机\MM250\国产</t>
  </si>
  <si>
    <t>【英格索兰】软管\99296535\螺杆空气压缩机\M200-SE-LV\国产</t>
  </si>
  <si>
    <t>【英格索兰】油过滤器芯\42843805\螺杆式空压机\EP200\国产</t>
  </si>
  <si>
    <t>【英格索兰】门闩\93494664\空压机\M37PE\国产</t>
  </si>
  <si>
    <t>【英格索兰】油滤器芯\24242273\空压机\R37IE\进口</t>
  </si>
  <si>
    <t>【英格索兰】水分离器出口管\22143457\螺杆式空压机\MM350-SS\进口</t>
  </si>
  <si>
    <t>【英格索兰】内接头\95946059\空压机\M37PE\国产</t>
  </si>
  <si>
    <t>【英格索兰】密封垫片\22138762\螺杆空气压缩机\M200-SE-LV\国产</t>
  </si>
  <si>
    <t>【英格索兰】直接头\95952867\空压机\M37PE\国产</t>
  </si>
  <si>
    <t>【英格索兰】管总成\22138622\螺杆空气压缩机\M200-SE-LV\国产</t>
  </si>
  <si>
    <t>【英格索兰】风扇\99249286\空压机\M37PE\国产</t>
  </si>
  <si>
    <t>【英格索兰】密封垫\15472475\空压机\M160\国产</t>
  </si>
  <si>
    <t>【英格索兰】密封垫\15472483\空压机\M160\国产</t>
  </si>
  <si>
    <t>【英格索兰】油冷密封\47554338001\空压机\R90I\国产</t>
  </si>
  <si>
    <t>【英格索兰】可调直角接头\95938163\空压机\M37PE\国产</t>
  </si>
  <si>
    <t>【英格索兰】接头\42861963\螺杆空气压缩机\M200-SE-LV\国产</t>
  </si>
  <si>
    <t>【英格索兰】内外丝接头\95944625\空压机\M37PE\国产</t>
  </si>
  <si>
    <t>【英格索兰】空气滤芯\132-160 24172215\螺杆空压机\M132-A7\进口</t>
  </si>
  <si>
    <t>【英格索兰】三通\95951836\空压机\M37PE\国产</t>
  </si>
  <si>
    <t>【英格索兰】油压转换开关\39246012\空压机\M160\国产</t>
  </si>
  <si>
    <t>【英格索兰】垫片\39412127\空压机\M160\国产</t>
  </si>
  <si>
    <t>【英格索兰】直接头\96739701\空压机\M37PE\国产</t>
  </si>
  <si>
    <t>【英格索兰】8000小时保养包\47604753001\空压机\RS250IE\国产</t>
  </si>
  <si>
    <t>【英格索兰】4000小时保养包\47604751001\空压机\RS250NE\国产</t>
  </si>
  <si>
    <t>【英格索兰】直角可调接头\39916648\空压机\M160-A7\国产</t>
  </si>
  <si>
    <t>【英格索兰】压力传感器\47560905001\压缩机\ML250SG\国产</t>
  </si>
  <si>
    <t>【英格索兰】真空传感器\47560903001\压缩机\ML250\国产</t>
  </si>
  <si>
    <t>【英格索兰】接触器\39251053\空压机\M160\国产</t>
  </si>
  <si>
    <t>【英格索兰】热继电器\22630792\空压机\M160\国产</t>
  </si>
  <si>
    <t>【英格索兰】安全阀\99300618\螺杆式空压机\MM75\国产</t>
  </si>
  <si>
    <t>【英格索兰】最小压力阀维修包\99289894\螺杆式空压机\ML160W/C\国产</t>
  </si>
  <si>
    <t>【英格索兰】齿轮组\39121421\空压机\M160\国产</t>
  </si>
  <si>
    <t>【英格索兰】最小压力阀\99289860\螺杆空气压缩机\M200-SE-LV\国产</t>
  </si>
  <si>
    <t>【英格索兰】主机\22262422M\螺杆式空压机\MM350-SS\进口</t>
  </si>
  <si>
    <t>【英格索兰】油管总成\54619960\螺杆空气压缩机\MM160\国产</t>
  </si>
  <si>
    <t>【英格索兰】油分离芯\54509435\空气压缩机\ML350-2S\国产</t>
  </si>
  <si>
    <t>【英格索兰】进气阀保养包\47556924001\螺杆式空压机\MM350-SS\进口</t>
  </si>
  <si>
    <t>【英格索兰】油气分离器滤芯\54601513\空气压缩机\ML55\进口</t>
  </si>
  <si>
    <t>【英格索兰】快插三通接头\99331993\螺杆式空气压缩机\MM350-SS\进口</t>
  </si>
  <si>
    <t>【英格索兰】减荷阀\46831210\螺杆式空压机\M350-SS\进口</t>
  </si>
  <si>
    <t>【英格索兰】直角接头\99296527\螺杆空气压缩机\M200-SE-LV\国产</t>
  </si>
  <si>
    <t>【英格索兰】安全阀\22137699\空气压缩机\MM250\国产</t>
  </si>
  <si>
    <t>【英格索兰】回油管总成\54619978\螺杆式空压机\M160\国产</t>
  </si>
  <si>
    <t>【英格索兰】温控阀芯\22125249\螺杆空气压缩机\M200-SE-LV\国产</t>
  </si>
  <si>
    <t>【英格索兰】紧停开关总成\22113344\压缩机\UP5-22\国产</t>
  </si>
  <si>
    <t>【英格索兰】单向阀\54482484\螺杆式空压机\MM350-SS\国产</t>
  </si>
  <si>
    <t>【英格索兰】真空指示器\22097208\压缩机\UP5-22\国产</t>
  </si>
  <si>
    <t>【英格索兰】快插直交接头\54403266\螺杆式空气压缩机\MM350-SS\进口</t>
  </si>
  <si>
    <t>【英格索兰】控制器总成\22128763\压缩机\UP5-22\国产</t>
  </si>
  <si>
    <t>【英格索兰】电机轴套\22078422\空压机\MM350-2S\国产</t>
  </si>
  <si>
    <t>【英格索兰】芯子\54362819\空压机\SM250\进口</t>
  </si>
  <si>
    <t>【英格索兰】滤网\47524431001\空压机\R37IE\国产</t>
  </si>
  <si>
    <t>【英格索兰】温控阀\22125223\螺杆式空压机\MH250\国产</t>
  </si>
  <si>
    <t>【英格索兰】后冷器\22084750\螺杆式空压机\MM350-SS\国产</t>
  </si>
  <si>
    <t>【英格索兰】软管\48662688\空压机\R37\国产</t>
  </si>
  <si>
    <t>【英格索兰】空滤芯\48958201\空压机\R37\进口</t>
  </si>
  <si>
    <t>【英格索兰】预过滤海绵\49007941\空压机\R37\国产</t>
  </si>
  <si>
    <t>【英格索兰】软管\85576692\空压机\R37\国产</t>
  </si>
  <si>
    <t>【英格索兰】油冷却器\22084735\螺杆空压机\VPEX220-8W\国产</t>
  </si>
  <si>
    <t>【英格索兰】电机轴套\93481331\空压机\R37\国产</t>
  </si>
  <si>
    <t>【英格索兰】O型圈\95070272\空压机\R37\国产</t>
  </si>
  <si>
    <t>【英格索兰】滤网\47524186001\空压机\R37IE\国产</t>
  </si>
  <si>
    <t>【英格索兰】安全阀\99291833\空压机\M37PE\国产</t>
  </si>
  <si>
    <t>【英格索兰】后冷却器\22084727\螺杆空压机\VPEX220-8W\进口</t>
  </si>
  <si>
    <t>【英格索兰】油滤器芯\24900433\空压机\R37\进口</t>
  </si>
  <si>
    <t>【英格索兰】后冷密封包\47555479001\空压机\M350-2S\国产</t>
  </si>
  <si>
    <t>【英格索兰】油封\88142450\空压机\R37\国产</t>
  </si>
  <si>
    <t>【英格索兰】软管\46866216\螺杆式空压机\M132/M250/M350\进口</t>
  </si>
  <si>
    <t>【英格索兰】百叶板\92875251\螺杆式空压机\M132/M250/M350\进口</t>
  </si>
  <si>
    <t>【英格索兰】油分离芯\48958235\空压机\R37\进口</t>
  </si>
  <si>
    <t>【英格索兰】油气密封胶\39166806\空压机\M355-2S\国产</t>
  </si>
  <si>
    <t>【烟台龙源】燃烧器本体\ZL-SiC-700\烟台龙源\国产</t>
  </si>
  <si>
    <t>【英格索兰】O型圈\95022257\空压机\M160\国产</t>
  </si>
  <si>
    <t>【英格索兰】垫片\95354395\空压机\M160\国产</t>
  </si>
  <si>
    <t>【英格索兰】油冷密封包\47555480001\空压机\M350-2S\国产</t>
  </si>
  <si>
    <t>【烟台龙源】燃烧器本体\XL-Ⅲ-SiC\烟台龙源\国产</t>
  </si>
  <si>
    <t>【英格索兰】从动齿轮压板\35255819\空压机\M132\国产</t>
  </si>
  <si>
    <t>【英格索兰】膜片\39817135\螺杆式空压机\M132/M250/M350\进口</t>
  </si>
  <si>
    <t>【英格索兰】管型端子\18985697\空压机\M132\国产</t>
  </si>
  <si>
    <t>【英格索兰】紧急停车开关\23990716\空压机\M132\国产</t>
  </si>
  <si>
    <t>【英格索兰】贴膜\SE000667\螺杆式空压机\M132/M250/M350\进口</t>
  </si>
  <si>
    <t>【英格索兰】空气开关\24482853\空压机\M132\国产</t>
  </si>
  <si>
    <t>【英格索兰】8000小时保养包\47604754001\空压机\RS250NE\国产</t>
  </si>
  <si>
    <t>【英格索兰】电源指示灯\39485032\空压机\M160\国产</t>
  </si>
  <si>
    <t>【英格索兰】球阀\39105739\空压机\M132\国产</t>
  </si>
  <si>
    <t>【英格索兰】2000小时保养包\47642693001\空压机\M110\国产</t>
  </si>
  <si>
    <t>【烟台龙源】燃烧器\ZR-WY-RSQ-D\国产</t>
  </si>
  <si>
    <t>【英格索兰】二位三通电磁阀\99263055\压缩机\EP200\国产</t>
  </si>
  <si>
    <t>【英格索兰】电磁阀\22289797\空压机\MM37PE\国产</t>
  </si>
  <si>
    <t>【烟台龙源】直流炉等离子体煤粉燃烧器本体\ZR-400-YM/HM De≤450mm\等离子点火系统/微油点火系统\YTLY-PICS/YTLY-MOIS\龙源技术\国产</t>
  </si>
  <si>
    <t>【英格索兰】步进电机\85542652\空压机\M160\国产</t>
  </si>
  <si>
    <t>【英格索兰】进气阀气缸\SE001444\螺杆空压机\ML350-1S\国产</t>
  </si>
  <si>
    <t>【英格索兰】油冷却器\22084743\空压机\M300\国产</t>
  </si>
  <si>
    <t>【烟台龙源】直流炉等离子体煤粉燃烧器本体\ZR-500-YM/HM 450＜De≤550mm\等离子点火系统\YTLY-PICS\龙源技术\国产</t>
  </si>
  <si>
    <t>【英格索兰】齿轮箱保养包\47642697001\空压机\M160\国产</t>
  </si>
  <si>
    <t>【英格索兰】有源电路板\19067875\螺杆空压机\ML350-SS\进口</t>
  </si>
  <si>
    <t>【烟台龙源】直流炉等离子体煤粉燃烧器本体\ZR-600-YM/HM 550＜De≤650mm\等离子点火系统\YTLY-PICS\龙源技术\国产</t>
  </si>
  <si>
    <t>【英格索兰】软管保养包\47642698001\空压机\M160\国产</t>
  </si>
  <si>
    <t>【英格索兰】软管\99260309\空压机\EP200\国产</t>
  </si>
  <si>
    <t>【烟台龙源】直流炉等离子体煤粉燃烧器本体\ZR-700-YM/HM De＞650mm\等离子点火系统\YTLY-PICS\龙源技术\国产</t>
  </si>
  <si>
    <t>【英格索兰】直通接头\99271983\空压机\M132\国产</t>
  </si>
  <si>
    <t>【英格索兰】最小压力阀\22064695\空压机\V15-12\国产</t>
  </si>
  <si>
    <t>【英格索兰】软管保养包\47642699001\空压机\M160\国产</t>
  </si>
  <si>
    <t>【英格索兰】断水电磁阀\39479811\无油螺杆空压机\SM250\进口</t>
  </si>
  <si>
    <t>【英格索兰】O型圈\95720272\空压机\R37\国产</t>
  </si>
  <si>
    <t>【英格索兰】2000小时保养包\47642700001\空压机\M160\国产</t>
  </si>
  <si>
    <t>【英格索兰】油过滤器总成\39259676SD\煤矿用螺杆式移动空气压缩机\MLG20/12.5-160G\国产</t>
  </si>
  <si>
    <t>【英格索兰】进气阀套\22067177\空压机\7100D15/12\进口</t>
  </si>
  <si>
    <t>【英格索兰】扣压式胶管\99261026\螺杆式空压机\EP200\国产</t>
  </si>
  <si>
    <t>【英格索兰】二位三通放气电磁阀\99260838\压缩机\EP200\国产</t>
  </si>
  <si>
    <t>【英格索兰】4000小时保养包\47642701001\空压机\M160\国产</t>
  </si>
  <si>
    <t>【英格索兰】黑色密封垫条\39117312\空压机\M132\国产</t>
  </si>
  <si>
    <t>【英格索兰】压差指示器\99282972\空压机\V-0.5/12.5\国产</t>
  </si>
  <si>
    <t>【英格索兰】温控阀\39478193\螺杆式空气压缩机\ML160-2S\国产</t>
  </si>
  <si>
    <t>【英格索兰】垫片\39454533\螺杆式空气压缩机\M185A/C\国产</t>
  </si>
  <si>
    <t>【烟台龙源】旋流炉等离子体煤粉燃烧器本体\ZR-500-YM/HM 450＜De≤550mm\等离子点火系统\YTLY-PICS\龙源技术\国产</t>
  </si>
  <si>
    <t>【烟台龙源】旋流炉等离子体煤粉燃烧器本体\ZR-600-YM/HM 550＜De≤650mm\等离子点火系统\YTLY-PICS\龙源技术\国产</t>
  </si>
  <si>
    <t>【英格索兰】8000小时保养包\47642702001\空压机\M160\国产</t>
  </si>
  <si>
    <t>【烟台龙源】旋流炉等离子体煤粉燃烧器本体\ZR-700-YM/HM De＞650mm\等离子点火系统\YTLY-PICS\龙源技术\国产</t>
  </si>
  <si>
    <t>【英格索兰】8000小时保养包\47642703001\空压机\M160\国产</t>
  </si>
  <si>
    <t>【英格索兰】4000小时保养包\47642694001\空压机\M110\国产</t>
  </si>
  <si>
    <t>【英格索兰】8000小时保养包\47642696001\空压机\M110\国产</t>
  </si>
  <si>
    <t>【英格索兰】尼龙管\99262818\螺杆式空压机\EP200\国产</t>
  </si>
  <si>
    <t>【英格索兰】油分离器筒体\99277998\螺杆式空气压缩机\ML160-2S\国产</t>
  </si>
  <si>
    <t>【英格索兰】直通接头体\99271942\螺杆空气压缩机\M200-SE-LV\国产</t>
  </si>
  <si>
    <t>【英格索兰】二次回油管\19039197\压缩机\ML250SG\国产</t>
  </si>
  <si>
    <t>【烟台龙源】燃烧器\YR-H-500-PM-W\国产</t>
  </si>
  <si>
    <t>【英格索兰】隔环\22112841\空压机\M300\国产</t>
  </si>
  <si>
    <t>【英格索兰】二次回油管\19039205\压缩机\M300\进口</t>
  </si>
  <si>
    <t>【英格索兰】软管总成\99265894\螺杆式空压机\EP200\国产</t>
  </si>
  <si>
    <t>【英格索兰】软管\99264640\螺杆式空气压缩机\M185A/C\国产</t>
  </si>
  <si>
    <t>【英格索兰】直角接头\39481460\空气压缩机\MM250\国产</t>
  </si>
  <si>
    <t>【英格索兰】风扇叶片\39911649\螺杆式空气压缩机\ML160-2S\国产</t>
  </si>
  <si>
    <t>【英格索兰】减震垫\39481452\螺杆空压机\MM350-SS\进口</t>
  </si>
  <si>
    <t>【英格索兰】风扇电机\24180093\空压机\M160-A7\国产</t>
  </si>
  <si>
    <t>【烟台龙源】煤粉风室组件\ZR-Z-YCFZ-400 De≤450mm\等离子点火系统\YTLY-PICS\龙源技术\国产</t>
  </si>
  <si>
    <t>【烟台龙源】煤粉风室组件\ZR-Z-YCFZ-500 450＜De≤550mm\等离子点火系统\YTLY-PICS\龙源技术等离子点火系统\国产</t>
  </si>
  <si>
    <t>【烟台龙源】煤粉风室组件\ZR-Z-YCFZ-600 550＜De≤650mm\等离子点火系统\YTLY-PICS\龙源技术\国产</t>
  </si>
  <si>
    <t>【烟台龙源】煤粉风室组件\ZR-Z-YCFZ-700 De＞650mm\等离子点火系统\YTLY-PICS\龙源技术\国产</t>
  </si>
  <si>
    <t>【英格索兰】液晶显示器\39875133\压缩机\ML250SG\国产</t>
  </si>
  <si>
    <t>【烟台龙源】一次风喷口\ZR-Z-YPK-400 De≤450mm\等离子点火系统\YTLY-PICS\龙源技术\国产</t>
  </si>
  <si>
    <t>【烟台龙源】一次风喷口\ZR-Z-YPK-500 450＜De≤550mm\等离子点火系统\YTLY-PICS\龙源技术\国产</t>
  </si>
  <si>
    <t>【烟台龙源】一次风喷口\ZR-Z-YPK-600 550＜De≤650mm\等离子点火系统\YTLY-PICS\龙源技术\国产</t>
  </si>
  <si>
    <t>【烟台龙源】一次风喷口\ZR-Z-YPK-700 De＞650mm\等离子点火系统\YTLY-PICS\龙源技术\国产</t>
  </si>
  <si>
    <t>【烟台龙源】等离子体发生器\DLZ-200-Ⅳ\等离子点火系统\YTLY-PICS\龙源技术\国产</t>
  </si>
  <si>
    <t>【烟台龙源】等离子体发生器\DLZ-MA-300B-1000S\等离子点火系统\YTLY-PICS\龙源技术\国产</t>
  </si>
  <si>
    <t>【烟台龙源】等离子体发生器\DLZ-MA-300D-1000\等离子点火系统\YTLY-PICS\龙源技术\国产</t>
  </si>
  <si>
    <t>【烟台龙源】等离子体发生器\DLZ-DA-300-800\等离子点火系统\YTLY-PICS\龙源技术\国产</t>
  </si>
  <si>
    <t>【烟台龙源】等离子体发生器\DLZ-80-800\等离子点火系统\YTLY-PICS\龙源技术\国产</t>
  </si>
  <si>
    <t>【烟台龙源】电源柜\LYKG-4-80\点火控制系统\LYZKG\龙源技术\国产</t>
  </si>
  <si>
    <t>【烟台龙源】电源柜\LYKG-4-120\点火控制系统\LYZKG\龙源技术\国产</t>
  </si>
  <si>
    <t>【烟台龙源】电源柜\LYKG-6-180\点火控制系统\LYZKG\龙源技术\国产</t>
  </si>
  <si>
    <t>【烟台龙源】电源柜\LYZKG-250\点火控制系统\LYZKG\龙源技术\国产</t>
  </si>
  <si>
    <t>【烟台龙源】可控硅功率组件\LYZKG-500-JY\烟台龙源\国产</t>
  </si>
  <si>
    <t>【烟台龙源】可控硅功率组件\LYZKG-500D-JY\烟台龙源\国产</t>
  </si>
  <si>
    <t>【烟台龙源】电力物资-检修服务-技改项目-电力技术服务</t>
  </si>
  <si>
    <t>【烟台龙源】一次风导流环\ZR-X-Ⅲ-DLH\龙源技术\国产</t>
  </si>
  <si>
    <t>【烟台龙源】电力物资-检修服务-其他-电力技术服务</t>
  </si>
  <si>
    <t>【烟台龙源】电力物资-检修服务-其他项目-电力技术服务</t>
  </si>
  <si>
    <t>【烟台龙源】等离子体发生器（等离子体发生器漏水检测系统模块化应用、含安装调试）</t>
  </si>
  <si>
    <t>【烟台龙源】旋流炉等离子体煤粉燃烧器本体（旋流炉等离子体燃烧器系统模块化应用、含安装调试）</t>
  </si>
  <si>
    <t>【英格索兰】O型圈\39437074\空压机\M250\国产</t>
  </si>
  <si>
    <t>【英格索兰】直接头\95937561\空压机\MM250\国产</t>
  </si>
  <si>
    <t>【英格索兰】安全阀\22057954\压缩机\UP5-22\国产</t>
  </si>
  <si>
    <t>【英格索兰】止逆阀\39479852\螺杆式空气压缩机\M185A/C\国产</t>
  </si>
  <si>
    <t>【英格索兰】软管\99267593\螺杆式空压机\EP200\国产</t>
  </si>
  <si>
    <t>【英格索兰】垫片\39452362\螺杆式空压机\ML110\国产</t>
  </si>
  <si>
    <t>【英格索兰】接头\39479555\空压机\VB-0.15/8\国产</t>
  </si>
  <si>
    <t>【英格索兰】减震垫\39477096\空压机\M250\国产</t>
  </si>
  <si>
    <t>【英格索兰】气动无损阀\22699706\空压机\M250\国产</t>
  </si>
  <si>
    <t>【英格索兰】超级冷却剂\39433743\空压机\MM350-2S\国产</t>
  </si>
  <si>
    <t>【英格索兰】排气管\24183741\空压机\M250\国产</t>
  </si>
  <si>
    <t>【英格索兰】安全阀\19036037\压缩机\ML250SG\国产</t>
  </si>
  <si>
    <t>【英格索兰】管总成\22143424\空压机\M300\国产</t>
  </si>
  <si>
    <t>【英格索兰】断路器\88146980\空压机\MM200\国产</t>
  </si>
  <si>
    <t>【英格索兰】管总成\39545942\空压机\M132\国产</t>
  </si>
  <si>
    <t>【英格索兰】接触器\89296248\空压机\MM200\国产</t>
  </si>
  <si>
    <t>【英格索兰】管总成\39546619\空压机\M132\国产</t>
  </si>
  <si>
    <t>【英格索兰】直通接头\99270548\螺杆空气压缩机\M200-SE-LV\国产</t>
  </si>
  <si>
    <t>【英格索兰】减震垫\39476882\空压机\M132\国产</t>
  </si>
  <si>
    <t>【英格索兰】密封垫片\3.9454558E7\螺杆式空气压缩机\ML160-2S\国产</t>
  </si>
  <si>
    <t>【英格索兰】直键\22173819\空压机\M300\国产</t>
  </si>
  <si>
    <t>【英格索兰】齿轮组\39755517\螺杆空气压缩机\M132\国产</t>
  </si>
  <si>
    <t>【英格索兰】三通\39546718\空压机\M132\国产</t>
  </si>
  <si>
    <t>【英格索兰】滤芯\99266702\螺杆式空压机\EP200\国产</t>
  </si>
  <si>
    <t>【英格索兰】排气弯管\39800354\空压机\M132\国产</t>
  </si>
  <si>
    <t>【英格索兰】放气电磁阀\22124085\螺杆式空压机\UP5-22\进口</t>
  </si>
  <si>
    <t>【英格索兰】垫圈\92757632\空压机\ML250\国产</t>
  </si>
  <si>
    <t>【英格索兰】轴套\99265977\螺杆式空压机\EP200\国产</t>
  </si>
  <si>
    <t>【英格索兰】进气阀\24841264\螺杆式空压机\M90\进口</t>
  </si>
  <si>
    <t>【英格索兰】齿轮组\22077614\空气压缩机\MM250-2S\国产</t>
  </si>
  <si>
    <t>【英格索兰】杆端球轴承\99260804\螺杆空气压缩机\M200-SE-LV\国产</t>
  </si>
  <si>
    <t>【英格索兰】管总成\22064059\空压机\M300\国产</t>
  </si>
  <si>
    <t>【英格索兰】软管\99260317\螺杆空气压缩机\M200-SE-LV\国产</t>
  </si>
  <si>
    <t>【英格索兰】管总成\22064067\空压机\M300\国产</t>
  </si>
  <si>
    <t>【英格索兰】齿轮箱组件\22060701\空气压缩机\ML160\国产</t>
  </si>
  <si>
    <t>【英格索兰】管总成\39546593\空压机\M132\国产</t>
  </si>
  <si>
    <t>【英格索兰】加载液压缸\99250631\螺杆空气压缩机\M200-SE-LV\国产</t>
  </si>
  <si>
    <t>【英格索兰】管总成\22064075\空压机\M300\国产</t>
  </si>
  <si>
    <t>【英格索兰】油分离器筒体\22050728\螺杆式空压机\ML250\进口</t>
  </si>
  <si>
    <t>【英格索兰】管总成\22064042\空压机\M300\国产</t>
  </si>
  <si>
    <t>【英格索兰】直接头\39128624\空压机\M132\国产</t>
  </si>
  <si>
    <t>【英格索兰】管总成\22064034\空压机\M300\国产</t>
  </si>
  <si>
    <t>【英格索兰】优质冷却剂\80060031\空压机\M250\国产</t>
  </si>
  <si>
    <t>【英格索兰】直键\39167150\空压机\M132\国产</t>
  </si>
  <si>
    <t>【英格索兰】后冷却器\19066406\螺杆式空压机\M132/M250/M350\进口</t>
  </si>
  <si>
    <t>【英格索兰】喷油节流螺栓\39330626\空压机\M132\国产</t>
  </si>
  <si>
    <t>【英格索兰】螺钉\39142690\空压机\M132\国产</t>
  </si>
  <si>
    <t>【英格索兰】齿轮组\22077655\空压机\M300\国产</t>
  </si>
  <si>
    <t>【英格索兰】断油电磁阀\99261109\空压机\EP200\国产</t>
  </si>
  <si>
    <t>【英格索兰】接地线\39479860\空压机\M132\国产</t>
  </si>
  <si>
    <t>【英格索兰】电机\19012426\空压机\M160\国产</t>
  </si>
  <si>
    <t>【英格索兰】排气弯管\19041151\螺杆式空压机\MM160\国产</t>
  </si>
  <si>
    <t>【英格索兰】O型圈\95991642\螺杆式空压机\MM160\国产</t>
  </si>
  <si>
    <t>【英格索兰】电机\23003072\空压机\M132\国产</t>
  </si>
  <si>
    <t>【英格索兰】接头\39139563SD\煤矿用螺杆式移动空气压缩机\MLG20/12.5-160G\国产</t>
  </si>
  <si>
    <t>【英格索兰】积碳清洗剂\15488125\空压机\MM350-2S\国产</t>
  </si>
  <si>
    <t>【英格索兰】压力阀\39446968\螺杆式空压机\MJ75\国产</t>
  </si>
  <si>
    <t>【英格索兰】接触器\39252010\空压机\MM37PE\国产</t>
  </si>
  <si>
    <t>【英格索兰】后冷却器\19065473\空气压缩机\MM250\国产</t>
  </si>
  <si>
    <t>【英格索兰】螺纹密封胶\42839274\空压机\M250\国产</t>
  </si>
  <si>
    <t>【英格索兰】油分配接头\22138614\空压机\MM200\国产</t>
  </si>
  <si>
    <t>【英格索兰】隔环\35262963\空压机\MM200\国产</t>
  </si>
  <si>
    <t>【英格索兰】油冷却器\19066414\螺杆式空压机\M132/M250/M350\进口</t>
  </si>
  <si>
    <t>【英格索兰】挡环\42854869\空压机\MM200\国产</t>
  </si>
  <si>
    <t>【英格索兰】安全阀\22137715\螺杆式空压机\ML350\进口</t>
  </si>
  <si>
    <t>【英格索兰】可调直角接头\39477526SD\煤矿用螺杆式移动空气压缩机\MLG20/12.5-160G\国产</t>
  </si>
  <si>
    <t>【英格索兰】安全阀\23100308\空压机\MM185\国产</t>
  </si>
  <si>
    <t>【英格索兰】可调直接头\39479894\空压机\M132\国产</t>
  </si>
  <si>
    <t>【英格索兰】终端接头\39479431\空压机\M132\国产</t>
  </si>
  <si>
    <t>【英格索兰】管总成\22143523\空压机\M300\国产</t>
  </si>
  <si>
    <t>【英格索兰】油窥镜\39476916\压缩机\ML250SG\国产</t>
  </si>
  <si>
    <t>【英格索兰】螺母\96741830\空压机\ML250\国产</t>
  </si>
  <si>
    <t>【英格索兰】螺母\96711882\空压机\ML250\国产</t>
  </si>
  <si>
    <t>【英格索兰】安全阀\99260788\螺杆式空压机\EP200\国产</t>
  </si>
  <si>
    <t>【英格索兰】扣压式胶管\99260325\螺杆式空压机\EP200\国产</t>
  </si>
  <si>
    <t>【英格索兰】密封圈\99260036\螺杆式空压机\EP200\国产</t>
  </si>
  <si>
    <t>【英格索兰】联动臂\99253528\螺杆空气压缩机\M200-SE-LV\国产</t>
  </si>
  <si>
    <t>【英格索兰】管总成\39546650\空压机\M132\国产</t>
  </si>
  <si>
    <t>【英格索兰】温控阀\99250532\螺杆式空压机\EP200\国产</t>
  </si>
  <si>
    <t>【英格索兰】管总成\39800305\空压机\M132\国产</t>
  </si>
  <si>
    <t>【英格索兰】管总成\22208987\空压机\MM250-2S\国产</t>
  </si>
  <si>
    <t>【英格索兰】排水电磁阀\54579248\空压机\UP5-22\国产</t>
  </si>
  <si>
    <t>【英格索兰】蝶阀垫片\39454541\螺杆式空气压缩机\M185A/C\国产</t>
  </si>
  <si>
    <t>【英格索兰】温度传感器\19035641\螺杆空压机\VPEX220-8W\进口</t>
  </si>
  <si>
    <t>【英格索兰】管总成\39802814\空压机\M132\国产</t>
  </si>
  <si>
    <t>【英格索兰】控制界面\22110399\空压机\SM250\国产</t>
  </si>
  <si>
    <t>【英格索兰】空滤器垫圈\39494885 SSR200HP\压缩机\ML250SG\国产</t>
  </si>
  <si>
    <t>【英格索兰】齿轮箱油漆\22263511\空压机\MM250\国产</t>
  </si>
  <si>
    <t>【英格索兰】管总成\54664933\空压机\M300\国产</t>
  </si>
  <si>
    <t>【英格索兰】止逆阀维修包\22383053\空压机\SM250\国产</t>
  </si>
  <si>
    <t>【英格索兰】传感器导线\22458319\空压机\SM250\国产</t>
  </si>
  <si>
    <t>【英格索兰】管总成\39479209\空压机\MM185\国产</t>
  </si>
  <si>
    <t>【英格索兰】管总成\39545843\空压机\MM185\国产</t>
  </si>
  <si>
    <t>【英格索兰】排气管\19065796\空压机\MM185\国产</t>
  </si>
  <si>
    <t>【英格索兰】旋装扳手\99277378\空压机\MM185\国产</t>
  </si>
  <si>
    <t>【英格索兰】8000小时保养包\47642695001\空压机\M110\国产</t>
  </si>
  <si>
    <t>【英格索兰】电磁阀\42855551\空压机\ML250W\国产</t>
  </si>
  <si>
    <t>【英格索兰】进气阀\24853426\空压机\ML250SCIW\国产</t>
  </si>
  <si>
    <t>【英格索兰】主电机\24779241\空压机\ML250\国产</t>
  </si>
  <si>
    <t>【英格索兰】截止阀\24663536\空压机\ML250SCIW\国产</t>
  </si>
  <si>
    <t>【英格索兰】软管\85563260\空压机\ML250SCIW\国产</t>
  </si>
  <si>
    <t>【英格索兰】闸阀\47600487001\空压机\ML250SCIW\国产</t>
  </si>
  <si>
    <t>【英格索兰】管总成\39890926\空压机\M300\国产</t>
  </si>
  <si>
    <t>【英格索兰】高温开关垫圈\39404157\空压机\MM350-2S\国产</t>
  </si>
  <si>
    <t>【英格索兰】螺栓\50949726\空压机\M300\国产</t>
  </si>
  <si>
    <t>【英格索兰】调节档块\85550135\空压机\M132\国产</t>
  </si>
  <si>
    <t>【英格索兰】中间继电器\39255559\空压机\UP5-22\国产</t>
  </si>
  <si>
    <t>【英格索兰】软管\85562437\空压机\M132\国产</t>
  </si>
  <si>
    <t>【英格索兰】直角接头\35291384\空压机\M300\国产</t>
  </si>
  <si>
    <t>【英格索兰】预过滤网\22053722\空压机\UP5-11\国产</t>
  </si>
  <si>
    <t>【英格索兰】直角接头\39140512\空压机\M300\国产</t>
  </si>
  <si>
    <t>【英格索兰】直角接头\54403217\空压机\M300\国产</t>
  </si>
  <si>
    <t>【英格索兰】一级齿轮\22935290\空压机\SM250\国产</t>
  </si>
  <si>
    <t>【英格索兰】温度开关\39428305\空气压缩机\LS32-450\国产</t>
  </si>
  <si>
    <t>【英格索兰】接头\39322748\空气压缩机\MM250-2S\国产</t>
  </si>
  <si>
    <t>【英格索兰】接头\39417118\螺杆空气压缩机\M200-SE-LV\国产</t>
  </si>
  <si>
    <t>【英格索兰】主动齿轮压板\92539311\空压机\M132\国产</t>
  </si>
  <si>
    <t>【英格索兰】螺栓\96702337\空压机\ML250\国产</t>
  </si>
  <si>
    <t>【英格索兰】齿轮\22935431\空压机\SM250\国产</t>
  </si>
  <si>
    <t>【英格索兰】后冷芯组\15470131\空压机\SM250\国产</t>
  </si>
  <si>
    <t>【英格索兰】分配接头\39313127\空压机\ML250\国产</t>
  </si>
  <si>
    <t>【英格索兰】隔垫\92761287\空压机\MM350-2S\国产</t>
  </si>
  <si>
    <t>【英格索兰】中间冷却器\23082480\空压机\SM250\国产</t>
  </si>
  <si>
    <t>【英格索兰】油过滤器滤芯\92888262\螺杆空气压缩机\M200-SE-LV\国产</t>
  </si>
  <si>
    <t>【英格索兰】直角接头\39155650\螺杆式空压机\SM250\国产</t>
  </si>
  <si>
    <t>【英格索兰】密封垫片\92876457\螺杆式空气压缩机\ML250\国产</t>
  </si>
  <si>
    <t>【英格索兰】止逆阀\22884423\空压机\SM250\国产</t>
  </si>
  <si>
    <t>【英格索兰】门锁\39133954\螺杆式空压机\MM350-SS\进口</t>
  </si>
  <si>
    <t>【英格索兰】齿轮组\92874510\空气压缩机\ML200\国产</t>
  </si>
  <si>
    <t>【英格索兰】接头\92788918\螺杆空气压缩机\M200-SE-LV\国产</t>
  </si>
  <si>
    <t>【英格索兰】气源软管\39124821\螺杆式空压机\SM250\国产</t>
  </si>
  <si>
    <t>【英格索兰】快插接头\39461868\空压机\SM250\国产</t>
  </si>
  <si>
    <t>【英格索兰】尼龙管\39137518\空气压缩机\ML160\国产</t>
  </si>
  <si>
    <t>【英格索兰】进油管盖\22366397\空压机\SM250\国产</t>
  </si>
  <si>
    <t>【英格索兰】接头\39137542\空气压缩机\ML160\国产</t>
  </si>
  <si>
    <t>【英格索兰】快插接头\39155577\空气压缩机\ML160\国产</t>
  </si>
  <si>
    <t>【英格索兰】加载电磁阀\39418926\螺杆空气压缩机\M200-SE-LV\国产</t>
  </si>
  <si>
    <t>【英格索兰】齿轮组\23819600\空压机\MH300-SS\国产</t>
  </si>
  <si>
    <t>【英格索兰】软管\85557726\螺杆式空压机\MM45SE\进口</t>
  </si>
  <si>
    <t>【英格索兰】温控阀芯\46830139\空压机\M75\国产</t>
  </si>
  <si>
    <t>【英格索兰】直角接头\39155478\螺杆式空气压缩机\ML160-2S\国产</t>
  </si>
  <si>
    <t>【英格索兰】接头\39137526\空气压缩机\ML160\国产</t>
  </si>
  <si>
    <t>【英格索兰】密封垫\92932144\螺杆空压机\VPEX220-8W\国产</t>
  </si>
  <si>
    <t>【英格索兰】温控阀\39467634\空压机\SM250\国产</t>
  </si>
  <si>
    <t>【英格索兰】夹箍\35225085\空压机\SM250\国产</t>
  </si>
  <si>
    <t>【英格索兰】软管\85560969\螺杆式空压机\MM55\进口</t>
  </si>
  <si>
    <t>【英格索兰】油位计\92892967\螺杆式空压机\MM350-SS\进口</t>
  </si>
  <si>
    <t>【英格索兰】直角弯头\39583927\空压机\SM250\国产</t>
  </si>
  <si>
    <t>【英格索兰】进气接管\99282964\空压机\MM185\国产</t>
  </si>
  <si>
    <t>【英格索兰】大齿轮\22935142\空压机\SM250\国产</t>
  </si>
  <si>
    <t>【英格索兰】主机排气管\24870990\空压机\ML250SCIW\国产</t>
  </si>
  <si>
    <t>【英格索兰】接头体\95371241\空压机\M300\国产</t>
  </si>
  <si>
    <t>【英格索兰】橡胶护圈\22345664\空压机\M37PE\国产</t>
  </si>
  <si>
    <t>【英格索兰】空滤芯\22234967\空压机\M37PE\国产</t>
  </si>
  <si>
    <t>【英格索兰】O型圈\95987996\空压机\M300\国产</t>
  </si>
  <si>
    <t>【英格索兰】过滤网罩\49014327\空压机\ML250SCIW\国产</t>
  </si>
  <si>
    <t>【沃德传动】内六角螺栓\LS9121003511\减速器\WB3SH280\国产</t>
  </si>
  <si>
    <t>沃德传动（天津）股份有限公司</t>
  </si>
  <si>
    <t>沃德传动</t>
  </si>
  <si>
    <t>GNWZBP(TH)ZYCG2020-310</t>
  </si>
  <si>
    <t>2020年度北京配送（天泓公司）沃德减速机备件集团级单一来源长协采购供货合同</t>
  </si>
  <si>
    <t>【英格索兰】电缆总成\22243216\空压机\M37PE\国产</t>
  </si>
  <si>
    <t>【英格索兰】软管\85561306\螺杆式空压机\MM45SE\进口</t>
  </si>
  <si>
    <t>【英格索兰】电机\23858541\空压机\M300\国产</t>
  </si>
  <si>
    <t>【英格索兰】软管\85562445\空压机\M132\国产</t>
  </si>
  <si>
    <t>【英格索兰】压力开关\54716188\空压机\M300\国产</t>
  </si>
  <si>
    <t>【英格索兰】进气阀连轴器\42558619\空压机\M300\国产</t>
  </si>
  <si>
    <t>【英格索兰】O型密封圈\95022372SD\煤矿用螺杆式移动空气压缩机\MLG20/12.5-160G\国产</t>
  </si>
  <si>
    <t>【英格索兰】油水分离滤芯\54517784\螺杆式空压机\ML350\进口</t>
  </si>
  <si>
    <t>【英格索兰】排气管\39800362\空压机\M132\国产</t>
  </si>
  <si>
    <t>【英格索兰】接头\88100284\空压机\M300\国产</t>
  </si>
  <si>
    <t>【英格索兰】接头\89209720\空压机\M300\国产</t>
  </si>
  <si>
    <t>【英格索兰】排气网罩\39800537\空压机\M132\国产</t>
  </si>
  <si>
    <t>【沃德传动】垫片\DQ1252424\减速器\WB3SH280\国产</t>
  </si>
  <si>
    <t>【英格索兰】直角接头\95988358\螺杆式空压机\MM350-SS\进口</t>
  </si>
  <si>
    <t>【英格索兰】隔圈\39404165\空压机\MM350-2S\国产</t>
  </si>
  <si>
    <t>【英格索兰】排气管\39878350\空压机\M132\国产</t>
  </si>
  <si>
    <t>【沃德传动】垫片\DQ1253000\减速器\WB3SH320\国产</t>
  </si>
  <si>
    <t>【英格索兰】隔垫\39320791\空压机\MM350-2S\国产</t>
  </si>
  <si>
    <t>【沃德传动】油堵\YD90606000100001\减速器\WB3SH320 WS\国产</t>
  </si>
  <si>
    <t>【英格索兰】组合接头\95937850\空压机\M132\国产</t>
  </si>
  <si>
    <t>【沃德传动】外六角螺栓\LS9331605011\减速器\WB3SH320\国产</t>
  </si>
  <si>
    <t>【英格索兰】回气过滤器\92035575SD\煤矿用螺杆式移动空气压缩机\MLG20/12.5-160G\国产</t>
  </si>
  <si>
    <t>【沃德传动】垫片\DQ1251200\减速器\WB3SH320\国产</t>
  </si>
  <si>
    <t>【沃德传动】内六角螺栓\LS9121604511\减速器\WH2SH320\国产</t>
  </si>
  <si>
    <t>【英格索兰】挡圈\89209738\空压机\M300\国产</t>
  </si>
  <si>
    <t>【沃德传动】黄油嘴\HY12208000\减速器\WB3SH200\国产</t>
  </si>
  <si>
    <t>【沃德传动】侧挂板铸件\SD19110301\减速器\WB3SH310\国产</t>
  </si>
  <si>
    <t>【英格索兰】三通\95943023\空气压缩机\MM250\国产</t>
  </si>
  <si>
    <t>【沃德传动】垫片\DQ1253620\减速器\WB3SH320\国产</t>
  </si>
  <si>
    <t>【英格索兰】油冷却器\89307300\螺杆式空压机\ML250\进口</t>
  </si>
  <si>
    <t>【英格索兰】O型圈\95352944\空气压缩机\MM250\国产</t>
  </si>
  <si>
    <t>【沃德传动】O型密封圈\OQ506D867D001\减速器\WB3SH310\国产</t>
  </si>
  <si>
    <t>【沃德传动】耐磨块\SD501011030101\减速器\WB3SH320 WS\国产</t>
  </si>
  <si>
    <t>【英格索兰】直角接头\95978235\螺杆空气压缩机\M200-SE-LV\国产</t>
  </si>
  <si>
    <t>【英格索兰】软管\85561769\螺杆式空压机\MM55\进口</t>
  </si>
  <si>
    <t>【英格索兰】直角接头\95949749\空压机\VB-0.15/8\国产</t>
  </si>
  <si>
    <t>【英格索兰】O型密封圈\95028502\空气压缩机\R132IU-W8\进口</t>
  </si>
  <si>
    <t>【英格索兰】软管\85561082\空压机\M75\国产</t>
  </si>
  <si>
    <t>【英格索兰】接头\39303284\螺杆式空压机\MM75\国产</t>
  </si>
  <si>
    <t>【英格索兰】O型密封圈\95023388\螺杆式空压机\ML250\进口</t>
  </si>
  <si>
    <t>【英格索兰】接触器\39252036\螺杆式空压机\MJ75\国产</t>
  </si>
  <si>
    <t>【英格索兰】O型密封圈\39253992\空气压缩机\R132IU-W8\进口</t>
  </si>
  <si>
    <t>【英格索兰】接触器\39251046\空气压缩机\ML75\国产</t>
  </si>
  <si>
    <t>【英格索兰】减振垫\39302336\空压机\MM350-2S\国产</t>
  </si>
  <si>
    <t>【英格索兰】二次回油管接头\95981429\螺杆式空压机\MM350-SS\进口</t>
  </si>
  <si>
    <t>【沃德传动】止退垫\SM040363D0\减速器\WB3SH290\国产</t>
  </si>
  <si>
    <t>【沃德传动】卡簧\KH4712605D0\减速器\WB3SH310\国产</t>
  </si>
  <si>
    <t>【英格索兰】电机润滑脂\39218193\英格索兰空压机\MM75A/C\国产</t>
  </si>
  <si>
    <t>【英格索兰】软管\85561066\空压机\M75\国产</t>
  </si>
  <si>
    <t>【沃德传动】耐磨顶块\SD501111030100\减速器\WB3SH290\国产</t>
  </si>
  <si>
    <t>【英格索兰】O型密封圈\95069779\螺杆式空气压缩机\MJ75\国产</t>
  </si>
  <si>
    <t>【沃德传动】伞齿轮\SD30120301 00\减速器\WB3SH320\国产</t>
  </si>
  <si>
    <t>【英格索兰】阀门\39105754\空压机\SM250\国产</t>
  </si>
  <si>
    <t>【英格索兰】导管\39117569\空压机\SM250\国产</t>
  </si>
  <si>
    <t>【沃德传动】伞齿轮\SD300013050500\减速器\WB3SH320WS\国产</t>
  </si>
  <si>
    <t>【沃德传动】顶块\SD501111050100\减速器\WB3SH320 WS\国产</t>
  </si>
  <si>
    <t>【沃德传动】伞齿轮\SD300011110200\减速器\WB3SH290\国产</t>
  </si>
  <si>
    <t>【沃德传动】距离垫\SD501211050100\减速器\WB3SH320 WS\国产</t>
  </si>
  <si>
    <t>【英格索兰】夹箍\39123013\空压机\SM250\国产</t>
  </si>
  <si>
    <t>【沃德传动】距离垫\SD501513030100\减速器\WB3SH320 WS\国产</t>
  </si>
  <si>
    <t>【沃德传动】伞齿轮\CR300011110100\减速器\WB3SH240\国产</t>
  </si>
  <si>
    <t>【英格索兰】快插\39155635\空压机\SM250\国产</t>
  </si>
  <si>
    <t>【沃德传动】距离垫\SD501511050100\减速器\WB3SH320 WS\国产</t>
  </si>
  <si>
    <t>【英格索兰】快插\39155759\空压机\SM250\国产</t>
  </si>
  <si>
    <t>【沃德传动】齿圈\SD39110402\减速器\WH2SH310\国产</t>
  </si>
  <si>
    <t>【英格索兰】油管\39161005\空压机\SM250\国产</t>
  </si>
  <si>
    <t>【沃德传动】距离垫\SD502313030100\减速器\WB3SH320 WS\国产</t>
  </si>
  <si>
    <t>【沃德传动】齿轴\351424601-00\减速器\WH2SH300\国产</t>
  </si>
  <si>
    <t>【英格索兰】直接头\95937579\空压机\M132\国产</t>
  </si>
  <si>
    <t>【英格索兰】直接头\22265540\空压机\M37PE\国产</t>
  </si>
  <si>
    <t>【沃德传动】距离垫\SD501411050100\减速器\WB3SH320 WS\国产</t>
  </si>
  <si>
    <t>【沃德传动】齿轴\351513901-00\减速器\WH3SH250\国产</t>
  </si>
  <si>
    <t>【英格索兰】软管\85563245\空压机\M75\国产</t>
  </si>
  <si>
    <t>【沃德传动】距离垫\SD501611050100\减速器\WB3SH320 WS\国产</t>
  </si>
  <si>
    <t>【沃德传动】齿轴\351420201-00\减速器\WH3SH180\国产</t>
  </si>
  <si>
    <t>【英格索兰】球阀\39105713\空压机\SM250\国产</t>
  </si>
  <si>
    <t>【沃德传动】齿轴\351419201-00\减速器\WB3SH220\国产</t>
  </si>
  <si>
    <t>【英格索兰】可调直角接头\95962304\空压机\M132\国产</t>
  </si>
  <si>
    <t>【沃德传动】油镜尺\SD700012030300\减速器\WB3SH320 WS\国产</t>
  </si>
  <si>
    <t>【沃德传动】溢流阀\YLF0304010XXX\减速器\WB3SH320 WS\国产</t>
  </si>
  <si>
    <t>【英格索兰】直接头\95937553\空压机\VB-0.15/8\国产</t>
  </si>
  <si>
    <t>【沃德传动】齿轴\351418101-02\减速器\WB3SH210\国产</t>
  </si>
  <si>
    <t>【沃德传动】定距环\601310932-00\减速器\WH3SH190\国产</t>
  </si>
  <si>
    <t>【英格索兰】辅助触点\39251178\螺杆式空气压缩机\MJ75\国产</t>
  </si>
  <si>
    <t>【沃德传动】齿轴\351410401-02\减速器\WH3SH240\国产</t>
  </si>
  <si>
    <t>【沃德传动】定距环\601310942-00\减速器\WH3SH190\国产</t>
  </si>
  <si>
    <t>【英格索兰】直角接头\95937686\空压机\M132\国产</t>
  </si>
  <si>
    <t>【沃德传动】齿轴\351407201-00\减速器\WB3SH170\国产</t>
  </si>
  <si>
    <t>【沃德传动】定距环\601310943-00\减速器\WH3SH190\国产</t>
  </si>
  <si>
    <t>【沃德传动】齿轴\351209901\减速器\WB3SH140\国产</t>
  </si>
  <si>
    <t>【英格索兰】直角接头\95462883\空压机\M300\国产</t>
  </si>
  <si>
    <t>【沃德传动】定距环\601311131-00\减速器\WH3SH150\国产</t>
  </si>
  <si>
    <t>【沃德传动】定距环\601311132-00\减速器\WH3SH150\国产</t>
  </si>
  <si>
    <t>【沃德传动】齿轴\351201601-00\减速器\WH2SH260\国产</t>
  </si>
  <si>
    <t>【沃德传动】端盖\581220406-00\减速器\WH2SH260\国产</t>
  </si>
  <si>
    <t>【英格索兰】接触器\39251004\螺杆式空压机\ML55\进口</t>
  </si>
  <si>
    <t>【沃德传动】输出轴油封盖\581307501\减速器\WH2SH270\国产</t>
  </si>
  <si>
    <t>【英格索兰】直接头\95939351\空压机\M132\国产</t>
  </si>
  <si>
    <t>【沃德传动】风扇\781718301-00\减速器\WB3SH240\国产</t>
  </si>
  <si>
    <t>【沃德传动】轴端挡板\581510614-00\减速器\WH3SH240\国产</t>
  </si>
  <si>
    <t>【英格索兰】接头\95976775\螺杆空气压缩机\M200-SE-LV\国产</t>
  </si>
  <si>
    <t>【沃德传动】迷宫盘\581511101-01\减速器\WH3SH290\国产</t>
  </si>
  <si>
    <t>【沃德传动】油封盖\581511102-01\减速器\WH3SH290\国产</t>
  </si>
  <si>
    <t>【沃德传动】风扇\781716901-00\减速器\WH3SH200\国产</t>
  </si>
  <si>
    <t>【英格索兰】O型圈\95022307\空压机\M75\国产</t>
  </si>
  <si>
    <t>【沃德传动】挡油盘\581511103-00\减速器\WH3SH290\国产</t>
  </si>
  <si>
    <t>【英格索兰】内接头\92306505\空压机\M300\国产</t>
  </si>
  <si>
    <t>【沃德传动】逆止器前盖\581511104-02\减速器\WH3SH290\国产</t>
  </si>
  <si>
    <t>【英格索兰】软管\85563286\空压机\M75\国产</t>
  </si>
  <si>
    <t>【沃德传动】风扇\781527801-00\减速器\WH2SH190\国产</t>
  </si>
  <si>
    <t>【沃德传动】透连盖\581511105-02\减速器\WH3SH290\国产</t>
  </si>
  <si>
    <t>【英格索兰】接头\92985472\螺杆空气压缩机\M200-SE-LV\国产</t>
  </si>
  <si>
    <t>【沃德传动】端盖\581511107-00\减速器\WH3SH290\国产</t>
  </si>
  <si>
    <t>【沃德传动】风扇\781511101-00\减速器\WH3SH290\国产</t>
  </si>
  <si>
    <t>【英格索兰】软管\85563211\螺杆式空压机\M132/M250/M350\进口</t>
  </si>
  <si>
    <t>【沃德传动】油封盖\581511108-02\减速器\WH3SH290\国产</t>
  </si>
  <si>
    <t>【沃德传动】风扇\781430301-00\减速器\WB3SH190\国产</t>
  </si>
  <si>
    <t>【英格索兰】弯头\92718675\空压机\M300\国产</t>
  </si>
  <si>
    <t>【沃德传动】端盖\581511109-01\减速器\WH3SH290\国产</t>
  </si>
  <si>
    <t>【沃德传动】风扇\781428801-00\减速器\WH3SH210\国产</t>
  </si>
  <si>
    <t>【沃德传动】逆止器后盖\581511116-00\减速器\WH3SH290\国产</t>
  </si>
  <si>
    <t>【沃德传动】齿轮\301502401-00\减速器\WB3SH290\国产</t>
  </si>
  <si>
    <t>【英格索兰】异径三通\92715747\空压机\M300\国产</t>
  </si>
  <si>
    <t>【沃德传动】伞齿轮\301512301-00\减速器\WB3SH250\国产</t>
  </si>
  <si>
    <t>【沃德传动】风扇\781428501-00\减速器\WH2SH170\国产</t>
  </si>
  <si>
    <t>【沃德传动】轴承套\500904105-00\减速器\WH2SH260\国产</t>
  </si>
  <si>
    <t>【英格索兰】压板\92724491\空压机\M300\国产</t>
  </si>
  <si>
    <t>【英格索兰】内外丝接头\88117205\空压机\M300\国产</t>
  </si>
  <si>
    <t>【沃德传动】齿轮\401610101-00\减速器\WH3SH190\国产</t>
  </si>
  <si>
    <t>【英格索兰】压力传感器\42852483\空压机\EP200-2\国产</t>
  </si>
  <si>
    <t>【沃德传动】齿轮\401610001-00\减速器\WH3SH150\国产</t>
  </si>
  <si>
    <t>【沃德传动】齿轮\401607101-00\减速器\WH2SH180\国产</t>
  </si>
  <si>
    <t>【英格索兰】压差开关\42854059\空压机\EP200-2\国产</t>
  </si>
  <si>
    <t>【英格索兰】风扇电机\23879653\空压机\SM250\国产</t>
  </si>
  <si>
    <t>【沃德传动】齿轮\401518201-00\减速器\WB3SH270\国产</t>
  </si>
  <si>
    <t>【英格索兰】水分离器\47578495001\空压机\ML250\国产</t>
  </si>
  <si>
    <t>【英格索兰】温度传感器\42852459\空压机\EP200-2\国产</t>
  </si>
  <si>
    <t>【沃德传动】齿轮\401514901-00\减速器\WH2SH190\国产</t>
  </si>
  <si>
    <t>【沃德传动】轴承杯\CR400211110101\减速器\WB3SH240\国产</t>
  </si>
  <si>
    <t>【英格索兰】程序控制器\99276602\空压机\EP200-2\国产</t>
  </si>
  <si>
    <t>【沃德传动】齿轮\401511101-00\减速器\WH3SH290\国产</t>
  </si>
  <si>
    <t>【沃德传动】轴承杯\CR400311110103\减速器\WB3SH240\国产</t>
  </si>
  <si>
    <t>【沃德传动】齿轴\251610001-00\减速器\WH3SH150\国产</t>
  </si>
  <si>
    <t>【英格索兰】电机润滑脂\38034914\空压机\M75\国产</t>
  </si>
  <si>
    <t>【沃德传动】通气帽\TQ0101080\减速器\WK167\国产</t>
  </si>
  <si>
    <t>【沃德传动】齿轴\251527801-00\减速器\WH2SH190\国产</t>
  </si>
  <si>
    <t>【英格索兰】温控阀元件\99275075\空压机\EP200-2\国产</t>
  </si>
  <si>
    <t>【沃德传动】通气帽\TQ0101240\减速器\WH3SH270\国产</t>
  </si>
  <si>
    <t>【沃德传动】齿轴\251518401-02\减速器\WH3SH240\国产</t>
  </si>
  <si>
    <t>【沃德传动】通气帽\TQ0101160\减速器\WB3SH280\国产</t>
  </si>
  <si>
    <t>【沃德传动】板\SD413110401\减速器\WH2SH310\国产</t>
  </si>
  <si>
    <t>【沃德传动】齿轴\251514401-00\减速器\WH2SH240\国产</t>
  </si>
  <si>
    <t>【沃德传动】调整垫片\SD519110302\减速器\WB3SH310\国产</t>
  </si>
  <si>
    <t>【英格索兰】直角接头\95919114\空压机\M300\国产</t>
  </si>
  <si>
    <t>【沃德传动】齿轴\251533501-01\减速器\WH3SH170\国产</t>
  </si>
  <si>
    <t>【沃德传动】伞齿轮\SD300011050101\减速器\WB3SH320\国产</t>
  </si>
  <si>
    <t>【英格索兰】软管\85561025\空压机\M75\国产</t>
  </si>
  <si>
    <t>【沃德传动】齿轴\251511101-01\减速器\WH3SH290\国产</t>
  </si>
  <si>
    <t>【沃德传动】骨架油封\YF310270001611\减速器\WB3SH240\国产</t>
  </si>
  <si>
    <t>【英格索兰】O型密封圈\95022125\螺杆式空压机\ML250\进口</t>
  </si>
  <si>
    <t>【沃德传动】齿轴\251430301-01\减速器\WB3SH190\国产</t>
  </si>
  <si>
    <t>【英格索兰】O型圈\95022349\空气压缩机\MM250\国产</t>
  </si>
  <si>
    <t>【沃德传动】齿轴\251428301-00\减速器\WH3SH140\国产</t>
  </si>
  <si>
    <t>【沃德传动】齿轴\251427301-00\减速器\WH3SH310\国产</t>
  </si>
  <si>
    <t>【英格索兰】直角接头\93474179\空气压缩机\MM250\国产</t>
  </si>
  <si>
    <t>【沃德传动】伞齿轴\150190010\减速器\WB3SH200\国产</t>
  </si>
  <si>
    <t>【英格索兰】直角接头\95985933\压缩机\ML250SG\国产</t>
  </si>
  <si>
    <t>【沃德传动】风扇罩\791716901-00\减速器\WH3SH200\国产</t>
  </si>
  <si>
    <t>【沃德传动】伞齿轴\CR20120301\减速器\WB3SH280\国产</t>
  </si>
  <si>
    <t>【英格索兰】O型密封圈\95023107\螺杆式空气压缩机\MJ75\国产</t>
  </si>
  <si>
    <t>【沃德传动】风扇罩\791702801-00\减速器\WB3SH180\国产</t>
  </si>
  <si>
    <t>【沃德传动】伞齿轴\CR200012030103\减速器\WB3SH200\国产</t>
  </si>
  <si>
    <t>【沃德传动】O型密封圈\0Q305D005D00\减速器\WB3SH320\国产</t>
  </si>
  <si>
    <t>【沃德传动】伞齿轴\CR200016020400\减速器\WB3SH240\国产</t>
  </si>
  <si>
    <t>【沃德传动】O型密封圈\0Q545D005D70\减速器\WB3SH320\国产</t>
  </si>
  <si>
    <t>【英格索兰】二级喷油接头\39207113\空压机\MM350-2S\国产</t>
  </si>
  <si>
    <t>【沃德传动】伞齿轴\SD200013090101\减速器\WB3SH320\国产</t>
  </si>
  <si>
    <t>【沃德传动】O型密封圈\0Q830D005D70\减速器\WB3SH320\国产</t>
  </si>
  <si>
    <t>【沃德传动】伞齿轴\SD200014100200\减速器\WB3SH310\国产</t>
  </si>
  <si>
    <t>【英格索兰】密封垫\92760842\螺杆空压机\VPEX220-8W\国产</t>
  </si>
  <si>
    <t>【沃德传动】浮动油封\FYF0059612\减速器\WB3SH320\国产</t>
  </si>
  <si>
    <t>【英格索兰】软管\85558880\螺杆式空压机\MM55\进口</t>
  </si>
  <si>
    <t>【沃德传动】伞齿轴\SD200015070100\减速器\WB3SH250\国产</t>
  </si>
  <si>
    <t>【英格索兰】连轴器组件\39332762\空压机\SM250\国产</t>
  </si>
  <si>
    <t>【沃德传动】O型密封圈\0Q172D0003D0\减速器\WB3SH320\国产</t>
  </si>
  <si>
    <t>【沃德传动】骨架油封\YF280320002052\减速器\WH2SH260\国产</t>
  </si>
  <si>
    <t>【英格索兰】初分离芯\39333372\空压机\SM250\国产</t>
  </si>
  <si>
    <t>【沃德传动】O型密封圈\OR003706D001\减速器\WB3SH310\国产</t>
  </si>
  <si>
    <t>【沃德传动】伞齿轴\SD200017110200\减速器\WB3SH320\国产</t>
  </si>
  <si>
    <t>【英格索兰】弯头\39412036\空压机\SM250\国产</t>
  </si>
  <si>
    <t>【沃德传动】接头\KJT30214060\减速器\WB3SH200\国产</t>
  </si>
  <si>
    <t>【英格索兰】后冷却器\23103286\空压机\SM250\国产</t>
  </si>
  <si>
    <t>【沃德传动】O型密封圈\OQ275D05D00\减速器\WB3SH200\国产</t>
  </si>
  <si>
    <t>【沃德传动】接头\ZJT12411240\减速器\WB3SH200\国产</t>
  </si>
  <si>
    <t>【沃德传动】接头\HJT12413240\减速器\WB3SH200\国产</t>
  </si>
  <si>
    <t>【沃德传动】O型密封圈\OQ228D04D00\减速器\WB3SH200\国产</t>
  </si>
  <si>
    <t>【英格索兰】垫片\39491741\空压机\SM250\国产</t>
  </si>
  <si>
    <t>【沃德传动】接头\KJT20214060\减速器\WB3SH200\国产</t>
  </si>
  <si>
    <t>【沃德传动】O型密封圈\OQ1964D02\减速器\WB3SH280\国产</t>
  </si>
  <si>
    <t>【英格索兰】接管\35120260\空压机\SM250\国产</t>
  </si>
  <si>
    <t>【沃德传动】接头\KJT11214220\减速器\WB3SH310\国产</t>
  </si>
  <si>
    <t>【沃德传动】杯套\CR43120301\减速器\WB3SH200\国产</t>
  </si>
  <si>
    <t>【英格索兰】管总成\22265532\空压机\M37PE\国产</t>
  </si>
  <si>
    <t>【沃德传动】杯套\SL43120301\减速器\WB3SH280\国产</t>
  </si>
  <si>
    <t>【英格索兰】电机润滑脂\92844729\螺杆式空压机\MH250\国产</t>
  </si>
  <si>
    <t>【英格索兰】弯头\39590724\空压机\SM250\国产</t>
  </si>
  <si>
    <t>【英格索兰】电缆总成\22232771\空压机\M37PE\国产</t>
  </si>
  <si>
    <t>【英格索兰】辅助接触器\22265946\空压机\M37PE\国产</t>
  </si>
  <si>
    <t>【沃德传动】杯套\SL59120301\减速器\WB3SH280\国产</t>
  </si>
  <si>
    <t>【英格索兰】减震垫\22381024\空压机\M37PE\国产</t>
  </si>
  <si>
    <t>【沃德传动】骨架油封\YF130150001212\减速器\WB3SH270\国产</t>
  </si>
  <si>
    <t>【沃德传动】齿轮\301800801-00\减速器\WH3SH230\国产</t>
  </si>
  <si>
    <t>【沃德传动】骨架油封\YF130160001212\减速器\WH3SH170\国产</t>
  </si>
  <si>
    <t>【英格索兰】接头\39313598\空压机\SM250\国产</t>
  </si>
  <si>
    <t>【沃德传动】齿轮\301719501-00\减速器\WH3SH210\国产</t>
  </si>
  <si>
    <t>【沃德传动】骨架油封\YF140180001232\减速器\WH2SH310\国产</t>
  </si>
  <si>
    <t>【沃德传动】齿轮\301716901-00\减速器\WH3SH200\国产</t>
  </si>
  <si>
    <t>【沃德传动】骨架油封\YF145190001732\减速器\WB3SH250\国产</t>
  </si>
  <si>
    <t>【沃德传动】齿轮\301610101-00\减速器\WH3SH190\国产</t>
  </si>
  <si>
    <t>【沃德传动】齿轮\301610001-00\减速器\WH3SH150\国产</t>
  </si>
  <si>
    <t>【沃德传动】齿轮\301533501-01\减速器\WH3SH170\国产</t>
  </si>
  <si>
    <t>【英格索兰】电动机\22406060\空压机\M37PE\国产</t>
  </si>
  <si>
    <t>【沃德传动】齿轮\301527801-00\减速器\WH2SH190\国产</t>
  </si>
  <si>
    <t>【沃德传动】齿轮\301514401-00\减速器\WH2SH240\国产</t>
  </si>
  <si>
    <t>【沃德传动】齿轮\301513901-00\减速器\WH3SH250\国产</t>
  </si>
  <si>
    <t>【沃德传动】齿轮\301511101-00\减速器\WH3SH290\国产</t>
  </si>
  <si>
    <t>【沃德传动】垫片\DQ1252410\减速器\WB3SH200\国产</t>
  </si>
  <si>
    <t>【沃德传动】垫片\CR58120301\减速器\WB3SH200\国产</t>
  </si>
  <si>
    <t>【沃德传动】垫片\CR57120301\减速器\WB3SH200\国产</t>
  </si>
  <si>
    <t>【沃德传动】垫片\CR55120301\减速器\WB3SH200\国产</t>
  </si>
  <si>
    <t>【沃德传动】骨架油封\YF150180001511\减速器\WB3SH200\国产</t>
  </si>
  <si>
    <t>【沃德传动】垫片\CR52120301\减速器\WB3SH200\国产</t>
  </si>
  <si>
    <t>【沃德传动】顶块\SD55110401\减速器\WH2SH310\国产</t>
  </si>
  <si>
    <t>【沃德传动】定距环\SD518110301\减速器\WB3SH310\国产</t>
  </si>
  <si>
    <t>【沃德传动】顶块\SD511110301\减速器\WB3SH310\国产</t>
  </si>
  <si>
    <t>【沃德传动】高速齿轮\WD150011200\减速器\WK167\国产</t>
  </si>
  <si>
    <t>【沃德传动】高速轴端盖\SD41110301\减速器\WB3SH310\国产</t>
  </si>
  <si>
    <t>【沃德传动】高速轴端盖\CR41120301\减速器\WB3SH200\国产</t>
  </si>
  <si>
    <t>【沃德传动】骨架油封\YF380420002052\减速器\WH3SH310\国产</t>
  </si>
  <si>
    <t>【沃德传动】骨架油封\YF320360002032\减速器\WH3SH290\国产</t>
  </si>
  <si>
    <t>【沃德传动】定距环\SD51110301\减速器\WB3SH310\国产</t>
  </si>
  <si>
    <t>【英格索兰】O型圈\95988002\空压机\M300\国产</t>
  </si>
  <si>
    <t>【沃德传动】定距环\SD54110401\减速器\WH2SH310\国产</t>
  </si>
  <si>
    <t>【英格索兰】垫片\39330303\空压机\SM250\国产</t>
  </si>
  <si>
    <t>【沃德传动】定距环\SD51110401\减速器\WH2SH310\国产</t>
  </si>
  <si>
    <t>【沃德传动】花键套\SD38120303 00\减速器\WH2SH320\国产</t>
  </si>
  <si>
    <t>【英格索兰】垫片\39330253\空压机\SM250\国产</t>
  </si>
  <si>
    <t>【沃德传动】太阳轴\SD200311080101\减速器\WB3SH250\国产</t>
  </si>
  <si>
    <t>【沃德传动】太阳轴\SD200313050701\减速器\WB3SH310\国产</t>
  </si>
  <si>
    <t>【沃德传动】卡簧\KH47117004D0\减速器\WB3SH320\国产</t>
  </si>
  <si>
    <t>【英格索兰】密封垫\15472525\空压机\M250-2S\国产</t>
  </si>
  <si>
    <t>【沃德传动】卡簧\KH47134006D0\减速器\WB3SH320\国产</t>
  </si>
  <si>
    <t>【英格索兰】密封垫\15472517\空压机\M250-2S\国产</t>
  </si>
  <si>
    <t>【沃德传动】太阳轴\SD200317110300\减速器\WH2SH320\国产</t>
  </si>
  <si>
    <t>【沃德传动】卡簧\KH47222505D0\减速器\WB3SH320\国产</t>
  </si>
  <si>
    <t>【英格索兰】接头\39311329\空压机\SM250\国产</t>
  </si>
  <si>
    <t>【沃德传动】卡簧\KH47236006D0\减速器\WB3SH320\国产</t>
  </si>
  <si>
    <t>【英格索兰】弯头\39172952\空压机\SM250\国产</t>
  </si>
  <si>
    <t>【英格索兰】截止阀\95067203\空压机\M132\国产</t>
  </si>
  <si>
    <t>【沃德传动】太阳轴\SD201317110300\减速器\WH2SH320\国产</t>
  </si>
  <si>
    <t>【沃德传动】定距环\SD53120301 00\减速器\WB3SH320\国产</t>
  </si>
  <si>
    <t>【英格索兰】管总成\22269161\空压机\M250-2S\国产</t>
  </si>
  <si>
    <t>【沃德传动】油镜尺\SD700011110200\减速器\WB3SH290\国产</t>
  </si>
  <si>
    <t>【沃德传动】保护罩\SD524120301 00\减速器\WB3SH320\国产</t>
  </si>
  <si>
    <t>【沃德传动】油镜\YJ0100008\减速器\WB3SH280\国产</t>
  </si>
  <si>
    <t>【沃德传动】定距环\SD510120301 00\减速器\WB3SH320\国产</t>
  </si>
  <si>
    <t>【英格索兰】弯头\92253905\空压机\M300\国产</t>
  </si>
  <si>
    <t>【沃德传动】氮化套\CR501012030100\减速器\WB3SH200\国产</t>
  </si>
  <si>
    <t>【沃德传动】齿轮\501307501\减速器\WH2SH270\国产</t>
  </si>
  <si>
    <t>【沃德传动】齿轮\501209901\减速器\WB3SH140\国产</t>
  </si>
  <si>
    <t>【沃德传动】氮化套\CR500012030101\减速器\WB3SH200\国产</t>
  </si>
  <si>
    <t>【沃德传动】骨架油封\YF035052000632\减速器\WH3SH140\国产</t>
  </si>
  <si>
    <t>【沃德传动】齿轮\500744901-01\减速器\WB3SH180\国产</t>
  </si>
  <si>
    <t>【英格索兰】阀门\39182548\空压机\SM250\进口</t>
  </si>
  <si>
    <t>【沃德传动】骨架油封\YF045062000712\减速器\WB3SH160\国产</t>
  </si>
  <si>
    <t>【沃德传动】齿轮\500718901-00\减速器\WH2SH180\国产</t>
  </si>
  <si>
    <t>【沃德传动】弓形板\701412701-00\减速器\WH3SH180\国产</t>
  </si>
  <si>
    <t>【沃德传动】齿轮\500717701-00\减速器\WB3SH170\国产</t>
  </si>
  <si>
    <t>【沃德传动】套筒\701511102-02\减速器\WH3SH290\国产</t>
  </si>
  <si>
    <t>【沃德传动】齿轴\451428501-00\减速器\WH2SH170\国产</t>
  </si>
  <si>
    <t>【沃德传动】轴衬\70P112202-00\减速器\WH3SH160\国产</t>
  </si>
  <si>
    <t>【沃德传动】齿轴\451428301-00\减速器\WH3SH140\国产</t>
  </si>
  <si>
    <t>【沃德传动】弓形板\721409201-00\减速器\WH2SH240\国产</t>
  </si>
  <si>
    <t>【沃德传动】齿轴\451424601-00\减速器\WH2SH300\国产</t>
  </si>
  <si>
    <t>【英格索兰】最小压力阀保养包\99289878\空压机\M55\国产</t>
  </si>
  <si>
    <t>【沃德传动】弓形板\721421801-00\减速器\WH2SH170\国产</t>
  </si>
  <si>
    <t>【沃德传动】齿轴\451421601-00\减速器\WH3SH160\国产</t>
  </si>
  <si>
    <t>【英格索兰】最小压力阀保养包\99289886\空压机\M75\国产</t>
  </si>
  <si>
    <t>【沃德传动】调整垫\760717001-00\减速器\WB3SH170\国产</t>
  </si>
  <si>
    <t>【沃德传动】齿轴\451420201-00\减速器\WH3SH180\国产</t>
  </si>
  <si>
    <t>【英格索兰】温控阀保养包\24107948\空压机\R37IE\国产</t>
  </si>
  <si>
    <t>【沃德传动】齿轴\451419201-00\减速器\WB3SH220\国产</t>
  </si>
  <si>
    <t>【沃德传动】调整垫\761309801-00\减速器\WB3SH250\国产</t>
  </si>
  <si>
    <t>【沃德传动】齿轴\451418301-01\减速器\WB3SH210\国产</t>
  </si>
  <si>
    <t>【英格索兰】温控阀保养包\47588682001\空压机\M75\国产</t>
  </si>
  <si>
    <t>【沃德传动】风扇\780703701-00\减速器\WB3SH210\国产</t>
  </si>
  <si>
    <t>【沃德传动】油封盖\480903005-01\减速器\WB3SH150\国产</t>
  </si>
  <si>
    <t>【沃德传动】风扇\781311201-00\减速器\WH3SH180\国产</t>
  </si>
  <si>
    <t>【沃德传动】端盖\4809030030\减速器\WB3SH150\国产</t>
  </si>
  <si>
    <t>【英格索兰】加载阀保养包\23467244\空压机\R90I\国产</t>
  </si>
  <si>
    <t>【沃德传动】风扇\781429601-00\减速器\WB3SH230\国产</t>
  </si>
  <si>
    <t>【沃德传动】端盖\4809030020\减速器\WB3SH150\国产</t>
  </si>
  <si>
    <t>【英格索兰】密封件保养包\47545143001\空压机\M185\国产</t>
  </si>
  <si>
    <t>【沃德传动】定距环\601308511-00\减速器\WH2SH300\国产</t>
  </si>
  <si>
    <t>【沃德传动】端盖\4809027060\减速器\WH2SH180\国产</t>
  </si>
  <si>
    <t>【沃德传动】定距环\601308513-00\减速器\WH2SH300\国产</t>
  </si>
  <si>
    <t>【沃德传动】定距环\601308514-00\减速器\WH2SH300\国产</t>
  </si>
  <si>
    <t>【英格索兰】超级冷却剂\92692284\空压机\MM350-2S\国产</t>
  </si>
  <si>
    <t>【沃德传动】定距环\601308515-00\减速器\WH2SH300\国产</t>
  </si>
  <si>
    <t>【英格索兰】温度开关接头\92537927\螺杆式空气压缩机\MM350-SS\进口</t>
  </si>
  <si>
    <t>【沃德传动】定距环\601308516-00\减速器\WH2SH300\国产</t>
  </si>
  <si>
    <t>【沃德传动】端盖\4809027030\减速器\WB3SH170\国产</t>
  </si>
  <si>
    <t>【沃德传动】轴端挡板\601308517-00\减速器\WH2SH300\国产</t>
  </si>
  <si>
    <t>【英格索兰】管总成\92528165\螺杆空气压缩机\M200-SE-LV\国产</t>
  </si>
  <si>
    <t>【沃德传动】端盖\4809027020\减速器\WB3SH170\国产</t>
  </si>
  <si>
    <t>【沃德传动】定距环\601308521-00\减速器\WH2SH300\国产</t>
  </si>
  <si>
    <t>【沃德传动】定距环\601308532-00\减速器\WH2SH300\国产</t>
  </si>
  <si>
    <t>【英格索兰】交流接触器\99273328\空压机\EP200-2\国产</t>
  </si>
  <si>
    <t>【沃德传动】调整垫\601309601-01\减速器\WB3SH240\国产</t>
  </si>
  <si>
    <t>【英格索兰】进气阀保养包\47553881001\空压机\R160\国产</t>
  </si>
  <si>
    <t>【沃德传动】端盖\4809030060\减速器\WB3SH150\国产</t>
  </si>
  <si>
    <t>【沃德传动】端盖\4809027010\减速器\WB3SH170\国产</t>
  </si>
  <si>
    <t>【沃德传动】端盖\4811053010\减速器\WH2SH180\国产</t>
  </si>
  <si>
    <t>【英格索兰】进气阀总成\42548677\空压机\MM350-2S/10kV\国产</t>
  </si>
  <si>
    <t>【沃德传动】端盖\480901102-00\减速器\WB3SH190\国产</t>
  </si>
  <si>
    <t>【沃德传动】端盖\4811057060\减速器\WB3SH170\国产</t>
  </si>
  <si>
    <t>【沃德传动】齿轴\451800801-00\减速器\WH3SH230\国产</t>
  </si>
  <si>
    <t>【英格索兰】齿轮箱保养包\47545142001\空压机\M250VSD\国产</t>
  </si>
  <si>
    <t>【沃德传动】输出轴\451719201-00\减速器\WH3SH210\国产</t>
  </si>
  <si>
    <t>【沃德传动】轴承座\481416201-00\减速器\WB3SH150\国产</t>
  </si>
  <si>
    <t>【英格索兰】排气电磁阀修理组件\42535922\螺杆空压机\MM350-SS\进口</t>
  </si>
  <si>
    <t>【沃德传动】油封盖\481416202-01\减速器\WB3SH150\国产</t>
  </si>
  <si>
    <t>【英格索兰】水垢清洗剂\42843748\空气压缩机\MM250\国产</t>
  </si>
  <si>
    <t>【沃德传动】闷连盖\481416203-00\减速器\WB3SH150\国产</t>
  </si>
  <si>
    <t>【沃德传动】定距环\601307506\减速器\WH2SH270\国产</t>
  </si>
  <si>
    <t>【英格索兰】进气阀保养包\24752271\空压机\R90I\国产</t>
  </si>
  <si>
    <t>【沃德传动】定距环\601307505\减速器\WH2SH270\国产</t>
  </si>
  <si>
    <t>【英格索兰】最小压力阀保养包\24176992\空压机\R37IE\国产</t>
  </si>
  <si>
    <t>【沃德传动】定距环\601307504\减速器\WH2SH270\国产</t>
  </si>
  <si>
    <t>【沃德传动】定距环\601307503\减速器\WH2SH270\国产</t>
  </si>
  <si>
    <t>【沃德传动】端盖\481416206-00\减速器\WB3SH150\国产</t>
  </si>
  <si>
    <t>【沃德传动】定距环\601307502\减速器\WH2SH270\国产</t>
  </si>
  <si>
    <t>【沃德传动】端盖\4911055010\减速器\WB3SH150\国产</t>
  </si>
  <si>
    <t>【英格索兰】齿轮箱保养包\47553883001\空压机\R160\国产</t>
  </si>
  <si>
    <t>【沃德传动】视孔盖\4911057010\减速器\WB3SH170\国产</t>
  </si>
  <si>
    <t>【沃德传动】风扇罩\791527802-00\减速器\WH2SH190\国产</t>
  </si>
  <si>
    <t>【沃德传动】风扇罩\791527801-00\减速器\WH2SH190\国产</t>
  </si>
  <si>
    <t>【沃德传动】视孔盖\4911059010\减速器\WH2SH180\国产</t>
  </si>
  <si>
    <t>【沃德传动】风扇罩\791518001-00\减速器\WB3SH150\国产</t>
  </si>
  <si>
    <t>【沃德传动】压力润滑电动机+油泵总成\WD000365\减速器\WH3SH270\国产</t>
  </si>
  <si>
    <t>【英格索兰】断油阀膜片\42836460\螺杆式空压机\EP200\国产</t>
  </si>
  <si>
    <t>【沃德传动】风扇罩\791514401-00\减速器\WH2SH240\国产</t>
  </si>
  <si>
    <t>【沃德传动】齿轴\351309801-00\减速器\WB3SH250\国产</t>
  </si>
  <si>
    <t>【英格索兰】温度传感器\39921713\无油螺杆空压机\SM250\进口</t>
  </si>
  <si>
    <t>【沃德传动】齿轴\351421601-00\减速器\WH3SH160\国产</t>
  </si>
  <si>
    <t>【沃德传动】风扇罩\791510601-00\减速器\WH3SH240\国产</t>
  </si>
  <si>
    <t>【沃德传动】齿轴\351429601-00\减速器\WB3SH230\国产</t>
  </si>
  <si>
    <t>【沃德传动】风扇罩\791440301-01\减速器\WB3SH160\国产</t>
  </si>
  <si>
    <t>【英格索兰】减振垫\39912720\压缩机\ML250SG\国产</t>
  </si>
  <si>
    <t>【沃德传动】齿轴\351502401-00\减速器\WB3SH290\国产</t>
  </si>
  <si>
    <t>【沃德传动】风扇罩\791430301-00\减速器\WB3SH190\国产</t>
  </si>
  <si>
    <t>【沃德传动】齿轴\351718301-00\减速器\WB3SH240\国产</t>
  </si>
  <si>
    <t>【沃德传动】齿轴\351719201-00\减速器\WH3SH210\国产</t>
  </si>
  <si>
    <t>【沃德传动】风扇罩\791428803-00\减速器\WH3SH210\国产</t>
  </si>
  <si>
    <t>【英格索兰】冷却剂\38459582\空气压缩机\进口</t>
  </si>
  <si>
    <t>【沃德传动】齿轮\401410801-00\减速器\WB3SH250\国产</t>
  </si>
  <si>
    <t>【沃德传动】内密封座\SD47110802\减速器\WB3SH310\国产</t>
  </si>
  <si>
    <t>【沃德传动】齿轮\401419201-00\减速器\WB3SH220\国产</t>
  </si>
  <si>
    <t>【英格索兰】电子排污阀\37995917\螺杆式空压机\GA132\进口</t>
  </si>
  <si>
    <t>【沃德传动】齿轮\501718301-00\减速器\WB3SH240\国产</t>
  </si>
  <si>
    <t>【沃德传动】内密封座\SD47110301\减速器\WH2SH310\国产</t>
  </si>
  <si>
    <t>【英格索兰】主动齿轮压板\39101597\空压机\MM350-2S\国产</t>
  </si>
  <si>
    <t>【沃德传动】输出轴\550744901-01\减速器\WB3SH180\国产</t>
  </si>
  <si>
    <t>【沃德传动】一级行星架加工件\SD15110401\减速器\WH2SH310\国产</t>
  </si>
  <si>
    <t>【英格索兰】自动疏水器\37995891\空气压缩机\M300-SS-HV\进口</t>
  </si>
  <si>
    <t>【沃德传动】定距环\SL58120301\减速器\WB3SH280\国产</t>
  </si>
  <si>
    <t>【沃德传动】黄油嘴\HY11102000\减速器\WB3SH200\国产</t>
  </si>
  <si>
    <t>【沃德传动】垫片\DQ1253021\减速器\WB3SH200\国产</t>
  </si>
  <si>
    <t>【英格索兰】齿轮箱保养包\47588685001\空压机\M75\国产</t>
  </si>
  <si>
    <t>【沃德传动】黄油嘴\HY12202000\减速器\WB3SH280\国产</t>
  </si>
  <si>
    <t>【沃德传动】键\CR81120301\减速器\WB3SH200\国产</t>
  </si>
  <si>
    <t>【沃德传动】定距环\SL55120301\减速器\WB3SH280\国产</t>
  </si>
  <si>
    <t>【沃德传动】键\CR82120301\减速器\WB3SH200\国产</t>
  </si>
  <si>
    <t>【沃德传动】定距环\SL5G120301\减速器\WB3SH280\国产</t>
  </si>
  <si>
    <t>【沃德传动】键\CR80120301\减速器\WB3SH280\国产</t>
  </si>
  <si>
    <t>【沃德传动】定距环\SL54120301\减速器\WB3SH280\国产</t>
  </si>
  <si>
    <t>【沃德传动】键\SL81120301\减速器\WB3SH280\国产</t>
  </si>
  <si>
    <t>【英格索兰】管总成\39917315\空压机\SM250\国产</t>
  </si>
  <si>
    <t>【沃德传动】定距环\SL53120301\减速器\WB3SH280\国产</t>
  </si>
  <si>
    <t>【沃德传动】键\SL82120301\减速器\WB3SH280\国产</t>
  </si>
  <si>
    <t>【沃德传动】氮化套\SD500015060300\减速器\WB3SH250\国产</t>
  </si>
  <si>
    <t>【英格索兰】软管\85563500\空压机\M250-2S\国产</t>
  </si>
  <si>
    <t>【沃德传动】伞齿轮\200210010-02\减速器\WB3SH210\国产</t>
  </si>
  <si>
    <t>【沃德传动】定距环\601421613-00\减速器\WH3SH160\国产</t>
  </si>
  <si>
    <t>【英格索兰】管总成\39914239\空压机\SM250\国产</t>
  </si>
  <si>
    <t>【沃德传动】伞齿轮\200170010-02\减速器\WB3SH180\国产</t>
  </si>
  <si>
    <t>【沃德传动】氮化套\601311210-00\减速器\WH3SH180\国产</t>
  </si>
  <si>
    <t>【沃德传动】伞齿轮\200170010-00\减速器\WB3SH170\国产</t>
  </si>
  <si>
    <t>【沃德传动】氮化套\601430301-00\减速器\WB3SH190\国产</t>
  </si>
  <si>
    <t>【沃德传动】挡油盘\601527803-00\减速器\WH2SH190\国产</t>
  </si>
  <si>
    <t>【沃德传动】伞齿轮\200150010-00\减速器\WB3SH150\国产</t>
  </si>
  <si>
    <t>【沃德传动】氮化套\601527806-00\减速器\WH2SH190\国产</t>
  </si>
  <si>
    <t>【英格索兰】联轴器\39914361\空压机\SM250\国产</t>
  </si>
  <si>
    <t>【沃德传动】伞齿轮\SD300017110200\减速器\WB3SH320\国产</t>
  </si>
  <si>
    <t>【沃德传动】氮化套\621200703-01\减速器\WH3SH230\国产</t>
  </si>
  <si>
    <t>【沃德传动】伞齿轮\SD300011030101\减速器\WB3SH310\国产</t>
  </si>
  <si>
    <t>【英格索兰】接头\92770403\空压机\M300\国产</t>
  </si>
  <si>
    <t>【沃德传动】氮化套\621308512-00\减速器\WH2SH300\国产</t>
  </si>
  <si>
    <t>【沃德传动】氮化套\621220402-00\减速器\WH2SH260\国产</t>
  </si>
  <si>
    <t>【英格索兰】断油电磁阀修理组件\39238639\螺杆空压机\MM350-SS\进口</t>
  </si>
  <si>
    <t>【沃德传动】氮化套\621308531-00\减速器\WH2SH300\国产</t>
  </si>
  <si>
    <t>【沃德传动】伞齿轮\SD300011110100\减速器\WB3SH250\国产</t>
  </si>
  <si>
    <t>【沃德传动】闷连盖\580745703-00\减速器\WB3SH190\国产</t>
  </si>
  <si>
    <t>【沃德传动】齿轴\451440301-00\减速器\WB3SH160\国产</t>
  </si>
  <si>
    <t>【英格索兰】安全阀\19036045\空压机\M250\国产</t>
  </si>
  <si>
    <t>【沃德传动】定距环\601307501\减速器\WH2SH270\国产</t>
  </si>
  <si>
    <t>【英格索兰】回油管总成\22191118\空压机\M37PE\国产</t>
  </si>
  <si>
    <t>【沃德传动】定距环\601220405-00\减速器\WH2SH260\国产</t>
  </si>
  <si>
    <t>【沃德传动】齿轴\451514401-00\减速器\WH2SH240\国产</t>
  </si>
  <si>
    <t>【英格索兰】进气阀保养包\47548442001\空压机\M160\国产</t>
  </si>
  <si>
    <t>【沃德传动】齿轴\451518201-00\减速器\WB3SH270\国产</t>
  </si>
  <si>
    <t>【英格索兰】温度开关\37952264\螺杆式空压机\MJ75\国产</t>
  </si>
  <si>
    <t>【沃德传动】定距环\601220403-00\减速器\WH2SH260\国产</t>
  </si>
  <si>
    <t>【沃德传动】齿轴\451610101-00\减速器\WH3SH190\国产</t>
  </si>
  <si>
    <t>【英格索兰】温度传感器\37952355\压缩机\ML250SG\国产</t>
  </si>
  <si>
    <t>【沃德传动】闷连盖\580717713-00\减速器\WH3SH170\国产</t>
  </si>
  <si>
    <t>【英格索兰】垫圈\95043162\空压机\M300\国产</t>
  </si>
  <si>
    <t>【沃德传动】齿圈\SD39110301\减速器\WB3SH310\国产</t>
  </si>
  <si>
    <t>【沃德传动】齿轮\501418301-01\减速器\WB3SH210\国产</t>
  </si>
  <si>
    <t>【英格索兰】回油管\99260440\空压机\M250-2S\国产</t>
  </si>
  <si>
    <t>【沃德传动】定距环\601220402-00\减速器\WH2SH260\国产</t>
  </si>
  <si>
    <t>【沃德传动】齿轮\501419201-00\减速器\WB3SH220\国产</t>
  </si>
  <si>
    <t>【沃德传动】端盖\591502411-00\减速器\WB3SH290\国产</t>
  </si>
  <si>
    <t>【沃德传动】齿轮\501420101-00\减速器\WH3SH190\国产</t>
  </si>
  <si>
    <t>【沃德传动】视孔盖\591502401-00\减速器\WB3SH290\国产</t>
  </si>
  <si>
    <t>【沃德传动】齿轮\501424601-00\减速器\WH2SH300\国产</t>
  </si>
  <si>
    <t>【英格索兰】止回阀\99246191\空压机\ML250-Ⅱ\国产</t>
  </si>
  <si>
    <t>【沃德传动】齿轮\501428301-00\减速器\WH3SH140\国产</t>
  </si>
  <si>
    <t>【沃德传动】油封盖\581429601-00\减速器\WB3SH230\国产</t>
  </si>
  <si>
    <t>【英格索兰】油泵\22526586\空压机\SM250\国产</t>
  </si>
  <si>
    <t>【沃德传动】齿轮\501428501-00\减速器\WH2SH170\国产</t>
  </si>
  <si>
    <t>【沃德传动】端盖\581428843-00\减速器\WH3SH210\国产</t>
  </si>
  <si>
    <t>【沃德传动】齿轮\501430301-00\减速器\WB3SH190\国产</t>
  </si>
  <si>
    <t>【沃德传动】油封盖\581428842-01\减速器\WH3SH210\国产</t>
  </si>
  <si>
    <t>【英格索兰】主电机\18984260\空压机\MM350-2S\国产</t>
  </si>
  <si>
    <t>【沃德传动】齿轮\501514401-00\减速器\WH2SH240\国产</t>
  </si>
  <si>
    <t>【英格索兰】门锁\92859560\空压机\M300\国产</t>
  </si>
  <si>
    <t>【沃德传动】迷宫盘\581428841-00\减速器\WH3SH210\国产</t>
  </si>
  <si>
    <t>【沃德传动】视孔盖\CR46120301\减速器\WB3SH200\国产</t>
  </si>
  <si>
    <t>【沃德传动】键\SD8112030100\减速器\WB3SH320\国产</t>
  </si>
  <si>
    <t>【沃德传动】端盖\581428831-01\减速器\WH3SH210\国产</t>
  </si>
  <si>
    <t>【英格索兰】风扇孔板\54725445\空压机\M300\国产</t>
  </si>
  <si>
    <t>【沃德传动】顶丝\LS9141602511\减速器\WB3SH320\国产</t>
  </si>
  <si>
    <t>【沃德传动】透连盖\581428813-00\减速器\WH3SH210\国产</t>
  </si>
  <si>
    <t>【英格索兰】油过滤器座\39590542\空压机\SM250\进口</t>
  </si>
  <si>
    <t>【沃德传动】数据线缆\DW4000\减速器\WB3SH320\国产</t>
  </si>
  <si>
    <t>【沃德传动】油封盖\581428802-01\减速器\WH3SH210\国产</t>
  </si>
  <si>
    <t>【沃德传动】迷宫盘\581428801-00\减速器\WH3SH210\国产</t>
  </si>
  <si>
    <t>【英格索兰】回油过滤器\39120563\螺杆式空压机\EP200\国产</t>
  </si>
  <si>
    <t>【沃德传动】螺纹保护帽\LBT012\减速器\WB3SH320\国产</t>
  </si>
  <si>
    <t>【英格索兰】齿轮箱保养包\47553882001\空压机\R160\国产</t>
  </si>
  <si>
    <t>【沃德传动】终端集成箱\TIB001\减速器\WB3SH320\国产</t>
  </si>
  <si>
    <t>【沃德传动】逆止器前盖\581428514-00\减速器\WH2SH170\国产</t>
  </si>
  <si>
    <t>【英格索兰】油分配器\39485255\空压机\SM250\国产</t>
  </si>
  <si>
    <t>【沃德传动】数据线缆\DW3000\减速器\WB3SH320\国产</t>
  </si>
  <si>
    <t>【沃德传动】透连盖\581428513-00\减速器\WH2SH170\国产</t>
  </si>
  <si>
    <t>【英格索兰】进气软管\22153647\空压机\M37PE\国产</t>
  </si>
  <si>
    <t>【沃德传动】耐磨套\CR5000160204 00\破碎机减速器\WB3SH240DBTL\国产</t>
  </si>
  <si>
    <t>【沃德传动】耐磨套\SD5000110801 00\转载机减速器\WB3SH250DBTM\国产</t>
  </si>
  <si>
    <t>【沃德传动】逆止器后盖\65P140912-00\减速器\WH2SH240\国产</t>
  </si>
  <si>
    <t>【沃德传动】浮动密封\FYF02430D022\转载机减速器\WB3SH250DBTM\国产</t>
  </si>
  <si>
    <t>【沃德传动】逆止器后盖\65P140909-00\减速器\WB3SH190\国产</t>
  </si>
  <si>
    <t>【英格索兰】注油管总成\22190557\空压机\M37PE\国产</t>
  </si>
  <si>
    <t>【英格索兰】温控阀阀芯\39217369\螺杆式空压机\MM350-SS\进口</t>
  </si>
  <si>
    <t>【沃德传动】氮化套\621307502\减速器\WH2SH270\国产</t>
  </si>
  <si>
    <t>【沃德传动】逆止器后盖\65P140907-00\减速器\WH2SH170\国产</t>
  </si>
  <si>
    <t>【英格索兰】定位销\35295336\螺杆式空压机\MM350-SS\进口</t>
  </si>
  <si>
    <t>【沃德传动】氮化套\621307503\减速器\WH2SH270\国产</t>
  </si>
  <si>
    <t>【英格索兰】阀门滤网\39171731\空压机\SM250\国产</t>
  </si>
  <si>
    <t>【沃德传动】太阳轴\SD200311040201\减速器\WH2SH310\国产</t>
  </si>
  <si>
    <t>【英格索兰】接头\39591565\空压机\SM250\国产</t>
  </si>
  <si>
    <t>【英格索兰】隔壁式接头\89308407\空压机\M300\国产</t>
  </si>
  <si>
    <t>【沃德传动】齿轮\401307501\减速器\WH2SH270\国产</t>
  </si>
  <si>
    <t>【英格索兰】网罩\89209746\空压机\M300\国产</t>
  </si>
  <si>
    <t>【沃德传动】油尺\YC1210001 L=285mm\减速器\WH3SH270\国产</t>
  </si>
  <si>
    <t>【沃德传动】太阳轴\SD200311030101\减速器\WB3SH310\国产</t>
  </si>
  <si>
    <t>【英格索兰】连接销\3.9194915E7\螺杆式空气压缩机\ML160-2S\国产</t>
  </si>
  <si>
    <t>【沃德传动】伞齿轴\WD150011000\减速器\WK167\国产</t>
  </si>
  <si>
    <t>【沃德传动】伞齿轴\SD200016020300\减速器\WB3SH250\国产</t>
  </si>
  <si>
    <t>【沃德传动】管卡\GQ0106\减速器\WH3SH270\国产</t>
  </si>
  <si>
    <t>【英格索兰】直角接头\39156435\螺杆式空压机\MJ75\国产</t>
  </si>
  <si>
    <t>【沃德传动】伞齿轮\SD300014040201\减速器\WB3SH310\国产</t>
  </si>
  <si>
    <t>【英格索兰】冷却器组件\22176978\空压机\M37PE\国产</t>
  </si>
  <si>
    <t>【沃德传动】油脂管\GG06101\减速器\WB3SH200\国产</t>
  </si>
  <si>
    <t>【沃德传动】伞齿轮\CR300012030100\减速器\WB3SH200\国产</t>
  </si>
  <si>
    <t>【沃德传动】伞齿轮\SD300013030301\减速器\WB3SH240\国产</t>
  </si>
  <si>
    <t>【英格索兰】电机\23879620\空压机\M132\国产</t>
  </si>
  <si>
    <t>【英格索兰】止逆阀\39113311/DN80\螺杆式空压机\EP200\国产</t>
  </si>
  <si>
    <t>【沃德传动】螺纹保护帽\LBT024\减速器\WB3SH280\国产</t>
  </si>
  <si>
    <t>【沃德传动】O型密封圈\00000004010860|228×4\顺槽转载机\2×700\国产化</t>
  </si>
  <si>
    <t>【沃德传动】弯头\61162511A|1/2 JIC×3/8NPT-WHC5405×8\可控启动传输装置CST\BLT1400-3.5/3×315</t>
  </si>
  <si>
    <t>【英格索兰】最小压力阀阀芯\42837955\空压机\EP200-2\国产</t>
  </si>
  <si>
    <t>【沃德传动】弯头\61163004A |SW.NUT 1/2JIC-WHC5506×8\可控启动传输装置CST\BLT1400-3.5/3×315</t>
  </si>
  <si>
    <t>【沃德传动】温度传感器\WH2SH270\平行轴形式减速机\WH2SH190\国产</t>
  </si>
  <si>
    <t>【英格索兰】交流接触器\99273336\空压机\EP200-2\国产</t>
  </si>
  <si>
    <t>【沃德传动】外六角螺栓\LS9333027501\减速器\WH2SH320\国产</t>
  </si>
  <si>
    <t>【沃德传动】外六角螺栓\LS9333005501\减速器\WH2SH320\国产</t>
  </si>
  <si>
    <t>【沃德传动】双头螺柱\LS9393013021\减速器\WH2SH320\国产</t>
  </si>
  <si>
    <t>【沃德传动】快换接头\KHJDN20000100\减速器\WB3SH200\国产</t>
  </si>
  <si>
    <t>【沃德传动】螺母\LM9343014\减速器\WH2SH320\国产</t>
  </si>
  <si>
    <t>【沃德传动】吊环螺钉\LS9332405013\减速器\WB3SH200\国产</t>
  </si>
  <si>
    <t>【沃德传动】内六角螺栓\LS9120802502\减速器\WH2SH320\国产</t>
  </si>
  <si>
    <t>【沃德传动】注油过滤器\CR98120301\减速器\WB3SH200\国产</t>
  </si>
  <si>
    <t>【英格索兰】冷却风扇\93479871\空气压缩机\ML250\国产</t>
  </si>
  <si>
    <t>【沃德传动】螺纹保护帽\LBTD24\减速器\WB3SH200\国产</t>
  </si>
  <si>
    <t>【沃德传动】内六角螺栓\LS9123627021\减速器\WH2SH320\国产</t>
  </si>
  <si>
    <t>【英格索兰】断油阀\93470235\螺杆空气压缩机\M200-SE-LV\国产</t>
  </si>
  <si>
    <t>【沃德传动】内六角螺栓\LS9120804502\减速器\WH2SH320\国产</t>
  </si>
  <si>
    <t>【英格索兰】放气阀\93198554\螺杆式螺杆空气压缩机\M200-SE-LV\国产</t>
  </si>
  <si>
    <t>【沃德传动】垫片\D01250800\减速器\WH2SH320\国产</t>
  </si>
  <si>
    <t>【沃德传动】堵\YD906240001\减速器\WB3SH200\国产</t>
  </si>
  <si>
    <t>【沃德传动】垫片\D01252010\减速器\WH2SH320\国产</t>
  </si>
  <si>
    <t>【沃德传动】垫片\D01251610\减速器\WH2SH320\国产</t>
  </si>
  <si>
    <t>【英格索兰】隔圈\39186002\空压机\MM350-2S\国产</t>
  </si>
  <si>
    <t>【沃德传动】堵\YD908160001\减速器\WB3SH200\国产</t>
  </si>
  <si>
    <t>【沃德传动】堵\YD908240001\减速器\WB3SH200\国产</t>
  </si>
  <si>
    <t>【沃德传动】顶块\SD500911030101\减速器\WB3SH320 WS\国产</t>
  </si>
  <si>
    <t>【英格索兰】三通快插接头\39181342\螺杆式空压机\MJ75\国产</t>
  </si>
  <si>
    <t>【沃德传动】外六角螺栓\LS9332004011\减速器\WB3SH200\国产</t>
  </si>
  <si>
    <t>【沃德传动】距离垫\SD500311050100\减速器\WB3SH320 WS\国产</t>
  </si>
  <si>
    <t>【英格索兰】快插接头\39156468\空气压缩机\ML75\国产</t>
  </si>
  <si>
    <t>【沃德传动】内六角螺栓\LS9123015011\减速器\WB3SH200\国产</t>
  </si>
  <si>
    <t>【沃德传动】堵\YD906020001\减速器\WB3SH320\国产</t>
  </si>
  <si>
    <t>【沃德传动】距离垫\SD500211050100\减速器\WB3SH320 WS\国产</t>
  </si>
  <si>
    <t>【英格索兰】直角接头\39156443\螺杆式空气压缩机\ML160-2S\国产</t>
  </si>
  <si>
    <t>【沃德传动】堵\YD906360001\减速器\WB3SH320\国产</t>
  </si>
  <si>
    <t>【沃德传动】距离垫\SD500111050100\减速器\WB3SH320 WS\国产</t>
  </si>
  <si>
    <t>【英格索兰】快插接头\39156393\空气压缩机\UP5-22-8\国产</t>
  </si>
  <si>
    <t>【沃德传动】螺纹保护帽\LBT020\减速器\WB3SH320\国产</t>
  </si>
  <si>
    <t>【沃德传动】螺纹保护帽\LBT006\减速器\WB3SH320\国产</t>
  </si>
  <si>
    <t>【英格索兰】三通快插接头\39156385\螺杆式空压机\MJ75\国产</t>
  </si>
  <si>
    <t>【沃德传动】磁力堵\YD906160002\减速器\WB3SH320\国产</t>
  </si>
  <si>
    <t>【沃德传动】堵\YD906420002\减速器\WB3SH320\国产</t>
  </si>
  <si>
    <t>【沃德传动】锁片\SM041502D0\减速器\WB3SH320 WS\国产</t>
  </si>
  <si>
    <t>【沃德传动】堵\YD9063000001\减速器\WB3SH320\国产</t>
  </si>
  <si>
    <t>【英格索兰】过渡接头\39183314\空压机\SM250\国产</t>
  </si>
  <si>
    <t>【沃德传动】通气帽\TQ0301160\减速器\WB3SH320\国产</t>
  </si>
  <si>
    <t>【沃德传动】内六角螺栓\LS9120801502\减速器\WB3SH320\国产</t>
  </si>
  <si>
    <t>【英格索兰】润滑油过滤器\39259650\空压机\SM250\进口</t>
  </si>
  <si>
    <t>【沃德传动】垫片\DQ1253020\减速器\WB3SH320\国产</t>
  </si>
  <si>
    <t>【沃德传动】定距环\601311133-00\减速器\WH3SH150\国产</t>
  </si>
  <si>
    <t>【沃德传动】锁母\SM021502D0\减速器\WB3SH320 WS\国产</t>
  </si>
  <si>
    <t>【英格索兰】油分离器\22269153\空压机\M250-2S\国产</t>
  </si>
  <si>
    <t>【沃德传动】氮化套\601311141-00\减速器\WH3SH150\国产</t>
  </si>
  <si>
    <t>【沃德传动】氮化套\SD500013031100\减速器\WB3SH320 WS\国产</t>
  </si>
  <si>
    <t>【沃德传动】定距环\601311142-00\减速器\WH3SH150\国产</t>
  </si>
  <si>
    <t>【沃德传动】定距环\601311143-00\减速器\WH3SH150\国产</t>
  </si>
  <si>
    <t>【沃德传动】顶丝\DS914061611\减速器\WB3SH320 WS\国产</t>
  </si>
  <si>
    <t>【沃德传动】定距环\601311201-00\减速器\WH3SH180\国产</t>
  </si>
  <si>
    <t>【英格索兰】主机头\42476127\螺杆空气压缩机\M200-SE-LV\国产</t>
  </si>
  <si>
    <t>【沃德传动】迷宫端盖\SD400013031100\减速器\WB3SH320 WS\国产</t>
  </si>
  <si>
    <t>【沃德传动】冷却器\WCPI\减速器\WB3SH320 WS\国产</t>
  </si>
  <si>
    <t>【英格索兰】二级主机\39330741\空压机\SM250\国产</t>
  </si>
  <si>
    <t>【沃德传动】轴\CR200111110100\减速器\WB3SH240\国产</t>
  </si>
  <si>
    <t>【英格索兰】一级主机\39330758\空压机\SM250\国产</t>
  </si>
  <si>
    <t>【沃德传动】齿轮轴\SD200113050500\减速器\WB3SH320WS\国产</t>
  </si>
  <si>
    <t>【英格索兰】齿轮箱\93170132\空压机\MM350-2S\国产</t>
  </si>
  <si>
    <t>【沃德传动】连接件\H320LJFJ\减速器\WH2SH320\国产</t>
  </si>
  <si>
    <t>【英格索兰】电机\47543319001\空压机\M300\国产</t>
  </si>
  <si>
    <t>【沃德传动】油镜\YJ0100016\减速器\WH39H270\国产</t>
  </si>
  <si>
    <t>【英格索兰】轴套\22187066\空压机\M37PE\国产</t>
  </si>
  <si>
    <t>【英格索兰】滤网\图号22227714 聚酯纤维编织\螺杆压缩机\MH37-PE\国产</t>
  </si>
  <si>
    <t>【沃德传动】放油阀组\ZQF0001320\减速器\WH39H270\国产</t>
  </si>
  <si>
    <t>【英格索兰】温度开关\37952421SD\煤矿用螺杆式移动空气压缩机\MLG20/12.5-160G\国产</t>
  </si>
  <si>
    <t>【英格索兰】电机\24859381\空压机\M250\国产</t>
  </si>
  <si>
    <t>【英格索兰】接头体\92895317\空压机\M300\国产</t>
  </si>
  <si>
    <t>【沃德传动】氮化套\621212642\减速器\WH39H270\国产</t>
  </si>
  <si>
    <t>【英格索兰】软管保养包\47553886001\空压机\R160\国产</t>
  </si>
  <si>
    <t>【英格索兰】气体弹簧\图号22192728\螺杆压缩机\MH37-PE\国产</t>
  </si>
  <si>
    <t>【沃德传动】一级行星架家铸件\SD16120302 00\减速器\WH2SH320\国产</t>
  </si>
  <si>
    <t>【英格索兰】软管保养包\47553890001\空压机\R160\国产</t>
  </si>
  <si>
    <t>【沃德传动】一级行星架铸件\SD16110401\减速器\WH2SH310\国产</t>
  </si>
  <si>
    <t>【沃德传动】一级行星轮\SD33120302 00\减速器\WH2SH320\国产</t>
  </si>
  <si>
    <t>【英格索兰】定位销\95034492\空压机\M300\国产</t>
  </si>
  <si>
    <t>【英格索兰】软管保养包\47553887001\空压机\R160\国产</t>
  </si>
  <si>
    <t>【沃德传动】挡油盘\601311208-00\减速器\WH3SH180\国产</t>
  </si>
  <si>
    <t>【沃德传动】一级太阳轴\SD23120302 00\减速器\WH2SH320\国产</t>
  </si>
  <si>
    <t>【沃德传动】挡油盘\601311209-00\减速器\WH3SH180\国产</t>
  </si>
  <si>
    <t>【英格索兰】油冷却器\19065481\螺杆式空压机\M132/M250/M350\进口</t>
  </si>
  <si>
    <t>【沃德传动】一级销轴\SD24120302 00\减速器\WH2SH320\国产</t>
  </si>
  <si>
    <t>【沃德传动】定距环\601311211-00\减速器\WH3SH180\国产</t>
  </si>
  <si>
    <t>【英格索兰】直角接头\95252789\空压机\M300\国产</t>
  </si>
  <si>
    <t>【沃德传动】定距环\601311212-00\减速器\WH3SH180\国产</t>
  </si>
  <si>
    <t>【沃德传动】齿轮\401502401-00\减速器\WB3SH290\国产</t>
  </si>
  <si>
    <t>【英格索兰】电磁阀\ATF23016\空压机\EP200-2\国产</t>
  </si>
  <si>
    <t>【沃德传动】定距环\601311213-00\减速器\WH3SH180\国产</t>
  </si>
  <si>
    <t>【沃德传动】齿轮\401429601-00\减速器\WB3SH230\国产</t>
  </si>
  <si>
    <t>【沃德传动】定距环\601440042-00\减速器\WH3SH250\国产</t>
  </si>
  <si>
    <t>【英格索兰】温控阀保养包\24509184\空压机\R37\国产</t>
  </si>
  <si>
    <t>【沃德传动】定距环\601440322-00\减速器\WB3SH160\国产</t>
  </si>
  <si>
    <t>【沃德传动】齿轮\401428301-00\减速器\WH3SH140\国产</t>
  </si>
  <si>
    <t>【沃德传动】定距环\601502412-00\减速器\WB3SH290\国产</t>
  </si>
  <si>
    <t>【英格索兰】压差指示器\19027788\空压机\M250\国产</t>
  </si>
  <si>
    <t>【英格索兰】最小压力阀保养包\24509200\空压机\R37\国产</t>
  </si>
  <si>
    <t>【沃德传动】齿轮\401427301-00\减速器\WH3SH310\国产</t>
  </si>
  <si>
    <t>【沃德传动】迷宫盘\581427141-00\减速器\WH3SH270\国产</t>
  </si>
  <si>
    <t>【英格索兰】进气阀保养包\24672115\空压机\R37\国产</t>
  </si>
  <si>
    <t>【沃德传动】输出轴端盖\581307502\减速器\WH2SH270\国产</t>
  </si>
  <si>
    <t>【沃德传动】油封盖\581427112-01\减速器\WH3SH270\国产</t>
  </si>
  <si>
    <t>【沃德传动】端盖\581307503\减速器\WH2SH270\国产</t>
  </si>
  <si>
    <t>【沃德传动】迷宫盘\581427111-00\减速器\WH3SH270\国产</t>
  </si>
  <si>
    <t>【沃德传动】输入轴油封端盖\581307504\减速器\WH2SH270\国产</t>
  </si>
  <si>
    <t>【英格索兰】控制块维修包\24553299\空压机\M160\国产</t>
  </si>
  <si>
    <t>【沃德传动】端盖\581421842-00\减速器\WH2SH170\国产</t>
  </si>
  <si>
    <t>【英格索兰】阀体维修包\24553307\空压机\M160\国产</t>
  </si>
  <si>
    <t>【沃德传动】输入轴端盖\581307505\减速器\WH2SH270\国产</t>
  </si>
  <si>
    <t>【沃德传动】油封盖\581421841-00\减速器\WH2SH170\国产</t>
  </si>
  <si>
    <t>【英格索兰】容调阀维修包\24553331\空压机\M160\国产</t>
  </si>
  <si>
    <t>【沃德传动】迷宫盘\581307506\减速器\WH2SH270\国产</t>
  </si>
  <si>
    <t>【沃德传动】端盖\581421643-00\减速器\WH3SH160\国产</t>
  </si>
  <si>
    <t>【沃德传动】迷宫盘\581220405-00\减速器\WH2SH260\国产</t>
  </si>
  <si>
    <t>【英格索兰】温控阀保养包\47552954001\空压机\R90I\国产</t>
  </si>
  <si>
    <t>【英格索兰】最小压力阀组件\37951761\螺杆空压机\MM350-SS\进口</t>
  </si>
  <si>
    <t>【沃德传动】迷宫盘\581220404-00\减速器\WH2SH260\国产</t>
  </si>
  <si>
    <t>【沃德传动】油封盖\581421642-00\减速器\WH3SH160\国产</t>
  </si>
  <si>
    <t>【英格索兰】进气阀保养包\47553880001\空压机\R90I\国产</t>
  </si>
  <si>
    <t>【沃德传动】迷宫盘\581421641-00\减速器\WH3SH160\国产</t>
  </si>
  <si>
    <t>【沃德传动】端盖\581309606-00\减速器\WB3SH240\国产</t>
  </si>
  <si>
    <t>【英格索兰】电缆总成\22837918\空压机\M250/300\国产</t>
  </si>
  <si>
    <t>【沃德传动】端盖\581518221-01\减速器\WB3SH270\国产</t>
  </si>
  <si>
    <t>【英格索兰】温控阀保养包\47545136001\空压机\M160\国产</t>
  </si>
  <si>
    <t>【沃德传动】闷连盖\581421614-00\减速器\WH3SH160\国产</t>
  </si>
  <si>
    <t>【沃德传动】端盖\581518231-00\减速器\WB3SH270\国产</t>
  </si>
  <si>
    <t>【沃德传动】迷宫盘\581518241-00\减速器\WB3SH270\国产</t>
  </si>
  <si>
    <t>【沃德传动】透连盖\581421613-00\减速器\WH3SH160\国产</t>
  </si>
  <si>
    <t>【沃德传动】油封盖\581518242-00\减速器\WB3SH270\国产</t>
  </si>
  <si>
    <t>【英格索兰】软管\39816954\空压机\SM250\国产</t>
  </si>
  <si>
    <t>【沃德传动】定距环\621310941-00\减速器\WH3SH190\国产</t>
  </si>
  <si>
    <t>【英格索兰】白色指示灯\32342164\空压机\M37PE\国产</t>
  </si>
  <si>
    <t>【沃德传动】端盖\581518243-00\减速器\WB3SH270\国产</t>
  </si>
  <si>
    <t>【英格索兰】连接件\39912795\空压机\SM250\国产</t>
  </si>
  <si>
    <t>【沃德传动】油封盖\581518401-00\减速器\WH3SH240\国产</t>
  </si>
  <si>
    <t>【沃德传动】氮化套\621220401-00\减速器\WH2SH260\国产</t>
  </si>
  <si>
    <t>【沃德传动】端盖\581527342-00\减速器\WB3SH180\国产</t>
  </si>
  <si>
    <t>【沃德传动】透连盖\581527821-00\减速器\WH2SH190\国产</t>
  </si>
  <si>
    <t>【沃德传动】定距环\601806622-00\减速器\WB3SH150\国产</t>
  </si>
  <si>
    <t>【沃德传动】油封盖\581527822-00\减速器\WH2SH190\国产</t>
  </si>
  <si>
    <t>【沃德传动】定距环\601803431-00\减速器\WB3SH200\国产</t>
  </si>
  <si>
    <t>【英格索兰】电缆总成\22590897\空压机\M37PE\国产</t>
  </si>
  <si>
    <t>【沃德传动】定距环\601719518-00\减速器\WH3SH210\国产</t>
  </si>
  <si>
    <t>【沃德传动】定距环\600705805-00\减速器\WB3SH210\国产</t>
  </si>
  <si>
    <t>【沃德传动】定距环\600705806-00\减速器\WB3SH210\国产</t>
  </si>
  <si>
    <t>【沃德传动】定距环\601719516-00\减速器\WH3SH210\国产</t>
  </si>
  <si>
    <t>【英格索兰】后冷却器\39924055\螺杆空气压缩机\MM160\国产</t>
  </si>
  <si>
    <t>【沃德传动】轴衬\600707701-00\减速器\WH2SH240\国产</t>
  </si>
  <si>
    <t>【沃德传动】定距环\601719515-00\减速器\WH3SH210\国产</t>
  </si>
  <si>
    <t>【英格索兰】温控阀壳体\24546558\空压机\M37PE\国产</t>
  </si>
  <si>
    <t>【沃德传动】轴衬\600717011-00\减速器\WH3SH180\国产</t>
  </si>
  <si>
    <t>【沃德传动】定距环\601719204-00\减速器\WH3SH210\国产</t>
  </si>
  <si>
    <t>【英格索兰】油冷却器\39924048\螺杆式空气压缩机\ML160-2S\国产</t>
  </si>
  <si>
    <t>【英格索兰】主机\23039167\空压机\M37PE\国产</t>
  </si>
  <si>
    <t>【英格索兰】温控阀芯\37952389\螺杆式空压机\LU110W-8\国产</t>
  </si>
  <si>
    <t>【英格索兰】风扇电机\22179279\空压机\M37PE\国产</t>
  </si>
  <si>
    <t>【英格索兰】回油管总成\22191100\空压机\M37PE\国产</t>
  </si>
  <si>
    <t>【英格索兰】保养包\19004803\空压机\M250\国产</t>
  </si>
  <si>
    <t>【英格索兰】冷却器\39917919\空压机\SM250\国产</t>
  </si>
  <si>
    <t>【沃德传动】定距环\601716942-00\减速器\WH3SH200\国产</t>
  </si>
  <si>
    <t>【沃德传动】定距环\601716941-00\减速器\WH3SH200\国产</t>
  </si>
  <si>
    <t>【沃德传动】定距环\600717707-01\减速器\WH2SH180\国产</t>
  </si>
  <si>
    <t>【沃德传动】定距环\600717708-00\减速器\WH2SH180\国产</t>
  </si>
  <si>
    <t>【沃德传动】定距环\601431942-00\减速器\WB3SH160\国产</t>
  </si>
  <si>
    <t>【沃德传动】挡油盘\600717713-00\减速器\WH3SH170\国产</t>
  </si>
  <si>
    <t>【沃德传动】氮化套\601431941-01\减速器\WB3SH160\国产</t>
  </si>
  <si>
    <t>【沃德传动】定距环\600717714-00\减速器\WH3SH170\国产</t>
  </si>
  <si>
    <t>【沃德传动】定距环\601431932-00\减速器\WB3SH160\国产</t>
  </si>
  <si>
    <t>【沃德传动】定距环\600717721-00\减速器\WH3SH170\国产</t>
  </si>
  <si>
    <t>【沃德传动】定距环\600717722-00\减速器\WH3SH170\国产</t>
  </si>
  <si>
    <t>【沃德传动】端盖\581209901\减速器\WB3SH140\国产</t>
  </si>
  <si>
    <t>【沃德传动】伞齿轮\SD300012030100\减速器\WB3SH320\国产</t>
  </si>
  <si>
    <t>【沃德传动】端盖\581209902\减速器\WB3SH140\国产</t>
  </si>
  <si>
    <t>【沃德传动】止退垫片\ZTDMB31\减速器\WH2SH310\国产</t>
  </si>
  <si>
    <t>【沃德传动】止退垫片\ZTDMB28\减速器\WB3SH310\国产</t>
  </si>
  <si>
    <t>【沃德传动】轴\SL21120301\减速器\WB3SH280\国产</t>
  </si>
  <si>
    <t>【沃德传动】端盖\581220401-00\减速器\WH2SH260\国产</t>
  </si>
  <si>
    <t>【沃德传动】端盖\581209903\减速器\WB3SH140\国产</t>
  </si>
  <si>
    <t>【沃德传动】定距环\600722509-00\减速器\WB3SH210\国产</t>
  </si>
  <si>
    <t>【沃德传动】端盖\581209904\减速器\WB3SH140\国产</t>
  </si>
  <si>
    <t>【沃德传动】调整垫\600722506-00\减速器\WB3SH220\国产</t>
  </si>
  <si>
    <t>【沃德传动】端盖\581209905\减速器\WB3SH140\国产</t>
  </si>
  <si>
    <t>【沃德传动】定距环\600722505-00\减速器\WB3SH210\国产</t>
  </si>
  <si>
    <t>【沃德传动】挡油盘\581214013-00\减速器\WH3SH270\国产</t>
  </si>
  <si>
    <t>【沃德传动】端盖\581214014-01\减速器\WH3SH270\国产</t>
  </si>
  <si>
    <t>【沃德传动】定距环\600720107-00\减速器\WB3SH190\国产</t>
  </si>
  <si>
    <t>【沃德传动】端盖\581214021-00\减速器\WH3SH270\国产</t>
  </si>
  <si>
    <t>【沃德传动】端盖\581214031-00\减速器\WH3SH270\国产</t>
  </si>
  <si>
    <t>【沃德传动】定距环\600718942-00\减速器\WB3SH180\国产</t>
  </si>
  <si>
    <t>【沃德传动】端盖\581214043-00\减速器\WH3SH270\国产</t>
  </si>
  <si>
    <t>【沃德传动】锁母总成\SM041402D0\减速器\WB3SH240\国产</t>
  </si>
  <si>
    <t>【沃德传动】定距环\600718941-00\减速器\WB3SH180\国产</t>
  </si>
  <si>
    <t>【沃德传动】锁母总成\SM020282D0\减速器\WB3SH290\国产</t>
  </si>
  <si>
    <t>【沃德传动】锁母\SM1102D0\减速器\WB3SH280\国产</t>
  </si>
  <si>
    <t>【沃德传动】锁母\SM021402D0\减速器\WB3SH310\国产</t>
  </si>
  <si>
    <t>【沃德传动】定距环\600718902-00\减速器\WH2SH180\国产</t>
  </si>
  <si>
    <t>【沃德传动】锁母\SM021102D0\减速器\WB3SH200\国产</t>
  </si>
  <si>
    <t>【沃德传动】锁母\SM021553D0\减速器\WH2SH310\国产</t>
  </si>
  <si>
    <t>【沃德传动】定距环\600718901-00\减速器\WH2SH180\国产</t>
  </si>
  <si>
    <t>【沃德传动】锁母\SM020602D0\减速器\WK167\国产</t>
  </si>
  <si>
    <t>【沃德传动】定距环\600717732-00\减速器\WH3SH170\国产</t>
  </si>
  <si>
    <t>【沃德传动】锁母\SM010652D0\减速机\WB3SH200\国产</t>
  </si>
  <si>
    <t>【沃德传动】定距环\600717731-00\减速器\WH3SH170\国产</t>
  </si>
  <si>
    <t>【沃德传动】迷宫盘\581527833-00\减速器\WH2SH190\国产</t>
  </si>
  <si>
    <t>【沃德传动】伞齿轮\WD150012200\减速器\WK167\国产</t>
  </si>
  <si>
    <t>【沃德传动】油封盖\581527832-00\减速器\WH2SH190\国产</t>
  </si>
  <si>
    <t>【沃德传动】伞齿轮\SD30110301\工作面刮板输送机\SGZ1000/3×1000\国产</t>
  </si>
  <si>
    <t>【沃德传动】油封盖\581502442-01\减速器\WB3SH290\国产</t>
  </si>
  <si>
    <t>【沃德传动】端盖\581527831-00\减速器\WH2SH190\国产</t>
  </si>
  <si>
    <t>【沃德传动】端盖\581502443-00\减速器\WB3SH290\国产</t>
  </si>
  <si>
    <t>【沃德传动】轴端挡板\581527827-00\减速器\WH2SH190\国产</t>
  </si>
  <si>
    <t>【沃德传动】水冷盘管端盖\581508303-01\减速器\WH3SH290\国产</t>
  </si>
  <si>
    <t>【沃德传动】迷宫盘\581527826-00\减速器\WH2SH190\国产</t>
  </si>
  <si>
    <t>【沃德传动】迷宫盘\581510611-00\减速器\WH3SH240\国产</t>
  </si>
  <si>
    <t>【沃德传动】油封盖\581510612-00\减速器\WH3SH240\国产</t>
  </si>
  <si>
    <t>【沃德传动】迷宫盘\581527825-00\减速器\WH2SH190\国产</t>
  </si>
  <si>
    <t>【沃德传动】逆止器前盖\581510613-01\减速器\WH3SH240\国产</t>
  </si>
  <si>
    <t>【沃德传动】伞齿轴\151429601-00\减速器\WB3SH230\国产</t>
  </si>
  <si>
    <t>【沃德传动】伞齿轴\151522501-01\减速器\WB3SH240\国产</t>
  </si>
  <si>
    <t>【沃德传动】逆止器后盖\581527824-00\减速器\WH2SH190\国产</t>
  </si>
  <si>
    <t>【沃德传动】齿轮\201427301-00\减速器\WH3SH310\国产</t>
  </si>
  <si>
    <t>【沃德传动】逆止器前盖\581527823-00\减速器\WH2SH190\国产</t>
  </si>
  <si>
    <t>【沃德传动】伞齿轮\201429601-01\减速器\WB3SH230\国产</t>
  </si>
  <si>
    <t>【沃德传动】油封盖\581310942-00\减速器\WH3SH190\国产</t>
  </si>
  <si>
    <t>【沃德传动】伞齿轮\201502401-00\减速器\WB3SH290\国产</t>
  </si>
  <si>
    <t>【沃德传动】迷宫盘\581310941-00\减速器\WH3SH190\国产</t>
  </si>
  <si>
    <t>【沃德传动】伞齿轮\201522501-01\减速器\WB3SH240\国产</t>
  </si>
  <si>
    <t>【沃德传动】端盖\581310931-00\减速器\WH3SH190\国产</t>
  </si>
  <si>
    <t>【沃德传动】齿轴\251502401-00\减速器\WB3SH290\国产</t>
  </si>
  <si>
    <t>【沃德传动】油封盖\581310912-00\减速器\WH3SH190\国产</t>
  </si>
  <si>
    <t>【沃德传动】伞齿轴\251512301-00\减速器\WB3SH250\国产</t>
  </si>
  <si>
    <t>【沃德传动】轴承支撑架加工件\SD13110401\减速器\WH2SH310\国产</t>
  </si>
  <si>
    <t>【沃德传动】齿轴\251513901-00\减速器\WH3SH250\国产</t>
  </si>
  <si>
    <t>【沃德传动】轴承支撑架铸件\SD14110401\减速器\WH2SH310\国产</t>
  </si>
  <si>
    <t>【沃德传动】齿轮\301427301-00\减速器\WH3SH310\国产</t>
  </si>
  <si>
    <t>【沃德传动】氮化套\621212611\减速器\WH39H270\国产</t>
  </si>
  <si>
    <t>【沃德传动】齿轮\501440301-00\减速器\WB3SH160\国产</t>
  </si>
  <si>
    <t>【沃德传动】齿轮\501518201-00\减速器\WB3SH270\国产</t>
  </si>
  <si>
    <t>【沃德传动】内花键轴\SD200211050100\减速器\WB3SH320WS\国产</t>
  </si>
  <si>
    <t>【沃德传动】齿轮\501533501-01\减速器\WH3SH170\国产</t>
  </si>
  <si>
    <t>【沃德传动】行星轮\SD300311050100\减速器\WB3SH320WS\国产</t>
  </si>
  <si>
    <t>【沃德传动】齿轮\501610001-00\减速器\WH3SH150\国产</t>
  </si>
  <si>
    <t>【沃德传动】行星轮\SD300311110200\减速器\WB3SH290\国产</t>
  </si>
  <si>
    <t>【沃德传动】齿轮\501716901-00\减速器\WH3SH200\国产</t>
  </si>
  <si>
    <t>【沃德传动】迷宫盘\581307507\减速器\WH2SH270\国产</t>
  </si>
  <si>
    <t>【沃德传动】端盖\SL416120301\减速器\WB3SH280\国产</t>
  </si>
  <si>
    <t>【沃德传动】迷宫盘\581308511-00\减速器\WH2SH300\国产</t>
  </si>
  <si>
    <t>【沃德传动】止退垫\SM040282D0\减速器\WB3SH290\国产</t>
  </si>
  <si>
    <t>【沃德传动】油封盖\581308512-00\减速器\WH2SH300\国产</t>
  </si>
  <si>
    <t>【沃德传动】透连盖\581511123-02\减速器\WH3SH290\国产</t>
  </si>
  <si>
    <t>【沃德传动】弯板\SL417120301 00\减速器\WB3SH320\国产</t>
  </si>
  <si>
    <t>【沃德传动】轴承座\581512301-00\减速器\WB3SH250\国产</t>
  </si>
  <si>
    <t>【沃德传动】端盖\SD412110301\减速器\WB3SH310\国产</t>
  </si>
  <si>
    <t>【沃德传动】端盖\581512302-00\减速器\WB3SH250\国产</t>
  </si>
  <si>
    <t>【沃德传动】卡簧\KH47221505D0\减速器\WB3SH310\国产</t>
  </si>
  <si>
    <t>【沃德传动】油封盖\581514411-00\减速器\WH2SH240\国产</t>
  </si>
  <si>
    <t>【沃德传动】紫铜管\TG022202\减速器\WB3SH280\国产</t>
  </si>
  <si>
    <t>【沃德传动】端盖\581514421-00\减速器\WH2SH240\国产</t>
  </si>
  <si>
    <t>【沃德传动】逆止器前盖\581514422-00\减速器\WH2SH240\国产</t>
  </si>
  <si>
    <t>【沃德传动】油封盖\581514431-00\减速器\WH2SH240\国产</t>
  </si>
  <si>
    <t>【沃德传动】盖板\SD411110301\减速器\WB3SH310\国产</t>
  </si>
  <si>
    <t>【沃德传动】端盖\581514432-00\减速器\WH2SH240\国产</t>
  </si>
  <si>
    <t>【沃德传动】键\SD83110301\减速器\WB3SH310\国产</t>
  </si>
  <si>
    <t>【沃德传动】迷宫盘\581518211-00\减速器\WB3SH270\国产</t>
  </si>
  <si>
    <t>【沃德传动】卡簧\KH4722405D00\减速器\WB3SH200\国产</t>
  </si>
  <si>
    <t>【沃德传动】油封盖\581518212-00\减速器\WB3SH270\国产</t>
  </si>
  <si>
    <t>【沃德传动】耐磨板\SD510110301 01\减速器\WB3SH320\国产</t>
  </si>
  <si>
    <t>【沃德传动】视孔盖\591510601-00\减速器\WH3SH240\国产</t>
  </si>
  <si>
    <t>【沃德传动】视孔盖\591511101-00\减速器\WH3SH290\国产</t>
  </si>
  <si>
    <t>【沃德传动】齿轴\251806601-00\减速器\WB3SH150\国产</t>
  </si>
  <si>
    <t>【沃德传动】视孔盖\591512301-00\减速器\WB3SH250\国产</t>
  </si>
  <si>
    <t>【沃德传动】视孔盖\591513901-00\减速器\WH3SH250\国产</t>
  </si>
  <si>
    <t>【沃德传动】齿轴\251800801-00\减速器\WH3SH230\国产</t>
  </si>
  <si>
    <t>【沃德传动】视孔盖\591514401-00\减速器\WH2SH240\国产</t>
  </si>
  <si>
    <t>【沃德传动】齿轴\251719501-00\减速器\WH3SH210\国产</t>
  </si>
  <si>
    <t>【沃德传动】视孔盖\591518201-00\减速器\WB3SH270\国产</t>
  </si>
  <si>
    <t>【沃德传动】齿轴\251716901-00\减速器\WH3SH200\国产</t>
  </si>
  <si>
    <t>【沃德传动】视孔盖\591527801-00\减速器\WH2SH190\国产</t>
  </si>
  <si>
    <t>【沃德传动】齿轴\251610101-00\减速器\WH3SH190\国产</t>
  </si>
  <si>
    <t>【沃德传动】视孔盖\591716901-00\减速器\WH3SH200\国产</t>
  </si>
  <si>
    <t>【沃德传动】视孔盖\591801001-00\减速器\WB3SH200\国产</t>
  </si>
  <si>
    <t>【沃德传动】定距环\601431931-00\减速器\WB3SH160\国产</t>
  </si>
  <si>
    <t>【沃德传动】闷连盖\580705803-00\减速器\WB3SH210\国产</t>
  </si>
  <si>
    <t>【沃德传动】定距环\601431921-00\减速器\WB3SH160\国产</t>
  </si>
  <si>
    <t>【沃德传动】透连盖\580717712-00\减速器\WH3SH170\国产</t>
  </si>
  <si>
    <t>【沃德传动】调整垫\601431913-00\减速器\WB3SH160\国产</t>
  </si>
  <si>
    <t>【沃德传动】油封盖\580718901-00\减速器\WH2SH180\国产</t>
  </si>
  <si>
    <t>【沃德传动】端盖\580718902-00\减速器\WH2SH180\国产</t>
  </si>
  <si>
    <t>【沃德传动】定距环\601431911-00\减速器\WB3SH160\国产</t>
  </si>
  <si>
    <t>【沃德传动】油封盖\580721304-01\减速器\WB3SH200\国产</t>
  </si>
  <si>
    <t>【沃德传动】定距环\601430307-00\减速器\WB3SH190\国产</t>
  </si>
  <si>
    <t>【沃德传动】端盖\580721305-00\减速器\WB3SH200\国产</t>
  </si>
  <si>
    <t>【沃德传动】定距环\601430306-00\减速器\WB3SH190\国产</t>
  </si>
  <si>
    <t>【沃德传动】油封盖\580722504-00\减速器\WB3SH210\国产</t>
  </si>
  <si>
    <t>【沃德传动】端盖\580722505-00\减速器\WB3SH210\国产</t>
  </si>
  <si>
    <t>【沃德传动】油封盖\580723701-00\减速器\WB3SH220\国产</t>
  </si>
  <si>
    <t>【沃德传动】端盖\580723702-00\减速器\WB3SH220\国产</t>
  </si>
  <si>
    <t>【沃德传动】定距环\601430305-00\减速器\WB3SH190\国产</t>
  </si>
  <si>
    <t>【沃德传动】定距环\601428341-00\减速器\WH3SH140\国产</t>
  </si>
  <si>
    <t>【沃德传动】端盖\580729142-00\减速器\WH2SH260\国产</t>
  </si>
  <si>
    <t>【沃德传动】定距环\601428332-00\减速器\WH3SH140\国产</t>
  </si>
  <si>
    <t>【沃德传动】定距环\601428331-00\减速器\WH3SH140\国产</t>
  </si>
  <si>
    <t>【沃德传动】定距环\601428322-00\减速器\WH3SH140\国产</t>
  </si>
  <si>
    <t>【沃德传动】定距环\601428321-00\减速器\WH3SH140\国产</t>
  </si>
  <si>
    <t>【沃德传动】定距环\601428311-00\减速器\WH3SH140\国产</t>
  </si>
  <si>
    <t>【沃德传动】定距环\601421842-00\减速器\WH2SH170\国产</t>
  </si>
  <si>
    <t>【沃德传动】定距环\601421841-00\减速器\WH2SH170\国产</t>
  </si>
  <si>
    <t>【沃德传动】定距环\601421642-00\减速器\WH3SH160\国产</t>
  </si>
  <si>
    <t>【沃德传动】闷连盖\580744121-00\减速器\WB3SH170\国产</t>
  </si>
  <si>
    <t>【沃德传动】定距环\601421632-00\减速器\WH3SH160\国产</t>
  </si>
  <si>
    <t>【沃德传动】油封盖\580745701-02\减速器\WB3SH200\国产</t>
  </si>
  <si>
    <t>【沃德传动】定距环\SD523120301 00\减速器\WH2SH320\国产</t>
  </si>
  <si>
    <t>【沃德传动】油封盖\580745702-00\减速器\WB3SH200\国产</t>
  </si>
  <si>
    <t>【沃德传动】油封盖\580747301-00\减速器\WB3SH210\国产</t>
  </si>
  <si>
    <t>【沃德传动】外六角螺栓\LS9330602502\减速器\WH2SH320\国产</t>
  </si>
  <si>
    <t>【沃德传动】端盖\581200705-00\减速器\WH3SH230\国产</t>
  </si>
  <si>
    <t>【沃德传动】螺母\LM9340604\减速器\WH2SH320\国产</t>
  </si>
  <si>
    <t>【沃德传动】端盖\581200707-00\减速器\WH3SH230\国产</t>
  </si>
  <si>
    <t>【沃德传动】压力传感器\PS3015\减速器\WH2SH320\国产</t>
  </si>
  <si>
    <t>【沃德传动】轴承套\601428512-00\减速器\WH2SH170\国产</t>
  </si>
  <si>
    <t>【沃德传动】水冷却器\WCPJ\减速器\WH2SH320\国产</t>
  </si>
  <si>
    <t>【沃德传动】快换接头\KHJDN200001200\减速器\WH2SH320\国产</t>
  </si>
  <si>
    <t>【沃德传动】油封盖\580744111-00\减速器\WB3SH170\国产</t>
  </si>
  <si>
    <t>【沃德传动】轴承套\601514413-00\减速器\WH2SH240\国产</t>
  </si>
  <si>
    <t>【沃德传动】快换堵\KHGDN2000\减速器\WH2SH320\国产</t>
  </si>
  <si>
    <t>【沃德传动】轴承套\601527804-00\减速器\WH2SH190\国产</t>
  </si>
  <si>
    <t>【沃德传动】轴承套\601607112-00\减速器\WH2SH180\国产</t>
  </si>
  <si>
    <t>【沃德传动】堵\YD9060800001\减速器\WH2SH320\国产</t>
  </si>
  <si>
    <t>【沃德传动】轴承套\601610012-00\减速器\WH3SH150\国产</t>
  </si>
  <si>
    <t>【沃德传动】轴承套\621307501\减速器\WH2SH270\国产</t>
  </si>
  <si>
    <t>【沃德传动】快换接头\KHJDN201DN2000\减速器\WH2SH320\国产</t>
  </si>
  <si>
    <t>【沃德传动】温度传感器\WH3SH270\平行轴形式减速机\WH3SH270\国产</t>
  </si>
  <si>
    <t>【沃德传动】高压软管接头\GRG012\减速器\WH2SH320\国产</t>
  </si>
  <si>
    <t>【沃德传动】外密封座\SD48110802\减速器\WB3SH310\国产</t>
  </si>
  <si>
    <t>【沃德传动】油堵\YD91008000010001\减速器\WH3SH270\国产</t>
  </si>
  <si>
    <t>【沃德传动】外密封座\SD48110301\减速器\WH2SH310\国产</t>
  </si>
  <si>
    <t>【沃德传动】油堵\YD91020000010001\减速器\WH3SH270\国产</t>
  </si>
  <si>
    <t>【沃德传动】输出轴\551514401-00\减速器\WH2SH240\国产</t>
  </si>
  <si>
    <t>【沃德传动】输出轴\551518201-00\减速器\WB3SH270\国产</t>
  </si>
  <si>
    <t>【沃德传动】输出轴\551528401-00\减速器\WH3SH250\国产</t>
  </si>
  <si>
    <t>【沃德传动】油堵\YD91032000010001\减速器\WH3SH270\国产</t>
  </si>
  <si>
    <t>【沃德传动】输出轴\551533501-01\减速器\WH3SH170\国产</t>
  </si>
  <si>
    <t>【沃德传动】输出轴\551607101-00\减速器\WH2SH180\国产</t>
  </si>
  <si>
    <t>【沃德传动】齿轮\401204301\减速器\WB3SH200\国产</t>
  </si>
  <si>
    <t>【沃德传动】油封盖\580717711-00\减速器\WH3SH170\国产</t>
  </si>
  <si>
    <t>【沃德传动】定距环\600720107\减速器\WB3SH200\国产</t>
  </si>
  <si>
    <t>【沃德传动】输出轴\551800801-00\减速器\WH3SH230\国产</t>
  </si>
  <si>
    <t>【沃德传动】低速轴齿轮\WD150013200\减速器\WK167\国产</t>
  </si>
  <si>
    <t>【沃德传动】壳体铸件\SD11110401\减速器\WH2SH310\国产</t>
  </si>
  <si>
    <t>【沃德传动】定距环\600720106\减速器\WB3SH200\国产</t>
  </si>
  <si>
    <t>【沃德传动】壳体加工件\SD10110401\减速器\WH2SH310\国产</t>
  </si>
  <si>
    <t>【沃德传动】定距环\600720105\减速器\WB3SH200\国产</t>
  </si>
  <si>
    <t>【沃德传动】骨架油封\YF090120001222\减速器\WH2SH240\国产</t>
  </si>
  <si>
    <t>【沃德传动】骨架油封\YF095125001232\减速器\WH2SH190\国产</t>
  </si>
  <si>
    <t>【沃德传动】高压软管\GRG38112\减速器\WH2SH320\国产</t>
  </si>
  <si>
    <t>【沃德传动】数据线缆\DW2000\减速器\WH2SH320\国产</t>
  </si>
  <si>
    <t>【沃德传动】骨架油封\YF100120001212\减速器\WH3SH250\国产</t>
  </si>
  <si>
    <t>【沃德传动】数据线缆\DW1000\减速器\WH2SH320\国产</t>
  </si>
  <si>
    <t>【沃德传动】骨架油封\YF105130001232\减速器\WB3SH240\国产</t>
  </si>
  <si>
    <t>【沃德传动】多角度旋转吊耳\WDH00030\减速器\WH2SH320\国产</t>
  </si>
  <si>
    <t>【沃德传动】骨架油封\YF115140001212\减速器\WH3SH270\国产</t>
  </si>
  <si>
    <t>【沃德传动】骨架油封\YF110130001222\减速器\WB3SH150\国产</t>
  </si>
  <si>
    <t>【沃德传动】多角度旋转吊耳\WDH00036\减速器\WH2SH320\国产</t>
  </si>
  <si>
    <t>【沃德传动】骨架油封\YF115140001222\减速器\WB3SH160\国产</t>
  </si>
  <si>
    <t>【沃德传动】骨架油封\YF120140001212\减速器\WH3SH150\国产</t>
  </si>
  <si>
    <t>【沃德传动】骨架油封\YF120150001232\减速器\WH3SH160\国产</t>
  </si>
  <si>
    <t>【沃德传动】骨架油封\YF120150001212\减速器\WH2SH260\国产</t>
  </si>
  <si>
    <t>【沃德传动】顶丝\DS914122511\减速器\WH2SH310\国产</t>
  </si>
  <si>
    <t>【沃德传动】定距环\SD516110301\减速器\WB3SH310\国产</t>
  </si>
  <si>
    <t>【沃德传动】螺纹保护帽\LBT008\减速器\WH2SH320\国产</t>
  </si>
  <si>
    <t>【沃德传动】定距环\SD512110301\减速器\WB3SH310\国产</t>
  </si>
  <si>
    <t>【沃德传动】定距环\SD57110301\减速器\WB3SH310\国产</t>
  </si>
  <si>
    <t>【沃德传动】浮动油封盖\SD400611110202\减速器\WB3SH290\国产</t>
  </si>
  <si>
    <t>【沃德传动】定距环\SD55110302\减速器\WB3SH310\国产</t>
  </si>
  <si>
    <t>【沃德传动】迷宫盘\581310911-00\减速器\WH3SH190\国产</t>
  </si>
  <si>
    <t>【沃德传动】定距环\SD54110301\减速器\WB3SH310\国产</t>
  </si>
  <si>
    <t>【沃德传动】油封盖\581309812-00\减速器\WB3SH250\国产</t>
  </si>
  <si>
    <t>【沃德传动】定距环\SD53110301\减速器\WB3SH310\国产</t>
  </si>
  <si>
    <t>【沃德传动】定距环\SD52110301\减速器\WB3SH310\国产</t>
  </si>
  <si>
    <t>【沃德传动】氮化套\SD5000161203 00\减速器\WH2SH320\国产</t>
  </si>
  <si>
    <t>【沃德传动】迷宫盘\581309811-00\减速器\WB3SH250\国产</t>
  </si>
  <si>
    <t>【沃德传动】齿轴\451209901\减速器\WB3SH140\国产</t>
  </si>
  <si>
    <t>【沃德传动】迷宫盘\581309612-00\减速器\WB3SH240\国产</t>
  </si>
  <si>
    <t>【沃德传动】齿轴\451307501\减速器\WH2SH270\国产</t>
  </si>
  <si>
    <t>【沃德传动】迷宫盘\581309611-00\减速器\WB3SH240\国产</t>
  </si>
  <si>
    <t>【沃德传动】压力润滑电动机+风扇总成\WD000364\减速器\WH3SH270\国产</t>
  </si>
  <si>
    <t>【沃德传动】油封盖\581309607-00\减速器\WB3SH240\国产</t>
  </si>
  <si>
    <t>【沃德传动】压力开关\WD000366\减速器\WH3SH270\国产</t>
  </si>
  <si>
    <t>【沃德传动】定距环\601514414-02\减速器\WH2SH240\国产</t>
  </si>
  <si>
    <t>【沃德传动】斜齿轮\SD32110405\减速器\WB3SH310\国产</t>
  </si>
  <si>
    <t>【沃德传动】定距环\601514412-00\减速器\WH2SH240\国产</t>
  </si>
  <si>
    <t>【沃德传动】斜齿轮\SD31110405\减速器\WB3SH310\国产</t>
  </si>
  <si>
    <t>【沃德传动】定距环\601514113-00\减速器\WH3SH230\国产</t>
  </si>
  <si>
    <t>【沃德传动】销轴\SD24110301\减速器\WB3SH310\国产</t>
  </si>
  <si>
    <t>【沃德传动】定距环\601514112-00\减速器\WH3SH230\国产</t>
  </si>
  <si>
    <t>【沃德传动】定距环\601512301-00\减速器\WB3SH250\国产</t>
  </si>
  <si>
    <t>【沃德传动】定距环\601511108-00\减速器\WH3SH290\国产</t>
  </si>
  <si>
    <t>【沃德传动】定距环\601511107-00\减速器\WH3SH290\国产</t>
  </si>
  <si>
    <t>【沃德传动】二级行星轮\SD33120301 00\减速器\WH2SH320\国产</t>
  </si>
  <si>
    <t>【沃德传动】定距环\601511104-01\减速器\WH3SH290\国产</t>
  </si>
  <si>
    <t>【沃德传动】定距环\601511103-01\减速器\WH3SH290\国产</t>
  </si>
  <si>
    <t>【沃德传动】定距环\601511102-01\减速器\WH3SH290\国产</t>
  </si>
  <si>
    <t>【沃德传动】定距环\601428342-00\减速器\WH3SH140\国产</t>
  </si>
  <si>
    <t>【沃德传动】销轴\SD24110401\减速器\WH2SH310\国产</t>
  </si>
  <si>
    <t>【沃德传动】密封环\SK3665\减速器\WB3SH320\国产</t>
  </si>
  <si>
    <t>【沃德传动】输入轴\25121400101\减速器\WH3SH270\国产</t>
  </si>
  <si>
    <t>【沃德传动】内螺纹圆柱销\YX230060\减速器\WB3SH320\国产</t>
  </si>
  <si>
    <t>【沃德传动】输入轴\SD20120304 00\减速器\WH2SH320\国产</t>
  </si>
  <si>
    <t>【沃德传动】止退垫片\ZTDMB36\减速器\WB3SH320\国产</t>
  </si>
  <si>
    <t>【沃德传动】内六角螺栓\LS9121606511\减速器\WB3SH320\国产</t>
  </si>
  <si>
    <t>【沃德传动】输出轴\WD150013000\减速器\WK167\国产</t>
  </si>
  <si>
    <t>【沃德传动】外六角螺栓\LS9332009011\减速器\WB3SH320\国产</t>
  </si>
  <si>
    <t>【沃德传动】耐磨块\SD52110401 00\工作面刮板输送机\SGZ1350/3×1600\国产</t>
  </si>
  <si>
    <t>【沃德传动】内六角螺栓\LS9121002504\减速器\WB3SH320\国产</t>
  </si>
  <si>
    <t>【沃德传动】油镜尺\YJ1600\减速器\WB3SH320\国产</t>
  </si>
  <si>
    <t>【沃德传动】二轴\351204301\减速器\WB3SH200\国产</t>
  </si>
  <si>
    <t>【沃德传动】内六角螺栓\LS9122009011\减速器\WB3SH320\国产</t>
  </si>
  <si>
    <t>【沃德传动】二轴\SD21110301\减速器\WB3SH310\国产</t>
  </si>
  <si>
    <t>【沃德传动】二级太阳轴\SD23120301 00\减速器\WH2SH320\国产</t>
  </si>
  <si>
    <t>【沃德传动】二级内齿圈\SD39120301 00\减速器\WH2SH320\国产</t>
  </si>
  <si>
    <t>【沃德传动】内六角螺栓\LS9123622021\减速器\WB3SH320\国产</t>
  </si>
  <si>
    <t>【沃德传动】内六角螺栓\LS9123615521\减速器\WB3SH320\国产</t>
  </si>
  <si>
    <t>【沃德传动】温度传感器\TS30156303\减速器\WB3SH320\国产</t>
  </si>
  <si>
    <t>【沃德传动】泵\60308\减速器\WB3SH320\国产</t>
  </si>
  <si>
    <t>【沃德传动】接头\KJT11215220\减速器\WB3SH320\国产</t>
  </si>
  <si>
    <t>【沃德传动】接头\KJT11215221\减速器\WB3SH320\国产</t>
  </si>
  <si>
    <t>【沃德传动】接头\24CUT22\减速器\WB3SH320\国产</t>
  </si>
  <si>
    <t>【沃德传动】接头\KJT11215223\减速器\WB3SH320\国产</t>
  </si>
  <si>
    <t>【沃德传动】钢管\GG022202\减速器\WB3SH320\国产</t>
  </si>
  <si>
    <t>【沃德传动】端盖\581502431-00\减速器\WB3SH290\国产</t>
  </si>
  <si>
    <t>【沃德传动】端盖\581502421-00\减速器\WB3SH290\国产</t>
  </si>
  <si>
    <t>【沃德传动】轴承座\581502413-00\减速器\WB3SH290\国产</t>
  </si>
  <si>
    <t>【沃德传动】二级齿轴\WD150012000\减速器\WK167\国产</t>
  </si>
  <si>
    <t>【沃德传动】油封盖\581502412-00\减速器\WB3SH290\国产</t>
  </si>
  <si>
    <t>【沃德传动】太阳轴\SD200312030100\减速器\WB3SH320\国产</t>
  </si>
  <si>
    <t>【沃德传动】迷宫盘\841200703-01\减速器\WH3SH230\国产</t>
  </si>
  <si>
    <t>【沃德传动】太阳轮\SD200313050200\减速器\WH2SH320WS\国产</t>
  </si>
  <si>
    <t>【沃德传动】迷宫盘\841200701-00\减速器\WH3SH230\国产</t>
  </si>
  <si>
    <t>【沃德传动】连接板\801804601-00\减速器\WH3SH250\国产</t>
  </si>
  <si>
    <t>【沃德传动】套筒\801716902-00\减速器\WH3SH200\国产</t>
  </si>
  <si>
    <t>【沃德传动】连接板\801518002-01\减速器\WB3SH150\国产</t>
  </si>
  <si>
    <t>【沃德传动】板条\801518001-01\减速器\WB3SH150\国产</t>
  </si>
  <si>
    <t>【沃德传动】过渡板\801514403-00\减速器\WH2SH240\国产</t>
  </si>
  <si>
    <t>【沃德传动】套筒\801514402-00\减速器\WH2SH240\国产</t>
  </si>
  <si>
    <t>【沃德传动】连接板\801440301-00\减速器\WB3SH160\国产</t>
  </si>
  <si>
    <t>【沃德传动】板条\801431902-00\减速器\WB3SH160\国产</t>
  </si>
  <si>
    <t>【沃德传动】视孔盖\SD4008111102-01\减速器\WB3SH290\国产</t>
  </si>
  <si>
    <t>【沃德传动】端盖\SD4008110802-01\减速器\WB3SH310\国产</t>
  </si>
  <si>
    <t>【沃德传动】轴端挡板\SL413120301\减速器\WB3SH280\国产</t>
  </si>
  <si>
    <t>【沃德传动】油封盖\SD4007160203-00\减速器\WB3SH250\国产</t>
  </si>
  <si>
    <t>【沃德传动】键\SD8012030100\减速器\WB3SH320\国产</t>
  </si>
  <si>
    <t>【沃德传动】油封盖\SD4007150603-01\减速器\WB3SH250\国产</t>
  </si>
  <si>
    <t>【沃德传动】轴端挡板\SL412120301\减速器\WB3SH280\国产</t>
  </si>
  <si>
    <t>【沃德传动】端盖\SD4007141002-00\减速器\WB3SH310\国产</t>
  </si>
  <si>
    <t>【沃德传动】卡簧\KH47107502D5\减速器\WH2SH310\国产</t>
  </si>
  <si>
    <t>【沃德传动】内六角螺栓\LS9121003004\减速器\WB3SH320\国产</t>
  </si>
  <si>
    <t>【沃德传动】油封盖\SD4007130601-00\减速器\WB3SH320\国产</t>
  </si>
  <si>
    <t>【沃德传动】内六角螺栓\LS9120802504\减速器\WB3SH320\国产</t>
  </si>
  <si>
    <t>【达驰阿尔发】避雷器\Y5W-20/45\20kV</t>
  </si>
  <si>
    <t>山东达驰阿尔发电气有限公司</t>
  </si>
  <si>
    <t>达驰阿尔发</t>
  </si>
  <si>
    <t>GNWZBP(TH)ZYCG2020-297</t>
  </si>
  <si>
    <t>国家能源e购商城大渡河配送大渡河流域2020年度山东达驰全连式离相封闭母线（IPB）备件铺货采购合同</t>
  </si>
  <si>
    <t>【达驰阿尔发】共箱封闭母线\BGFM-10/3150</t>
  </si>
  <si>
    <t>【达驰阿尔发】微机消谐装置\ZB-WXZ196 DC220V</t>
  </si>
  <si>
    <t>【达驰阿尔发】橡胶波纹管\φ700mm\1MPa</t>
  </si>
  <si>
    <t>【达驰阿尔发】封闭母线主变连接橡胶波纹管\φ1050×400mm\1MPa</t>
  </si>
  <si>
    <t>【达驰阿尔发】避雷器\HY5W1-25/56.2\25kV</t>
  </si>
  <si>
    <t>【达驰阿尔发】封闭母线\QLFM-20/25000-Z</t>
  </si>
  <si>
    <t>【达驰阿尔发】红外测温仪\CT-SR\0-500℃\ExdⅡCT4\国产</t>
  </si>
  <si>
    <t>【达驰阿尔发】封母橡胶波纹管\φ750mm\1MPa</t>
  </si>
  <si>
    <t>【达驰阿尔发】避雷器\Y5W5-25/56.2\20kV</t>
  </si>
  <si>
    <t>【达驰阿尔发】一次消谐器\LXQ-10(6)</t>
  </si>
  <si>
    <t>【达驰阿尔发】支柱绝缘子\MR12\陶瓷</t>
  </si>
  <si>
    <t>【达驰阿尔发】支柱绝缘子\MR12\DMC</t>
  </si>
  <si>
    <t>【达驰阿尔发】支柱绝缘子\MR125\DMC</t>
  </si>
  <si>
    <t>【达驰阿尔发】支柱绝缘子\MR125\陶瓷</t>
  </si>
  <si>
    <t>【达驰阿尔发】密封条\50×5mm\氯丁橡胶</t>
  </si>
  <si>
    <t>【达驰阿尔发】铜编织线软连接\DN813\离相封闭母线\QLFM\国产</t>
  </si>
  <si>
    <t>【达驰阿尔发】导体软连接衬环\MR55-1\离相封闭母线\QLFM\国产</t>
  </si>
  <si>
    <t>【达驰阿尔发】密封条\30×5mm\氯丁橡胶</t>
  </si>
  <si>
    <t>【达驰阿尔发】温湿度在线监测装置\SWP-HTDT-A\-20-80℃ 0%-100%\±0.3℃ ±2%RH\国产</t>
  </si>
  <si>
    <t>【达驰阿尔发】PT避雷器柜\AD-PT&amp;LA-03\6-36kV\固定式\RAL7035</t>
  </si>
  <si>
    <t>【达驰阿尔发】PT柜\AD-PT-03\6-36kV\固定式\RAL7035</t>
  </si>
  <si>
    <t>【达驰阿尔发】PT检修小车\AD-PT-XC</t>
  </si>
  <si>
    <t>【达驰阿尔发】接地电阻柜\AD-ZXDG\6-36kV\固定式\RAL7035</t>
  </si>
  <si>
    <t>【达驰阿尔发】消弧线圈柜\DT-XHC\6-66kV\固定式\RAL7035</t>
  </si>
  <si>
    <t>【达驰阿尔发】消弧控制器\DT-XHK50Z</t>
  </si>
  <si>
    <t>【达驰阿尔发】动静触头\CH9</t>
  </si>
  <si>
    <t>【达驰阿尔发】硅胶呼吸器\GJHX\微正压装置\AD-PR-Ⅱ</t>
  </si>
  <si>
    <t>【达驰阿尔发】空气干燥器\AD-GZ\微正压装置\AD-PR-Ⅱ</t>
  </si>
  <si>
    <t>【达驰阿尔发】螺杆式压缩机\0.6m3/min\0.7MPa\380V\1.1kW\国产</t>
  </si>
  <si>
    <t>【达驰阿尔发】支柱绝缘子\ZN-10/12\瓷</t>
  </si>
  <si>
    <t>【达驰阿尔发】支柱绝缘子\ZN-10/12\DMC</t>
  </si>
  <si>
    <t>【达驰阿尔发】穿墙套管\TG7\DMC</t>
  </si>
  <si>
    <t>【达驰阿尔发】铜编织线软连接\SM55\共箱封闭母线\BGGX\国产</t>
  </si>
  <si>
    <t>【达驰阿尔发】抽拉式外壳伸缩节\CX-AD003\共箱封闭母线\BGGX\国产</t>
  </si>
  <si>
    <t>【达驰阿尔发】波纹式外壳伸缩节\L-W\共箱封闭母线\BGGX\国产</t>
  </si>
  <si>
    <t>【达驰阿尔发】绝缘在线检测装置\W-PD</t>
  </si>
  <si>
    <t>【达驰阿尔发】全绝缘浇筑母线\ADJZ</t>
  </si>
  <si>
    <t>【达驰阿尔发】母线伸缩节\ADC-400×450</t>
  </si>
  <si>
    <t>【达驰阿尔发】母线伸缩节\ADC-500×450</t>
  </si>
  <si>
    <t>【达驰阿尔发】母线伸缩节\ADC-600×450</t>
  </si>
  <si>
    <t>【达驰阿尔发】母线伸缩节\ADC-700×450</t>
  </si>
  <si>
    <t>【达驰阿尔发】母线伸缩节\ADA-500×450</t>
  </si>
  <si>
    <t>【达驰阿尔发】离相封闭母线\QLFM-20/17000</t>
  </si>
  <si>
    <t>【达驰阿尔发】离相封闭母线\QLFM-20/14000</t>
  </si>
  <si>
    <t>【达驰阿尔发】离相封闭母线\QLFM-20/2000</t>
  </si>
  <si>
    <t>【达驰阿尔发】离相封闭母线\QLFM-20/1600</t>
  </si>
  <si>
    <t>【达驰阿尔发】离相封闭母线\QLFM-20/630</t>
  </si>
  <si>
    <t>【达驰阿尔发】盘式绝缘子\MR01-1450/900\SMC</t>
  </si>
  <si>
    <t>【达驰阿尔发】盘式绝缘子\MR01-1200/650\SMC</t>
  </si>
  <si>
    <t>【达驰阿尔发】盘式绝缘子\MR01-1050/500\SMC</t>
  </si>
  <si>
    <t>【达驰阿尔发】盘式绝缘子\MR01-830/330\SMC</t>
  </si>
  <si>
    <t>【达驰阿尔发】盘式绝缘子\MR01-800/300\SMC</t>
  </si>
  <si>
    <t>【达驰阿尔发】盘式绝缘子\MR01-750/200\SMC</t>
  </si>
  <si>
    <t>【达驰阿尔发】盘式绝缘子\MR01-700/150\SMC</t>
  </si>
  <si>
    <t>【达驰阿尔发】盘式绝缘子\MR01-650/150\SMC</t>
  </si>
  <si>
    <t>【达驰阿尔发】盘式绝缘子\MR01-600/100\SMC</t>
  </si>
  <si>
    <t>【达驰阿尔发】橡胶波纹管\φ1450mm\1MPa</t>
  </si>
  <si>
    <t>【达驰阿尔发】橡胶波纹管\φ1200mm\1MPa</t>
  </si>
  <si>
    <t>【达驰阿尔发】橡胶波纹管\φ830mm\1MPa</t>
  </si>
  <si>
    <t>【达驰阿尔发】橡胶波纹管\φ800mm\1MPa</t>
  </si>
  <si>
    <t>【达驰阿尔发】橡胶波纹管\φ650mm\1MPa</t>
  </si>
  <si>
    <t>【达驰阿尔发】橡胶波纹管\φ600mm\1MPa</t>
  </si>
  <si>
    <t>【达驰阿尔发】共箱封闭母线\BGFM-10/5000</t>
  </si>
  <si>
    <t>【达驰阿尔发】共箱封闭母线\BGFM-10/4000</t>
  </si>
  <si>
    <t>【达驰阿尔发】共箱封闭母线\BGFM-10/3500</t>
  </si>
  <si>
    <t>【达驰阿尔发】共箱封闭母线\BGFM-10/2000</t>
  </si>
  <si>
    <t>【达驰阿尔发】共箱封闭母线\BGFM-10/1250</t>
  </si>
  <si>
    <t>【达驰阿尔发】共箱封闭母线\BGFM-6.3/4000</t>
  </si>
  <si>
    <t>【达驰阿尔发】共箱封闭母线\BGFM-6.3/3500</t>
  </si>
  <si>
    <t>【达驰阿尔发】共箱封闭母线\BGFM-6.3/3150</t>
  </si>
  <si>
    <t>【达驰阿尔发】共箱封闭母线\BGFM-6.3/3000</t>
  </si>
  <si>
    <t>【达驰阿尔发】共箱封闭母线\BGFM-6.3/2000</t>
  </si>
  <si>
    <t>【达驰阿尔发】共箱封闭母线\BGFM-6.3/1250</t>
  </si>
  <si>
    <t>【达驰阿尔发】电压互感器\JDZX-20\20kV\20/√3/0.1/√3/0.1/√3/0.1/3\0.5/3P/3P\50/100/100VA\支柱式\国产</t>
  </si>
  <si>
    <t>【达驰阿尔发】电压互感器\JDZX-20\20kV\20/√3/0.1/√3/0.1/√3/0.1/3\0.2/3P/3P\50/200/200VA\支柱式\国产</t>
  </si>
  <si>
    <t>【达驰阿尔发】电压互感器\JDZX-15.75\15.75kV\15.75/√3/0.1/√3/0.1/√3/0.1/3\0.2/0.5/1\30/100/200VA\支柱式\国产</t>
  </si>
  <si>
    <t>【达驰阿尔发】电压互感器\JDZX-20\20kV\20/√3/0.1/√3/0.1/√3/0.1/3\3P/0.5 3P/3P\50/100/100VA\支柱式\国产</t>
  </si>
  <si>
    <t>【达驰阿尔发】电压互感器\JDZX-15.75\15.75kV\15.75/√3/0.1/√3/0.1/√3/0.1/3\0.2/3P/6P\50/50/50VA\支柱式\国产</t>
  </si>
  <si>
    <t>【达驰阿尔发】电压互感器\JDZX-15.75\15.75kV\15.75/√3/0.1/√3\0.2\50VA\支柱式\国产</t>
  </si>
  <si>
    <t>【达驰阿尔发】电压互感器\JDZX-18\18kV\18/√3/0.1/√3/0.1/√3/0.1/3\0.2/3P/3P\50/75/75VA\支柱式\国产</t>
  </si>
  <si>
    <t>【达驰阿尔发】电压互感器\JDZX-18\18kV\18/√3/0.1/√3/0.1/√3/0.1/3\0.2/0.2/0.2\50/50/50VA\支柱式\国产</t>
  </si>
  <si>
    <t>【达驰阿尔发】电流互感器\LMZB-15.75\15.75kV\10000/1\5P30/0.2/0.2S\30/30/30VA\母线式\国产</t>
  </si>
  <si>
    <t>【达驰阿尔发】电流互感器\LMZB-15.75\15.75kV\300/1/600/1\5P30/5P30\30/30VA\母线式\国产</t>
  </si>
  <si>
    <t>【达驰阿尔发】电流互感器\LMZB-15.75\15.75kV\10000/1\5P30/5P30\30/30VA\母线式\国产</t>
  </si>
  <si>
    <t>【达驰阿尔发】电流互感器\LMZB-15.75\15.75kV\10000/1\5P30/5P30/5P30\30/30/30VA\母线式\国产</t>
  </si>
  <si>
    <t>【达驰阿尔发】电流互感器\LMZB-15.75\15.75kV\500/1\0.2/5P30/5P30/5P30\30/30/30/30VA\母线式\国产</t>
  </si>
  <si>
    <t>【达驰阿尔发】电流互感器\LMZB-15.75\15.75kV\10000/1\TPY/TPY\30/30VA\母线式\国产</t>
  </si>
  <si>
    <t>【达驰阿尔发】电流互感器\LMZB-20\20kV\20000/1\0.2/0.2\20/20VA\母线式\国产</t>
  </si>
  <si>
    <t>【达驰阿尔发】电流互感器\LMZB-20\20kV\20000/1\TPY/TPY\15/15VA\母线式\国产</t>
  </si>
  <si>
    <t>【达驰阿尔发】电流互感器\LMZB-20\20kV\20000/1\0.2S\20VA\母线式\国产</t>
  </si>
  <si>
    <t>【达驰阿尔发】电流互感器\LMZB-20\20kV\20000/1\5P30\20VA\母线式\国产</t>
  </si>
  <si>
    <t>【达驰阿尔发】电流互感器\LMZB-20\20kV\500/1\5P30/5P30\20/20VA\母线式\国产</t>
  </si>
  <si>
    <t>【达驰阿尔发】电流互感器\LMZB-20\20kV\500/1\5P30/0.5\20/20VA\母线式\国产</t>
  </si>
  <si>
    <t>【达驰阿尔发】电流互感器\LMZB-20\20kV\10/1\10P20/10P20\20/20VA\母线式\国产</t>
  </si>
  <si>
    <t>【达驰阿尔发】电流互感器\LMZB-15.75\15.75kV\10000/1\5P30/TPY/TPY\30/30/30VA\母线式\国产</t>
  </si>
  <si>
    <t>【达驰阿尔发】高压熔断器\RN-15.75/0.5\15.75kV\0.5A\夹紧式</t>
  </si>
  <si>
    <t>【达驰阿尔发】高压熔断器\RN-20/0.5\20kV\0.5A\夹紧式</t>
  </si>
  <si>
    <t>【达驰阿尔发】高压熔断器\RN-20/2\20kV\2A\夹紧式</t>
  </si>
  <si>
    <t>【达驰阿尔发】高压熔断器\RN-20/0.35\20kV\0.35A\夹紧式</t>
  </si>
  <si>
    <t>【达驰阿尔发】高压熔断器\RN-24/0.5\24kV\0.5A\夹紧式</t>
  </si>
  <si>
    <t>【达驰阿尔发】氧化锌避雷器\Y5WZ-20/45\20kV</t>
  </si>
  <si>
    <t>【达驰阿尔发】氧化锌避雷器\Y5W1-27.5/53.4\27.5kV</t>
  </si>
  <si>
    <t>【达驰阿尔发】氧化锌避雷器\Y5W-19/45\19kV</t>
  </si>
  <si>
    <t>【达驰阿尔发】氧化锌避雷器\Y5W-25/56.2\25kV</t>
  </si>
  <si>
    <t>【沃德传动】外六角螺栓\LS9331002504\减速器\WB3SH200\国产</t>
  </si>
  <si>
    <t>【沃德传动】垫片\DQ1250800\减速器\WB3SH320\国产</t>
  </si>
  <si>
    <t>【沃德传动】油封盖\SD4007130311-00\减速器\WB3SH320\国产</t>
  </si>
  <si>
    <t>【沃德传动】油封盖\SD4007130301-01\减速器\WB3SH320\国产</t>
  </si>
  <si>
    <t>【沃德传动】垫片\DQ1252010\减速器\WB3SH320\国产</t>
  </si>
  <si>
    <t>【沃德传动】垫片\DQ1251000\减速器\WB3SH320\国产</t>
  </si>
  <si>
    <t>【沃德传动】端盖\SD4007120303-02\减速器\WB3SH320\国产</t>
  </si>
  <si>
    <t>【沃德传动】垫片\DQ1251610\减速器\WB3SH320\国产</t>
  </si>
  <si>
    <t>【沃德传动】端盖\SD4007110802-02\减速器\WB3SH310\国产</t>
  </si>
  <si>
    <t>【沃德传动】外六角螺栓\LS9331003001\减速器\WB3SH280\国产</t>
  </si>
  <si>
    <t>【沃德传动】耐磨套\SD5000130303 00\破碎机减速器\WB3SH240DBTL\国产</t>
  </si>
  <si>
    <t>【沃德传动】三通接头\JST12DN20DN1\减速器\WB3SH280\国产</t>
  </si>
  <si>
    <t>【沃德传动】温度传感器\TS30156150\减速器\WB3SH320\国产</t>
  </si>
  <si>
    <t>【沃德传动】堵\YD906080001\减速器\WB3SH280\国产</t>
  </si>
  <si>
    <t>【沃德传动】弯板\417120301\减速器\WB3SH280\国产</t>
  </si>
  <si>
    <t>【沃德传动】吊环螺钉\LS5802421\减速器\WB3SH280\国产</t>
  </si>
  <si>
    <t>【沃德传动】内六角螺栓\LS9123019021\减速器\WB3SH280\国产</t>
  </si>
  <si>
    <t>【沃德传动】油镜\YJ0100012\减速器\WB3SH280\国产</t>
  </si>
  <si>
    <t>【沃德传动】垫片\DQ1253024\减速器\WB3SH280\国产</t>
  </si>
  <si>
    <t>【沃德传动】堵\YD906160001\减速器\WB3SH280\国产</t>
  </si>
  <si>
    <t>【沃德传动】螺纹保护帽\LBT010\减速器\WB3SH280\国产</t>
  </si>
  <si>
    <t>【沃德传动】内六角螺栓\LS9123024521\减速器\WB3SH280\国产</t>
  </si>
  <si>
    <t>【沃德传动】螺纹保护帽\LBT016\减速器\WB3SH280\国产</t>
  </si>
  <si>
    <t>【沃德传动】内六角螺栓\LS9123015521\减速器\WB3SH280\国产</t>
  </si>
  <si>
    <t>【沃德传动】风扇\781419801-00\减速器\WH3SH230\国产</t>
  </si>
  <si>
    <t>【沃德传动】定距环\SL57120301\减速器\WB3SH280\国产</t>
  </si>
  <si>
    <t>【沃德传动】风扇\781410401-00\减速器\WH3SH240\国产</t>
  </si>
  <si>
    <t>【沃德传动】齿轴\SL22120301\减速器\WB3SH280\国产</t>
  </si>
  <si>
    <t>【沃德传动】风扇\781209901\减速器\WB3SH140\国产</t>
  </si>
  <si>
    <t>【沃德传动】定距环\SL50120301\减速器\WB3SH280\国产</t>
  </si>
  <si>
    <t>【沃德传动】外六角螺栓\LS9331002004\减速器\WB3SH320\国产</t>
  </si>
  <si>
    <t>【沃德传动】风扇\780702201-00\减速器\WB3SH170\国产</t>
  </si>
  <si>
    <t>【沃德传动】堵\YD906040001\减速器\WB3SH320\国产</t>
  </si>
  <si>
    <t>【沃德传动】螺母\LM9340601\减速器\WB3SH320\国产</t>
  </si>
  <si>
    <t>【沃德传动】风扇\780702001-00\减速器\WB3SH150\国产</t>
  </si>
  <si>
    <t>【沃德传动】外六角螺栓\LS9330602504\减速器\WB3SH320\国产</t>
  </si>
  <si>
    <t>【沃德传动】外六角螺栓\LS9331003504\减速器\WB3SH320\国产</t>
  </si>
  <si>
    <t>【沃德传动】风扇\780700401-00\减速器\WH3SH160\国产</t>
  </si>
  <si>
    <t>【沃德传动】接头\SD87120301 00\减速器\WB3SH320\国产</t>
  </si>
  <si>
    <t>【沃德传动】风扇\780601001-00\减速器\WH2SH240\国产</t>
  </si>
  <si>
    <t>【沃德传动】接头\SD89110301 00\减速器\WB3SH320\国产</t>
  </si>
  <si>
    <t>【沃德传动】风扇\701101102\减速器\WB3SH200\国产</t>
  </si>
  <si>
    <t>【沃德传动】接头\SD87110301 00\减速器\WB3SH320\国产</t>
  </si>
  <si>
    <t>【沃德传动】风扇罩\791716902-00\减速器\WH3SH200\国产</t>
  </si>
  <si>
    <t>【沃德传动】堵\YD906120001\减速器\WB3SH320\国产</t>
  </si>
  <si>
    <t>【沃德传动】堵\YD906060001\减速器\WB3SH320\国产</t>
  </si>
  <si>
    <t>【沃德传动】耐磨套\SD500011110201\减速器\WB3SH290\国产</t>
  </si>
  <si>
    <t>【沃德传动】挡板\SD4008130507-00\减速器\WB3SH310\国产</t>
  </si>
  <si>
    <t>【沃德传动】耐磨套\CR500111110100\减速器\WB3SH240\国产</t>
  </si>
  <si>
    <t>【沃德传动】油封盖\SD4008160203-00\减速器\WB3SH250-DBTM\国产</t>
  </si>
  <si>
    <t>【沃德传动】内齿圈\SD300913050200\减速器\WH2SH320WS\国产</t>
  </si>
  <si>
    <t>【沃德传动】定距环\601310911-00\减速器\WH3SH190\国产</t>
  </si>
  <si>
    <t>【沃德传动】定距环\601310921-00\减速器\WH3SH190\国产</t>
  </si>
  <si>
    <t>【沃德传动】压力润滑压力表\WD000369\减速器\WH3SH270\国产</t>
  </si>
  <si>
    <t>【沃德传动】定距环\601310931-00\减速器\WH3SH190\国产</t>
  </si>
  <si>
    <t>【沃德传动】一级行星架加工件\SD15120302 00\减速器\WH2SH320\国产</t>
  </si>
  <si>
    <t>【沃德传动】齿轴\351427301-00\减速器\WH3SH310\国产</t>
  </si>
  <si>
    <t>【沃德传动】齿轴\451718301-00\减速器\WB3SH240\国产</t>
  </si>
  <si>
    <t>【沃德传动】齿轴\351428301-00\减速器\WH3SH140\国产</t>
  </si>
  <si>
    <t>【沃德传动】齿轴\451716901-00\减速器\WH3SH200\国产</t>
  </si>
  <si>
    <t>【沃德传动】齿轴\351428501-00\减速器\WH2SH170\国产</t>
  </si>
  <si>
    <t>【沃德传动】齿轴\451533501-01\减速器\WH3SH170\国产</t>
  </si>
  <si>
    <t>【沃德传动】齿轴\351440301-00\减速器\WB3SH160\国产</t>
  </si>
  <si>
    <t>【沃德传动】输出轴\451511101-00\减速器\WH3SH290\国产</t>
  </si>
  <si>
    <t>【沃德传动】齿轴\351511101-00\减速器\WH3SH290\国产</t>
  </si>
  <si>
    <t>【沃德传动】输出轴\451502401-00\减速器\WB3SH290\国产</t>
  </si>
  <si>
    <t>【沃德传动】齿轴\351518201-00\减速器\WB3SH270\国产</t>
  </si>
  <si>
    <t>【沃德传动】齿轴\451430301-00\减速器\WB3SH190\国产</t>
  </si>
  <si>
    <t>【沃德传动】输出轴\451427301-00\减速器\WH3SH310\国产</t>
  </si>
  <si>
    <t>【沃德传动】齿轴\451411301-00\减速器\WB3SH230\国产</t>
  </si>
  <si>
    <t>【沃德传动】齿轴\451410701-00\减速器\WB3SH250\国产</t>
  </si>
  <si>
    <t>【沃德传动】齿轮\401718301-00\减速器\WB3SH240\国产</t>
  </si>
  <si>
    <t>【沃德传动】视孔盖\591500201-00\减速器\WB3SH240\国产</t>
  </si>
  <si>
    <t>【沃德传动】齿轴\351527801-00\减速器\WH2SH190\国产</t>
  </si>
  <si>
    <t>【沃德传动】视孔盖\591438301-00\减速器\WB3SH230\国产</t>
  </si>
  <si>
    <t>【沃德传动】齿轴\351607101-00\减速器\WH2SH180\国产</t>
  </si>
  <si>
    <t>【沃德传动】浮动油封盖\SD400511110204\减速器\WB3SH290\国产</t>
  </si>
  <si>
    <t>【沃德传动】齿轴\351610001-00\减速器\WH3SH150\国产</t>
  </si>
  <si>
    <t>【沃德传动】O型密封圈\OQ005505D001\减速器\WB3SH310\国产</t>
  </si>
  <si>
    <t>【沃德传动】泵支架\SD44110302\减速器\WB3SH310\国产</t>
  </si>
  <si>
    <t>【沃德传动】轴端挡板\SL411120301\减速器\WB3SH280\国产</t>
  </si>
  <si>
    <t>【沃德传动】顶丝\DS914162511\减速器\WH2SH320\国产</t>
  </si>
  <si>
    <t>【沃德传动】箱体机加工件\SD10120303 00\减速器\WB3SH320\国产</t>
  </si>
  <si>
    <t>【沃德传动】内齿圈\SD300911110204\减速器\WB3SH290\国产</t>
  </si>
  <si>
    <t>【沃德传动】O型密封圈\OQ380D376D991\减速器\WB3SH310\国产</t>
  </si>
  <si>
    <t>【沃德传动】顶块\SD59110301 01\减速器\WH2SH320\国产</t>
  </si>
  <si>
    <t>【沃德传动】卡簧\KH47112004D0\减速器\WH2SH320\国产</t>
  </si>
  <si>
    <t>【沃德传动】轴端挡板\581405722-01\减速器\WH3SH310\国产</t>
  </si>
  <si>
    <t>【沃德传动】迷宫端盖\SD400013031201\减速器\WH2SH320 WS\国产</t>
  </si>
  <si>
    <t>【沃德传动】定距环\601610021-00\减速器\WH3SH150\国产</t>
  </si>
  <si>
    <t>【沃德传动】氮化套\SD500013031200\减速器\WH2SH320 WS\国产</t>
  </si>
  <si>
    <t>【沃德传动】定距环\601610013-00\减速器\WH3SH150\国产</t>
  </si>
  <si>
    <t>【沃德传动】锁片\SM041553D0\减速器\WH2SH320 WS\国产</t>
  </si>
  <si>
    <t>【沃德传动】定距环\601610011-00\减速器\WH3SH150\国产</t>
  </si>
  <si>
    <t>【沃德传动】顶块\SD500211040100\减速器\WH2SH320 WS\国产</t>
  </si>
  <si>
    <t>【沃德传动】定距环\601607113-00\减速器\WH2SH180\国产</t>
  </si>
  <si>
    <t>【沃德传动】距离垫\SD500113030201\减速器\WH2SH320 WS\国产</t>
  </si>
  <si>
    <t>【沃德传动】距离垫\SD500213030200\减速器\WH2SH320 WS\国产</t>
  </si>
  <si>
    <t>【沃德传动】耐磨块\SD500311040100\减速器\WH2SH320 WS\国产</t>
  </si>
  <si>
    <t>【沃德传动】三轴键\SD81120301 00|70×36×210\工作面刮板输送机\SGZ1350/3×1600\国产</t>
  </si>
  <si>
    <t>【沃德传动】二轴键\SD80120301 00/50×28×118\工作面刮板输送机\SGZ1350/3×1600\国产</t>
  </si>
  <si>
    <t>【沃德传动】定距环\601533541-00\减速器\WH3SH170\国产</t>
  </si>
  <si>
    <t>【沃德传动】马达齿盘紧固件\LS9121205021\工作面刮板输送机\SGZ1350/3×1600\国产</t>
  </si>
  <si>
    <t>【沃德传动】骨架油封\YF045062000722\减速器\WB3SH160\国产</t>
  </si>
  <si>
    <t>【沃德传动】氮化套\601527812-00\减速器\WH2SH190\国产</t>
  </si>
  <si>
    <t>【沃德传动】骨架油封\YF060080000822\减速器\WB3SH200\国产</t>
  </si>
  <si>
    <t>【沃德传动】骨架油封\YF065085001012\减速器\WH2SH170\国产</t>
  </si>
  <si>
    <t>【沃德传动】骨架油封\YF065085001022\减速器\WH2SH170\国产</t>
  </si>
  <si>
    <t>【沃德传动】骨架油封\YF070090001012\减速器\WH3SH210\国产</t>
  </si>
  <si>
    <t>【沃德传动】骨架油封\YF070095001012\减速器\WB3SH190\国产</t>
  </si>
  <si>
    <t>【沃德传动】定距环\601527811-00\减速器\WH2SH190\国产</t>
  </si>
  <si>
    <t>【沃德传动】骨架油封\YF070095001022\减速器\WB3SH190\国产</t>
  </si>
  <si>
    <t>【沃德传动】骨架油封\YF085110000832\减速器\WH3SH140\国产</t>
  </si>
  <si>
    <t>【沃德传动】定距环\601411305-00\减速器\WB3SH230\国产</t>
  </si>
  <si>
    <t>【沃德传动】骨架油封\YF085110001212\减速器\WH3SH230\国产</t>
  </si>
  <si>
    <t>【沃德传动】骨架油封\YF110130001212\减速器\WB3SH150\国产</t>
  </si>
  <si>
    <t>【沃德传动】定距环\601411303-00\减速器\WB3SH230\国产</t>
  </si>
  <si>
    <t>【沃德传动】风扇\781431901-00\减速器\WB3SH160\国产</t>
  </si>
  <si>
    <t>【沃德传动】定距环\601411302-00\减速器\WB3SH230\国产</t>
  </si>
  <si>
    <t>【沃德传动】连接板\781511103-00\减速器\WH3SH290\国产</t>
  </si>
  <si>
    <t>【沃德传动】定距环\601410442-00\减速器\WH3SH240\国产</t>
  </si>
  <si>
    <t>【沃德传动】板条\790619002-00\减速器\WB3SH190\国产</t>
  </si>
  <si>
    <t>【沃德传动】板条\790619003-00\减速器\WB3SH190\国产</t>
  </si>
  <si>
    <t>【沃德传动】定距环\601410432-00\减速器\WH3SH240\国产</t>
  </si>
  <si>
    <t>【沃德传动】连接板\790619004-00\减速器\WB3SH190\国产</t>
  </si>
  <si>
    <t>【沃德传动】定距环\601410431-01\减速器\WH3SH240\国产</t>
  </si>
  <si>
    <t>【沃德传动】板条\790619005-00\减速器\WB3SH190\国产</t>
  </si>
  <si>
    <t>【沃德传动】定距环\601410423-00\减速器\WH3SH240\国产</t>
  </si>
  <si>
    <t>【沃德传动】板条\790717002-00\减速器\WB3SH170\国产</t>
  </si>
  <si>
    <t>【沃德传动】定距环\601410422-00\减速器\WH3SH240\国产</t>
  </si>
  <si>
    <t>【沃德传动】连接板\790717003-00\减速器\WB3SH170\国产</t>
  </si>
  <si>
    <t>【沃德传动】定距环\601410421-00\减速器\WH3SH240\国产</t>
  </si>
  <si>
    <t>【沃德传动】板条\790717004-00\减速器\WB3SH170\国产</t>
  </si>
  <si>
    <t>【沃德传动】定距环\601410411-00\减速器\WH3SH240\国产</t>
  </si>
  <si>
    <t>【沃德传动】板条\790721002-00\减速器\WB3SH210\国产</t>
  </si>
  <si>
    <t>【沃德传动】杯套\SD43120301 00\减速器\WB3SH320\国产</t>
  </si>
  <si>
    <t>【沃德传动】行星销轴\SD200411050100\减速器\WB3SH320WS\国产</t>
  </si>
  <si>
    <t>【沃德传动】视孔盖\491416201-01\减速器\WB3SH150\国产</t>
  </si>
  <si>
    <t>【沃德传动】行星销轴\SD200411110200\减速器\WB3SH290\国产</t>
  </si>
  <si>
    <t>【沃德传动】定距环\500903001-00\减速器\WB3SH150\国产</t>
  </si>
  <si>
    <t>【沃德传动】大迷宫端盖\CR400111110100\减速器\WB3SH240\国产</t>
  </si>
  <si>
    <t>【沃德传动】定距环\500903003-00\减速器\WB3SH150\国产</t>
  </si>
  <si>
    <t>【沃德传动】定距环\SD56120301 00\减速器\WH2SH320\国产</t>
  </si>
  <si>
    <t>【沃德传动】定距环\500903004-00\减速器\WB3SH150\国产</t>
  </si>
  <si>
    <t>【沃德传动】顶块\SD531 10401 00\减速器\WH2SH320\国产</t>
  </si>
  <si>
    <t>【沃德传动】定距环\500903005-00\减速器\WB3SH150\国产</t>
  </si>
  <si>
    <t>【沃德传动】耐磨板\SD521 10401 00\减速器\WH2SH320\国产</t>
  </si>
  <si>
    <t>【沃德传动】定距环\501101903-00\减速器\WB3SH150\国产</t>
  </si>
  <si>
    <t>【沃德传动】终端集成箱保护罩\MH16120301 00\减速器\WH2SH320\国产</t>
  </si>
  <si>
    <t>【沃德传动】齿轮\501200901-00\减速器\WH3SH250\国产</t>
  </si>
  <si>
    <t>【沃德传动】终端集成箱支架\MH15120301 00\减速器\WH2SH320\国产</t>
  </si>
  <si>
    <t>【沃德传动】齿轮\501410701-00\减速器\WB3SH250\国产</t>
  </si>
  <si>
    <t>【沃德传动】齿轮\501411301-00\减速器\WB3SH230\国产</t>
  </si>
  <si>
    <t>【沃德传动】油温传感器保护罩\SD413120302 00\减速器\WH2SH320\国产</t>
  </si>
  <si>
    <t>【沃德传动】太阳轮\SD200311050100\减速器\WB3SH320WS\国产</t>
  </si>
  <si>
    <t>【沃德传动】太阳轮\SD23110402\减速器\WH2SH310\国产</t>
  </si>
  <si>
    <t>【沃德传动】氮化套\621511101-00\减速器\WH3SH290\国产</t>
  </si>
  <si>
    <t>【沃德传动】太阳轮\SD23110301\减速器\WB3SH310\国产</t>
  </si>
  <si>
    <t>【沃德传动】伞齿轴\150150010-01\减速器\WB3SH150\国产</t>
  </si>
  <si>
    <t>【沃德传动】油封盖\581428511-00\减速器\WH2SH170\国产</t>
  </si>
  <si>
    <t>【沃德传动】伞齿轴\150170010-00\减速器\WB3SH170\国产</t>
  </si>
  <si>
    <t>【沃德传动】氮化套\621502411-00\减速器\WB3SH290\国产</t>
  </si>
  <si>
    <t>【沃德传动】伞齿轴\150170010-02\减速器\WB3SH180\国产</t>
  </si>
  <si>
    <t>【沃德传动】伞齿轴\150210010-01\减速器\WB3SH210\国产</t>
  </si>
  <si>
    <t>【沃德传动】氮化套\621440041-00\减速器\WH3SH250\国产</t>
  </si>
  <si>
    <t>【沃德传动】伞齿轴\150270080-00\减速器\WB3SH270\国产</t>
  </si>
  <si>
    <t>【沃德传动】氮化套\621440011-00\减速器\WH3SH250\国产</t>
  </si>
  <si>
    <t>【沃德传动】伞齿轴\151419201-00\减速器\WB3SH220\国产</t>
  </si>
  <si>
    <t>【沃德传动】氮化套\621421641-00\减速器\WH3SH160\国产</t>
  </si>
  <si>
    <t>【沃德传动】伞齿轴\151430301-00\减速器\WB3SH190\国产</t>
  </si>
  <si>
    <t>【沃德传动】伞齿轴\151440301-00\减速器\WB3SH160\国产</t>
  </si>
  <si>
    <t>【沃德传动】氮化套\621428802-00\减速器\WH3SH210\国产</t>
  </si>
  <si>
    <t>【沃德传动】伞齿轴\151502401-00\减速器\WB3SH290\国产</t>
  </si>
  <si>
    <t>【沃德传动】接头\KJT21215220\减速器\WB3SH310\国产</t>
  </si>
  <si>
    <t>【沃德传动】氮化套\621410411-00\减速器\WH3SH240\国产</t>
  </si>
  <si>
    <t>【沃德传动】骨架油封\YF150180001532\减速器\WB3SH310\国产</t>
  </si>
  <si>
    <t>【沃德传动】氮化套\621405741-00\减速器\WH3SH310\国产</t>
  </si>
  <si>
    <t>【沃德传动】骨架油封\YF150180001533\减速器\WB3SH290\国产</t>
  </si>
  <si>
    <t>【沃德传动】氮化套\621511102-00\减速器\WH3SH290\国产</t>
  </si>
  <si>
    <t>【沃德传动】氮化套\SD50110301\减速器\WH2SH310\国产</t>
  </si>
  <si>
    <t>【沃德传动】氮化套\SD50110302\减速器\WB3SH310\国产</t>
  </si>
  <si>
    <t>【沃德传动】电机齿轮\WD150010200\减速器\WK167\国产</t>
  </si>
  <si>
    <t>【沃德传动】电机对轮\PM120501 00\工作面刮板输送机\SGZ1350/3×1600\国产</t>
  </si>
  <si>
    <t>【沃德传动】螺母\LM9343021\减速器\WB3SH280\国产</t>
  </si>
  <si>
    <t>【沃德传动】螺纹保护套\LBT030\减速器\WB3SH280\国产</t>
  </si>
  <si>
    <t>【沃德传动】壳体加工件\SD10110301\减速器\WB3SH310\国产</t>
  </si>
  <si>
    <t>【沃德传动】上壳体铸件\SD11110301\减速器\WB3SH310\国产</t>
  </si>
  <si>
    <t>【沃德传动】下壳体铸件\SD12110301\减速器\WB3SH310\国产</t>
  </si>
  <si>
    <t>【沃德传动】螺丝\LS81910025\减速器\WB3SH280\国产</t>
  </si>
  <si>
    <t>【沃德传动】内六角螺栓\LS9122006011\减速器\WB3SH320\国产</t>
  </si>
  <si>
    <t>【沃德传动】卡箍\KHKDN1000\减速器\WB3SH320\国产</t>
  </si>
  <si>
    <t>【沃德传动】骨架油封\YF160185001032\减速器\WH2SH190\国产</t>
  </si>
  <si>
    <t>【沃德传动】黄油嘴\HY12204000\减速器\WB3SH320\国产</t>
  </si>
  <si>
    <t>【沃德传动】骨架油封\YF160190001512\减速器\WH3SH190\国产</t>
  </si>
  <si>
    <t>【沃德传动】骨架油封\YF160190001522\减速器\WB3SH190\国产</t>
  </si>
  <si>
    <t>【沃德传动】骨架油封\YF180210001512\减速器\WH3SH210\国产</t>
  </si>
  <si>
    <t>【沃德传动】外六角螺栓\LS9332005011\减速器\WB3SH320\国产</t>
  </si>
  <si>
    <t>【沃德传动】骨架油封\YF170200001512\减速器\WB3SH200\国产</t>
  </si>
  <si>
    <t>【沃德传动】骨架油封\YF170200001522\减速器\WB3SH200\国产</t>
  </si>
  <si>
    <t>【沃德传动】内六角螺栓\LS9121804511\减速器\WB3SH280\国产</t>
  </si>
  <si>
    <t>【沃德传动】伞齿轮\CR30120301\减速器\WB3SH200\国产</t>
  </si>
  <si>
    <t>【沃德传动】伞齿轮\SD300015070100\减速器\WB3SH250\国产</t>
  </si>
  <si>
    <t>【沃德传动】定距环\SD57120301 00\减速器\WB3SH320\国产</t>
  </si>
  <si>
    <t>【沃德传动】卡簧\KH47119004D0\减速器\WB3SH310\国产</t>
  </si>
  <si>
    <t>【沃德传动】轴端挡板\SD512120301 00\减速器\WB3SH320\国产</t>
  </si>
  <si>
    <t>【沃德传动】键\SD81110301\减速器\WB3SH310\国产</t>
  </si>
  <si>
    <t>【沃德传动】迷宫盖\SD40110302\减速器\WH2SH310\国产</t>
  </si>
  <si>
    <t>【沃德传动】卡簧\KH4723406D0\减速器\WB3SH310\国产</t>
  </si>
  <si>
    <t>【沃德传动】键\SD80110301\减速器\WB3SH310\国产</t>
  </si>
  <si>
    <t>【沃德传动】注油过滤器\SD99110301 0\减速器\WB3SH320\国产</t>
  </si>
  <si>
    <t>【沃德传动】耐磨套\CR500011110100\减速器\WB3SH240\国产</t>
  </si>
  <si>
    <t>【沃德传动】键\SL84120301\减速器\WB3SH280\国产</t>
  </si>
  <si>
    <t>【沃德传动】锁母\SM021803D0\减速器\WH2SH320\国产</t>
  </si>
  <si>
    <t>【沃德传动】端板\SD56110401\减速器\WH2SH310\国产</t>
  </si>
  <si>
    <t>【沃德传动】卡簧\KH4723606D0\减速器\WB3SH280\国产</t>
  </si>
  <si>
    <t>【沃德传动】定距环\SD55120301 00\减速器\WB3SH320\国产</t>
  </si>
  <si>
    <t>【沃德传动】定距环\SD511120301 00\减速器\WB3SH320\国产</t>
  </si>
  <si>
    <t>【沃德传动】键\SL83120301\减速器\WB3SH280\国产</t>
  </si>
  <si>
    <t>【沃德传动】齿轮\401800801-00\减速器\WH3SH230\国产</t>
  </si>
  <si>
    <t>【沃德传动】骨架油封\YF190220001222\减速器\WH2SH240\国产</t>
  </si>
  <si>
    <t>【沃德传动】齿轮\401719201-00\减速器\WH3SH210\国产</t>
  </si>
  <si>
    <t>【沃德传动】齿轴\451200901-00\减速器\WH3SH250\国产</t>
  </si>
  <si>
    <t>【沃德传动】定距环\SD500311110200\减速器\WB3SH290\国产</t>
  </si>
  <si>
    <t>【沃德传动】定距环\SD502311030100\减速器\WB3SH290\国产</t>
  </si>
  <si>
    <t>【沃德传动】骨架油封\YF090120001212\减速器\WH2SH240\国产</t>
  </si>
  <si>
    <t>【沃德传动】骨架油封\YF090110001222\减速器\WB3SH230\国产</t>
  </si>
  <si>
    <t>【沃德传动】骨架油封\YF090110001212\减速器\WB3SH230\国产</t>
  </si>
  <si>
    <t>【沃德传动】骨架油封\YF140170001522\减速器\WH2SH180\国产</t>
  </si>
  <si>
    <t>【沃德传动】骨架油封\YF140170001212\减速器\WH3SH290\国产</t>
  </si>
  <si>
    <t>【沃德传动】骨架油封\YF140170001512\减速器\WH2SH180\国产</t>
  </si>
  <si>
    <t>【沃德传动】骨架油封\YF190220001512\减速器\WH3SH200\国产</t>
  </si>
  <si>
    <t>【沃德传动】骨架油封\YF190220001522\减速器\WB3SH220\国产</t>
  </si>
  <si>
    <t>【沃德传动】骨架油封\YF140160001012\减速器\WH2SH170\国产</t>
  </si>
  <si>
    <t>【沃德传动】骨架油封\YF190225001632\减速器\WB3SH320\国产</t>
  </si>
  <si>
    <t>【沃德传动】骨架油封\YF065085001032\减速器\WH2SH190\国产</t>
  </si>
  <si>
    <t>【沃德传动】骨架油封\YF200230001512\减速器\WH3SH230\国产</t>
  </si>
  <si>
    <t>【沃德传动】骨架油封\YF220250001532\减速器\WB3SH240\国产</t>
  </si>
  <si>
    <t>【沃德传动】骨架油封\YF135170001232\减速器\WB3SH250\国产</t>
  </si>
  <si>
    <t>【沃德传动】骨架油封\YF130160001222\减速器\WH3SH170\国产</t>
  </si>
  <si>
    <t>【沃德传动】骨架油封\YF240270001512\减速器\WH3SH250\国产</t>
  </si>
  <si>
    <t>【沃德传动】空气过滤器\SL9211030201\减速器\WB3SH310\国产</t>
  </si>
  <si>
    <t>【沃德传动】骨架油封\YF280320002012\减速器\WB3SH270\国产</t>
  </si>
  <si>
    <t>【沃德传动】空气滤清器\SL9311030201\减速器\WH2SH310\国产</t>
  </si>
  <si>
    <t>【沃德传动】骨架油封\YF320360002012\减速器\WH2SH300\国产</t>
  </si>
  <si>
    <t>【沃德传动】视孔盖\591431901-00\减速器\WB3SH160\国产</t>
  </si>
  <si>
    <t>【沃德传动】骨架油封\YF310270001621\减速器\WB3SH240\国产</t>
  </si>
  <si>
    <t>【沃德传动】视孔盖\591428801-00\减速器\WH3SH210\国产</t>
  </si>
  <si>
    <t>【沃德传动】定距环\CR5002120301-01\减速器\WB3SH200\国产</t>
  </si>
  <si>
    <t>【沃德传动】视孔盖\591428301-00\减速器\WH3SH140\国产</t>
  </si>
  <si>
    <t>【沃德传动】视孔盖\591421801-00\减速器\WH2SH170\国产</t>
  </si>
  <si>
    <t>【沃德传动】视孔盖\591421601-01\减速器\WH3SH160\国产</t>
  </si>
  <si>
    <t>【沃德传动】视孔盖\591420101-00\减速器\WH3SH190\国产</t>
  </si>
  <si>
    <t>【沃德传动】视孔盖\591419801-00\减速器\WH3SH230\国产</t>
  </si>
  <si>
    <t>【沃德传动】透连盖\581428512-00\减速器\WH2SH170\国产</t>
  </si>
  <si>
    <t>【沃德传动】端盖\581428501-01\减速器\WH2SH170\国产</t>
  </si>
  <si>
    <t>【沃德传动】端盖\581428343-00\减速器\WH3SH140\国产</t>
  </si>
  <si>
    <t>【沃德传动】油封盖\581428342-00\减速器\WH3SH140\国产</t>
  </si>
  <si>
    <t>【沃德传动】迷宫盘\581428341-00\减速器\WH3SH140\国产</t>
  </si>
  <si>
    <t>【沃德传动】闷连盖\581428314-00\减速器\WH3SH140\国产</t>
  </si>
  <si>
    <t>【沃德传动】透连盖\581428313-00\减速器\WH3SH140\国产</t>
  </si>
  <si>
    <t>【沃德传动】油封盖\581428312-00\减速器\WH3SH140\国产</t>
  </si>
  <si>
    <t>【沃德传动】迷宫盘\581428311-00\减速器\WH3SH140\国产</t>
  </si>
  <si>
    <t>【沃德传动】油封盖\581427142-00\减速器\WH3SH270\国产</t>
  </si>
  <si>
    <t>【沃德传动】轴端挡板\641440014-00\减速器\WH3SH250\国产</t>
  </si>
  <si>
    <t>【沃德传动】卡簧\KH47216004D0\减速器\WH2SH310\国产</t>
  </si>
  <si>
    <t>【沃德传动】定距环\SD5018111101-00\减速器\WB3SH250\国产</t>
  </si>
  <si>
    <t>【沃德传动】金属堵\YD9062400001\减速器\WH2SH310\国产</t>
  </si>
  <si>
    <t>【沃德传动】螺母\LM9342421\减速器\WB3SH280\国产</t>
  </si>
  <si>
    <t>【沃德传动】顶块\SD53110401\减速器\WH2SH310\国产</t>
  </si>
  <si>
    <t>【沃德传动】卡簧\KH47215504D0\减速器\WB3SH320\国产</t>
  </si>
  <si>
    <t>【沃德传动】齿轮\201533501-01\减速器\WH3SH170\国产</t>
  </si>
  <si>
    <t>【沃德传动】堵\YD908120001\减速器\WB3SH200\国产</t>
  </si>
  <si>
    <t>【沃德传动】齿轮\201719501-00\减速器\WH3SH210\国产</t>
  </si>
  <si>
    <t>【沃德传动】堵\YD906300001\减速器\WB3SH280\国产</t>
  </si>
  <si>
    <t>【沃德传动】齿轮\301220401-00\减速器\WH2SH260\国产</t>
  </si>
  <si>
    <t>【沃德传动】齿轮\401440301-00\减速器\WB3SH160\国产</t>
  </si>
  <si>
    <t>【沃德传动】齿轮\301416201-01\减速器\WB3SH150\国产</t>
  </si>
  <si>
    <t>【沃德传动】油堵\YD9081610001\减速器\WB3SH200\国产</t>
  </si>
  <si>
    <t>【沃德传动】齿轮\401428501-00\减速器\WH2SH170\国产</t>
  </si>
  <si>
    <t>【沃德传动】定距环\600721301\减速器\WB3SH200\国产</t>
  </si>
  <si>
    <t>【沃德传动】齿轮\401513901-00\减速器\WH3SH250\国产</t>
  </si>
  <si>
    <t>【沃德传动】定距环\600745702\减速器\WB3SH200\国产</t>
  </si>
  <si>
    <t>【沃德传动】接头\24CU90T22\减速器\WB3SH320\国产</t>
  </si>
  <si>
    <t>【沃德传动】齿轮\401424601-00\减速器\WH2SH300\国产</t>
  </si>
  <si>
    <t>【沃德传动】密封垫\DP12\减速器\WB3SH320\国产</t>
  </si>
  <si>
    <t>【沃德传动】齿轴\251421601-00\减速器\WH3SH160\国产</t>
  </si>
  <si>
    <t>【沃德传动】接头\SD85110301 01\减速器\WB3SH320\国产</t>
  </si>
  <si>
    <t>【沃德传动】齿轴\251420201-00\减速器\WH3SH180\国产</t>
  </si>
  <si>
    <t>【沃德传动】O型密封圈\0Q11OD004D00\减速器\WB3SH320\国产</t>
  </si>
  <si>
    <t>【沃德传动】齿轴\251220401-00\减速器\WH2SH260\国产</t>
  </si>
  <si>
    <t>【沃德传动】O型密封圈\0Q405D004D00\减速器\WB3SH320\国产</t>
  </si>
  <si>
    <t>【沃德传动】O型密封圈\0Q385D006D00\减速器\WB3SH320\国产</t>
  </si>
  <si>
    <t>【沃德传动】齿轴\151719501-00\减速器\WH3SH210\国产</t>
  </si>
  <si>
    <t>【沃德传动】油封\YF19022516D03\减速器\WB3SH320\国产</t>
  </si>
  <si>
    <t>【沃德传动】齿轴\151533501-01\减速器\WH3SH170\国产</t>
  </si>
  <si>
    <t>【沃德传动】齿轴\151518401-01\减速器\WH3SH240\国产</t>
  </si>
  <si>
    <t>【沃德传动】定距环\601428511-00\减速器\WH2SH170\国产</t>
  </si>
  <si>
    <t>【沃德传动】齿轴\151511101-01\减速器\WH3SH290\国产</t>
  </si>
  <si>
    <t>【沃德传动】齿轴\151427301-00\减速器\WH3SH310\国产</t>
  </si>
  <si>
    <t>【沃德传动】齿轴\150140030\减速器\WB3SH140\国产</t>
  </si>
  <si>
    <t>【沃德传动】风扇罩\791421101-00\减速器\WH3SH180\国产</t>
  </si>
  <si>
    <t>【沃德传动】风扇罩\791419801-00\减速器\WH3SH230\国产</t>
  </si>
  <si>
    <t>【沃德传动】风扇罩\791419802-00\减速器\WH3SH230\国产</t>
  </si>
  <si>
    <t>【沃德传动】风扇罩\791410402-00\减速器\WH3SH240\国产</t>
  </si>
  <si>
    <t>【沃德传动】端盖\580727931-00\减速器\WH2SH260\国产</t>
  </si>
  <si>
    <t>【沃德传动】端盖\5807279210\减速器\WH2SH260\国产</t>
  </si>
  <si>
    <t>【沃德传动】快换堵\KHGDN20000\减速器\WB3SH200\国产</t>
  </si>
  <si>
    <t>【沃德传动】马达齿盘\GW120501 00\工作面刮板输送机\SGZ1350/3×1600\国产</t>
  </si>
  <si>
    <t>【沃德传动】定距环\601428521-00\减速器\WH2SH170\国产</t>
  </si>
  <si>
    <t>【沃德传动】输出轴\551440301-00\减速器\WB3SH160\国产</t>
  </si>
  <si>
    <t>【沃德传动】输出轴\551430301-00\减速器\WB3SH190\国产</t>
  </si>
  <si>
    <t>【沃德传动】定距环\601428522-00\减速器\WH2SH170\国产</t>
  </si>
  <si>
    <t>【沃德传动】定距环\601428523-00\减速器\WH2SH170\国产</t>
  </si>
  <si>
    <t>【沃德传动】输出轴\551428301-00\减速器\WH3SH140\国产</t>
  </si>
  <si>
    <t>【沃德传动】套筒\601428551-00\减速器\WH2SH170\国产</t>
  </si>
  <si>
    <t>【沃德传动】输出轴\551421801-00\减速器\WH2SH170\国产</t>
  </si>
  <si>
    <t>【沃德传动】输出轴\551421601-00\减速器\WH3SH160\国产</t>
  </si>
  <si>
    <t>【沃德传动】输出轴\551420201-01\减速器\WH3SH180\国产</t>
  </si>
  <si>
    <t>【沃德传动】输出轴\551420101-00\减速器\WH3SH190\国产</t>
  </si>
  <si>
    <t>【沃德传动】定距环\601428811-00\减速器\WH3SH210\国产</t>
  </si>
  <si>
    <t>【沃德传动】定距环\601428812-00\减速器\WH3SH210\国产</t>
  </si>
  <si>
    <t>【沃德传动】输出轴\551419201-00\减速器\WB3SH220\国产</t>
  </si>
  <si>
    <t>【沃德传动】定距环\601429601-00\减速器\WB3SH230\国产</t>
  </si>
  <si>
    <t>【沃德传动】限矩摩擦器\LLC120501 00\工作面刮板输送机\SGZ1350/3×1600\国产</t>
  </si>
  <si>
    <t>【沃德传动】端盖\581405723-00\减速器\WH3SH310\国产</t>
  </si>
  <si>
    <t>【沃德传动】轴承座\580747302-00\减速器\WB3SH210\国产</t>
  </si>
  <si>
    <t>【沃德传动】端盖\581405731-00\减速器\WH3SH310\国产</t>
  </si>
  <si>
    <t>【沃德传动】轴承座\580744112-00\减速器\WB3SH170\国产</t>
  </si>
  <si>
    <t>【沃德传动】端盖\4811055010\减速器\WB3SH150\国产</t>
  </si>
  <si>
    <t>【沃德传动】轴承座\581702812-00\减速器\WB3SH180\国产</t>
  </si>
  <si>
    <t>【沃德传动】轴承座\581518213-01\减速器\WB3SH270\国产</t>
  </si>
  <si>
    <t>【沃德传动】轴承座\581440312-00\减速器\WB3SH160\国产</t>
  </si>
  <si>
    <t>【沃德传动】迷宫盘\581405741-00\减速器\WH3SH310\国产</t>
  </si>
  <si>
    <t>【沃德传动】轴端挡板\641116901-00\减速器\WH2SH260\国产</t>
  </si>
  <si>
    <t>【沃德传动】油封盖\581405742-00\减速器\WH3SH310\国产</t>
  </si>
  <si>
    <t>【沃德传动】氮化套\621514431-00\减速器\WH2SH240\国产</t>
  </si>
  <si>
    <t>【沃德传动】端盖\581405743-00\减速器\WH3SH310\国产</t>
  </si>
  <si>
    <t>【沃德传动】迷宫盘\581410411-00\减速器\WH3SH240\国产</t>
  </si>
  <si>
    <t>【沃德传动】氮化套\621514411-00\减速器\WH2SH240\国产</t>
  </si>
  <si>
    <t>【沃德传动】轴端挡板\581410422-00\减速器\WH3SH240\国产</t>
  </si>
  <si>
    <t>【沃德传动】氮化套\621502441-00\减速器\WB3SH290\国产</t>
  </si>
  <si>
    <t>【沃德传动】端盖\581410431-00\减速器\WH3SH240\国产</t>
  </si>
  <si>
    <t>【沃德传动】轴承套\621429602-00\减速器\WB3SH230\国产</t>
  </si>
  <si>
    <t>【沃德传动】迷宫盘\581410441-00\减速器\WH3SH240\国产</t>
  </si>
  <si>
    <t>【沃德传动】氮化套\621429601-00\减速器\WB3SH230\国产</t>
  </si>
  <si>
    <t>【沃德传动】视孔盖\590750901-01\减速器\WH2SH260\国产</t>
  </si>
  <si>
    <t>【沃德传动】氮化套\621411302-00\减速器\WB3SH230\国产</t>
  </si>
  <si>
    <t>【沃德传动】氮化套\621410441-00\减速器\WH3SH240\国产</t>
  </si>
  <si>
    <t>【沃德传动】端盖\5907509010\减速器\WH2SH260\国产</t>
  </si>
  <si>
    <t>【沃德传动】氮化套\621405711-00\减速器\WH3SH310\国产</t>
  </si>
  <si>
    <t>【沃德传动】视孔盖\591209901\减速器\WB3SH140\国产</t>
  </si>
  <si>
    <t>【沃德传动】定距环\601440031-00\减速器\WH3SH250\国产</t>
  </si>
  <si>
    <t>【沃德传动】视孔盖\591214001-00\减速器\WH3SH270\国产</t>
  </si>
  <si>
    <t>【沃德传动】定距环\601440022-00\减速器\WH3SH250\国产</t>
  </si>
  <si>
    <t>【沃德传动】定距环\601440021-00\减速器\WH3SH250\国产</t>
  </si>
  <si>
    <t>【沃德传动】视孔盖\591214002-00\减速器\WH3SH270\国产</t>
  </si>
  <si>
    <t>【沃德传动】定距环\601440014-00\减速器\WH3SH250\国产</t>
  </si>
  <si>
    <t>【沃德传动】定距环\601440012-00\减速器\WH3SH250\国产</t>
  </si>
  <si>
    <t>【沃德传动】视孔盖\591308501-00\减速器\WH2SH300\国产</t>
  </si>
  <si>
    <t>【沃德传动】定距环\601438101-00\减速器\WH3SH210\国产</t>
  </si>
  <si>
    <t>【沃德传动】视孔盖\591311101-00\减速器\WH3SH150\国产</t>
  </si>
  <si>
    <t>【沃德传动】定距环\601431943-00\减速器\WB3SH160\国产</t>
  </si>
  <si>
    <t>【沃德传动】视孔盖\591311201-00\减速器\WH3SH180\国产</t>
  </si>
  <si>
    <t>【沃德传动】外六角螺栓\LS9332006511\减速器\WB3SH280\国产</t>
  </si>
  <si>
    <t>【沃德传动】视孔盖\591405701-00\减速器\WH3SH310\国产</t>
  </si>
  <si>
    <t>【沃德传动】氮化套\SD5000110302 01\减速器\WB3SH310\国产</t>
  </si>
  <si>
    <t>【沃德传动】视孔盖\591406201\减速器\WH2SH270\国产</t>
  </si>
  <si>
    <t>【沃德传动】定距环\601209906\减速器\WB3SH140\国产</t>
  </si>
  <si>
    <t>【沃德传动】氮化套\SD5000130507-01\减速器\WB3SH310\国产</t>
  </si>
  <si>
    <t>【沃德传动】定距环\601209907\减速器\WB3SH140\国产</t>
  </si>
  <si>
    <t>【沃德传动】风扇罩\791428802-00\减速器\WH3SH210\国产</t>
  </si>
  <si>
    <t>【沃德传动】轴端挡板\601214015-00\减速器\WH3SH270\国产</t>
  </si>
  <si>
    <t>【沃德传动】风扇罩\791428801-00\减速器\WH3SH210\国产</t>
  </si>
  <si>
    <t>【沃德传动】轴端挡板\601214021-00\减速器\WH3SH270\国产</t>
  </si>
  <si>
    <t>【沃德传动】定距环\601220401-00\减速器\WH2SH260\国产</t>
  </si>
  <si>
    <t>【沃德传动】油封盖\SD4008130301-00\减速器\WB3SH320\国产</t>
  </si>
  <si>
    <t>【沃德传动】风扇罩\791309602-00\减速器\WB3SH240\国产</t>
  </si>
  <si>
    <t>【沃德传动】油封盖\SD4008130601-00\减速器\WB3SH320-S\国产</t>
  </si>
  <si>
    <t>【沃德传动】油封盖\SD4008141207-00\减速器\WB3SH250-M\国产</t>
  </si>
  <si>
    <t>【沃德传动】风扇罩\791209902\减速器\WB3SH140\国产</t>
  </si>
  <si>
    <t>【沃德传动】保护罩\SD4009111102-00\减速器\WB3SH290\国产</t>
  </si>
  <si>
    <t>【沃德传动】风扇罩\791209901\减速器\WB3SH140\国产</t>
  </si>
  <si>
    <t>【沃德传动】油封盖\CR4001120301-03\减速器\WB3SH200\国产</t>
  </si>
  <si>
    <t>【沃德传动】油封\YF18014012D031\减速器\WH2SH310\国产</t>
  </si>
  <si>
    <t>【沃德传动】油镜\YJ0100024\减速器\WB3SH240\国产</t>
  </si>
  <si>
    <t>【沃德传动】油镜\YJ0100006\减速器\WB3SH200\国产</t>
  </si>
  <si>
    <t>【沃德传动】油镜尺\SD700011080100\减速器\WB3SH240\国产</t>
  </si>
  <si>
    <t>【沃德传动】油镜尺\SD700011030100\减速器\WB3SH310\国产</t>
  </si>
  <si>
    <t>【沃德传动】水冷却器\SD90110401\减速器\WH2SH310\国产</t>
  </si>
  <si>
    <t>【沃德传动】定距环\601209905\减速器\WB3SH140\国产</t>
  </si>
  <si>
    <t>【沃德传动】定距环\601209904\减速器\WB3SH140\国产</t>
  </si>
  <si>
    <t>【沃德传动】定距环\601209903\减速器\WB3SH140\国产</t>
  </si>
  <si>
    <t>【沃德传动】调整垫\601209902\减速器\WB3SH140\国产</t>
  </si>
  <si>
    <t>【沃德传动】定距环\601209901\减速器\WB3SH140\国产</t>
  </si>
  <si>
    <t>【沃德传动】调整垫\601209513-00\减速器\WB3SH150\国产</t>
  </si>
  <si>
    <t>【沃德传动】伞齿\200190010\减速器\WB3SH200\国产</t>
  </si>
  <si>
    <t>【沃德传动】定距环\601201643-00\减速器\WH2SH260\国产</t>
  </si>
  <si>
    <t>【沃德传动】三轴\450721302\减速器\WB3SH200\国产</t>
  </si>
  <si>
    <t>【沃德传动】定距环\601200706-00\减速器\WH3SH230\国产</t>
  </si>
  <si>
    <t>【沃德传动】定距环\601200705-00\减速器\WH3SH230\国产</t>
  </si>
  <si>
    <t>【沃德传动】定距环\601200704-00\减速器\WH3SH230\国产</t>
  </si>
  <si>
    <t>【沃德传动】视孔盖\590745701-00\减速器\WB3SH190\国产</t>
  </si>
  <si>
    <t>【沃德传动】视孔盖\590744101-00\减速器\WB3SH170\国产</t>
  </si>
  <si>
    <t>【沃德传动】视孔盖\590723701-00\减速器\WB3SH220\国产</t>
  </si>
  <si>
    <t>【沃德传动】视孔盖\590722501-01\减速器\WB3SH210\国产</t>
  </si>
  <si>
    <t>【沃德传动】视孔盖\590718901-00\减速器\WH2SH180\国产</t>
  </si>
  <si>
    <t>【沃德传动】视孔盖\590717701-00\减速器\WH3SH170\国产</t>
  </si>
  <si>
    <t>【沃德传动】端盖\581804631-00\减速器\WH3SH250\国产</t>
  </si>
  <si>
    <t>【沃德传动】端盖\581804621-00\减速器\WH3SH250\国产</t>
  </si>
  <si>
    <t>【沃德传动】端盖\581716943-00\减速器\WH3SH200\国产</t>
  </si>
  <si>
    <t>【沃德传动】油封盖\581716942-00\减速器\WH3SH200\国产</t>
  </si>
  <si>
    <t>【沃德传动】端盖\581405721-00\减速器\WH3SH310\国产</t>
  </si>
  <si>
    <t>【沃德传动】端盖\581405715-00\减速器\WH3SH310\国产</t>
  </si>
  <si>
    <t>【沃德传动】轴端挡板\581405714-00\减速器\WH3SH310\国产</t>
  </si>
  <si>
    <t>【沃德传动】挡油盘\581405713-00\减速器\WH3SH310\国产</t>
  </si>
  <si>
    <t>【沃德传动】油封盖\581405712-00\减速器\WH3SH310\国产</t>
  </si>
  <si>
    <t>【沃德传动】迷宫盘\581405711-01\减速器\WH3SH310\国产</t>
  </si>
  <si>
    <t>【沃德传动】端盖\581404242-00\减速器\WH3SH170\国产</t>
  </si>
  <si>
    <t>【沃德传动】油封盖\581404241-00\减速器\WH3SH170\国产</t>
  </si>
  <si>
    <t>【沃德传动】迷宫盘\581318641-00\减速器\WH3SH290\国产</t>
  </si>
  <si>
    <t>【沃德传动】端盖\581318631-01\减速器\WH3SH290\国产</t>
  </si>
  <si>
    <t>【沃德传动】定距环\601527810-00\减速器\WH2SH190\国产</t>
  </si>
  <si>
    <t>【沃德传动】定距环\601527809-00\减速器\WH2SH190\国产</t>
  </si>
  <si>
    <t>【沃德传动】定距环\601527807-00\减速器\WH2SH190\国产</t>
  </si>
  <si>
    <t>【沃德传动】定距环\601527805-00\减速器\WH2SH190\国产</t>
  </si>
  <si>
    <t>【沃德传动】定距环\601527802-00\减速器\WH2SH190\国产</t>
  </si>
  <si>
    <t>【沃德传动】轴承座\581430302-00\减速器\WB3SH190\国产</t>
  </si>
  <si>
    <t>【沃德传动】下箱体\121209901\减速器\WB3SH140\国产</t>
  </si>
  <si>
    <t>【沃德传动】上箱体\111209901\减速器\WB3SH140\国产</t>
  </si>
  <si>
    <t>【沃德传动】过渡板\SL4017120301-00\减速器\WB3SH320\国产</t>
  </si>
  <si>
    <t>【沃德传动】油封盖\581220403-00\减速器\WH2SH260\国产</t>
  </si>
  <si>
    <t>【沃德传动】油封盖\581220402-00\减速器\WH2SH260\国产</t>
  </si>
  <si>
    <t>【沃德传动】保护板\SD5017130303-00\减速器\WB3SH240\国产</t>
  </si>
  <si>
    <t>【沃德传动】密封盖\SD4001110502-02\减速器\WH2SH320\国产</t>
  </si>
  <si>
    <t>【沃德传动】输出轴\551209901\减速器\WB3SH140\国产</t>
  </si>
  <si>
    <t>【沃德传动】定距环\601309831-00\减速器\WB3SH250\国产</t>
  </si>
  <si>
    <t>【沃德传动】输出轴\551411301-00\减速器\WB3SH230\国产</t>
  </si>
  <si>
    <t>【沃德传动】定距环\601309822-00\减速器\WB3SH250\国产</t>
  </si>
  <si>
    <t>【沃德传动】输出轴\551440001-00\减速器\WB3SH250\国产</t>
  </si>
  <si>
    <t>【沃德传动】定距环\601309812-00\减速器\WB3SH250\国产</t>
  </si>
  <si>
    <t>【沃德传动】输出轴\551603101-00\减速器\WB3SH240\国产</t>
  </si>
  <si>
    <t>【沃德传动】输出轴\551716901-00\减速器\WH3SH200\国产</t>
  </si>
  <si>
    <t>【沃德传动】端盖\580702601-00\减速器\WH2SH180\国产</t>
  </si>
  <si>
    <t>【沃德传动】透连盖\580702603-00\减速器\WH2SH180\国产</t>
  </si>
  <si>
    <t>【沃德传动】端盖\581440342-00\减速器\WB3SH160\国产</t>
  </si>
  <si>
    <t>【沃德传动】闷连盖\580702604-00\减速器\WH2SH180\国产</t>
  </si>
  <si>
    <t>【沃德传动】油封盖\581440341-00\减速器\WB3SH160\国产</t>
  </si>
  <si>
    <t>【沃德传动】齿轮\501420201-00\减速器\WH3SH180\国产</t>
  </si>
  <si>
    <t>【沃德传动】端盖\581440043-00\减速器\WB3SH250\国产</t>
  </si>
  <si>
    <t>【沃德传动】油封盖\581440042-00\减速器\WH3SH250\国产</t>
  </si>
  <si>
    <t>【沃德传动】端盖\581440021-00\减速器\WB3SH250\国产</t>
  </si>
  <si>
    <t>【沃德传动】端盖\581440015-00\减速器\WH3SH250\国产</t>
  </si>
  <si>
    <t>【沃德传动】挡油盘\581440013-00\减速器\WH3SH250\国产</t>
  </si>
  <si>
    <t>【沃德传动】油封盖\581440012-00\减速器\WH3SH250\国产</t>
  </si>
  <si>
    <t>【沃德传动】端盖\581438305-00\减速器\WB3SH230\国产</t>
  </si>
  <si>
    <t>【沃德传动】油封盖\581438304-00\减速器\WB3SH230\国产</t>
  </si>
  <si>
    <t>【沃德传动】保护板\801301301-00\减速器\WB3SH200\国产</t>
  </si>
  <si>
    <t>【沃德传动】板条\791803405-00\减速器\WB3SH200\国产</t>
  </si>
  <si>
    <t>【沃德传动】板条\791702804-01\减速器\WB3SH180\国产</t>
  </si>
  <si>
    <t>【沃德传动】连接板\791702803-01\减速器\WB3SH180\国产</t>
  </si>
  <si>
    <t>【沃德传动】板条\791702802-00\减速器\WB3SH180\国产</t>
  </si>
  <si>
    <t>【沃德传动】板条\791518003-00\减速器\WB3SH150\国产</t>
  </si>
  <si>
    <t>【沃德传动】连接板\791438302-00\减速器\WB3SH230\国产</t>
  </si>
  <si>
    <t>【沃德传动】风扇罩\791438301-00\减速器\WB3SH230\国产</t>
  </si>
  <si>
    <t>【沃德传动】板条\791431902-00\减速器\WB3SH160\国产</t>
  </si>
  <si>
    <t>【沃德传动】板条\791429603-00\减速器\WB3SH230\国产</t>
  </si>
  <si>
    <t>【沃德传动】端盖\SD4006130303-00\减速器\WB3SH240\国产</t>
  </si>
  <si>
    <t>【沃德传动】骨架油封\YF280320002032\减速器\WH3SH270\国产</t>
  </si>
  <si>
    <t>【沃德传动】骨架油封\YF162190001232\减速器\WB3SH320\国产</t>
  </si>
  <si>
    <t>【沃德传动】骨架油封\YF140170001532\减速器\WB3SH290\国产</t>
  </si>
  <si>
    <t>【沃德传动】骨架油封\YF140160001022\减速器\WH2SH170\国产</t>
  </si>
  <si>
    <t>【沃德传动】骨架油封\YF120140001222\减速器\WH3SH150\国产</t>
  </si>
  <si>
    <t>【沃德传动】定距环\SD522110301\减速器\WB3SH310\国产</t>
  </si>
  <si>
    <t>【沃德传动】调整垫片\SD521110301\减速器\WB3SH310\国产</t>
  </si>
  <si>
    <t>【沃德传动】定距环\SD524110301\减速器\WB3SH310\国产</t>
  </si>
  <si>
    <t>【沃德传动】键\SD82110301\减速器\WB3SH310\国产</t>
  </si>
  <si>
    <t>【沃德传动】保护套\SD49110301\减速器\WB3SH310\国产</t>
  </si>
  <si>
    <t>【沃德传动】定距环\SD517110301\减速器\WB3SH310\国产</t>
  </si>
  <si>
    <t>【沃德传动】调整垫片\SD520110301\减速器\WB3SH310\国产</t>
  </si>
  <si>
    <t>【沃德传动】观察盖\SD410110301\减速器\WB3SH310\国产</t>
  </si>
  <si>
    <t>【沃德传动】迷宫端盖\SD400211110200\减速器\WB3SH290\国产</t>
  </si>
  <si>
    <t>【沃德传动】迷宫端盖\SD400011110200\减速器\WB3SH290\国产</t>
  </si>
  <si>
    <t>【沃德传动】迷宫端盖\CR40120301\减速器\WB3SH200\国产</t>
  </si>
  <si>
    <t>【沃德传动】密封盖\581200704-00\减速器\WH3SH230\国产</t>
  </si>
  <si>
    <t>【沃德传动】输出轴\55121400101\减速器\WH3SH270\国产</t>
  </si>
  <si>
    <t>【沃德传动】定距环\SD5025110501-00\减速器\WB3SH320\国产</t>
  </si>
  <si>
    <t>【沃德传动】输出轴\550721301\减速器\WB3SH200\国产</t>
  </si>
  <si>
    <t>【沃德传动】密封盖\581410421-00\减速器\WH3SH240\国产</t>
  </si>
  <si>
    <t>【沃德传动】输出轴\SL23120301\减速器\WB3SH280\国产</t>
  </si>
  <si>
    <t>【沃德传动】输出轴\551311101-00\减速器\WH3SH150\国产</t>
  </si>
  <si>
    <t>【沃德传动】输出轴\CR21120301\减速器\WB3SH200\国产</t>
  </si>
  <si>
    <t>【沃德传动】输出轴\551308501-00\减速器\WH2SH300\国产</t>
  </si>
  <si>
    <t>【沃德传动】输出轴\451201601-01\减速器\WH2SH260\国产</t>
  </si>
  <si>
    <t>【沃德传动】输出轴\451420601-00\减速器\WH2SH190\国产</t>
  </si>
  <si>
    <t>【沃德传动】输出轴\551307501\减速器\WH2SH270\国产</t>
  </si>
  <si>
    <t>【沃德传动】齿轴\451610001-00\减速器\WH3SH150\国产</t>
  </si>
  <si>
    <t>【沃德传动】油封盖\580718941-00\减速器\WB3SH180\国产</t>
  </si>
  <si>
    <t>【沃德传动】输出轴\451510601-01\减速器\WH3SH240\国产</t>
  </si>
  <si>
    <t>【沃德传动】输出轴\550722501-01\减速器\WB3SH210\国产</t>
  </si>
  <si>
    <t>【沃德传动】耐磨块\SD53110401 00\工作面刮板输送机\SGZ1350/3×1600\国产</t>
  </si>
  <si>
    <t>【沃德传动】输出轴\550717701-00\减速器\WB3SH170\国产</t>
  </si>
  <si>
    <t>【沃德传动】耐磨挡板\SD501011110200\减速器\WB3SH290\国产</t>
  </si>
  <si>
    <t>【沃德传动】耐磨垫\SD52110401\减速器\WH2SH310\国产</t>
  </si>
  <si>
    <t>【沃德传动】输出轴\451806601-00\减速器\WB3SH150\国产</t>
  </si>
  <si>
    <t>【沃德传动】耐磨挡板\SD500911110200\减速器\WB3SH290\国产</t>
  </si>
  <si>
    <t>【沃德传动】轴承座\SD523110301\减速器\WB3SH310\国产</t>
  </si>
  <si>
    <t>【沃德传动】密封片\ZMF2031400D98\减速器\WB3SH200\国产</t>
  </si>
  <si>
    <t>【沃德传动】密封环\ZMF1033801D5\减速器\WB3SH280\国产</t>
  </si>
  <si>
    <t>【沃德传动】注油过滤器\SD7500131206-00\减速器\WB3SH280\国产</t>
  </si>
  <si>
    <t>【沃德传动】密封环\ZMF1031400D98\减速器\WB3SH280\国产</t>
  </si>
  <si>
    <t>【沃德传动】密封环\ZMF1051501000\减速器\WB3SH200\国产</t>
  </si>
  <si>
    <t>【沃德传动】外六角螺栓\LS9332005511\减速器\WB3SH200\国产</t>
  </si>
  <si>
    <t>【沃德传动】行星架\SD150013030102\减速器\WB3SH320WS\国产</t>
  </si>
  <si>
    <t>【沃德传动】内密封盖\SD47120303 00\减速器\WH2SH320\国产</t>
  </si>
  <si>
    <t>【沃德传动】焊接下箱体\121307501\减速器\WH2SH270\国产</t>
  </si>
  <si>
    <t>【沃德传动】外密封盖\SD48120303 00\减速器\WH2SH320\国产</t>
  </si>
  <si>
    <t>【沃德传动】多角度旋转吊耳\WDH0024|M24×45\减速器\WH2SH310\国产</t>
  </si>
  <si>
    <t>【沃德传动】氮化套\SD50120302 00\减速器\WH2SH320\国产</t>
  </si>
  <si>
    <t>【沃德传动】多角度旋转吊耳\LBT00030|M30×50\减速器\WB3SH310\国产</t>
  </si>
  <si>
    <t>【沃德传动】定距环\SD51120302 00\减速器\WH2SH320\国产</t>
  </si>
  <si>
    <t>【沃德传动】端盖\SL44120301\减速器\WB3SH280\国产</t>
  </si>
  <si>
    <t>【沃德传动】定距环\SD52120302 00\减速器\WH2SH320\国产</t>
  </si>
  <si>
    <t>【沃德传动】端盖\SL42120301\减速器\WB3SH280\国产</t>
  </si>
  <si>
    <t>【沃德传动】端盖\CR42120301\减速器\WB3SH200\国产</t>
  </si>
  <si>
    <t>【沃德传动】定距环\SD58120302 00\减速器\WH2SH320\国产</t>
  </si>
  <si>
    <t>【沃德传动】端盖\SL4712031O\减速器\WB3SH280\国产</t>
  </si>
  <si>
    <t>【沃德传动】定距环\SD56120302 00\减速器\WH2SH320\国产</t>
  </si>
  <si>
    <t>【沃德传动】定距环\SD54120302 00\减速器\WH2SH320\国产</t>
  </si>
  <si>
    <t>【沃德传动】定距环\SD59120302 00\减速器\WH2SH320\国产</t>
  </si>
  <si>
    <t>【沃德传动】端盖\SL45120301\减速器\WB3SH280\国产</t>
  </si>
  <si>
    <t>【沃德传动】垫片\D01253020\减速器\WH2SH320\国产</t>
  </si>
  <si>
    <t>【沃德传动】端盖\SL46120301\减速器\WB3SH280\国产</t>
  </si>
  <si>
    <t>【沃德传动】齿轴\351610101-00\减速器\WH3SH190\国产</t>
  </si>
  <si>
    <t>【沃德传动】垫片\D01253000\减速器\WH2SH320\国产</t>
  </si>
  <si>
    <t>【沃德传动】齿轴\351615201-01\减速器\WB3SH180\国产</t>
  </si>
  <si>
    <t>【沃德传动】通气帽\T00301160\减速器\WH2SH320\国产</t>
  </si>
  <si>
    <t>【沃德传动】齿轴\351716901-00\减速器\WH3SH200\国产</t>
  </si>
  <si>
    <t>【沃德传动】堵\YD9061600001\减速器\WH2SH320\国产</t>
  </si>
  <si>
    <t>【沃德传动】齿轮\501421601-00\减速器\WH3SH160\国产</t>
  </si>
  <si>
    <t>【沃德传动】油镜\YJ01000012\减速器\WH2SH320\国产</t>
  </si>
  <si>
    <t>【沃德传动】齿轴\351800801-00\减速器\WH3SH230\国产</t>
  </si>
  <si>
    <t>【沃德传动】齿轴\351806601-00\减速器\WB3SH150\国产</t>
  </si>
  <si>
    <t>【沃德传动】堵\YD9061200001\减速器\WH2SH320\国产</t>
  </si>
  <si>
    <t>【沃德传动】齿轴\450717701-00\减速器\WB3SH170\国产</t>
  </si>
  <si>
    <t>【沃德传动】堵\YD9060400001\减速器\WH2SH320\国产</t>
  </si>
  <si>
    <t>【沃德传动】齿轴\450718901-00\减速器\WH2SH180\国产</t>
  </si>
  <si>
    <t>【沃德传动】堵\YD9063600001\减速器\WH2SH320\国产</t>
  </si>
  <si>
    <t>【沃德传动】齿轴\450744901-01\减速器\WB3SH180\国产</t>
  </si>
  <si>
    <t>【沃德传动】铸件箱体上箱\SD11120301 00\减速器\WB3SH320\国产</t>
  </si>
  <si>
    <t>【沃德传动】堵\YD9060200001\减速器\WH2SH320\国产</t>
  </si>
  <si>
    <t>【沃德传动】铸件箱体下箱\SD12120301 00\减速器\WB3SH320\国产</t>
  </si>
  <si>
    <t>【沃德传动】外六角螺栓\LS9331003502\减速器\WH2SH320\国产</t>
  </si>
  <si>
    <t>【沃德传动】高速轴连接板\SD17120303 00\减速器\WB3SH320\国产</t>
  </si>
  <si>
    <t>【沃德传动】密封\FYF01320D012\顺槽转载机\SZZ1000/3×1200\国产</t>
  </si>
  <si>
    <t>【沃德传动】连接件\B320LJFJ\减速器\WB3SH320\国产</t>
  </si>
  <si>
    <t>【沃德传动】连接件\B240LJFJ\减速器\WB3SH240\国产</t>
  </si>
  <si>
    <t>【沃德传动】连接件\B250LJFJ\减速器\WB3SH250\国产</t>
  </si>
  <si>
    <t>【沃德传动】行星架铸件\SD16120301 00\减速器\WB3SH320\国产</t>
  </si>
  <si>
    <t>【沃德传动】高速轴端盖\SD41120301 00\减速器\WB3SH320\国产</t>
  </si>
  <si>
    <t>【沃德传动】油堵\YD91024000010001\减速器\WH3SH270\国产</t>
  </si>
  <si>
    <t>【沃德传动】泵支架\SD44120301 00\减速器\WB3SH320\国产</t>
  </si>
  <si>
    <t>【沃德传动】油堵\YD90812000010001\减速器\WH3SH270\国产</t>
  </si>
  <si>
    <t>【沃德传动】低速轴端盖\SD46120301 00\减速器\WB3SH320\国产</t>
  </si>
  <si>
    <t>【沃德传动】内花键轴\SD200111110201\减速器\WB3SH290\国产</t>
  </si>
  <si>
    <t>【沃德传动】保护罩\SD49120301 00\减速器\WB3SH320\国产</t>
  </si>
  <si>
    <t>【沃德传动】行星轮\SD300313050200\减速器\WH2SH320WS\国产</t>
  </si>
  <si>
    <t>【沃德传动】太阳轮\SD200311110200\减速器\WB3SH290\国产</t>
  </si>
  <si>
    <t>【沃德传动】连接板\790721003-00\减速器\WB3SH210\国产</t>
  </si>
  <si>
    <t>【沃德传动】输入轴总成\WD1400019\减速器\WH3SH270\国产</t>
  </si>
  <si>
    <t>【沃德传动】板条\790743102-00\减速器\WB3SH150\国产</t>
  </si>
  <si>
    <t>【沃德传动】板条\790749302-00\减速器\WB3SH230\国产</t>
  </si>
  <si>
    <t>【沃德传动】水冷却器\WCPA\减速器\WB3SH310\国产</t>
  </si>
  <si>
    <t>【沃德传动】风扇罩\791215101-00\减速器\WB3SH210\国产</t>
  </si>
  <si>
    <t>【沃德传动】浮动密封\FYF0042912\减速器\WB3SH310\国产</t>
  </si>
  <si>
    <t>【沃德传动】板条\791215102-00\减速器\WB3SH210\国产</t>
  </si>
  <si>
    <t>【沃德传动】箱体铸件\SD11120302 00\减速器\WH2SH320\国产</t>
  </si>
  <si>
    <t>【沃德传动】风扇罩\791309601-00\减速器\WB3SH240\国产</t>
  </si>
  <si>
    <t>【沃德传动】箱体机加工件\SD10120302 00\减速器\WH2SH320\国产</t>
  </si>
  <si>
    <t>【沃德传动】风扇罩\791309603-00\减速器\WB3SH240\国产</t>
  </si>
  <si>
    <t>【沃德传动】输入轴\351307501\减速器\WH2SH270\国产</t>
  </si>
  <si>
    <t>【沃德传动】连接板\791309604-00\减速器\WB3SH240\国产</t>
  </si>
  <si>
    <t>【沃德传动】输入轴\SD20110401\减速器\WH2SH310\国产</t>
  </si>
  <si>
    <t>【沃德传动】板条\791309605-00\减速器\WB3SH240\国产</t>
  </si>
  <si>
    <t>【沃德传动】输入轴\SD200013031202\减速器\WH2SH320WS\国产</t>
  </si>
  <si>
    <t>【沃德传动】风扇罩\791410403-00\减速器\WH3SH240\国产</t>
  </si>
  <si>
    <t>【沃德传动】油封盖\581430301-00\减速器\WB3SH190\国产</t>
  </si>
  <si>
    <t>【沃德传动】甩油盘\601405712-00\减速器\WH3SH310\国产</t>
  </si>
  <si>
    <t>【沃德传动】透连盖\581430303-00\减速器\WB3SH190\国产</t>
  </si>
  <si>
    <t>【沃德传动】双联不锈钢滤芯过滤器\WD000367\减速器\WH3SH270\国产</t>
  </si>
  <si>
    <t>【沃德传动】油封盖\581430304-00\减速器\WB3SH190\国产</t>
  </si>
  <si>
    <t>【沃德传动】端盖\581430305-00\减速器\WB3SH190\国产</t>
  </si>
  <si>
    <t>【沃德传动】水冷盘管\581508305-01\减速器\WH3SH290\国产</t>
  </si>
  <si>
    <t>【沃德传动】端盖\581510606-00\减速器\WH3SH240\国产</t>
  </si>
  <si>
    <t>【沃德传动】轴端挡板\GR45120301\减速器\WB3SH200\国产</t>
  </si>
  <si>
    <t>【沃德传动】油尺\YC1210001 L=259mm\减速器\WB3SH200\国产</t>
  </si>
  <si>
    <t>【沃德传动】油堵\YD90624000000001\减速器\WH3SH270\国产</t>
  </si>
  <si>
    <t>【沃德传动】油封盖\581431841-00\减速器\WH3SH150\国产</t>
  </si>
  <si>
    <t>【沃德传动】油堵\YD9102410001\减速器\WB3SH200\国产</t>
  </si>
  <si>
    <t>【沃德传动】油封盖\581431911-00\减速器\WB3SH160\国产</t>
  </si>
  <si>
    <t>【沃德传动】油封\YF1201501242\减速器\WB3SH200\国产</t>
  </si>
  <si>
    <t>【沃德传动】闷连盖\581431921-00\减速器\WB3SH160\国产</t>
  </si>
  <si>
    <t>【沃德传动】油封\YF1501801542\减速器\WB3SH200\国产</t>
  </si>
  <si>
    <t>【沃德传动】轴承座\581438301-00\减速器\WB3SH230\国产</t>
  </si>
  <si>
    <t>【沃德传动】端盖\581438302-01\减速器\WB3SH230\国产</t>
  </si>
  <si>
    <t>【沃德传动】油封\YF1201501232\减速器\WB3SH280\国产</t>
  </si>
  <si>
    <t>【沃德传动】端盖\581438303-01\减速器\WB3SH230\国产</t>
  </si>
  <si>
    <t>【沃德传动】油封\YF1801401232\减速器\WB3SH310\国产</t>
  </si>
  <si>
    <t>【沃德传动】油封盖\581421612-00\减速器\WH3SH160\国产</t>
  </si>
  <si>
    <t>【沃德传动】氮化套\601309602-01\减速器\WB3SH240\国产</t>
  </si>
  <si>
    <t>【沃德传动】迷宫盘\581421611-00\减速器\WH3SH160\国产</t>
  </si>
  <si>
    <t>【沃德传动】定距环\601309603-00\减速器\WB3SH240\国产</t>
  </si>
  <si>
    <t>【沃德传动】透连盖\581420113-00\减速器\WH3SH190\国产</t>
  </si>
  <si>
    <t>【沃德传动】定距环\601309604-01\减速器\WB3SH240\国产</t>
  </si>
  <si>
    <t>【沃德传动】轴端挡板\581420044-00\减速器\WH3SH210\国产</t>
  </si>
  <si>
    <t>【沃德传动】定距环\601309605-00\减速器\WB3SH240\国产</t>
  </si>
  <si>
    <t>【沃德传动】油封盖\581419802-00\减速器\WH3SH230\国产</t>
  </si>
  <si>
    <t>【沃德传动】油封盖\581419801-00\减速器\WH3SH230\国产</t>
  </si>
  <si>
    <t>【沃德传动】轴承座\581419202-00\减速器\WB3SH220\国产</t>
  </si>
  <si>
    <t>【沃德传动】油封盖\581419201-00\减速器\WB3SH220\国产</t>
  </si>
  <si>
    <t>【沃德传动】油封盖\581410442-00\减速器\WH3SH240\国产</t>
  </si>
  <si>
    <t>【沃德传动】定距环\601309606-00\减速器\WB3SH240\国产</t>
  </si>
  <si>
    <t>【沃德传动】定距环\601716932-00\减速器\WH3SH200\国产</t>
  </si>
  <si>
    <t>【沃德传动】骨架油封\YF180210001522\减速器\WB3SH210\国产</t>
  </si>
  <si>
    <t>【沃德传动】骨架油封\YF190220001212\减速器\WH2SH240\国产</t>
  </si>
  <si>
    <t>【沃德传动】定距环\601716931-00\减速器\WH3SH200\国产</t>
  </si>
  <si>
    <t>【沃德传动】定距环\601716922-00\减速器\WH3SH200\国产</t>
  </si>
  <si>
    <t>【沃德传动】定距环\SL51120301\减速器\WB3SH280\国产</t>
  </si>
  <si>
    <t>【沃德传动】轴端挡板\SL410120301\减速器\WB3SH280\国产</t>
  </si>
  <si>
    <t>【沃德传动】定距环\601716921-00\减速器\WH3SH200\国产</t>
  </si>
  <si>
    <t>【沃德传动】定距环\601716913-00\减速器\WH3SH200\国产</t>
  </si>
  <si>
    <t>【沃德传动】定距环\CR54120301\减速器\WB3SH280\国产</t>
  </si>
  <si>
    <t>【沃德传动】定距环\CR51120301\减速器\WB3SH280\国产</t>
  </si>
  <si>
    <t>【沃德传动】挡油盘\601716912-00\减速器\WH3SH200\国产</t>
  </si>
  <si>
    <t>【沃德传动】定距环\601716911-00\减速器\WH3SH200\国产</t>
  </si>
  <si>
    <t>【沃德传动】定距环\601610122-00\减速器\WH3SH190\国产</t>
  </si>
  <si>
    <t>【沃德传动】定距环\601610112-00\减速器\WH3SH190\国产</t>
  </si>
  <si>
    <t>【沃德传动】氮化套\CR60120301\减速器\WB3SH200\国产</t>
  </si>
  <si>
    <t>【沃德传动】定距环\601610022-00\减速器\WH3SH150\国产</t>
  </si>
  <si>
    <t>【沃德传动】定距环\CR59120301\减速器\WB3SH200\国产</t>
  </si>
  <si>
    <t>【沃德传动】定距环\CR56120301\减速器\WB3SH200\国产</t>
  </si>
  <si>
    <t>【沃德传动】齿轮\50121400101\减速器\WH3SH270\国产</t>
  </si>
  <si>
    <t>【沃德传动】齿轮\30121400101\减速器\WH3SH270\国产</t>
  </si>
  <si>
    <t>【沃德传动】齿轮\40121400101\减速器\WH3SH270\国产</t>
  </si>
  <si>
    <t>【沃德传动】齿轮\500721301\减速器\WB3SH200\国产</t>
  </si>
  <si>
    <t>【沃德传动】齿轮\SL33120301\减速器\WB3SH280\国产</t>
  </si>
  <si>
    <t>【沃德传动】齿轮\SL32120301\减速器\WB3SH280\国产</t>
  </si>
  <si>
    <t>【沃德传动】定距环\601430304-00\减速器\WB3SH190\国产</t>
  </si>
  <si>
    <t>【沃德传动】齿轮\SL31120301\减速器\WB3SH280\国产</t>
  </si>
  <si>
    <t>【沃德传动】定距环\601430303-00\减速器\WB3SH190\国产</t>
  </si>
  <si>
    <t>【沃德传动】定距环\601430302-00\减速器\WB3SH190\国产</t>
  </si>
  <si>
    <t>【沃德传动】定距环\601421631-00\减速器\WH3SH160\国产</t>
  </si>
  <si>
    <t>【沃德传动】齿轮\200140030\减速器\WB3SH140\国产</t>
  </si>
  <si>
    <t>【沃德传动】定距环\601421622-00\减速器\WH3SH160\国产</t>
  </si>
  <si>
    <t>【沃德传动】齿轮\201510601-01\减速器\WH3SH240\国产</t>
  </si>
  <si>
    <t>【沃德传动】定距环\601421621-00\减速器\WH3SH160\国产</t>
  </si>
  <si>
    <t>【沃德传动】定距环\601421614-00\减速器\WH3SH160\国产</t>
  </si>
  <si>
    <t>【沃德传动】定距环\601421612-00\减速器\WH3SH160\国产</t>
  </si>
  <si>
    <t>【沃德传动】齿轮\201511101-01\减速器\WH3SH290\国产</t>
  </si>
  <si>
    <t>【沃德传动】齿轮\501800801-00\减速器\WH3SH230\国产</t>
  </si>
  <si>
    <t>【沃德传动】定距环\601421611-00\减速器\WH3SH160\国产</t>
  </si>
  <si>
    <t>【沃德传动】侧挂板铸件\SD19120303 00\减速器\WH2SH320\国产</t>
  </si>
  <si>
    <t>【沃德传动】氮化套\601527801-00\减速器\WH2SH190\国产</t>
  </si>
  <si>
    <t>【沃德传动】侧挂板铸件\SD19110401\减速器\WH2SH310\国产</t>
  </si>
  <si>
    <t>【沃德传动】定距环\601527331-00\减速器\WB3SH180\国产</t>
  </si>
  <si>
    <t>【沃德传动】侧挂板加工件\SD18120303 00\减速器\WH2SH320\国产</t>
  </si>
  <si>
    <t>【沃德传动】定距环\601518401-00\减速器\WH3SH240\国产</t>
  </si>
  <si>
    <t>【沃德传动】侧挂板加工件\SD18110401\减速器\WH2SH310\国产</t>
  </si>
  <si>
    <t>【沃德传动】定距环\601518244-00\减速器\WB3SH270\国产</t>
  </si>
  <si>
    <t>【沃德传动】侧挂板加工件\SD18110301\减速器\WB3SH310\国产</t>
  </si>
  <si>
    <t>【沃德传动】泵模块\WDP3RD310 M\减速器\WB3SH310\国产</t>
  </si>
  <si>
    <t>【沃德传动】保护罩\CR61120301\减速器\WB3SH200\国产</t>
  </si>
  <si>
    <t>【沃德传动】顶丝\DS914061501\减速器\WB3SH310\国产</t>
  </si>
  <si>
    <t>【沃德传动】小迷宫端盖\CR400011110100\减速器\WB3SH240\国产</t>
  </si>
  <si>
    <t>【沃德传动】高速轴端盖\SD41110401\减速器\WH2SH310\国产</t>
  </si>
  <si>
    <t>【沃德传动】轴端挡板\SL414120301\减速器\WB3SH280\国产</t>
  </si>
  <si>
    <t>【沃德传动】定距环\601518243-00\减速器\WB3SH270\国产</t>
  </si>
  <si>
    <t>【沃德传动】视孔盖\415120301\减速器\WB3SH280\国产</t>
  </si>
  <si>
    <t>【沃德传动】轴承支架加工件\SD13120302 00\减速器\WH2SH320\国产</t>
  </si>
  <si>
    <t>【沃德传动】定距环\601405742-00\减速器\WH3SH310\国产</t>
  </si>
  <si>
    <t>【沃德传动】轴承支架焊接件\SD14120302 00\减速器\WH2SH320\国产</t>
  </si>
  <si>
    <t>【沃德传动】高速轴端盖\SD41120302 00\减速器\WH2SH320\国产</t>
  </si>
  <si>
    <t>【沃德传动】温度传感器保护罩\SD412120302 00\减速器\WH2SH320\国产</t>
  </si>
  <si>
    <t>【沃德传动】齿轮\301420201-00\减速器\WH3SH180\国产</t>
  </si>
  <si>
    <t>【沃德传动】齿轮\301421601-00\减速器\WH3SH160\国产</t>
  </si>
  <si>
    <t>【沃德传动】齿轮\301510601-02\减速器\WH3SH240\国产</t>
  </si>
  <si>
    <t>【沃德传动】齿轮\301428301-00\减速器\WH3SH140\国产</t>
  </si>
  <si>
    <t>【沃德传动】定距环\601405731-00\减速器\WH3SH310\国产</t>
  </si>
  <si>
    <t>【沃德传动】齿轮\301430301-00\减速器\WB3SH190\国产</t>
  </si>
  <si>
    <t>【沃德传动】定距环\601405722-00\减速器\WH3SH310\国产</t>
  </si>
  <si>
    <t>【沃德传动】泵模块\WDP3RD290\减速器\WB3SH290\国产</t>
  </si>
  <si>
    <t>【沃德传动】泵模块\WDP3RD1000BZ\减速器\WB3SH310\国产</t>
  </si>
  <si>
    <t>【沃德传动】泵模块\WDP3RD250M\减速器\WB3SH250\国产</t>
  </si>
  <si>
    <t>【沃德传动】杯套\SD45120301 00\减速器\WB3SH320\国产</t>
  </si>
  <si>
    <t>【沃德传动】泵模块\WDP2RA300\减速器\WB3SH240\国产</t>
  </si>
  <si>
    <t>【沃德传动】氮化套\SD50120301 00\减速器\WB3SH320\国产</t>
  </si>
  <si>
    <t>【沃德传动】泵联轴器\SD56110302\减速器\WB3SH310\国产</t>
  </si>
  <si>
    <t>【沃德传动】定距环\SD58120301 00\减速器\WB3SH320\国产</t>
  </si>
  <si>
    <t>【沃德传动】泵保护罩\SD45110302\减速器\WB3SH310\国产</t>
  </si>
  <si>
    <t>【沃德传动】轴端泵联轴器\SD517120301 00\减速器\WB3SH320\国产</t>
  </si>
  <si>
    <t>【沃德传动】泵\YB306\减速器\WB3SH310\国产</t>
  </si>
  <si>
    <t>【沃德传动】杯套\SD43110302\减速器\WB3SH310\国产</t>
  </si>
  <si>
    <t>【沃德传动】杯套\SD42110301\减速器\WB3SH310\国产</t>
  </si>
  <si>
    <t>【沃德传动】O型密封圈\OQ003306D001\减速器\WB3SH310\国产</t>
  </si>
  <si>
    <t>【沃德传动】定距环\60121401300\减速器\WH3SH270\国产</t>
  </si>
  <si>
    <t>【沃德传动】O型密封圈\OQ215D002D001\减速器\WB3SH310\国产</t>
  </si>
  <si>
    <t>【沃德传动】定距环\60121401100\减速器\WH3SH270\国产</t>
  </si>
  <si>
    <t>【沃德传动】定距环\60121401400\减速器\WH3SH270\国产</t>
  </si>
  <si>
    <t>【沃德传动】O型密封圈\OQ27552|275.0×5.0\顺槽转载机\SZZ1000/375\国产</t>
  </si>
  <si>
    <t>【沃德传动】油堵\YD9080610001\减速器\WB3SH200\国产</t>
  </si>
  <si>
    <t>【沃德传动】油堵\YD9082410001\减速器\WB3SH200\国产</t>
  </si>
  <si>
    <t>【沃德传动】定距环\600720108\减速器\WB3SH200\国产</t>
  </si>
  <si>
    <t>【沃德传动】油堵\YD9081210001\减速器\WB3SH200\国产</t>
  </si>
  <si>
    <t>【沃德传动】定距环\601429602-00\减速器\WB3SH230\国产</t>
  </si>
  <si>
    <t>【沃德传动】定距环\601429603-00\减速器\WB3SH230\国产</t>
  </si>
  <si>
    <t>【沃德传动】定距环\601514415-00\减速器\WH2SH240\国产</t>
  </si>
  <si>
    <t>【沃德传动】定距环\601514416-00\减速器\WH2SH240\国产</t>
  </si>
  <si>
    <t>【沃德传动】端盖\581309605-01\减速器\WB3SH240\国产</t>
  </si>
  <si>
    <t>【沃德传动】定距环\601514421-00\减速器\WH2SH240\国产</t>
  </si>
  <si>
    <t>【沃德传动】端盖\581309604-01\减速器\WB3SH240\国产</t>
  </si>
  <si>
    <t>【沃德传动】定距环\601514432-00\减速器\WH2SH240\国产</t>
  </si>
  <si>
    <t>【沃德传动】调整垫\601518217-00\减速器\WB3SH270\国产</t>
  </si>
  <si>
    <t>【沃德传动】调整垫\601518218-01\减速器\WB3SH270\国产</t>
  </si>
  <si>
    <t>【沃德传动】轴承杯套\581309603-00\减速器\WB3SH240\国产</t>
  </si>
  <si>
    <t>【沃德传动】调整垫\601518221-00\减速器\WB3SH270\国产</t>
  </si>
  <si>
    <t>【沃德传动】轴承座\581309602-01\减速器\WB3SH240\国产</t>
  </si>
  <si>
    <t>【沃德传动】调整垫\601518222-00\减速器\WB3SH270\国产</t>
  </si>
  <si>
    <t>【沃德传动】端盖\581308533-00\减速器\WH2SH300\国产</t>
  </si>
  <si>
    <t>【沃德传动】调整垫\601518231-00\减速器\WB3SH270\国产</t>
  </si>
  <si>
    <t>【沃德传动】定距环\601518242-00\减速器\WB3SH270\国产</t>
  </si>
  <si>
    <t>【沃德传动】油封盖\581308532-00\减速器\WH2SH300\国产</t>
  </si>
  <si>
    <t>【沃德传动】端盖\581310943-00\减速器\WH3SH190\国产</t>
  </si>
  <si>
    <t>【沃德传动】迷宫盘\581308531-00\减速器\WH2SH300\国产</t>
  </si>
  <si>
    <t>【沃德传动】端盖\581308521-00\减速器\WH2SH300\国产</t>
  </si>
  <si>
    <t>【沃德传动】透连盖\581311112-00\减速器\WH3SH150\国产</t>
  </si>
  <si>
    <t>【沃德传动】闷连盖\581311113-00\减速器\WH3SH150\国产</t>
  </si>
  <si>
    <t>【沃德传动】端盖\581311142-00\减速器\WH3SH150\国产</t>
  </si>
  <si>
    <t>【沃德传动】油封盖\581311201-00\减速器\WH3SH180\国产</t>
  </si>
  <si>
    <t>【沃德传动】透连盖\581311202-00\减速器\WH3SH180\国产</t>
  </si>
  <si>
    <t>【沃德传动】闷连盖\581311203-00\减速器\WH3SH180\国产</t>
  </si>
  <si>
    <t>【沃德传动】端盖\581311204-00\减速器\WH3SH180\国产</t>
  </si>
  <si>
    <t>【沃德传动】油封盖\581311205-00\减速器\WH3SH180\国产</t>
  </si>
  <si>
    <t>【沃德传动】端盖\581311206-00\减速器\WH3SH180\国产</t>
  </si>
  <si>
    <t>【沃德传动】油封盖\581603112-00\减速器\WB3SH240\国产</t>
  </si>
  <si>
    <t>【沃德传动】油封盖\581607111-00\减速器\WH2SH180\国产</t>
  </si>
  <si>
    <t>【沃德传动】端盖\581308513-00\减速器\WH2SH300\国产</t>
  </si>
  <si>
    <t>【沃德传动】油封盖\581610011-00\减速器\WH3SH150\国产</t>
  </si>
  <si>
    <t>【沃德传动】闷连盖\581610114-00\减速器\WH3SH190\国产</t>
  </si>
  <si>
    <t>【沃德传动】迷宫盘\581716911-00\减速器\WH3SH200\国产</t>
  </si>
  <si>
    <t>【沃德传动】油封盖\581716912-00\减速器\WH3SH200\国产</t>
  </si>
  <si>
    <t>【沃德传动】透连盖\581716913-00\减速器\WH3SH200\国产</t>
  </si>
  <si>
    <t>【沃德传动】闷连盖\581716914-00\减速器\WH3SH200\国产</t>
  </si>
  <si>
    <t>【沃德传动】端盖\581716931-00\减速器\WH3SH200\国产</t>
  </si>
  <si>
    <t>【沃德传动】定距环\601511101-00\减速器\WH3SH290\国产</t>
  </si>
  <si>
    <t>【沃德传动】迷宫盘\581716941-00\减速器\WH3SH200\国产</t>
  </si>
  <si>
    <t>【沃德传动】定距环\601510615-00\减速器\WH3SH240\国产</t>
  </si>
  <si>
    <t>【沃德传动】调整垫\600723701-00\减速器\WB3SH220\国产</t>
  </si>
  <si>
    <t>【沃德传动】定距环\601502444-00\减速器\WB3SH290\国产</t>
  </si>
  <si>
    <t>【沃德传动】定距环\600744111-00\减速器\WB3SH170\国产</t>
  </si>
  <si>
    <t>【沃德传动】定距环\601502443-00\减速器\WB3SH290\国产</t>
  </si>
  <si>
    <t>【沃德传动】定距环\600744122-00\减速器\WB3SH180\国产</t>
  </si>
  <si>
    <t>【沃德传动】调整垫\600745702-00\减速器\WB3SH190\国产</t>
  </si>
  <si>
    <t>【沃德传动】定距环\601502442-00\减速器\WB3SH290\国产</t>
  </si>
  <si>
    <t>【沃德传动】定距环\600747701-00\减速器\WB3SH210\国产</t>
  </si>
  <si>
    <t>【沃德传动】定距环\601200406-00\减速器\WH3SH210\国产</t>
  </si>
  <si>
    <t>【沃德传动】定距环\601502432-00\减速器\WB3SH290\国产</t>
  </si>
  <si>
    <t>【沃德传动】定距环\601200408-00\减速器\WH3SH210\国产</t>
  </si>
  <si>
    <t>【沃德传动】定距环\601502422-00\减速器\WB3SH290\国产</t>
  </si>
  <si>
    <t>【沃德传动】定距环\601200410-01\减速器\WH3SH210\国产</t>
  </si>
  <si>
    <t>【沃德传动】定距环\601502421-00\减速器\WB3SH290\国产</t>
  </si>
  <si>
    <t>【沃德传动】定距环\601200412-00\减速器\WH3SH210\国产</t>
  </si>
  <si>
    <t>【沃德传动】定距环\601502414-00\减速器\WB3SH290\国产</t>
  </si>
  <si>
    <t>【沃德传动】调整垫\601200703-00\减速器\WH3SH230\国产</t>
  </si>
  <si>
    <t>【沃德传动】调整垫\601502413-00\减速器\WB3SH290\国产</t>
  </si>
  <si>
    <t>【沃德传动】止退垫\SM040602D0\减速器\WK167\国产</t>
  </si>
  <si>
    <t>【沃德传动】定距环\601405721-00\减速器\WH3SH310\国产</t>
  </si>
  <si>
    <t>【沃德传动】胀套\ZT205514\减速器\WB3SH200\国产</t>
  </si>
  <si>
    <t>【沃德传动】定距环\601405714-00\减速器\WH3SH310\国产</t>
  </si>
  <si>
    <t>【沃德传动】圆柱销\SD80110401\减速器\WH2SH310\国产</t>
  </si>
  <si>
    <t>【沃德传动】定距环\601405713-00\减速器\WH3SH310\国产</t>
  </si>
  <si>
    <t>【沃德传动】圆销\YX0161040\减速器\WH3SH270\国产</t>
  </si>
  <si>
    <t>【沃德传动】油位镜\SD75110301\减速器\WB3SH310\国产</t>
  </si>
  <si>
    <t>【沃德传动】伞齿轮\200270080-00\减速器\WB3SH270\国产</t>
  </si>
  <si>
    <t>【沃德传动】伞齿轮\201419201-00\减速器\WB3SH220\国产</t>
  </si>
  <si>
    <t>【沃德传动】伞齿轮\201430301-00\减速器\WB3SH190\国产</t>
  </si>
  <si>
    <t>【沃德传动】伞齿轮\201440301-00\减速器\WB3SH160\国产</t>
  </si>
  <si>
    <t>【沃德传动】轴衬\601404252-00\减速器\WH2SH170\国产</t>
  </si>
  <si>
    <t>【沃德传动】行星销轴\SD200413030200\减速器\WH2SH320WS\国产</t>
  </si>
  <si>
    <t>【沃德传动】三轴\SD22110301\减速器\WB3SH310\国产</t>
  </si>
  <si>
    <t>【沃德传动】定距环\601404242-00\减速器\WH3SH170\国产</t>
  </si>
  <si>
    <t>【沃德传动】平键\711307501\减速器\WH2SH270\国产</t>
  </si>
  <si>
    <t>【沃德传动】风扇罩\791421102-00\减速器\WH3SH180\国产</t>
  </si>
  <si>
    <t>【沃德传动】风扇罩\791421611-00\减速器\WH3SH160\国产</t>
  </si>
  <si>
    <t>【沃德传动】风扇罩\791421612-01\减速器\WH3SH160\国产</t>
  </si>
  <si>
    <t>【沃德传动】风扇罩\791428501-00\减速器\WH2SH170\国产</t>
  </si>
  <si>
    <t>【沃德传动】定距环\601404241-00\减速器\WB3SH170\国产</t>
  </si>
  <si>
    <t>【沃德传动】风扇罩\791428502-00\减速器\WH2SH170\国产</t>
  </si>
  <si>
    <t>【沃德传动】氮化套\62121401200\减速器\WH3SH270\国产</t>
  </si>
  <si>
    <t>【沃德传动】氮化套\CR50120301\减速器\WB3SH200\国产</t>
  </si>
  <si>
    <t>【沃德传动】氮化套\SD5000110501-01\减速器\WB3SH320\国产</t>
  </si>
  <si>
    <t>【沃德传动】挡油盘\601607111-00\减速器\WH2SH180\国产</t>
  </si>
  <si>
    <t>【沃德传动】定距环\601318643-00\减速器\WH3SH290\国产</t>
  </si>
  <si>
    <t>【沃德传动】定距环\601318642-00\减速器\WH3SH290\国产</t>
  </si>
  <si>
    <t>【沃德传动】氮化套\621518211-00\减速器\WB3SH270\国产</t>
  </si>
  <si>
    <t>【沃德传动】定距环\601318631-00\减速器\WH3SH290\国产</t>
  </si>
  <si>
    <t>【沃德传动】氮化套\601309609-01\减速器\WB3SH240\国产</t>
  </si>
  <si>
    <t>【沃德传动】挡油盘\601311301-00\减速器\WH3SH180\国产</t>
  </si>
  <si>
    <t>【沃德传动】定距环\601309811-00\减速器\WB3SH250\国产</t>
  </si>
  <si>
    <t>【沃德传动】锥齿轮\SD20110301\工作面刮板输送机\SGZ1000/3×1000\国产</t>
  </si>
  <si>
    <t>【沃德传动】外六角螺栓\LS9333027504\减速器\WB3SH320\国产</t>
  </si>
  <si>
    <t>【沃德传动】焊接上箱体\111307501\减速器\WH2SH270\国产</t>
  </si>
  <si>
    <t>【沃德传动】外六角螺栓\LS9333005504\减速器\WB3SH320\国产</t>
  </si>
  <si>
    <t>【沃德传动】骨架油封\YF040055000722\减速器\WH3SH150\国产</t>
  </si>
  <si>
    <t>【沃德传动】骨架油封\YF040055000712\减速器\WH3SH150\国产</t>
  </si>
  <si>
    <t>【沃德传动】空气滤清器接头\SD88110301\减速器\WB3SH310\国产</t>
  </si>
  <si>
    <t>【沃德传动】骨架油封\YF040055000732\减速器\WH3SH160\国产</t>
  </si>
  <si>
    <t>【沃德传动】定距环\SD54120301 00\减速器\WB3SH320\国产</t>
  </si>
  <si>
    <t>【沃德传动】骨架油封\YF130150001222\减速器\WB3SH270\国产</t>
  </si>
  <si>
    <t>【沃德传动】定距环\SD59120301 00\减速器\WB3SH320\国产</t>
  </si>
  <si>
    <t>【沃德传动】骨架油封\YF130160001211\减速器\WB3SH170\国产</t>
  </si>
  <si>
    <t>【沃德传动】骨架油封\YF055070000812\减速器\WH3SH190\国产</t>
  </si>
  <si>
    <t>【沃德传动】定距环\SD51120301 00\减速器\WB3SH320\国产</t>
  </si>
  <si>
    <t>【沃德传动】骨架油封\YF060080000812\减速器\WH3SH200\国产</t>
  </si>
  <si>
    <t>【沃德传动】低速轴轴承保护罩\SD414120301 00\减速器\WB3SH320\国产</t>
  </si>
  <si>
    <t>【沃德传动】骨架油封\YF130160001221\减速器\WB3SH170\国产</t>
  </si>
  <si>
    <t>【沃德传动】螺纹保护帽\LBT002\减速器\WB3SH310\国产</t>
  </si>
  <si>
    <t>【沃德传动】螺纹保护帽\LBT036\减速器\WB3SH310\国产</t>
  </si>
  <si>
    <t>【沃德传动】端盖\SD46110301\减速器\WB3SH310\国产</t>
  </si>
  <si>
    <t>【沃德传动】定位销\YX020040\工作面刮板输送机\SGZ1000/3×1000\国产</t>
  </si>
  <si>
    <t>【沃德传动】板\SD413110301\减速器\WB3SH310\国产</t>
  </si>
  <si>
    <t>【沃德传动】端盖\SL49120301\减速器\WB3SH280\国产</t>
  </si>
  <si>
    <t>【沃德传动】端盖\CR44120301\减速器\WB3SH200\国产</t>
  </si>
  <si>
    <t>【沃德传动】堵\YD906320001\减速器\WB3SH200\国产</t>
  </si>
  <si>
    <t>【沃德传动】端盖\SL48120301\减速器\WB3SH280\国产</t>
  </si>
  <si>
    <t>【沃德传动】内螺纹圆柱销\YX130060\减速器\WB3SH280\国产</t>
  </si>
  <si>
    <t>【沃德传动】卡簧\KH47218004D0\减速器\WH2SH310\国产</t>
  </si>
  <si>
    <t>【沃德传动】定距环\791421613-00\减速器\WH3SH160\国产</t>
  </si>
  <si>
    <t>【沃德传动】端盖\SD4008120303-02\减速器\WB3SH320\国产</t>
  </si>
  <si>
    <t>【沃德传动】金属堵\YD9063200001\减速器\WB3SH310\国产</t>
  </si>
  <si>
    <t>【沃德传动】端盖\SD4009110301-01\减速器\WH2SH310\国产</t>
  </si>
  <si>
    <t>【沃德传动】锥齿轮\SD200013031102\减速器\WB3SH320WS\国产</t>
  </si>
  <si>
    <t>【沃德传动】定距环\SD52120301 00\减速器\WB3SH320\国产</t>
  </si>
  <si>
    <t>【沃德传动】内齿圈\SD300911050100\减速器\WB3SH320WS\国产</t>
  </si>
  <si>
    <t>【沃德传动】轴端挡板\SD58110301\减速器\WB3SH310\国产</t>
  </si>
  <si>
    <t>【沃德传动】视孔盖\SD410110501 00\减速器\WB3SH320\国产</t>
  </si>
  <si>
    <t>【沃德传动】齿轮\SD300113050500\减速器\WB3SH320WS\国产</t>
  </si>
  <si>
    <t>【沃德传动】行星架\SD150011110204\减速器\WB3SH290\国产</t>
  </si>
  <si>
    <t>【沃德传动】保护罩\SD411120301 00\减速器\WB3SH320\国产</t>
  </si>
  <si>
    <t>【沃德传动】传感器保护罩\SD412120301 00\减速器\WB3SH320\国产</t>
  </si>
  <si>
    <t>【沃德传动】锥齿轮\SD200011110202\减速器\WB3SH290\国产</t>
  </si>
  <si>
    <t>【沃德传动】油温传感器保护罩\SD413120301 00\减速器\WB3SH320\国产</t>
  </si>
  <si>
    <t>【沃德传动】锥齿轮\CR200011110102\减速器\WB3SH240\国产</t>
  </si>
  <si>
    <t>【沃德传动】定距环\60121404100\减速器\WH3SH270\国产</t>
  </si>
  <si>
    <t>【沃德传动】定距环\60121402400\减速器\WH3SH270\国产</t>
  </si>
  <si>
    <t>【沃德传动】齿轮\401716901-00\减速器\WH3SH200\国产</t>
  </si>
  <si>
    <t>【沃德传动】定距环\60121404300\减速器\WH3SH270\国产</t>
  </si>
  <si>
    <t>【沃德传动】齿轮\401615201-01\减速器\WB3SH180\国产</t>
  </si>
  <si>
    <t>【沃德传动】黄油嘴总成\51200518\减速器\WH3SH270\国产</t>
  </si>
  <si>
    <t>【沃德传动】油脂管\GG06102\减速器\WH3SH270\国产</t>
  </si>
  <si>
    <t>【沃德传动】套筒\601420204-00\减速器\WH3SH180\国产</t>
  </si>
  <si>
    <t>【沃德传动】定距环\60121401600\减速器\WH3SH270\国产</t>
  </si>
  <si>
    <t>【沃德传动】挡油盘\601420203-00\减速器\WH3SH180\国产</t>
  </si>
  <si>
    <t>【沃德传动】定距环\60121402200\减速器\WH3SH270\国产</t>
  </si>
  <si>
    <t>【沃德传动】定距环\60121402300\减速器\WH3SH270\国产</t>
  </si>
  <si>
    <t>【沃德传动】挡油盘\601420202-00\减速器\WH3SH180\国产</t>
  </si>
  <si>
    <t>【沃德传动】挡油盘\601420201-00\减速器\WH3SH180\国产</t>
  </si>
  <si>
    <t>【沃德传动】定距环\60121403100\减速器\WH3SH270\国产</t>
  </si>
  <si>
    <t>【沃德传动】密封环\SK3220\减速器\WH2SH320\国产</t>
  </si>
  <si>
    <t>【沃德传动】氮化套\62121404200\减速器\WH3SH270\国产</t>
  </si>
  <si>
    <t>【沃德传动】油封\YF19022516D031\减速器\WH2SH320\国产</t>
  </si>
  <si>
    <t>【沃德传动】内六角螺栓\LS9122414011\减速器\WB3SH200\国产</t>
  </si>
  <si>
    <t>【沃德传动】外六角螺栓\LS9332407011\减速器\WB3SH200\国产</t>
  </si>
  <si>
    <t>【沃德传动】O型密封圈\00110D0004D01\减速器\WH2SH320\国产</t>
  </si>
  <si>
    <t>【沃德传动】定距环\CR62120301\减速器\WB3SH200\国产</t>
  </si>
  <si>
    <t>【沃德传动】O型密封圈\00305D0005D01\减速器\WH2SH320\国产</t>
  </si>
  <si>
    <t>【沃德传动】一级内齿圈\SD39120302 00\减速器\WH2SH320\国产</t>
  </si>
  <si>
    <t>【沃德传动】O型密封圈\00545D0005D01\减速器\WH2SH320\国产</t>
  </si>
  <si>
    <t>【沃德传动】接头\KHJDN201DN20\减速器\WB3SH320\国产</t>
  </si>
  <si>
    <t>【沃德传动】O型密封圈\00830D0005D71\减速器\WH2SH320\国产</t>
  </si>
  <si>
    <t>【沃德传动】快换接头\KHJDN20000120\减速器\WB3SH320\国产</t>
  </si>
  <si>
    <t>【沃德传动】内六角螺栓\LS9122008511\减速器\WH2SH320\国产</t>
  </si>
  <si>
    <t>【沃德传动】外六角螺栓\LS9331203502\减速器\WB3SH320\国产</t>
  </si>
  <si>
    <t>【沃德传动】内六角螺栓\LS9121613021\减速器\WH2SH320\国产</t>
  </si>
  <si>
    <t>【沃德传动】内六角螺栓\LS9122005511\减速器\WH2SH320\国产</t>
  </si>
  <si>
    <t>【沃德传动】水冷盘管\WCPH\减速器\WB3SH320\国产</t>
  </si>
  <si>
    <t>【沃德传动】三通接头\JST12DN20DN10\减速器\WH2SH320\国产</t>
  </si>
  <si>
    <t>【沃德传动】焊接管\WPC3490\减速器\WB3SH320\国产</t>
  </si>
  <si>
    <t>【沃德传动】接头\KJT21215223\减速器\WB3SH320\国产</t>
  </si>
  <si>
    <t>【沃德传动】溢流阀\YLF030040\减速器\WH2SH320\国产</t>
  </si>
  <si>
    <t>【沃德传动】内六角螺栓\LS9121203004\减速器\WB3SH320\国产</t>
  </si>
  <si>
    <t>【沃德传动】伞齿轴\SD20120303 00\减速器\WB3SH320\国产</t>
  </si>
  <si>
    <t>【沃德传动】螺母\LM9343621\减速器\WB3SH320\国产</t>
  </si>
  <si>
    <t>【沃德传动】二级齿轴\SD21120301 00\减速器\WB3SH320\国产</t>
  </si>
  <si>
    <t>【沃德传动】螺母\LM9343011\减速器\WB3SH320\国产</t>
  </si>
  <si>
    <t>【沃德传动】内六角螺栓\LS9122426521\减速器\WB3SH320\国产</t>
  </si>
  <si>
    <t>【沃德传动】二级齿轮\SD31120301 00\减速器\WB3SH320\国产</t>
  </si>
  <si>
    <t>【沃德传动】内六角螺栓\LS9123657021\减速器\WB3SH320\国产</t>
  </si>
  <si>
    <t>【沃德传动】低速轴\SD22120301 00\减速器\WB3SH320\国产</t>
  </si>
  <si>
    <t>【沃德传动】内六角螺栓\LS9123637021\减速器\WB3SH320\国产</t>
  </si>
  <si>
    <t>【沃德传动】双头螺柱\LS9393623021\减速器\WB3SH320\国产</t>
  </si>
  <si>
    <t>【沃德传动】销轴\SD24120301 00\减速器\WB3SH320\国产</t>
  </si>
  <si>
    <t>【沃德传动】内六角螺栓\LS9123619021\减速器\WB3SH320\国产</t>
  </si>
  <si>
    <t>【沃德传动】行星轮\SD33110402\减速器\WH2SH310\国产</t>
  </si>
  <si>
    <t>【沃德传动】行星架机加工件\SD1512030100\减速器\WB3SH320\国产</t>
  </si>
  <si>
    <t>【沃德传动】行星轮\SD33110301\减速器\WB3SH310\国产</t>
  </si>
  <si>
    <t>【沃德传动】迷宫端盖\SD40120301 00\减速器\WB3SH320\国产</t>
  </si>
  <si>
    <t>【沃德传动】行星架铸件\SD16110301\减速器\WB3SH310\国产</t>
  </si>
  <si>
    <t>【沃德传动】行星架加工件\SD15110301\减速器\WB3SH310\国产</t>
  </si>
  <si>
    <t>【沃德传动】杯套\SD42120301 00\减速器\WB3SH320\国产</t>
  </si>
  <si>
    <t>【沃德传动】浮动油封\FYF0130012\减速器\WB3SH280\国产</t>
  </si>
  <si>
    <t>【沃德传动】密封\FYF02530D022\工作面刮板输送机\SGZ1000/3×1200\国产</t>
  </si>
  <si>
    <t>【沃德传动】风扇罩\790619002\减速器\WB3SH200\国产</t>
  </si>
  <si>
    <t>【沃德传动】风扇罩\790619001\减速器\WB3SH200\国产</t>
  </si>
  <si>
    <t>【沃德传动】顶丝\DS914061511\减速器\WH2SH320\国产</t>
  </si>
  <si>
    <t>【沃德传动】风扇罩\790619003\减速器\WB3SH200\国产</t>
  </si>
  <si>
    <t>【沃德传动】风扇罩\781511102-02\减速器\WH3SH290\国产</t>
  </si>
  <si>
    <t>【沃德传动】键\SD80120302 00\减速器\WH2SH320\国产</t>
  </si>
  <si>
    <t>【沃德传动】风扇罩\790717001-00\减速器\WB3SH170\国产</t>
  </si>
  <si>
    <t>【沃德传动】垫片\DQ1252421\减速器\WB3SH200\国产</t>
  </si>
  <si>
    <t>【沃德传动】内螺纹圆柱销\YX303015\减速器\WH2SH320\国产</t>
  </si>
  <si>
    <t>【沃德传动】垫片\DQ1251010\减速器\WB3SH280\国产</t>
  </si>
  <si>
    <t>【沃德传动】内螺纹圆柱销\YX330060\减速器\WH2SH320\国产</t>
  </si>
  <si>
    <t>【沃德传动】齿轮\401105002-02\减速器\WB3SH150\国产</t>
  </si>
  <si>
    <t>【沃德传动】内螺纹圆柱销\YX312035\减速器\WH2SH320\国产</t>
  </si>
  <si>
    <t>【沃德传动】齿轮\401201601-00\减速器\WH2SH260\国产</t>
  </si>
  <si>
    <t>【沃德传动】齿轮\401209901\减速器\WB3SH140\国产</t>
  </si>
  <si>
    <t>【沃德传动】卡簧\KH47229005D0\减速器\WH2SH320\国产</t>
  </si>
  <si>
    <t>【沃德传动】齿轮\401407201-00\减速器\WB3SH170\国产</t>
  </si>
  <si>
    <t>【沃德传动】卡簧\KH47226005D0\减速器\WH2SH320\国产</t>
  </si>
  <si>
    <t>【沃德传动】卡簧\KH47118004D0\减速器\WH2SH320\国产</t>
  </si>
  <si>
    <t>【沃德传动】齿轮\401410401-03\减速器\WH3SH240\国产</t>
  </si>
  <si>
    <t>【沃德传动】齿轮\401418101-03\减速器\WB3SH210\国产</t>
  </si>
  <si>
    <t>【沃德传动】齿轮\401420201-00\减速器\WH3SH180\国产</t>
  </si>
  <si>
    <t>【沃德传动】定距环\SD57120302 00\减速器\WH2SH320\国产</t>
  </si>
  <si>
    <t>【沃德传动】齿轮\401421601-00\减速器\WH3SH160\国产</t>
  </si>
  <si>
    <t>【沃德传动】卡簧\KH47115004D0\减速器\WH2SH310\国产</t>
  </si>
  <si>
    <t>【沃德传动】O型密封圈\OQ409D35D72\减速器\WB3SH280\国产</t>
  </si>
  <si>
    <t>【沃德传动】O型密封圈\OQ550D007D001\减速器\WH2SH310\国产</t>
  </si>
  <si>
    <t>【沃德传动】O型密封圈\OQ297D04D00\减速器\WB3SH200\国产</t>
  </si>
  <si>
    <t>【沃德传动】氮化套\621518241-00\减速器\WB3SH270\国产</t>
  </si>
  <si>
    <t>【沃德传动】内六角螺栓\LS9122401021\减速器\WB3SH280\国产</t>
  </si>
  <si>
    <t>【沃德传动】氮化套\621716943-00\减速器\WH3SH200\国产</t>
  </si>
  <si>
    <t>【沃德传动】外六角螺栓\LS9332007011\减速器\WB3SH280\国产</t>
  </si>
  <si>
    <t>【沃德传动】氮化套\621719201-00\减速器\WH3SH210\国产</t>
  </si>
  <si>
    <t>【沃德传动】金属堵\YD9060600002\减速器\WB3SH310\国产</t>
  </si>
  <si>
    <t>【沃德传动】氮化套\621800811-00\减速器\WH3SH230\国产</t>
  </si>
  <si>
    <t>【沃德传动】齿轴\35121400101\减速器\WH3SH270\国产</t>
  </si>
  <si>
    <t>【沃德传动】堵\YD9060600001\减速器\WH2SH320\国产</t>
  </si>
  <si>
    <t>【沃德传动】齿轴\45121400101\减速器\WH3SH270\国产</t>
  </si>
  <si>
    <t>【沃德传动】内六角螺栓\LS9122008011\减速器\WB3SH200\国产</t>
  </si>
  <si>
    <t>【沃德传动】卡箍\KHKDN2000\减速器\WH2SH320\国产</t>
  </si>
  <si>
    <t>GNWZBP(TH)ZYCG2020-001-09（宁煤专营协议）</t>
  </si>
  <si>
    <t>福斯润滑油商城经营主体铺货长协（宁夏广科达-宁煤专营协议）</t>
  </si>
  <si>
    <t>【瑞宝】电气设备清洗剂\瑞宝DQ-25\20kg/桶</t>
  </si>
  <si>
    <t>江西瑞思博新材料有限公司</t>
  </si>
  <si>
    <t>瑞宝牌</t>
  </si>
  <si>
    <t>GNWZBP(TH)ZYCG2020-315</t>
  </si>
  <si>
    <t>国家能源e购商城主辅机电气设备清洗剂铺货采购合同</t>
  </si>
  <si>
    <t>成都中凯众恒机电设备有限公司</t>
  </si>
  <si>
    <t>【瑞宝】防锈油\RSB-601;1×20L\瑞思博</t>
  </si>
  <si>
    <t>【瑞宝】防锈剂\RB-30\25kg/桶</t>
  </si>
  <si>
    <t>【瑞宝】清洗剂\RB-102\25kg/桶</t>
  </si>
  <si>
    <t>【瑞宝】除垢剂\RB-103\25kg/桶</t>
  </si>
  <si>
    <t>【瑞宝】安全油污清洗剂\GQ-600\25kg/瓶</t>
  </si>
  <si>
    <t>【瑞宝】精密电子仪器清洗剂\DE-35A\450ml/瓶</t>
  </si>
  <si>
    <t>【瑞宝】机械零件清洗剂\GQ-100\16kg/桶</t>
  </si>
  <si>
    <t>【瑞宝】润滑松锈剂\RB-70\450ml/瓶</t>
  </si>
  <si>
    <t>【瑞宝】清洗剂\RSB-818\25kg/桶</t>
  </si>
  <si>
    <t>【瑞宝】油污清洗剂\RSB-811\500ml/瓶</t>
  </si>
  <si>
    <t>【瑞宝】除胶剂\RSB-804\25kg/桶</t>
  </si>
  <si>
    <t>【瑞宝】环氧树脂清洗剂\RSB-805\16kg/桶</t>
  </si>
  <si>
    <t>【瑞宝】防锈剂\RSB-502\25kg/桶</t>
  </si>
  <si>
    <t>【瑞宝】防锈油\RSB-602;1×20L\瑞思博</t>
  </si>
  <si>
    <t>【瑞宝】电气设备清洗剂\DQ-50A\16kg/桶</t>
  </si>
  <si>
    <t>【瑞宝】电气设备清洗剂\瑞宝DQ-50\20kg/桶</t>
  </si>
  <si>
    <t>【瑞宝】脱漆剂\RB-127\25kg/桶</t>
  </si>
  <si>
    <t>【瑞宝】除锈剂\RSB-501\25kg/桶</t>
  </si>
  <si>
    <t>【瑞宝】铜防变色剂\RSB-607\25kg/桶</t>
  </si>
  <si>
    <t>【瑞宝】溶剂清洗剂\RSB-305\25kg/桶</t>
  </si>
  <si>
    <t>【瑞宝】光亮剂\RSB-306A\25kg/桶</t>
  </si>
  <si>
    <t>【瑞宝】光亮剂\RSB-505\25kg/桶</t>
  </si>
  <si>
    <t>【瑞宝】水基积碳清洗剂\RSB-101\25kg/桶</t>
  </si>
  <si>
    <t>【瑞宝】防锈剂\RSB-606\25kg/桶</t>
  </si>
  <si>
    <t>【瑞宝】碳污清洗剂\RB-80\25kg/桶</t>
  </si>
  <si>
    <t>【瑞宝】溶剂清洗剂\RSB-307\25kg/桶</t>
  </si>
  <si>
    <t>【瑞宝】脱漆剂\RSB-702\25kg/桶</t>
  </si>
  <si>
    <t>【瑞宝】脱漆剂\RSB-703\25kg/桶</t>
  </si>
  <si>
    <t>【耐瑞思】二硫化钼锂基润滑脂\0#;1×17kg\耐瑞思</t>
  </si>
  <si>
    <t>天津启弘精细化工有限公司</t>
  </si>
  <si>
    <t>耐瑞思</t>
  </si>
  <si>
    <t>GNWZBP(TH)ZYCG2020-198</t>
  </si>
  <si>
    <t>耐瑞思润滑油脂商城经营主体铺货长协采购框架合同</t>
  </si>
  <si>
    <t>【耐瑞思】二硫化钼锂基润滑脂\2#;1×17kg\耐瑞思</t>
  </si>
  <si>
    <t>【耐瑞思】极压锂基润滑脂\0#;1×17kg\耐瑞思</t>
  </si>
  <si>
    <t>【耐瑞思】极压锂基润滑脂\00#;1×17kg\耐瑞思</t>
  </si>
  <si>
    <t>【耐瑞思】极压锂基润滑脂\1#;1×17Kg\耐瑞思</t>
  </si>
  <si>
    <t>【耐瑞思】极压锂基润滑脂\2#;1×17kg\耐瑞思</t>
  </si>
  <si>
    <t>【耐瑞思】开式齿轮脂\OG 2000;1×17kg\耐瑞思</t>
  </si>
  <si>
    <t>【耐瑞思】开式齿轮脂\OG 2000;1×180kg\耐瑞思</t>
  </si>
  <si>
    <t>【耐瑞思】开式齿轮脂\OG 2600;1×17kg\耐瑞思</t>
  </si>
  <si>
    <t>【耐瑞思】开式齿轮脂\OG 2600;1×180kg\耐瑞思</t>
  </si>
  <si>
    <t>【耐瑞思】锂基润滑脂\DMC 0# 1×180kg\耐瑞思</t>
  </si>
  <si>
    <t>【耐瑞思】锂基润滑脂\DMC 1# 1×180kg\耐瑞思</t>
  </si>
  <si>
    <t>【耐瑞思】锂基润滑脂\DMC 2# 1×180kg\耐瑞思</t>
  </si>
  <si>
    <t>【耐瑞思】锂基润滑脂\EP-L 0#;1×17Kg\耐瑞思</t>
  </si>
  <si>
    <t>【耐瑞思】锂基润滑脂\EP-L 1#;1×17kg\耐瑞思</t>
  </si>
  <si>
    <t>【耐瑞思】锂基润滑脂\EP-S 0#;1×180kg\耐瑞思</t>
  </si>
  <si>
    <t>【耐瑞思】锂基润滑脂\EP-S 1#;1×180kg\耐瑞思</t>
  </si>
  <si>
    <t>【耐瑞思】锂基润滑脂\EP-S 1#;1×17kg\耐瑞思</t>
  </si>
  <si>
    <t>【耐瑞思】锂基润滑脂\EP-S 2#;1×180kg\耐瑞思</t>
  </si>
  <si>
    <t>【耐瑞思】轮轨润滑脂\0#;1×17kg\耐瑞思</t>
  </si>
  <si>
    <t>【耐瑞思】轮轨润滑脂\0#;12×1kg\耐瑞思</t>
  </si>
  <si>
    <t>【耐瑞思】轮轨润滑脂\1#;1×17kg\耐瑞思</t>
  </si>
  <si>
    <t>【耐瑞思】轮轨润滑脂\1#;12×1kg\耐瑞思</t>
  </si>
  <si>
    <t>【耐瑞思】轮轨润滑脂\2#;1×17kg\耐瑞思</t>
  </si>
  <si>
    <t>【耐瑞思】轮轨润滑脂\2#;12×1kg\耐瑞思</t>
  </si>
  <si>
    <t>【耐瑞思】轮辋润滑脂\LW;1×17Kg\耐瑞思</t>
  </si>
  <si>
    <t>【耐瑞思】润滑脂\DMC0#;1×17kg\耐瑞思</t>
  </si>
  <si>
    <t>【耐瑞思】润滑脂\DMC00#;1×180kg\耐瑞思</t>
  </si>
  <si>
    <t>【耐瑞思】润滑脂\DMC1#;1×17kg\耐瑞思</t>
  </si>
  <si>
    <t>【耐瑞思】润滑脂\DMC2#;1×17kg\耐瑞思</t>
  </si>
  <si>
    <t>【耐瑞思】润滑脂\DMC-B 0#;1×17kg\耐瑞思</t>
  </si>
  <si>
    <t>【耐瑞思】润滑脂\DMC-B 0#;1×180kg\耐瑞思</t>
  </si>
  <si>
    <t>【耐瑞思】润滑脂\DMC-B 00#;1×17kg\耐瑞思</t>
  </si>
  <si>
    <t>【耐瑞思】润滑脂\DMC-B 00#;1×180kg\耐瑞思</t>
  </si>
  <si>
    <t>【耐瑞思】润滑脂\DMC-B 1#;1×17kg\耐瑞思</t>
  </si>
  <si>
    <t>【耐瑞思】润滑脂\DMC-B 1#;1×180kg\耐瑞思</t>
  </si>
  <si>
    <t>【耐瑞思】润滑脂\DMC-B 2#;1×17kg\耐瑞思</t>
  </si>
  <si>
    <t>【耐瑞思】润滑脂\DMC-B 2#;1×180kg\耐瑞思</t>
  </si>
  <si>
    <t>【耐瑞思】润滑脂\DMC-R 0#;1×17kg\耐瑞思</t>
  </si>
  <si>
    <t>【耐瑞思】润滑脂\DMC-R 0#;1×180kg\耐瑞思</t>
  </si>
  <si>
    <t>【耐瑞思】润滑脂\DMC-R 1#;1×17kg\耐瑞思</t>
  </si>
  <si>
    <t>【耐瑞思】润滑脂\DMC-R 1#;1×180kg\耐瑞思</t>
  </si>
  <si>
    <t>【耐瑞思】润滑脂\DMC-R 2#;1×17kg\耐瑞思</t>
  </si>
  <si>
    <t>【耐瑞思】润滑脂\DMC-R 2#;1×180kg\耐瑞思</t>
  </si>
  <si>
    <t>【耐瑞思】润滑脂\DMC-Z 0#;1×17kg\耐瑞思</t>
  </si>
  <si>
    <t>【耐瑞思】润滑脂\DMC-Z 0#;1×180kg\耐瑞思</t>
  </si>
  <si>
    <t>【耐瑞思】润滑脂\DMC-Z 1#;1×17kg\耐瑞思</t>
  </si>
  <si>
    <t>【耐瑞思】润滑脂\DMC-Z 1#;1×180kg\耐瑞思</t>
  </si>
  <si>
    <t>【耐瑞思】润滑脂\DMC-Z 2#;1×17kg\耐瑞思</t>
  </si>
  <si>
    <t>【耐瑞思】润滑脂\DMC-Z 2#;1×180kg\耐瑞思</t>
  </si>
  <si>
    <t>【耐瑞思】锂基润滑脂\EP-L 2#;1×17kg\耐瑞思</t>
  </si>
  <si>
    <t>【耐瑞思】锂基润滑脂\EP-L 1#;12×1kg\耐瑞思</t>
  </si>
  <si>
    <t>【耐瑞思】锂基润滑脂\EP-L 2#;12×1kg\耐瑞思</t>
  </si>
  <si>
    <t>【耐瑞思】锂基润滑脂\EP-L 3#;12×1kg\耐瑞思</t>
  </si>
  <si>
    <t>【昆仑】电商液压导轨油\L-HG 46;1×170kg</t>
  </si>
  <si>
    <t>中国石油天然气股份有限公司北京润滑油销售分公司</t>
  </si>
  <si>
    <t>昆仑</t>
  </si>
  <si>
    <t>GNWZBP(TH)ZYCG2020-273-17</t>
  </si>
  <si>
    <t>昆仑润滑油脂电力专区经营主体铺货长协（新疆新润石油）</t>
  </si>
  <si>
    <t>新疆新润石油化工产品销售有限公司</t>
  </si>
  <si>
    <t>【昆仑】电商液压导轨油\L-HG 68;1×170kg</t>
  </si>
  <si>
    <t>【昆仑】电商合成工业齿轮油\KG/S 150;1×170kg</t>
  </si>
  <si>
    <t>【昆仑】电商合成工业齿轮油\KG/S 320;1×170kg</t>
  </si>
  <si>
    <t>【昆仑】电商合成工业齿轮油\KG/S 460;1×170kg</t>
  </si>
  <si>
    <t>【昆仑】电商重负荷工业齿轮油\KG 220;1×170kg</t>
  </si>
  <si>
    <t>【昆仑】电商重负荷工业齿轮油\KG 320;1×170kg</t>
  </si>
  <si>
    <t>【昆仑】电商重负荷工业齿轮油\KG 460;1×170kg</t>
  </si>
  <si>
    <t>【昆仑】电商机械油\全损耗系统用油 L-AN 150;1×170kg</t>
  </si>
  <si>
    <t>【昆仑】电商抗磨液压油\L-HM 46(高压);1×170kg</t>
  </si>
  <si>
    <t>【昆仑】电商抗磨液压油\L-HM 100(高压);1×170kg</t>
  </si>
  <si>
    <t>【昆仑】电商抗磨液压油\L-HM 32(高压);1×170kg</t>
  </si>
  <si>
    <t>【昆仑】电商抗磨液压油\L-HM 68(高压);1×170kg</t>
  </si>
  <si>
    <t>【昆仑】电商抗氨汽轮机油\L-KTA 32;1×170kg</t>
  </si>
  <si>
    <t>【昆仑】电商汽轮机油\L-TSA 68 (B级);1×170kg</t>
  </si>
  <si>
    <t>【昆仑】电商汽轮机油\L-TSA 46 (A级);1×170kg</t>
  </si>
  <si>
    <t>【昆仑】电商长寿命汽轮机油\L-KTL 46;1×170kg</t>
  </si>
  <si>
    <t>【昆仑】电商空气压缩机油\L-DAB 68;1×170kg</t>
  </si>
  <si>
    <t>【昆仑】电商重负荷螺杆空气压缩机油\KCR 46;1×170kg</t>
  </si>
  <si>
    <t>【昆仑】电商合成型螺杆空气压缩机油\KCRS 46;1×170kg</t>
  </si>
  <si>
    <t>【昆仑】电商锭子油\13#;1×160kg</t>
  </si>
  <si>
    <t>【昆仑】电商复合锂基脂\3# 1×175kg</t>
  </si>
  <si>
    <t>【昆仑】电商复合锂基脂\2# 1×15kg</t>
  </si>
  <si>
    <t>【昆仑】电商复合锂基脂\2# 1×175kg</t>
  </si>
  <si>
    <t>【昆仑】电商钙基润滑脂\3#;10×1kg</t>
  </si>
  <si>
    <t>【昆仑】电商钙基润滑脂\3#;1×175kg</t>
  </si>
  <si>
    <t>【昆仑】电商高温润滑脂\7014-2;1×15kg</t>
  </si>
  <si>
    <t>【昆仑】电商高温润滑脂\HP-R;1×175kg</t>
  </si>
  <si>
    <t>【昆仑】电商高温润滑脂\HP-R;8×2kg</t>
  </si>
  <si>
    <t>【昆仑】电商高温润滑脂\HP-R;12×0.8kg</t>
  </si>
  <si>
    <t>【昆仑】电商高温润滑脂\7019;1×15kg</t>
  </si>
  <si>
    <t>【昆仑】电商高温润滑脂\7019;12×0.8kg</t>
  </si>
  <si>
    <t>【昆仑】电商高温润滑脂\HT600;12×0.8kg</t>
  </si>
  <si>
    <t>【昆仑】电商高温润滑脂\HT600;1×15kg</t>
  </si>
  <si>
    <t>【昆仑】电商二硫化钼极压锂基润滑脂\2#;1×175kg</t>
  </si>
  <si>
    <t>【昆仑】电商二硫化钼极压锂基润滑脂\3#;1×15kg</t>
  </si>
  <si>
    <t>【昆仑】电商二硫化钼极压锂基润滑脂\3#;1×175kg</t>
  </si>
  <si>
    <t>【昆仑】电商二硫化钼锂基润滑脂\3#;10×1kg</t>
  </si>
  <si>
    <t>【昆仑】电商二硫化钼锂基润滑脂\3#;12×0.8kg</t>
  </si>
  <si>
    <t>【昆仑】电商二硫化钼锂基润滑脂\3#;1×175kg</t>
  </si>
  <si>
    <t>【昆仑】电商极压锂基润滑脂\0#;1×175kg</t>
  </si>
  <si>
    <t>【昆仑】电商极压锂基润滑脂\3#;1×175kg</t>
  </si>
  <si>
    <t>【昆仑】电商通用锂基润滑脂\1#;1×175kg</t>
  </si>
  <si>
    <t>【昆仑】电商通用锂基润滑脂\3#;1×175kg</t>
  </si>
  <si>
    <t>【昆仑】电商通用锂基润滑脂\0#;1×175kg</t>
  </si>
  <si>
    <t>【昆仑】电商通用锂基润滑脂\2#;1×175kg</t>
  </si>
  <si>
    <t>【昆仑】电商通用锂基润滑脂\2#;10×1kg</t>
  </si>
  <si>
    <t>【昆仑】电商通用锂基润滑脂\00#;1×175kg</t>
  </si>
  <si>
    <t>【昆仑】电商轮轨润滑脂\KL-B;12×1kg</t>
  </si>
  <si>
    <t>【昆仑】电商柴油机油\天威 CF-4 15W-40;6×3.5kg</t>
  </si>
  <si>
    <t>【昆仑】电商柴油机油\天鸿 CD 20W-50;1×16kg</t>
  </si>
  <si>
    <t>【昆仑】电商柴油机油\CD 20W-50;6×3.5kg</t>
  </si>
  <si>
    <t>【昆仑】电商柴油机油\天鸿 CF-4 10W-30;6×3.5kg</t>
  </si>
  <si>
    <t>【昆仑】电商柴油机油\天鸿 CF-4 15W-40;6×3.5kg</t>
  </si>
  <si>
    <t>【昆仑】电商柴油机油\天鸿 CF-4 20W-50;6×3.5kg</t>
  </si>
  <si>
    <t>【昆仑】电商柴油机油\天威 CH-4 10W-30;1×16kg</t>
  </si>
  <si>
    <t>【昆仑】电商机车制动液\7103;20×0.5kg</t>
  </si>
  <si>
    <t>【昆仑】电商机车制动液\719;15×0.8kg</t>
  </si>
  <si>
    <t>【昆仑】电商柴油机油\铁路内燃机车四代油 20W-40;1×170kg</t>
  </si>
  <si>
    <t>【昆仑】电商抱轴瓦油\铁路机车牵引电机悬挂抱轴瓦油;1×170kg</t>
  </si>
  <si>
    <t>【昆仑】电商柴油机油\天鸿 CH-4 15W-40;1×16kg</t>
  </si>
  <si>
    <t>【昆仑】电商柴油机油\天鸿 CH-4 15W-40;1×170kg</t>
  </si>
  <si>
    <t>【昆仑】电商柴油机油\天鸿 CH-4 15W-40;6×3.5kg</t>
  </si>
  <si>
    <t>【昆仑】电商柴油机油\天鸿 CH-4 20W-50;1×16kg</t>
  </si>
  <si>
    <t>【昆仑】电商柴油机油\天鸿 CH-4 20W-50;1×170kg</t>
  </si>
  <si>
    <t>【昆仑】电商柴油机油\天鸿 CH-4 20W-50;6×3.5kg</t>
  </si>
  <si>
    <t>【昆仑】电商汽油机油\天润 KR7 SL/CF 5W-40;6×3.5kg</t>
  </si>
  <si>
    <t>【昆仑】电商汽油机油\天润 KR7 SL/CF 5W-30;6×3.5kg</t>
  </si>
  <si>
    <t>【昆仑】电商汽油机油\天润 KR7 SL/CF 10W-40;6×3.5kg</t>
  </si>
  <si>
    <t>【昆仑】电商汽油机油\天润 KR6 SJ 20W-50;6×3.5kg</t>
  </si>
  <si>
    <t>【昆仑】电商汽油机油\天润 KR6 SJ 10W-30;6×3.5kg</t>
  </si>
  <si>
    <t>【昆仑】电商汽油机油\天润 KR5 SF 15W-40;6×3.5kg</t>
  </si>
  <si>
    <t>【昆仑】电商低温液压油\L-HV 32;1×170kg</t>
  </si>
  <si>
    <t>【昆仑】电商工业齿轮油\L-CKC 100;1×170kg</t>
  </si>
  <si>
    <t>【昆仑】电商工业齿轮油\L-CKC 150;1×170kg</t>
  </si>
  <si>
    <t>【昆仑】电商工业齿轮油\L-CKC 220;1×170kg</t>
  </si>
  <si>
    <t>【昆仑】电商工业齿轮油\L-CKC 320;1×170kg</t>
  </si>
  <si>
    <t>【昆仑】电商工业齿轮油\L-CKC 460;1×170kg</t>
  </si>
  <si>
    <t>【昆仑】电商工业齿轮油\L-CKC 68;1×170kg</t>
  </si>
  <si>
    <t>【昆仑】电商工业齿轮油\L-CKC 680;1×170kg</t>
  </si>
  <si>
    <t>【昆仑】电商工业齿轮油\L-CKD 150;1×170kg</t>
  </si>
  <si>
    <t>【昆仑】电商工业齿轮油\L-CKD 220;1×170kg</t>
  </si>
  <si>
    <t>【昆仑】电商工业齿轮油\L-CKD 320;1×170kg</t>
  </si>
  <si>
    <t>【昆仑】电商工业齿轮油\L-CKD 460;1×170kg</t>
  </si>
  <si>
    <t>【昆仑】电商工业齿轮油\L-CKD 680;1×170kg</t>
  </si>
  <si>
    <t>【昆仑】电商航空液压油\地面用 10#;1×170kg</t>
  </si>
  <si>
    <t>【昆仑】电商绝缘油\变压器油 KI25X;1×170kg</t>
  </si>
  <si>
    <t>【昆仑】电商绝缘油\变压器油 KI45X;1×170kg</t>
  </si>
  <si>
    <t>【昆仑】电商抗磨液压油\L-HM 150;1×170kg</t>
  </si>
  <si>
    <t>【昆仑】电商抗磨液压油\L-HM 46;1×170kg</t>
  </si>
  <si>
    <t>【昆仑】电商抗磨液压油\L-HM 32;1×170kg</t>
  </si>
  <si>
    <t>【昆仑】电商抗磨液压油\L-HM 68;1×170kg</t>
  </si>
  <si>
    <t>【昆仑】电商液力传动油\6#;1×170kg</t>
  </si>
  <si>
    <t>【昆仑】电商液力传动油\8#;1×170kg</t>
  </si>
  <si>
    <t>【昆仑】电商液力传动油\8D;1×170kg</t>
  </si>
  <si>
    <t>【昆仑】电商极压复合锂基脂\3#;1×15kg</t>
  </si>
  <si>
    <t>【昆仑】电商极压复合锂基脂\2#;1×15kg</t>
  </si>
  <si>
    <t>【昆仑】电商极压复合锂基脂\1#;1×15kg</t>
  </si>
  <si>
    <t>【昆仑】电商硅脂\7057;1×15kg</t>
  </si>
  <si>
    <t>【昆仑】电商极压锂基润滑脂\2#;1×15kg</t>
  </si>
  <si>
    <t>【昆仑】电商柴油机油\天鸿 CD 15W-40;1×170kg</t>
  </si>
  <si>
    <t>【昆仑】电商柴油机油\天鸿 CD 20W-50;1×170kg</t>
  </si>
  <si>
    <t>【昆仑】电商柴油机油\天鸿 CF-4 10W-30;1×16kg</t>
  </si>
  <si>
    <t>【昆仑】电商柴油机油\天鸿 CF-4 10W-30;1×170kg</t>
  </si>
  <si>
    <t>【昆仑】电商柴油机油\天鸿 CF-4 15W-40;1×16kg</t>
  </si>
  <si>
    <t>【昆仑】电商柴油机油\天鸿 CF-4 15W-40;1×170kg</t>
  </si>
  <si>
    <t>【昆仑】电商柴油机油\天鸿 CF-4 20W-50;1×16kg</t>
  </si>
  <si>
    <t>【昆仑】电商柴油机油\天鸿 CF-4 20W-50;1×170kg</t>
  </si>
  <si>
    <t>【昆仑】电商柴油机油\天威 CD 15W-40;1×16kg</t>
  </si>
  <si>
    <t>【昆仑】电商柴油机油\天威 CF-4 15W-40;1×16kg</t>
  </si>
  <si>
    <t>【昆仑】电商柴油机油\天威 CF-4 15W-40;1×170kg</t>
  </si>
  <si>
    <t>【昆仑】电商柴油机油\天威 CF-4 20W-50;1×16kg</t>
  </si>
  <si>
    <t>【昆仑】电商柴油机油\天威 CF-4 20W-50;1×170kg</t>
  </si>
  <si>
    <t>【昆仑】电商柴油机油\天威 CH-4 15W-40;1×16kg</t>
  </si>
  <si>
    <t>【昆仑】电商车辆齿轮油\天鸿 GL-5 85W-90;1×16kg</t>
  </si>
  <si>
    <t>【昆仑】电商车辆齿轮油\天鸿 GL-5 85W-90;1×170kg</t>
  </si>
  <si>
    <t>【昆仑】电商车辆齿轮油\天威 GL-5 85W-90;6×3.5kg</t>
  </si>
  <si>
    <t>【昆仑】电商液压导轨油\L-HG 32;1×170kg</t>
  </si>
  <si>
    <t>【昆仑】电商低温液压油\L-HV 46;1×170kg</t>
  </si>
  <si>
    <t>【昆仑】电商低温液压油\L-HV 68;1×170kg</t>
  </si>
  <si>
    <t>【昆仑】电商合成工业齿轮油\KG/S 220;1×170kg</t>
  </si>
  <si>
    <t>【昆仑】电商极压型蜗轮蜗杆油\L-CKE/P 220;1×170kg</t>
  </si>
  <si>
    <t>【昆仑】电商极压型蜗轮蜗杆油\L-CKE/P 320;1×170kg</t>
  </si>
  <si>
    <t>【昆仑】电商极压型蜗轮蜗杆油\L-CKE/P 460;1×170kg</t>
  </si>
  <si>
    <t>【昆仑】电商重负荷工业齿轮油\KG 150;1×170kg</t>
  </si>
  <si>
    <t>【昆仑】电商机械油\全损耗系统用油 L-AN 100;1×170kg</t>
  </si>
  <si>
    <t>【昆仑】电商机械油\全损耗系统用油 L-AN 32;1×170kg</t>
  </si>
  <si>
    <t>【昆仑】电商机械油\全损耗系统用油 L-AN 46;1×170kg</t>
  </si>
  <si>
    <t>【昆仑】电商机械油\全损耗系统用油 L-AN 68;1×170kg</t>
  </si>
  <si>
    <t>【昆仑】电商抗氧防锈液压油\L-HL 46;1×170kg</t>
  </si>
  <si>
    <t>【昆仑】电商抗氧防锈液压油\L-HL 68;1×170kg</t>
  </si>
  <si>
    <t>【昆仑】电商冷冻机油\L-DRA 46;1×170kg</t>
  </si>
  <si>
    <t>【昆仑】电商抗氨汽轮机油\L-KTA 46;1×170kg</t>
  </si>
  <si>
    <t>【昆仑】电商汽轮机油\L-TSA 68 (A级);1×170kg</t>
  </si>
  <si>
    <t>【昆仑】电商汽轮机油\L-TSA 32 (A级);1×170kg</t>
  </si>
  <si>
    <t>【昆仑】电商汽轮机油\L-TSA 100 (B级);1×170kg</t>
  </si>
  <si>
    <t>【昆仑】电商汽轮机油\L-TSA 32 (B级);1×170kg</t>
  </si>
  <si>
    <t>【昆仑】电商汽轮机油\L-TSA 46 (B级);1×170kg</t>
  </si>
  <si>
    <t>【昆仑】电商长寿命汽轮机油\L-KTL 32;1×170kg</t>
  </si>
  <si>
    <t>【昆仑】电商有机热传导液\L-QC 310;1×170kg</t>
  </si>
  <si>
    <t>【昆仑】电商水-乙二醇抗燃液压液\46;1×190kg</t>
  </si>
  <si>
    <t>【昆仑】电商空气压缩机油\L-DAB 100;1×170kg</t>
  </si>
  <si>
    <t>【昆仑】电商空气压缩机油\L-DAB 150;1×170kg</t>
  </si>
  <si>
    <t>【昆仑】电商空气压缩机油\L-DAB 220;1×170kg</t>
  </si>
  <si>
    <t>【昆仑】电商回转式螺杆空气压缩机油\L-DAH 32;1×170kg</t>
  </si>
  <si>
    <t>【昆仑】电商回转式螺杆空气压缩机油\L-DAH 46;1×170kg</t>
  </si>
  <si>
    <t>【昆仑】电商液力传动油\天工 8#;1×13kg</t>
  </si>
  <si>
    <t>【昆仑】电商通用航空润滑脂\7008;1×15kg</t>
  </si>
  <si>
    <t>【昆仑】电商复合锂基脂\1#;1×15kg</t>
  </si>
  <si>
    <t>【昆仑】电商复合锂基脂\3#;1×15kg</t>
  </si>
  <si>
    <t>【昆仑】电商钙基润滑脂\2#;1×15kg</t>
  </si>
  <si>
    <t>【昆仑】电商钙基润滑脂\2#;1×175kg</t>
  </si>
  <si>
    <t>【昆仑】电商钙基润滑脂\3#;1×15kg</t>
  </si>
  <si>
    <t>【昆仑】电商钙基润滑脂\3#;4×5kg</t>
  </si>
  <si>
    <t>【昆仑】电商高温润滑脂\7014-2;12×0.8kg</t>
  </si>
  <si>
    <t>【昆仑】电商高温润滑脂\HP-R;1×15kg</t>
  </si>
  <si>
    <t>【昆仑】电商硅脂\7057;12×0.8kg</t>
  </si>
  <si>
    <t>【昆仑】电商二硫化钼极压锂基润滑脂\1#;1×15kg</t>
  </si>
  <si>
    <t>【昆仑】电商二硫化钼极压锂基润滑脂\0#;1×15kg</t>
  </si>
  <si>
    <t>【昆仑】电商二硫化钼极压锂基润滑脂\2#;1×15kg</t>
  </si>
  <si>
    <t>【昆仑】电商二硫化钼锂基润滑脂\2#;1×175kg</t>
  </si>
  <si>
    <t>【昆仑】电商极压锂基润滑脂\0#;1×15kg</t>
  </si>
  <si>
    <t>【昆仑】电商极压锂基润滑脂\00#;1×15kg</t>
  </si>
  <si>
    <t>【昆仑】电商极压锂基润滑脂\00#;1×175kg</t>
  </si>
  <si>
    <t>【昆仑】电商极压锂基润滑脂\1#;1×15kg</t>
  </si>
  <si>
    <t>【昆仑】电商极压锂基润滑脂\1#;1×175kg</t>
  </si>
  <si>
    <t>【昆仑】电商极压锂基润滑脂\2#;1×175kg</t>
  </si>
  <si>
    <t>【昆仑】电商极压锂基润滑脂\3#;1×15kg</t>
  </si>
  <si>
    <t>【昆仑】电商通用锂基润滑脂\3#;12×0.8kg</t>
  </si>
  <si>
    <t>【昆仑】电商通用锂基润滑脂\3#;10×1kg</t>
  </si>
  <si>
    <t>【昆仑】电商汽油机油\天润 KR6 SJ 15W-40;6×3.5kg</t>
  </si>
  <si>
    <t>【昆仑】电商汽油机油\天润 KR8 SM 5W-40;6×3.5kg</t>
  </si>
  <si>
    <t>【昆仑】电商机车制动液\7103;15×0.8kg</t>
  </si>
  <si>
    <t>【昆仑】电商柴油机油\天鸿 CD 15W-40;1×16kg</t>
  </si>
  <si>
    <t>【昆仑】电商柴油机油\天鸿 CD 15W-40;6×3.5kg</t>
  </si>
  <si>
    <t>【昆仑】电商二硫化钼锂基润滑脂\0#;1×15kg</t>
  </si>
  <si>
    <t>【昆仑】电商二硫化钼锂基润滑脂\1#;1×15kg</t>
  </si>
  <si>
    <t>【昆仑】电商二硫化钼锂基润滑脂\2#;4×5kg</t>
  </si>
  <si>
    <t>【昆仑】电商二硫化钼锂基润滑脂\2#;1×15kg</t>
  </si>
  <si>
    <t>【昆仑】电商二硫化钼锂基润滑脂\3#;1×15kg</t>
  </si>
  <si>
    <t>【昆仑】电商二硫化钼锂基润滑脂\3#;4×5kg</t>
  </si>
  <si>
    <t>【昆仑】电商通用锂基润滑脂\1#;1×15kg</t>
  </si>
  <si>
    <t>【昆仑】电商通用锂基润滑脂\2#;1×15kg</t>
  </si>
  <si>
    <t>【昆仑】电商通用锂基润滑脂\3#;1×15kg</t>
  </si>
  <si>
    <t>【昆仑】电商通用锂基润滑脂\3#;4×5kg</t>
  </si>
  <si>
    <t>【昆仑】电商通用锂基润滑脂\0#;1×15kg</t>
  </si>
  <si>
    <t>【昆仑】电商通用锂基润滑脂\00#;1×15kg</t>
  </si>
  <si>
    <t>【昆仑】电商通用锂基润滑脂\000#;1×15kg</t>
  </si>
  <si>
    <t>【昆仑】电商车辆齿轮油\天鸿 GL-5 85W-90;6×3.5kg</t>
  </si>
  <si>
    <t>【昆仑】电商车辆齿轮油\天鸿 GL-5 85W-140;6×3.5kg</t>
  </si>
  <si>
    <t>【昆仑】电商车辆齿轮油\天鸿 GL-5 85W-140;1×16kg</t>
  </si>
  <si>
    <t>【昆仑】电商车辆齿轮油\天鸿 GL-5 85W-140;1×170kg</t>
  </si>
  <si>
    <t>【昆仑】电商汽油机油\天润 KR9-T SN 0W-40;12×0.85kg</t>
  </si>
  <si>
    <t>【昆仑】电商汽油机油\天润 KR9-T SN 0W-40;6×3.5kg</t>
  </si>
  <si>
    <t>【昆仑】电商汽油机油\天润 KR9 SN/GF-5 5W-30;12×0.85kg</t>
  </si>
  <si>
    <t>【昆仑】电商汽油机油\天润 KR9 SN/GF-5 5W-30;6×3.5kg</t>
  </si>
  <si>
    <t>【昆仑】电商汽油机油\天润 KR9 SN/CF 5W-30;12×0.85kg</t>
  </si>
  <si>
    <t>【昆仑】电商汽油机油\天润 KR9 SN/CF 5W-40;6×3.5kg</t>
  </si>
  <si>
    <t>【昆仑】电商汽油机油\天润 KR8 SM/CF 5W-40;12×0.85kg</t>
  </si>
  <si>
    <t>【昆仑】电商汽油机油\天润 KR8 SM/GF-4 5W-40;12×0.85kg</t>
  </si>
  <si>
    <t>【昆仑】电商汽油机油\天润 KR8 SM/CF 5W-40;6×3.5kg</t>
  </si>
  <si>
    <t>【昆仑】电商车辆齿轮油\天威 GL-5 80W-90;6×3.5kg</t>
  </si>
  <si>
    <t>【昆仑】电商空压机油\铁路机车空气压缩机油 TKY200W;1×170kg</t>
  </si>
  <si>
    <t>【昆仑】电商极压锂基润滑脂\MEP-Ⅱ;1×15kg</t>
  </si>
  <si>
    <t>【昆仑】电商柴油机油\船用 天鸿 CF-4 15W/40;1×16kg</t>
  </si>
  <si>
    <t>【昆仑】电商柴油机油\船用 天鸿 CF-4 15W/40;1×170kg</t>
  </si>
  <si>
    <t>【昆仑】电商柴油机油\船用 天鸿 CD 15W/40;1×170kg</t>
  </si>
  <si>
    <t>【昆仑】电商柴油机油\船用 天鸿 CD 40;1×170kg</t>
  </si>
  <si>
    <t>【昆仑】电商全能润滑脂\船用 SUPER CS;1×15kg</t>
  </si>
  <si>
    <t>【昆仑】电商冷冻机油\L-DRC 56;1×16kg</t>
  </si>
  <si>
    <t>【昆仑】电商低凝合成液压油\船用 L-HV 100;1×170kg</t>
  </si>
  <si>
    <t>【昆仑】电商低凝液压油\船用 L-HV 68;1×170kg</t>
  </si>
  <si>
    <t>【昆仑】电商低凝液压油\船用 L-HV 46;1×170kg</t>
  </si>
  <si>
    <t>【昆仑】电商低凝液压油\船用 L-HV 32;1×170kg</t>
  </si>
  <si>
    <t>【昆仑】电商低凝合成液压油\船用 L-HV 15;1×170kg</t>
  </si>
  <si>
    <t>【昆仑】电商空气压缩机油\船用 L-DAB 150;1×170kg</t>
  </si>
  <si>
    <t>【昆仑】电商空气压缩机油\船用 L-DAB 100;1×170kg</t>
  </si>
  <si>
    <t>【昆仑】电商汽轮机油\船用 L-TSA 68;1×170kg</t>
  </si>
  <si>
    <t>【昆仑】电商汽轮机油\船用 L-TSA 46;1×170kg</t>
  </si>
  <si>
    <t>【昆仑】电商汽轮机油\船用 L-TSA 32;1×170kg</t>
  </si>
  <si>
    <t>【昆仑】电商工业齿轮油\船用 L-CKD 100;1×170kg</t>
  </si>
  <si>
    <t>【昆仑】电商工业齿轮油\船用 L-CKD 150;1×170kg</t>
  </si>
  <si>
    <t>【昆仑】电商工业齿轮油\船用 L-CKD 220;1×170kg</t>
  </si>
  <si>
    <t>【昆仑】电商工业齿轮油\船用 L-CKD 320;1×170kg</t>
  </si>
  <si>
    <t>【昆仑】电商工业齿轮油\船用 L-CKC 320;1×170kg</t>
  </si>
  <si>
    <t>【昆仑】电商工业齿轮油\船用 L-CKC 220;1×170kg</t>
  </si>
  <si>
    <t>【昆仑】电商工业齿轮油\船用 L-CKC 150;1×170kg</t>
  </si>
  <si>
    <t>【昆仑】电商抗磨液压油\船用 L-HM 150;1×170kg</t>
  </si>
  <si>
    <t>【昆仑】电商抗磨液压油\船用 L-HM 100;1×170kg</t>
  </si>
  <si>
    <t>【昆仑】电商抗磨液压油\船用 L-HM 68;1×170kg</t>
  </si>
  <si>
    <t>【昆仑】电商抗磨液压油\船用 L-HM 46;1×170kg</t>
  </si>
  <si>
    <t>【昆仑】电商抗磨液压油\船用 L-HM 32;1×170kg</t>
  </si>
  <si>
    <t>【昆仑】电商中速机油\船用 DCB4030/3030;1×170kg</t>
  </si>
  <si>
    <t>【昆仑】电商系统油\船用 DCC4008/3008;1×890kg</t>
  </si>
  <si>
    <t>【昆仑】电商气缸油\船用 DCC4008/3008;1×170kg</t>
  </si>
  <si>
    <t>【昆仑】电商气缸油\船用 DCA5040;1×910kg</t>
  </si>
  <si>
    <t>【昆仑】电商气缸油\船用 DCA5040;1×170kg</t>
  </si>
  <si>
    <t>【昆仑】电商气缸油\船用 DCA5071H; 1×930kg</t>
  </si>
  <si>
    <t>【昆仑】电商气缸油\船用 DCA5070H; 1×930kg</t>
  </si>
  <si>
    <t>【昆仑】电商极压锂基润滑脂\MEP-Ⅱ;1×175kg</t>
  </si>
  <si>
    <t>【昆仑】电商极压锂基润滑脂\MEP-I;1×175kg</t>
  </si>
  <si>
    <t>【昆仑】电商极压锂基润滑脂\MEP-I;1×15kg</t>
  </si>
  <si>
    <t>【昆仑】电商重负荷工业齿轮油\KG 100;1×170kg</t>
  </si>
  <si>
    <t>【昆仑】电商抗磨液压油\L-HM 68(高压);Bulk</t>
  </si>
  <si>
    <t>【昆仑】电商抗磨液压油\L-HM 46(高压);Bulk</t>
  </si>
  <si>
    <t>【昆仑】电商车辆齿轮油\天威 GL-5 80W-90;1×170kg</t>
  </si>
  <si>
    <t>【昆仑】电商车辆齿轮油\天威 GL-5 80W-90;1×16kg</t>
  </si>
  <si>
    <t>【昆仑】电商柴油机油\天威CJ-4 10W/40;1×16kg</t>
  </si>
  <si>
    <t>【昆仑】电商柴油机油\天威CJ-4 10W/40;1×170kg</t>
  </si>
  <si>
    <t>【昆仑】电商柴油机油\天威CJ-4 15W/40;1×170kg</t>
  </si>
  <si>
    <t>【昆仑】电商柴油机油\天威CJ-4 15W/40;1×16kg</t>
  </si>
  <si>
    <t>【昆仑】电商长寿命液压油\L-HML 32;1×170kg</t>
  </si>
  <si>
    <t>【昆仑】电商长寿命液压油\L-HML 46;1×170kg</t>
  </si>
  <si>
    <t>【昆仑】电商长寿命液压油\L-HML 68;1×170kg</t>
  </si>
  <si>
    <t>【昆仑】电商柴油机油\天威CI-4 15W/40;1×16kg</t>
  </si>
  <si>
    <t>【昆仑】电商柴油机油\天威CI-4 20W/50;1×16kg</t>
  </si>
  <si>
    <t>【昆仑】电商柴油机油\天威CI-4 15W/40;1×170kg</t>
  </si>
  <si>
    <t>【昆仑】电商柴油机油\天威CI-4 20W/50;1×170kg</t>
  </si>
  <si>
    <t>【昆仑】电商优质汽轮机油\L-KTP 32;1×170kg</t>
  </si>
  <si>
    <t>【昆仑】液压支架用浓缩液\HFAS15-5\1×190kg</t>
  </si>
  <si>
    <t>【昆仑】电商长寿命汽轮机油\L-KTL 68;1×170kg</t>
  </si>
  <si>
    <t>【昆仑】电商抗磨液压油\L-HM 100;1×170kg</t>
  </si>
  <si>
    <t>【昆仑】电商冷冻机油\L-DRA 32;1×170kg</t>
  </si>
  <si>
    <t>【昆仑】电商液压传动两用油\68#;1×170kg</t>
  </si>
  <si>
    <t>【昆仑】电商合成型低温重负荷工业齿轮油\220;1×170kg</t>
  </si>
  <si>
    <t>【昆仑】电商优质汽轮机油\L-KTP 46;1×170kg</t>
  </si>
  <si>
    <t>【昆仑】电商合成型低温重负荷工业齿轮油\320;1×170kg</t>
  </si>
  <si>
    <t>【昆仑】电商液压传动两用油\100#;1×170kg</t>
  </si>
  <si>
    <t>【昆仑】电商抗磨液压油\L-HM46 NAS7级(高压);1×170kg</t>
  </si>
  <si>
    <t>【昆仑】重负荷发动机冷却液\HEC-II;1×18kg\40℃</t>
  </si>
  <si>
    <t>【昆仑】电商有机热传导液\L-QB 300;1×170kg</t>
  </si>
  <si>
    <t>【昆仑】电商优质汽轮机油\L-KTP 68;1×170kg</t>
  </si>
  <si>
    <t>【昆仑】电商真空泵油\68#;1×170kg</t>
  </si>
  <si>
    <t>【昆仑】电商真空泵油\100#;1×170kg</t>
  </si>
  <si>
    <t>【昆仑】电商无灰抗磨液压油\L-HMN46 (高压);1×170kg</t>
  </si>
  <si>
    <t>【昆仑】电商重负荷开式齿轮润滑脂\0#;1×15kg</t>
  </si>
  <si>
    <t>【昆仑】电商工业齿轮油\L-CKD 68;1×170kg</t>
  </si>
  <si>
    <t>【昆仑】电商二硫化钼锂基润滑脂\00#;1×15kg</t>
  </si>
  <si>
    <t>【昆仑】重负荷发动机冷却液\HEC-II;1×200kg\35℃</t>
  </si>
  <si>
    <t>【昆仑】电商高温润滑脂\7014;1×15kg</t>
  </si>
  <si>
    <t>【昆仑】重负荷发动机冷却液\HEC-II-;1×200kg\40℃</t>
  </si>
  <si>
    <t>【昆仑】电商高速轴承润滑脂\7018;1×15kg</t>
  </si>
  <si>
    <t>【昆仑】电商重负荷开式齿轮油\M 220;1×170kg</t>
  </si>
  <si>
    <t>【昆仑】液压支架用浓缩液\HFAS20-5\1×190kg</t>
  </si>
  <si>
    <t>【昆仑】电商轴承润滑脂\HTHS;1×15kg</t>
  </si>
  <si>
    <t>【昆仑】电商抗磨液压油\L-HM32 NAS7级(高压);1×170kg</t>
  </si>
  <si>
    <t>【昆仑】液压支架用浓缩液\HFAS10-5\1×190kg</t>
  </si>
  <si>
    <t>【昆仑】电商冷冻机油\L-DRA 100;1×170kg</t>
  </si>
  <si>
    <t>【昆仑】电商无灰抗磨液压油\L-HMN32 (高压);1×170kg</t>
  </si>
  <si>
    <t>【昆仑】重负荷发动机冷却液\HEC-II;1×18kg\35℃</t>
  </si>
  <si>
    <t>【昆仑】电商合成型低温重负荷工业齿轮油\150;1×170kg</t>
  </si>
  <si>
    <t>【昆仑】电商风电设备专用齿轮油\FD3000N;1×172kg</t>
  </si>
  <si>
    <t>【昆仑】电商无灰抗磨液压油\L-HMN68 (高压);1×170kg</t>
  </si>
  <si>
    <t>【昆仑】电商重负荷开式齿轮油\M 320;1×170kg</t>
  </si>
  <si>
    <t>【昆仑】电商柴油机油\天威 CF-4 10W-30;1×170kg</t>
  </si>
  <si>
    <t>【昆仑】电商重负荷开式齿轮油\M 150;1×170kg</t>
  </si>
  <si>
    <t>【昆仑】电商高温链条油\HTC-260;1×16kg</t>
  </si>
  <si>
    <t>【昆仑】电商极压锂基润滑脂\000#;1×15kg</t>
  </si>
  <si>
    <t>【昆仑】电商抗氨汽轮机油\L-KTA 68;1×170kg</t>
  </si>
  <si>
    <t>GNWZBP(TH)ZYCG2020-273-01</t>
  </si>
  <si>
    <t>昆仑润滑油脂电力专区经营主体铺货长协（包头市蒙欣化工）</t>
  </si>
  <si>
    <t>包头市蒙欣化工有限责任公司</t>
  </si>
  <si>
    <t>GNWZBP(TH)ZYCG2020-273-02</t>
  </si>
  <si>
    <t>昆仑润滑油脂电力专区经营主体铺货长协（北京昌盛兴农）</t>
  </si>
  <si>
    <t>北京昌盛兴农石油贸易有限公司</t>
  </si>
  <si>
    <t>GNWZBP(TH)ZYCG2020-273-03</t>
  </si>
  <si>
    <t>昆仑润滑油脂电力专区经营主体铺货长协（北京海岸讯通）</t>
  </si>
  <si>
    <t>北京海岸讯通科技发展有限公司</t>
  </si>
  <si>
    <t>GNWZBP(TH)ZYCG2020-273-04</t>
  </si>
  <si>
    <t>昆仑润滑油脂电力专区经营主体铺货长协（北京联运中达）</t>
  </si>
  <si>
    <t>北京联运中达科贸有限公司</t>
  </si>
  <si>
    <t>GNWZBP(TH)ZYCG2020-273-05</t>
  </si>
  <si>
    <t>昆仑润滑油脂电力专区经营主体铺货长协（鄂尔多斯市伊达）</t>
  </si>
  <si>
    <t>GNWZBP(TH)ZYCG2020-273-06</t>
  </si>
  <si>
    <t>昆仑润滑油脂电力专区经营主体铺货长协（广州市陇粤）</t>
  </si>
  <si>
    <t>广州市陇粤贸易有限公司</t>
  </si>
  <si>
    <t>GNWZBP(TH)ZYCG2020-273-07</t>
  </si>
  <si>
    <t>昆仑润滑油脂电力专区经营主体铺货长协（呼和浩特市非成）</t>
  </si>
  <si>
    <t>呼和浩特市非成商贸有限责任公司</t>
  </si>
  <si>
    <t>GNWZBP(TH)ZYCG2020-273-08</t>
  </si>
  <si>
    <t>昆仑润滑油脂电力专区经营主体铺货长协（南通美蝶）</t>
  </si>
  <si>
    <t>南通美蝶科技有限公司</t>
  </si>
  <si>
    <t>GNWZBP(TH)ZYCG2020-273-19</t>
  </si>
  <si>
    <t>昆仑润滑油脂电力专区经营主体铺货长协（宁夏润滑油销售）</t>
  </si>
  <si>
    <t>中国石油天然气股份有限公司宁夏润滑油销售分公司</t>
  </si>
  <si>
    <t>GNWZBP(TH)ZYCG2020-273-09</t>
  </si>
  <si>
    <t>昆仑润滑油脂电力专区经营主体铺货长协（内蒙古中油国鑫）</t>
  </si>
  <si>
    <t>GNWZBP(TH)ZYCG2020-273-10</t>
  </si>
  <si>
    <t>昆仑润滑油脂电力专区经营主体铺货长协（宁夏欣乾润）</t>
  </si>
  <si>
    <t>宁夏欣乾润商贸有限公司</t>
  </si>
  <si>
    <t>GNWZBP(TH)ZYCG2020-273-18</t>
  </si>
  <si>
    <t>昆仑润滑油脂电力专区经营主体铺货长协（徐州昆仑）</t>
  </si>
  <si>
    <t>徐州昆仑润滑油有限公司</t>
  </si>
  <si>
    <t>GNWZBP(TH)ZYCG2020-273-16</t>
  </si>
  <si>
    <t>昆仑润滑油脂电力专区经营主体铺货长协（武汉昆联石化）</t>
  </si>
  <si>
    <t>武汉昆联石化有限公司</t>
  </si>
  <si>
    <t>GNWZBP(TH)ZYCG2020-273-15</t>
  </si>
  <si>
    <t>昆仑润滑油脂电力专区经营主体铺货长协（乌海市瑞星油品）</t>
  </si>
  <si>
    <t>乌海市瑞星油品有限责任公司</t>
  </si>
  <si>
    <t>GNWZBP(TH)ZYCG2020-273-14</t>
  </si>
  <si>
    <t>昆仑润滑油脂电力专区经营主体铺货长协（太原昕晋）</t>
  </si>
  <si>
    <t>太原昕晋物贸有限公司</t>
  </si>
  <si>
    <t>GNWZBP(TH)ZYCG2020-273-13</t>
  </si>
  <si>
    <t>昆仑润滑油脂电力专区经营主体铺货长协（四川鹏程瑞达科技）</t>
  </si>
  <si>
    <t>GNWZBP(TH)ZYCG2020-273-12</t>
  </si>
  <si>
    <t>昆仑润滑油脂电力专区经营主体铺货长协（沈阳昆仑天工）</t>
  </si>
  <si>
    <t>沈阳昆仑天工润滑油有限公司</t>
  </si>
  <si>
    <t>【敏泰】滤芯\MEH1436RNTF10N/M50\国产\敏泰</t>
  </si>
  <si>
    <t>上海敏泰液压股份有限公司</t>
  </si>
  <si>
    <t>敏泰</t>
  </si>
  <si>
    <t>GNWZBP(TH)ZYCG2020-313</t>
  </si>
  <si>
    <t>国家能源e购商城上海敏泰液压、过滤和润滑系统备件铺货采购合同</t>
  </si>
  <si>
    <t>【敏泰】齿轮箱滤芯\MEH1449RNTF10N/M50\国产\敏泰</t>
  </si>
  <si>
    <t>【敏泰】齿轮箱滤芯\MEH1492RNTF10N/M50\国产</t>
  </si>
  <si>
    <t>【敏泰】滤芯\MEH1492RNTF5N\国产\敏泰</t>
  </si>
  <si>
    <t>【敏泰】滤芯\MEH1020RNTF3N\国产\敏泰</t>
  </si>
  <si>
    <t>【敏泰】滤芯\MEH0510RNTF10N\国产\敏泰</t>
  </si>
  <si>
    <t>【敏泰】滤芯\MEH0515PN1F10N\国产\敏泰</t>
  </si>
  <si>
    <t>【敏泰】滤芯\MEH0619PN1F10N\国产\敏泰</t>
  </si>
  <si>
    <t>【敏泰】滤芯\MEC1650RNTF10N/M25\国产\敏泰</t>
  </si>
  <si>
    <t>【敏泰】滤芯\MEI1640RN2F10V\国产\敏泰</t>
  </si>
  <si>
    <t>【敏泰】滤芯\MEI1640RN2F25N\国产\敏泰</t>
  </si>
  <si>
    <t>【敏泰】齿轮箱滤芯\MEI1640RNTF10V/M25\国产\敏泰</t>
  </si>
  <si>
    <t>【敏泰】滤芯\MEP1575RN2F10N/M50\国产\敏泰</t>
  </si>
  <si>
    <t>【敏泰】滤芯\MEP1598RN2F10N/M50\国产\敏泰</t>
  </si>
  <si>
    <t>【敏泰】滤芯\MEP1598RN\国产\敏泰</t>
  </si>
  <si>
    <t>【敏泰】滤芯\MEP0521PH1F10V\国产\敏泰</t>
  </si>
  <si>
    <t>【敏泰】滤芯\MEH0409PN1F10N\国产\敏泰</t>
  </si>
  <si>
    <t>【敏泰】滤芯\MEH0508PH1F10N\国产\敏泰</t>
  </si>
  <si>
    <t>【敏泰】滤芯\ME0409PH1F10N\国产\敏泰</t>
  </si>
  <si>
    <t>【敏泰】滤芯\ME0409PA1F10N\液压站\PHBJ-HC-09032-A0-SH</t>
  </si>
  <si>
    <t>【敏泰】滤芯\ME0511PN1F10N\国产\敏泰</t>
  </si>
  <si>
    <t>【敏泰】滤芯\ME0511PA1F10N\液压站\058P0100DWG/08</t>
  </si>
  <si>
    <t>【敏泰】滤芯\MEU0509PH1F10N\国产</t>
  </si>
  <si>
    <t>【敏泰】滤芯\ME0509PH1F10N(A)\国产\敏泰</t>
  </si>
  <si>
    <t>【敏泰】滤芯\MEI450RNTF5N\国产\敏泰</t>
  </si>
  <si>
    <t>【敏泰】滤芯\ME1537RN10PCV\国产\敏泰</t>
  </si>
  <si>
    <t>【敏泰】滤芯\Y-27 57×10W\国产\敏泰</t>
  </si>
  <si>
    <t>【敏泰】滤芯\Y-25 80×10\国产\敏泰</t>
  </si>
  <si>
    <t>【敏泰】液压站滤芯\MEL0826PN5F3W\国产\敏泰</t>
  </si>
  <si>
    <t>【敏泰】轮毂滤芯\MEL0826PN5F10W\国产\敏泰</t>
  </si>
  <si>
    <t>【敏泰】叠片滤芯\MEG1525(BFU)C3N\国产\敏泰</t>
  </si>
  <si>
    <t>【敏泰】叠片滤芯\MEG1524(BFU)C3N\国产\敏泰</t>
  </si>
  <si>
    <t>【虎牌】保险片\60A</t>
  </si>
  <si>
    <t>天津市必能信科技发展有限公司</t>
  </si>
  <si>
    <t>虎牌</t>
  </si>
  <si>
    <t>GNWZBP(TH)ZECG2020-017</t>
  </si>
  <si>
    <t>国家能源e购商城电工电料商城铺货长协采购合同（天泓8810008359协议变更）</t>
  </si>
  <si>
    <t>【虎牌】保险片\100A</t>
  </si>
  <si>
    <t>【虎牌】保险片\200A</t>
  </si>
  <si>
    <t>【虎牌】保险丝\10A</t>
  </si>
  <si>
    <t>【虎牌】保险丝\15A</t>
  </si>
  <si>
    <t>【虎牌】保险丝\20A</t>
  </si>
  <si>
    <t>【虎牌】保险丝\30A</t>
  </si>
  <si>
    <t>【虎牌】保险丝\3A</t>
  </si>
  <si>
    <t>【虎牌】保险丝\5A</t>
  </si>
  <si>
    <t>【虎牌】保险丝\60A</t>
  </si>
  <si>
    <t>【公牛】多用插座\GN-403\AC250V\10A\8</t>
  </si>
  <si>
    <t>公牛</t>
  </si>
  <si>
    <t>【雷尊】盘形悬式绝缘子\XP-70\电瓷</t>
  </si>
  <si>
    <t>雷尊</t>
  </si>
  <si>
    <t>【正泰】墙壁开关\明装 双联 10A\IP66</t>
  </si>
  <si>
    <t>正泰</t>
  </si>
  <si>
    <t>【雷尊】悬式绝缘子\X-4.5\瓷质</t>
  </si>
  <si>
    <t>【雷尊】针式绝缘子\P-15T\瓷质</t>
  </si>
  <si>
    <t>【虎牌】保险丝\1.5A</t>
  </si>
  <si>
    <t>【虎牌】保险丝\2.5A</t>
  </si>
  <si>
    <t>【虎牌】保险丝\25A</t>
  </si>
  <si>
    <t>【虎牌】保险丝\2A</t>
  </si>
  <si>
    <t>【虎牌】保险丝\35A</t>
  </si>
  <si>
    <t>【虎牌】保险丝\50A</t>
  </si>
  <si>
    <t>【正泰】墙壁插座\5孔\AC220V\10A\5</t>
  </si>
  <si>
    <t>【公牛】二相插头\220V 5A\220V\5A</t>
  </si>
  <si>
    <t>【盈余】高压熔丝\10A</t>
  </si>
  <si>
    <t>盈余</t>
  </si>
  <si>
    <t>【盈余】高压熔丝\20A</t>
  </si>
  <si>
    <t>【荣盛】加长电线插座\63-6h/380V-415V-3P+N\380V-415V</t>
  </si>
  <si>
    <t>荣盛</t>
  </si>
  <si>
    <t>【荣盛】检修电源箱五孔插头\TYP3823 32-6h/380V\380V</t>
  </si>
  <si>
    <t>【正泰】拉线开关\220V</t>
  </si>
  <si>
    <t>【公牛】三相插头\220V 10A\220V\10A</t>
  </si>
  <si>
    <t>【正泰】声控开关\10A 250V</t>
  </si>
  <si>
    <t>【正泰】电视机网线墙壁插座\86型 180-250V 负载功率≤60W</t>
  </si>
  <si>
    <t>【荣盛】插座\63-6h\380-415V\250A\5</t>
  </si>
  <si>
    <t>【公牛】电缆盘插座\220V(38×85)\220V\16A\6</t>
  </si>
  <si>
    <t>【虎牌】保险片\300A</t>
  </si>
  <si>
    <t>【虎牌】保险片\40A</t>
  </si>
  <si>
    <t>【公牛】插线板\GN-C5-0 公牛\220V\10A\14孔</t>
  </si>
  <si>
    <t>【信达泰】插线板\309 5m\250V\16A\5</t>
  </si>
  <si>
    <t>信达泰</t>
  </si>
  <si>
    <t>【公牛】插线板\109K\AC250V\10A\5</t>
  </si>
  <si>
    <t>GNWZBP(TH)ZYCG2020-273-11</t>
  </si>
  <si>
    <t>昆仑润滑油脂电力专区经营主体铺货长协（山东国炼）</t>
  </si>
  <si>
    <t>山东国炼石油有限公司</t>
  </si>
  <si>
    <t>【正泰】三联暗装墙壁开关\AC220V 10A\IP00</t>
  </si>
  <si>
    <t>【正泰】单联暗装墙壁开关\AC220V 10A\IP00</t>
  </si>
  <si>
    <t>【公牛】插线板\GN-605 5m\AC250V\10A\25</t>
  </si>
  <si>
    <t>【敏泰】空气过滤器\HQ-37B\国产\敏泰</t>
  </si>
  <si>
    <t>【敏泰】齿轮箱呼吸器\HQ-034\敏泰</t>
  </si>
  <si>
    <t>【敏泰】压力开关\0184-45703-1-003\G1/4\进口</t>
  </si>
  <si>
    <t>【敏泰】截止阀\AGCLT-02 5\φ14\-5-55℃\32MPa\不锈钢\内螺纹</t>
  </si>
  <si>
    <t>【敏泰】压力表\P1454\60mm\1.6级\0-25MPa\G1/2\径向\进口</t>
  </si>
  <si>
    <t>【敏泰】压差开关\MD40-42A 62022007200</t>
  </si>
  <si>
    <t>【敏泰】仪表截止阀\KF-L8/14E\DN20\300℃\35MPa\1Cr18Ni9Ti\焊接</t>
  </si>
  <si>
    <t>【苏克】压力传感器\0720-16141-B-001\苏克\进口</t>
  </si>
  <si>
    <t>苏克</t>
  </si>
  <si>
    <t>【敏泰】压力传感器\0720-10203-B-001\国产</t>
  </si>
  <si>
    <t>【敏泰】压力开关\0620-48103-0-001\螺纹\国产</t>
  </si>
  <si>
    <t>【江特】风扇电机\YFF112M-4-B5(G)-MTY 3kW\江特</t>
  </si>
  <si>
    <t>江特</t>
  </si>
  <si>
    <t>【敏泰】电动机\YDF132M-8/4-B5\6.5kW\400V\12.9A\1450r/min\B5\H\IP55</t>
  </si>
  <si>
    <t>【敏泰】电动机\YDF132M-6/4-B5\5.5kW\400V\10.9A\1450r/min\B5\H\IP55</t>
  </si>
  <si>
    <t>【敏泰】电动机\YDB132M-8/4-B35-MTY2\3.6/6kW\690V\5.6/6.5A\710/1440r/min\B35\H\IP55</t>
  </si>
  <si>
    <t>【敏泰】电动机\YD160M-4/8-B35-MTY\5.5/8kW\400V\14.6/14.9A\710/1445r/min\V1\H\IP55</t>
  </si>
  <si>
    <t>【敏泰】电动机\YD132M-4/8-B35-ZH34\3.5/6kW\690V\5.6/6.6A\710/1450r/min\B35\H\IP55</t>
  </si>
  <si>
    <t>【敏泰】电动机\AKD160M-8/4-B35\8kW\690V\9A\1450r/min\B35\H\IP55</t>
  </si>
  <si>
    <t>【敏泰】电动机\AKD132M-8/4-B5\6.5kW\690V\7.8A\1450r/min\B5\H\IP55</t>
  </si>
  <si>
    <t>【敏泰】电动机\AKD132M-8/4-B35\6kW\690V\6.7A\1450r/min\B35\H\IP55</t>
  </si>
  <si>
    <t>【敏泰】电动机\AK112L-4-B5(G)\5.5kW\690V\11.4A\1450r/min\B5\H\IP55</t>
  </si>
  <si>
    <t>【敏泰】加热器\SRST-3-690/400</t>
  </si>
  <si>
    <t>【敏泰】联轴器\ROTEX38St981B-d421-d19\国产</t>
  </si>
  <si>
    <t>【敏泰】联轴器\ROTEX38 ST 98SHA 42×45/24×45\国产</t>
  </si>
  <si>
    <t>【敏泰】联轴器\ROTEX 38 St92 1-d381-d24\国产</t>
  </si>
  <si>
    <t>【敏泰】联轴器梅花垫\ROTEX28 ROTEX38\国产</t>
  </si>
  <si>
    <t>【敏泰】温控阀\MTX1217D40DN25C6\碳钢</t>
  </si>
  <si>
    <t>【敏泰】温控阀\X1.217.40.100.1A\敏泰</t>
  </si>
  <si>
    <t>【敏泰】温控阀\X1.218.40.100.10\敏泰</t>
  </si>
  <si>
    <t>【敏泰】温控阀\X1.326.45.100</t>
  </si>
  <si>
    <t>【敏泰】温控阀\X1.437.45.100</t>
  </si>
  <si>
    <t>【敏泰】自动排气阀\BCSCO DN15</t>
  </si>
  <si>
    <t>【敏泰】齿轮箱油管\1#MT-150GD24.1(MT87020619)\敏泰</t>
  </si>
  <si>
    <t>【敏泰】齿轮箱油管\2#MT-150GD24.2(MT87020620)\敏泰</t>
  </si>
  <si>
    <t>【敏泰】齿轮箱油管\3#MT-150GD24.3(MT87020621)\敏泰</t>
  </si>
  <si>
    <t>【敏泰】胶管总成\10FD025.02\敏泰</t>
  </si>
  <si>
    <t>【敏泰】胶管总成\10FD025.03\敏泰</t>
  </si>
  <si>
    <t>【敏泰】胶管总成\10FD025.04\敏泰</t>
  </si>
  <si>
    <t>【敏泰】胶管总成\10FD025.05\敏泰</t>
  </si>
  <si>
    <t>【敏泰】胶管总成\08FD005A.07\敏泰</t>
  </si>
  <si>
    <t>【敏泰】胶管总成\08FD005A.08\敏泰</t>
  </si>
  <si>
    <t>【敏泰】胶管总成\08FD005A.09\敏泰</t>
  </si>
  <si>
    <t>【敏泰】胶管总成\08FD005A.10\敏泰</t>
  </si>
  <si>
    <t>【敏泰】胶管总成\12FD005.01.03-01\敏泰</t>
  </si>
  <si>
    <t>【敏泰】胶管总成\12FD005.01.03-02\敏泰</t>
  </si>
  <si>
    <t>【敏泰】胶管总成\12FD005.01.03-03\敏泰</t>
  </si>
  <si>
    <t>【敏泰】胶管总成\12FD005.01.03-04\敏泰</t>
  </si>
  <si>
    <t>【敏泰】胶管总成\12FD005.01.03-05\敏泰</t>
  </si>
  <si>
    <t>【敏泰】胶管总成\12FD005.01.03-06\敏泰</t>
  </si>
  <si>
    <t>【敏泰】胶管总成\14FD029.02.08\敏泰</t>
  </si>
  <si>
    <t>【敏泰】胶管总成\14FD029.02.03\敏泰</t>
  </si>
  <si>
    <t>【敏泰】胶管总成\14FD029.02.07\敏泰</t>
  </si>
  <si>
    <t>【敏泰】胶管总成\14FD029.02.06\敏泰</t>
  </si>
  <si>
    <t>【敏泰】胶管总成\14FD029.02.04\敏泰</t>
  </si>
  <si>
    <t>【敏泰】胶管总成\14FD029.02.05\敏泰</t>
  </si>
  <si>
    <t>【敏泰】胶管总成\07FB038F.02\敏泰</t>
  </si>
  <si>
    <t>【敏泰】胶管总成\07FB038F.03\敏泰</t>
  </si>
  <si>
    <t>【敏泰】胶管总成\07FB038F.04\敏泰</t>
  </si>
  <si>
    <t>【敏泰】胶管总成\07FB038F.05\敏泰</t>
  </si>
  <si>
    <t>【敏泰】胶管总成\14FD020A.02.01\敏泰</t>
  </si>
  <si>
    <t>【敏泰】胶管总成\14FD020A.02.02\敏泰</t>
  </si>
  <si>
    <t>【敏泰】胶管总成\14FD020A.02.03\敏泰</t>
  </si>
  <si>
    <t>【敏泰】胶管总成\14FD020A.02.04\敏泰</t>
  </si>
  <si>
    <t>【敏泰】胶管总成\12FD015.01-2\敏泰</t>
  </si>
  <si>
    <t>【敏泰】胶管总成\12FD015.01-3\敏泰</t>
  </si>
  <si>
    <t>【敏泰】胶管总成\12FD015.01-4\敏泰</t>
  </si>
  <si>
    <t>【敏泰】胶管总成\12FD015.01-5\敏泰</t>
  </si>
  <si>
    <t>【敏泰】胶管总成\12FD015.01-6\敏泰</t>
  </si>
  <si>
    <t>【敏泰】齿轮箱油管\4#MT-150GD24.4(MT87020622)\敏泰</t>
  </si>
  <si>
    <t>【贺德克】测压软管\S100-AC-AC-0150\贺德克\国产</t>
  </si>
  <si>
    <t>【敏泰】测压软管\S100-AC-AC-0100\国产</t>
  </si>
  <si>
    <t>【敏泰】差压开关\CS-Ⅲ-0.3MPa\螺纹连接\进口</t>
  </si>
  <si>
    <t>【敏泰】压差发讯器\CS-Ⅲ 0.25Mpa\螺纹连接\国产</t>
  </si>
  <si>
    <t>【敏泰】齿轮泵\KF3/112F10BP0A7VP37/197\2.74m3/h\250m\3000r/min\8kW\进口</t>
  </si>
  <si>
    <t>【敏泰】齿轮泵\KF112RF31/197\2.74m3/h\250m\3000r/min\8kW\进口</t>
  </si>
  <si>
    <t>【敏泰】齿轮泵\KF112RF31-GJS\2.74m3/h\250m\3000r/min\8kW\进口</t>
  </si>
  <si>
    <t>【敏泰】齿轮泵\KF80RF2\1.95m3/h\250m\3000r/min\6kW\进口</t>
  </si>
  <si>
    <t>【敏泰】齿轮泵\KF80RF2-D15\6m3/h\100m\1450r/min\3kW\进口</t>
  </si>
  <si>
    <t>【敏泰】齿轮泵\KF80RF23FKMGJL(G1-1/2)\14.4m3/h\45m\3000r/min\3kW\进口</t>
  </si>
  <si>
    <t>【敏泰】齿轮泵\KF80RF23/232-GJS\1.95m3/h\250m\3000r/min\6kW\进口</t>
  </si>
  <si>
    <t>【敏泰】齿轮泵\KF80BG31-U2-GJS\1.95m3/h\250m\3000r/min\6kW\进口</t>
  </si>
  <si>
    <t>【敏泰】齿轮泵\KF125RF31/197\3.1m3/h\250m\3000r/min\8kW\进口</t>
  </si>
  <si>
    <t>【敏泰】齿轮泵\KF112RF2\2.74m3/h\250m\3000r/min\8kW\进口</t>
  </si>
  <si>
    <t>【敏泰】齿轮泵\KF80RF31-GJS\1.95m3/h\250m\3000r/min\6kW\进口</t>
  </si>
  <si>
    <t>【敏泰】齿轮泵\KF80RF31/232-GJS\1.95m3/h\250m\3000r/min\6kW\进口</t>
  </si>
  <si>
    <t>【敏泰】齿轮泵\KF50BG31-U2-GJS\1.2m3/h\250m\3600r/min\6kW\进口</t>
  </si>
  <si>
    <t>【敏泰】齿轮泵\KF20RF1-D15\0.49m3/h\145m\3600r/min\1.1kW\进口</t>
  </si>
  <si>
    <t>【敏泰】齿轮泵\KF63RF2\1.52m3/h\250m\3600r/min\6kW\进口</t>
  </si>
  <si>
    <t>【敏泰】齿轮泵\KF63RF2-D15\5.6m3/h\15m\1470r/min\7.5kW\进口</t>
  </si>
  <si>
    <t>【敏泰】齿轮泵\KF80RF7/74-D15\1.95m3/h\145m\3000r/min\6kW\进口</t>
  </si>
  <si>
    <t>【敏泰】齿轮泵\KF80RF7/74\1.95m3/h\250m\3000r/min\6kW\进口</t>
  </si>
  <si>
    <t>【敏泰】齿轮泵\KF40BG31-U2-GJS\0.97m3/h\250m\3600r/min\6kW\进口</t>
  </si>
  <si>
    <t>【敏泰】齿轮泵\KF40UF2\0.97m3/h\250m\3600r/min\6kW\进口</t>
  </si>
  <si>
    <t>【敏泰】齿轮泵\KF50RF2\KRACHT</t>
  </si>
  <si>
    <t>【敏泰】齿轮泵\KF63BG31-U2-GJS\1.52m3/h\250m\3600r/min\6kW\进口</t>
  </si>
  <si>
    <t>【公牛】移动电源盘\GN-802\AC250V\10A\4</t>
  </si>
  <si>
    <t>【敏泰】齿轮泵\KF125RF2\3.1m3/h\250m\3000r/min\8kW\进口</t>
  </si>
  <si>
    <t>【敏泰】齿轮泵\KF100RF2\2.45m3/h\250m\3000r/min\8kW\进口</t>
  </si>
  <si>
    <t>【公牛】移动电缆卷盘\GN-803\AC220V\16A\4</t>
  </si>
  <si>
    <t>【敏泰】多级耐腐蚀离心泵\15SV04F040T\16.2m3/h\46.3m\2900r/min\4kW\690V\国产</t>
  </si>
  <si>
    <t>【敏泰】单级清水离心泵\15SV03F030T\17m3/h\32.3m\2910r/min\3kW\380V\国产</t>
  </si>
  <si>
    <t>【奥其】蓄能器\ADB250-0.075A/15-250-B\奥其\国产</t>
  </si>
  <si>
    <t>奥其</t>
  </si>
  <si>
    <t>【正泰】两孔插座\5UB0300-1CC122 西门子\AC220V\10A\2</t>
  </si>
  <si>
    <t>【奥其】蓄能器\ADB250-3.5A/15-250-B\奥其\国产</t>
  </si>
  <si>
    <t>【奥其】蓄能器\ADB250-1.4A/15-250-B\奥其\国产</t>
  </si>
  <si>
    <t>【奥其】蓄能器\ADB250-2.8A/15-250-B\奥其\国产</t>
  </si>
  <si>
    <t>【公牛】多功能插座\GN-605 3米\AC250V\10A\10</t>
  </si>
  <si>
    <t>【正泰】明装五孔插座\G07Z223\AC250V\10A\5</t>
  </si>
  <si>
    <t>【正泰】模数化插座\AC30\400V\16A\3</t>
  </si>
  <si>
    <t>【公牛】插线板\GN610 2500W 5m\AC250V\10A\16</t>
  </si>
  <si>
    <t>【信达泰】多用插座\TS-102B\250V\16A\双排六位插孔</t>
  </si>
  <si>
    <t>【敏泰】齿轮箱风冷油换热器\HRQ08FD005-301-G01\敏泰</t>
  </si>
  <si>
    <t>【信达泰】插线板\ZF-423\AC250V\16A\9</t>
  </si>
  <si>
    <t>【敏泰】空冷器芯体\HRQ09FD005-101\空冷器\HRQ09FD005\国产</t>
  </si>
  <si>
    <t>【敏泰】空冷器芯体\HRQ10FD060-501\空冷器\HRQ10FD060\国产</t>
  </si>
  <si>
    <t>【敏泰】空冷器芯体\HRQ12FD084-301\空冷器\HRQ12FD084\国产</t>
  </si>
  <si>
    <t>【敏泰】O型密封圈\φ190×5.3mm\丁腈橡胶</t>
  </si>
  <si>
    <t>【信达泰】插线板\TS-403B\AC220V\10A\18</t>
  </si>
  <si>
    <t>【敏泰】O型密封圈\φ108×4mm\丁腈橡胶</t>
  </si>
  <si>
    <t>【正泰】单联暗装墙壁开关\86 AC220-250V 10A\IP55</t>
  </si>
  <si>
    <t>【敏泰】O型密封圈\φ165×5.3mm\丁腈橡胶</t>
  </si>
  <si>
    <t>【敏泰】O型密封圈\φ110×4mm\丁腈橡胶</t>
  </si>
  <si>
    <t>【雷尊】针式瓷绝缘子\P 6T\陶瓷</t>
  </si>
  <si>
    <t>【敏泰】O型密封圈\φ56.8×2.65mm\丁腈橡胶</t>
  </si>
  <si>
    <t>【敏泰】钟罩\PJ-010-300\ZL101</t>
  </si>
  <si>
    <t>【克劳斯】台式颗粒度检测仪\KLOTZ SLC\传感器流量:30ml/min\进口\克劳斯</t>
  </si>
  <si>
    <t>克劳斯</t>
  </si>
  <si>
    <t>【雷尊】针式瓷绝缘子\PQ1 10T16\陶瓷</t>
  </si>
  <si>
    <t>【克劳斯】升级版台式颗粒度检测仪\KLOTZ SLC-USB\传感器流量:30ml/min\进口\克劳斯</t>
  </si>
  <si>
    <t>【克劳斯】便携式颗粒度检测仪\KLOTZ ABAKUS\传感器流量:30ml/min\进口\克劳斯</t>
  </si>
  <si>
    <t>【雷尊】针式瓷绝缘子\PQ1 10T20\陶瓷</t>
  </si>
  <si>
    <t>【敏泰】空冷器\HRQ10FD008\国产</t>
  </si>
  <si>
    <t>【雷尊】针式绝缘子\P 10T\陶瓷</t>
  </si>
  <si>
    <t>【敏泰】离线精过滤装置\BFU-15/25(C)\国产\敏泰</t>
  </si>
  <si>
    <t>【正泰】墙壁插座\86\AC220V\16A\5</t>
  </si>
  <si>
    <t>【敏泰】风场换油装置\GRS\国产\敏泰</t>
  </si>
  <si>
    <t>【敏泰】空冷器\HRQ10FD016\国产</t>
  </si>
  <si>
    <t>【敏泰】空冷器\HRQ13FD006\国产</t>
  </si>
  <si>
    <t>【敏泰】空冷器\HRQ10FD008A\国产</t>
  </si>
  <si>
    <t>【敏泰】空冷器\HRQ10FD025\国产</t>
  </si>
  <si>
    <t>【敏泰】空冷器\HRQ15FD041\国产</t>
  </si>
  <si>
    <t>【敏泰】空冷器\HRQ16FD008\国产</t>
  </si>
  <si>
    <t>【敏泰】空冷器\HRQ12FD015B\国产</t>
  </si>
  <si>
    <t>【敏泰】空冷器\HRQ10FD030\国产</t>
  </si>
  <si>
    <t>【敏泰】空冷器\HRQ17FD030\国产</t>
  </si>
  <si>
    <t>【雷尊】盘形悬式绝缘子\LXP 100\玻璃钢</t>
  </si>
  <si>
    <t>【敏泰】齿轮箱散热器\HRQ10FD027-100\敏泰</t>
  </si>
  <si>
    <t>【雷尊】盘形悬式绝缘子\LXP 70\玻璃钢</t>
  </si>
  <si>
    <t>【雷尊】盘形悬式绝缘子\XP 100\玻璃钢</t>
  </si>
  <si>
    <t>【敏泰】空冷器\HRQ14FD016\国产</t>
  </si>
  <si>
    <t>【敏泰】空冷器\HRQ15FD040\国产</t>
  </si>
  <si>
    <t>【敏泰】空冷器\HRQ12FD084\国产</t>
  </si>
  <si>
    <t>【敏泰】空冷器\HRQ10FD032\国产</t>
  </si>
  <si>
    <t>【敏泰】空冷器\HRQ11FD025\国产</t>
  </si>
  <si>
    <t>【敏泰】空冷器\HRQ12FD041\国产</t>
  </si>
  <si>
    <t>【敏泰】空冷器\HRQ10FD049\国产</t>
  </si>
  <si>
    <t>【敏泰】空冷器\HRQ08FD005A\国产</t>
  </si>
  <si>
    <t>【敏泰】空冷器\HRQ08FD005AA\国产</t>
  </si>
  <si>
    <t>【敏泰】空冷器\HRQ08FD005\国产</t>
  </si>
  <si>
    <t>【雷尊】盘形悬式绝缘子\XP 160\玻璃钢</t>
  </si>
  <si>
    <t>【敏泰】温控阀组件\1559900240012 X1.326.45.100\敏泰</t>
  </si>
  <si>
    <t>【敏泰】多级耐腐蚀离心泵\10SV03F015T\10.2m3/h\25.8m\2900r/min\1.5kW\690V\国产</t>
  </si>
  <si>
    <t>【雷尊】耐污盘形悬式瓷绝缘子\XWP1 100\陶瓷</t>
  </si>
  <si>
    <t>【敏泰】多级耐腐蚀离心泵\10SV04F022T\10.5m3/h\34m\2900r/min\2.2kW\690V\国产</t>
  </si>
  <si>
    <t>【雷尊】耐污盘形悬式瓷绝缘子\XWP1 160\陶瓷</t>
  </si>
  <si>
    <t>【苏克】压力传感器\0602-16141-1-013\苏克\进口</t>
  </si>
  <si>
    <t>【雷尊】耐污盘形悬式瓷绝缘子\XWP1 60\陶瓷</t>
  </si>
  <si>
    <t>【雷尊】耐污盘形悬式瓷绝缘子\XWP1 70\陶瓷</t>
  </si>
  <si>
    <t>【公牛】公牛插线板\3m\AC220V\16A\6</t>
  </si>
  <si>
    <t>【公牛】公牛插排\GN-406D\AC250V\16A\9</t>
  </si>
  <si>
    <t>【公牛】公牛插线板\GN-218\AC250V\10A\10</t>
  </si>
  <si>
    <t>【正泰】三相插座\AC30-121\AC250V\16A\3</t>
  </si>
  <si>
    <t>【正泰】墙壁插座\五孔\AC220V\10A\6</t>
  </si>
  <si>
    <t>【正泰】防水开关\86型 暗装 单联\IP66</t>
  </si>
  <si>
    <t>【公牛】公牛插线板\GN-109k 5m\AC250V\10A\6</t>
  </si>
  <si>
    <t>【公牛】公牛插线板\GN-109k 3m\AC250V\10A\6</t>
  </si>
  <si>
    <t>【正泰】墙壁插座\84\AC220V\10A\5</t>
  </si>
  <si>
    <t>【正泰】双联暗装墙壁开关\86型 AC220V 10A\IP55</t>
  </si>
  <si>
    <t>【公牛】移动电缆盘\GN-806D 60m\AC220V\10A\5</t>
  </si>
  <si>
    <t>【正泰】四联暗装墙壁开关\86 AC220 10A\IP55</t>
  </si>
  <si>
    <t>【企泰】输出插头\LBG1-500/3300|95mm2\KJZ3-1800/3300-9\国产</t>
  </si>
  <si>
    <t>企泰</t>
  </si>
  <si>
    <t>【正泰】墙壁开关插座\86型K7系列 一开五孔\AC220V\10A\2</t>
  </si>
  <si>
    <t>【正泰】五孔插座\TCL-K5\AC220V\16A\3</t>
  </si>
  <si>
    <t>【正泰】五孔插座\E226C10U-BAS\AC250V\10A\2</t>
  </si>
  <si>
    <t>【正泰】插座\3771\AC250V\10A\4</t>
  </si>
  <si>
    <t>【正泰】插座\3780\AC250V\10A\8</t>
  </si>
  <si>
    <t>【正泰】插座\3789\AC250V\10A\4</t>
  </si>
  <si>
    <t>【新翔】电源插头\BX3YT/GZ\AC220V\32A</t>
  </si>
  <si>
    <t>新翔</t>
  </si>
  <si>
    <t>【新翔】电源插头\BX3YT/GZ\380V\63A</t>
  </si>
  <si>
    <t>【正泰】墙壁插座\四位二十孔\AC220V\10A\8</t>
  </si>
  <si>
    <t>【公牛】电源插座\GN-403</t>
  </si>
  <si>
    <t>【贺德克】滤芯\0007L003P\进口\贺德克</t>
  </si>
  <si>
    <t>【贺德克】滤芯\0015D010ON\进口\贺德克</t>
  </si>
  <si>
    <t>【贺德克】滤芯\0025S125W\贺德克</t>
  </si>
  <si>
    <t>【贺德克】滤芯\0060D003ON-V\进口\贺德克</t>
  </si>
  <si>
    <t>【贺德克】滤芯\0060D005ON\进口\HYDAC</t>
  </si>
  <si>
    <t>【贺德克】滤芯\0060D010ON-V\进口\贺德克</t>
  </si>
  <si>
    <t>【贺德克】滤芯\0060D020ON-V\进口\贺德克</t>
  </si>
  <si>
    <t>【贺德克】滤芯\0060D003BH4HC\进口\贺德克</t>
  </si>
  <si>
    <t>【贺德克】滤芯\0060D003BH4HC-V\进口\贺德克</t>
  </si>
  <si>
    <t>【贺德克】滤芯\0060D005BH4HC-V\进口\贺德克</t>
  </si>
  <si>
    <t>【贺德克】滤芯\0060D020BH4HC\进口\贺德克</t>
  </si>
  <si>
    <t>【贺德克】滤芯\0060D020BH4HC-V\进口\贺德克</t>
  </si>
  <si>
    <t>【贺德克】纸滤芯\0060D025W\国产</t>
  </si>
  <si>
    <t>【贺德克】滤芯\0060D025W-V-W\进口\贺德克</t>
  </si>
  <si>
    <t>【贺德克】滤芯\0060R010ON-V\进口\贺德克</t>
  </si>
  <si>
    <t>【贺德克】滤芯\0060R020ON\进口\贺德克</t>
  </si>
  <si>
    <t>【贺德克】滤芯\0110D003ON-V\进口\贺德克</t>
  </si>
  <si>
    <t>【贺德克】滤芯\0110D010ON\进口\贺德克</t>
  </si>
  <si>
    <t>【贺德克】滤芯\0110D003BH4HC-V\进口\贺德克</t>
  </si>
  <si>
    <t>【贺德克】滤芯\0110D005BH4HC\进口\贺德克</t>
  </si>
  <si>
    <t>【贺德克】滤芯\0110D010BH4HC\进口\贺德克</t>
  </si>
  <si>
    <t>【贺德克】滤芯\0110D020BH4HC-V\进口\贺德克</t>
  </si>
  <si>
    <t>【贺德克】滤芯\0110D025W\进口</t>
  </si>
  <si>
    <t>【贺德克】滤芯\0110R025W\进口\贺德克</t>
  </si>
  <si>
    <t>【贺德克】滤芯\0110R025WHC-KB\进口\贺德克</t>
  </si>
  <si>
    <t>【贺德克】滤芯\0110RS125W-V\进口\贺德克</t>
  </si>
  <si>
    <t>【贺德克】滤芯\0140D005ON-V\进口\贺德克</t>
  </si>
  <si>
    <t>【贺德克】滤芯\0140D010ON\进口\贺德克</t>
  </si>
  <si>
    <t>【贺德克】滤芯\0140D020ON\进口\贺德克</t>
  </si>
  <si>
    <t>【贺德克】滤芯\0140D200W\进口\贺德克</t>
  </si>
  <si>
    <t>【贺德克】滤芯\0160D005ON/-V\进口</t>
  </si>
  <si>
    <t>【贺德克】滤芯\0160D010ON-V\进口\贺德克</t>
  </si>
  <si>
    <t>【贺德克】滤芯\0160D020ON\进口\贺德克</t>
  </si>
  <si>
    <t>【贺德克】滤芯\0160D010BH4HC\进口\贺德克</t>
  </si>
  <si>
    <t>【贺德克】滤芯\0160D025W\进口</t>
  </si>
  <si>
    <t>【贺德克】滤芯\0160D025W-V\进口\HYDAC</t>
  </si>
  <si>
    <t>【贺德克】滤芯\0160D200WHC-V\进口\贺德克</t>
  </si>
  <si>
    <t>【贺德克】滤芯\0160DN010BN4HC\进口\贺德克</t>
  </si>
  <si>
    <t>【贺德克】滤芯\0160DN025W/HC\进口</t>
  </si>
  <si>
    <t>【贺德克】滤芯\0160R010ON\进口\贺德克</t>
  </si>
  <si>
    <t>【贺德克】滤芯\0160R010ON-V\进口\贺德克</t>
  </si>
  <si>
    <t>【贺德克】滤芯\0160R010ON-V-B6\进口\贺德克</t>
  </si>
  <si>
    <t>【贺德克】滤芯\0160MA010BN\进口\贺德克</t>
  </si>
  <si>
    <t>【贺德克】滤芯\0160 MU 003 M\进口\贺德克</t>
  </si>
  <si>
    <t>【贺德克】滤芯\0180MA010BN\进口\贺德克</t>
  </si>
  <si>
    <t>【贺德克】滤芯\0240D003ON-V\进口\贺德克</t>
  </si>
  <si>
    <t>【贺德克】滤芯\0240D010ON-V\进口\贺德克</t>
  </si>
  <si>
    <t>【贺德克】滤芯\0240D010BH4HC\进口\HYDAC</t>
  </si>
  <si>
    <t>【贺德克】滤芯\0240D010BH4HC/-V\进口\贺德克</t>
  </si>
  <si>
    <t>【贺德克】滤芯\0240D020BH4HC-V\进口\贺德克</t>
  </si>
  <si>
    <t>【贺德克】滤芯\0240D025W\进口\贺德克</t>
  </si>
  <si>
    <t>【贺德克】滤芯\0240D025W/-V-W\进口\贺德克</t>
  </si>
  <si>
    <t>【贺德克】滤芯\0240R010ON-V\进口\贺德克</t>
  </si>
  <si>
    <t>【贺德克】滤芯\0240R020ON\进口\贺德克</t>
  </si>
  <si>
    <t>【贺德克】滤芯\0250DN025BN4HC\进口\贺德克</t>
  </si>
  <si>
    <t>【贺德克】滤芯\0250DN025W/HC\国产</t>
  </si>
  <si>
    <t>【贺德克】滤芯\0270R005ON\进口\贺德克</t>
  </si>
  <si>
    <t>【贺德克】滤芯\0280D010ON\进口\贺德克</t>
  </si>
  <si>
    <t>【贺德克】滤芯\0330D010ON\进口\贺德克</t>
  </si>
  <si>
    <t>【贺德克】滤芯\0330D010ON-V\进口\贺德克</t>
  </si>
  <si>
    <t>【贺德克】滤芯\0330D020ON\进口\贺德克</t>
  </si>
  <si>
    <t>【贺德克】滤芯\0330D010BH4HC-V\进口\贺德克</t>
  </si>
  <si>
    <t>【贺德克】滤芯\0330D025W\进口\贺德克</t>
  </si>
  <si>
    <t>【贺德克】滤芯\0330R003ON\进口\贺德克</t>
  </si>
  <si>
    <t>【贺德克】滤芯\0330R003ON-V\进口\贺德克</t>
  </si>
  <si>
    <t>【贺德克】滤芯\0330R005ON\进口\贺德克</t>
  </si>
  <si>
    <t>【贺德克】滤芯\0330R005ON-V\进口\贺德克</t>
  </si>
  <si>
    <t>【贺德克】滤芯\0330R010ON-V\进口\贺德克</t>
  </si>
  <si>
    <t>【贺德克】滤芯\0330R020ON-V\进口\贺德克</t>
  </si>
  <si>
    <t>【贺德克】滤芯\0330RS125W\进口\贺德克</t>
  </si>
  <si>
    <t>【贺德克】滤芯\0330RS125W-V\进口\贺德克</t>
  </si>
  <si>
    <t>【贺德克】滤芯\0500D010ON-V\进口\贺德克</t>
  </si>
  <si>
    <t>【贺德克】滤芯\0660R003ON-V\进口\贺德克</t>
  </si>
  <si>
    <t>【贺德克】滤芯\0660R010ON-V\进口\贺德克</t>
  </si>
  <si>
    <t>【贺德克】滤芯\0660R020ON-V\进口\贺德克</t>
  </si>
  <si>
    <t>【贺德克】滤芯\0660R025W/HC\进口\HYDAC</t>
  </si>
  <si>
    <t>【贺德克】滤芯\0850R025WHC\进口\贺德克</t>
  </si>
  <si>
    <t>【贺德克】滤芯\0950R003ON-V\进口\贺德克</t>
  </si>
  <si>
    <t>【贺德克】滤芯\0950R010ON-V\进口\贺德克</t>
  </si>
  <si>
    <t>【贺德克】滤芯\0950R020ON\进口\贺德克</t>
  </si>
  <si>
    <t>【贺德克】滤芯\0950R025WHC\进口\贺德克</t>
  </si>
  <si>
    <t>【贺德克】滤芯\1300R003ON\进口\贺德克</t>
  </si>
  <si>
    <t>【贺德克】滤芯\1300R003ON-KB\进口\贺德克</t>
  </si>
  <si>
    <t>【贺德克】滤芯\1300R003ON-V\进口\贺德克</t>
  </si>
  <si>
    <t>【贺德克】滤芯\1300R005ON-V\进口\贺德克</t>
  </si>
  <si>
    <t>【贺德克】滤芯\1300R010ON-V-KB\进口\贺德克</t>
  </si>
  <si>
    <t>【贺德克】滤芯\1300R020ON\进口\贺德克</t>
  </si>
  <si>
    <t>【贺德克】滤芯\1300R010BN4AM-V\进口\贺德克</t>
  </si>
  <si>
    <t>【贺德克】滤芯\1300R010BN4AM/-V-KB\进口\贺德克</t>
  </si>
  <si>
    <t>【贺德克】滤芯\1300R025WHC\进口\贺德克</t>
  </si>
  <si>
    <t>【贺德克】滤芯\1300R025WHC-B1\进口\贺德克</t>
  </si>
  <si>
    <t>【贺德克】滤芯\1300R050W/HC\国产</t>
  </si>
  <si>
    <t>【贺德克】滤芯\1300R050W/HC/-B1\国产</t>
  </si>
  <si>
    <t>【贺德克】滤芯\2600R003ON\进口\贺德克</t>
  </si>
  <si>
    <t>【贺德克】滤芯\2600R005ON\进口\贺德克</t>
  </si>
  <si>
    <t>【贺德克】滤芯\2600R010ON\进口\贺德克</t>
  </si>
  <si>
    <t>【贺德克】滤芯\2600R020ON\进口\贺德克</t>
  </si>
  <si>
    <t>【贺德克】滤芯\N5DM005\进口\贺德克</t>
  </si>
  <si>
    <t>【贺德克】滤芯\N50DM005\进口\贺德克</t>
  </si>
  <si>
    <t>【贺德克】滤芯\IXE200\进口\贺德克</t>
  </si>
  <si>
    <t>【贺德克】滤芯\ELEMENTSATZKS100-0-N\进口\贺德克</t>
  </si>
  <si>
    <t>【贺德克】滤芯\1.06.16D03BN4-V\进口\贺德克</t>
  </si>
  <si>
    <t>【贺德克】滤芯\1.06.16D06BN4\进口\贺德克</t>
  </si>
  <si>
    <t>【贺德克】滤芯\1.06.16D25BN4\进口\贺德克</t>
  </si>
  <si>
    <t>【贺德克】滤芯\1.07.04D03BN4-V\进口\贺德克</t>
  </si>
  <si>
    <t>【贺德克】滤芯\1.07.04D03BH4-V\进口\贺德克</t>
  </si>
  <si>
    <t>【贺德克】滤芯\1.07.04D12BN4-V\进口\贺德克</t>
  </si>
  <si>
    <t>【贺德克】滤芯\1.07.08D03BN4-V\进口\贺德克</t>
  </si>
  <si>
    <t>【贺德克】滤芯\1.07.08D03BH4-V\进口\贺德克</t>
  </si>
  <si>
    <t>【贺德克】滤芯\1.07.08D12BN4-V\进口\贺德克</t>
  </si>
  <si>
    <t>【贺德克】滤芯\1.08.26D25BN4\进口\贺德克</t>
  </si>
  <si>
    <t>【贺德克】滤芯\1.11.08D03BH4-V\进口\贺德克</t>
  </si>
  <si>
    <t>【贺德克】滤芯\1.11.08D06BN4\进口\贺德克</t>
  </si>
  <si>
    <t>【贺德克】滤芯\1.11.08D12BN4\进口\贺德克</t>
  </si>
  <si>
    <t>【贺德克】滤芯\1.11.13D03BN4-V\进口\贺德克</t>
  </si>
  <si>
    <t>【贺德克】滤芯\1.11.13D03BH4-V\进口\贺德克</t>
  </si>
  <si>
    <t>【贺德克】滤芯\1.11.16D03BH4-V\进口\贺德克</t>
  </si>
  <si>
    <t>【贺德克】滤芯\1.11.16D17BH4\进口\贺德克</t>
  </si>
  <si>
    <t>【贺德克】滤芯\1.12.08D03BN4-V\进口\贺德克</t>
  </si>
  <si>
    <t>【贺德克】滤芯\1.12.08D06BN4-V\进口\贺德克</t>
  </si>
  <si>
    <t>【贺德克】滤芯\1.12.08D06BN4\进口\贺德克</t>
  </si>
  <si>
    <t>【贺德克】滤芯\1.12.08D12BN4-V\进口\贺德克</t>
  </si>
  <si>
    <t>【贺德克】滤芯\1.14.16D01ECOC-V\进口\贺德克</t>
  </si>
  <si>
    <t>【贺德克】滤芯\1.14.16D03ECOC\进口\贺德克</t>
  </si>
  <si>
    <t>【贺德克】滤芯\1.14.16D06ECOC\进口\贺德克</t>
  </si>
  <si>
    <t>【贺德克】滤芯\1.14.16D06ECOC-V\进口\贺德克</t>
  </si>
  <si>
    <t>【贺德克】滤芯\1.14.16D12ECOC\进口\贺德克</t>
  </si>
  <si>
    <t>【贺德克】滤芯\1.14.16D25ECOC\进口\贺德克</t>
  </si>
  <si>
    <t>【贺德克】滤芯\1.14.16D25ECOC-V\进口\贺德克</t>
  </si>
  <si>
    <t>【贺德克】滤芯\1.14.39D01ECOC-V\进口\贺德克</t>
  </si>
  <si>
    <t>【贺德克】滤芯\1.14.39D03ECOC\进口\贺德克</t>
  </si>
  <si>
    <t>【贺德克】滤芯\1.14.39D06ECOC\进口\贺德克</t>
  </si>
  <si>
    <t>【贺德克】滤芯\1.14.39D12ECOC\进口\贺德克</t>
  </si>
  <si>
    <t>【贺德克】滤芯\1.14.39D25ECOC\进口\贺德克</t>
  </si>
  <si>
    <t>【贺德克】滤芯\1.21.20D03RT-Pleat-V\进口\贺德克</t>
  </si>
  <si>
    <t>【贺德克】滤芯\1.21.20D05RT-Pleat-V\进口\贺德克</t>
  </si>
  <si>
    <t>【贺德克】滤芯\1.21.20D07RT-Pleat-V\进口\贺德克</t>
  </si>
  <si>
    <t>【贺德克】滤芯\1.21.20D12RT-Pleat-V\进口\贺德克</t>
  </si>
  <si>
    <t>【贺德克】滤芯\1.22.20D05RT-Pleat-V\进口\贺德克</t>
  </si>
  <si>
    <t>【贺德克】滤芯\5.03.09D03BN-V\进口\贺德克</t>
  </si>
  <si>
    <t>【贺德克】滤芯\N40FM-S003-PA1F\进口\贺德克</t>
  </si>
  <si>
    <t>【贺德克】不锈钢球阀\KHNVN G3/4 2233 12X\贺德克\进口</t>
  </si>
  <si>
    <t>【贺德克】球阀\KHNVN-G1-2233-12X\贺德克</t>
  </si>
  <si>
    <t>【贺德克】高压球阀\KHB G3/4 1112 01X A\贺德克\进口</t>
  </si>
  <si>
    <t>【贺德克】高压球阀\KHB G3/4 1114 01X A\贺德克\进口</t>
  </si>
  <si>
    <t>【贺德克】高压球阀\KHB G1 1112 01X A\贺德克\进口</t>
  </si>
  <si>
    <t>【贺德克】高压球阀\KHB 08LR 1114 02X A SW09\贺德克\进口</t>
  </si>
  <si>
    <t>【贺德克】高压球阀\KHB 08LR 1114 04X A SW09\贺德克\进口</t>
  </si>
  <si>
    <t>【贺德克】高压球阀\KHB 14SR 1114 04X A\贺德克\进口</t>
  </si>
  <si>
    <t>【贺德克】高压球阀\KHB 15LR 1112 03X A SW09\贺德克\进口</t>
  </si>
  <si>
    <t>【贺德克】高压球阀\KHB 18LR 1114 02X A\贺德克\进口</t>
  </si>
  <si>
    <t>【贺德克】高压球阀\KHB 22LR 1114 02X A\贺德克\进口</t>
  </si>
  <si>
    <t>【贺德克】高压球阀\KHB 22LR 1114 02X A HFDU\贺德克\进口</t>
  </si>
  <si>
    <t>【贺德克】高压球阀\KHB 28LR 1114 02X A\贺德克\进口</t>
  </si>
  <si>
    <t>【贺德克】高压球阀\KHM 35LR 1114 02X A\贺德克\进口</t>
  </si>
  <si>
    <t>【贺德克】高压球阀\KHM 35LR 1114 02X A SW14\贺德克\进口</t>
  </si>
  <si>
    <t>【贺德克】高压球阀\KHM G2 1114 01X A\贺德克\进口</t>
  </si>
  <si>
    <t>【贺德克】球阀\KHP 25 1114 02X\贺德克\进口</t>
  </si>
  <si>
    <t>【贺德克】球阀\KHP 32 1114 06X\贺德克\进口</t>
  </si>
  <si>
    <t>【贺德克】球阀手柄\ZGSW09Z410AKOMPL\贺德克\进口</t>
  </si>
  <si>
    <t>【贺德克】球阀手柄\ZKSW09Z410A\贺德克\进口</t>
  </si>
  <si>
    <t>【贺德克】三通球阀\KHB3K22LRG34L1112 02X A\贺德克\进口</t>
  </si>
  <si>
    <t>【贺德克】三通球阀\KHB3KG1 L 1112 01X A\贺德克\进口</t>
  </si>
  <si>
    <t>【贺德克】三通球阀\KHB3KG1 L 1112 06X A\贺德克\进口</t>
  </si>
  <si>
    <t>【贺德克】球阀\4WMH10D F01V\贺德克\进口</t>
  </si>
  <si>
    <t>【贺德克】单向阀\RVE-G18-01-V-0.5\贺德克\进口</t>
  </si>
  <si>
    <t>【贺德克】单向阀\RVE-G38-01-V-0.5\贺德克\进口</t>
  </si>
  <si>
    <t>【贺德克】单向阀\RVE-G12-01-V-3.0\贺德克\进口</t>
  </si>
  <si>
    <t>【贺德克】单向阀\RVM10120-01-C-N-0.5\贺德克\进口</t>
  </si>
  <si>
    <t>【贺德克】节流阀\DV5E-01X\贺德克</t>
  </si>
  <si>
    <t>【贺德克】节流阀\DRV-06-01.40\贺德克\进口</t>
  </si>
  <si>
    <t>【贺德克】节流阀\SRVR-16-01.30\贺德克\进口</t>
  </si>
  <si>
    <t>【贺德克】节流阀\DVP-06-01.1\进口</t>
  </si>
  <si>
    <t>【贺德克】节流阀\DVP-12-01.1\FIUTEC\进口</t>
  </si>
  <si>
    <t>【贺德克】节流阀\DVP-16-01.1\进口</t>
  </si>
  <si>
    <t>【贺德克】电磁阀\WSM06020Z-01M-C-N-24DG\M20×1.5\DG24V\ExdⅡBT4\IP65\0-35MPa\进口</t>
  </si>
  <si>
    <t>【贺德克】电磁阀\WSM12120V-01-C-N-24DG\M27×2\DG24V\ExdⅡBT4\IP65\0-35MPa\进口</t>
  </si>
  <si>
    <t>【贺德克】电磁阀\WS16Y-01-C-N-24DG\1-5/16-12UN-2A\DG24V\ExdⅡBT4\IP65\0-35MPa\进口</t>
  </si>
  <si>
    <t>【贺德克】电磁阀线圈\COIL24DG-40-1835\进口</t>
  </si>
  <si>
    <t>【贺德克】电磁阀线圈\COIL24DG-50-1835\进口</t>
  </si>
  <si>
    <t>【贺德克】电磁阀线圈\COIL110DG-40-1836\进口</t>
  </si>
  <si>
    <t>【贺德克】电磁阀线圈\COIL115AG-40-1836\进口</t>
  </si>
  <si>
    <t>【贺德克】电磁阀线圈\COIL205DG-40-1836\进口</t>
  </si>
  <si>
    <t>【贺德克】电磁阀线圈\COIL230AG-40-1836\进口</t>
  </si>
  <si>
    <t>【贺德克】电气插头\Z4\AC220V\3A</t>
  </si>
  <si>
    <t>【贺德克】电气插头\Z5L\AC220V\3A</t>
  </si>
  <si>
    <t>【贺德克】溢流阀\DB10P-01-C-N-050V\贺德克\国产</t>
  </si>
  <si>
    <t>【贺德克】溢流阀\DB10120A-13X-11V\贺德克\进口</t>
  </si>
  <si>
    <t>【贺德克】溢流阀\DB12120A-01X-350V\贺德克\进口</t>
  </si>
  <si>
    <t>【贺德克】溢流阀\SPV10A1G1A30\贺德克\进口</t>
  </si>
  <si>
    <t>【贺德克】比例溢流阀\DBEM10-7X100YG24K4M\贺德克\进口</t>
  </si>
  <si>
    <t>【贺德克】比例溢流阀\DBEM10-7X200YG24K4M\贺德克\进口</t>
  </si>
  <si>
    <t>【贺德克】阀块\Geh-R06020-01X-01\贺德克\进口</t>
  </si>
  <si>
    <t>【贺德克】吸油过滤器\SFMW330WF125UE1.0\进口\贺德克</t>
  </si>
  <si>
    <t>【贺德克】过滤器密封组件\RERFD60-V\过滤装置\RFD60系列\贺德克\进口</t>
  </si>
  <si>
    <t>【贺德克】过滤器密封组件\REDFDK160\过滤装置\DFDK160系列\贺德克\进口</t>
  </si>
  <si>
    <t>【贺德克】过滤器密封组件\REFMND60\过滤装置\FMND60系列\贺德克\进口</t>
  </si>
  <si>
    <t>【贺德克】过滤器密封组件\REFLND160\过滤装置\FLND160系列\贺德克\进口</t>
  </si>
  <si>
    <t>【贺德克】过滤器密封组件\REFMND160\过滤装置\FMND160系列\贺德克\进口</t>
  </si>
  <si>
    <t>【贺德克】过滤器密封组件\RERFLD661\过滤装置\RFLD661系列\贺德克\进口</t>
  </si>
  <si>
    <t>【贺德克】过滤器密封组件\RERFLD951\过滤装置\RFLD951系列\贺德克\进口</t>
  </si>
  <si>
    <t>【贺德克】过滤器密封组件\RERF160-V\过滤装置\ERF160系列\贺德克\进口</t>
  </si>
  <si>
    <t>【贺德克】过滤器密封组件\RERFD660\过滤装置\RFD660系列\贺德克\进口</t>
  </si>
  <si>
    <t>【贺德克】压差发讯器\VD2C.0-V\螺纹\ExdⅡBT4\进口</t>
  </si>
  <si>
    <t>【贺德克】压差发讯器\VD2D.0-V-L24\螺纹\ExdⅡBT4\进口</t>
  </si>
  <si>
    <t>【贺德克】压差发讯器\VD5B.1\螺纹\ExdⅡBT4\进口</t>
  </si>
  <si>
    <t>【贺德克】压差发讯器\VD5B.1-V\螺纹\ExdⅡBT4\进口</t>
  </si>
  <si>
    <t>【贺德克】压差发讯器\VD5BM.1-V\螺纹\ExdⅡBT4\进口</t>
  </si>
  <si>
    <t>【贺德克】压差发讯器\VD5BM.1-V-W\螺纹\ExdⅡBT4\进口</t>
  </si>
  <si>
    <t>【贺德克】压力开关\HYDAC VD5C.0\螺纹\进口</t>
  </si>
  <si>
    <t>【贺德克】差压开关\VD-5-D.0-L24-02-06\螺纹\进口</t>
  </si>
  <si>
    <t>【贺德克】差压开关\VD5-D.0-V-L24-21-08\螺纹\进口</t>
  </si>
  <si>
    <t>【贺德克】压差发讯器\VD5D.0-LED\螺纹\ExdⅡBT4\进口</t>
  </si>
  <si>
    <t>【贺德克】压差发讯器\VD8C.1\螺纹\ExdⅡBT4\进口</t>
  </si>
  <si>
    <t>【贺德克】压差发讯器\VD8D0L24\螺纹\ExdⅡBT4\进口</t>
  </si>
  <si>
    <t>【贺德克】压差发讯器\VD8D.0-V-L24\螺纹\ExdⅡBT4\进口</t>
  </si>
  <si>
    <t>【贺德克】压差发讯器\VM2B.1\螺纹\ExdⅡBT4\进口</t>
  </si>
  <si>
    <t>【贺德克】压差发讯器\VM2B.1-V\螺纹\ExdⅡBT4\进口</t>
  </si>
  <si>
    <t>【贺德克】压差发讯器\VM2BM.1\螺纹\ExdⅡBT4\进口</t>
  </si>
  <si>
    <t>【贺德克】压差发讯器\VM2C.0\螺纹\ExdⅡBT4\进口</t>
  </si>
  <si>
    <t>【贺德克】压差发讯器\VM2D.0-L24\螺纹\ExdⅡBT4\进口</t>
  </si>
  <si>
    <t>【贺德克】压差发讯器\VM3B.1\螺纹\ExdⅡBT4\进口</t>
  </si>
  <si>
    <t>【贺德克】压差发讯器\VM3D.0-L24\螺纹\ExdⅡBT4\进口</t>
  </si>
  <si>
    <t>【贺德克】压差发讯器\VM5D.0-L24\螺纹\ExdⅡBT4\进口</t>
  </si>
  <si>
    <t>【贺德克】压差发讯器\VMF2B.1\螺纹\ExdⅡBT4\进口</t>
  </si>
  <si>
    <t>【贺德克】压差发讯器\VMF1UE.1\螺纹\ExdⅡBT4\进口</t>
  </si>
  <si>
    <t>【贺德克】压力发讯器\VR1UE.0\螺纹\ExdⅡBT4\进口</t>
  </si>
  <si>
    <t>【贺德克】压力发讯器\VR2C.1\螺纹\ExdⅡBT4\进口</t>
  </si>
  <si>
    <t>【贺德克】压力发讯器\VR2D.1-L24\螺纹\ExdⅡBT4\进口</t>
  </si>
  <si>
    <t>【贺德克】压力发讯器\VR2D.1-V-L24\螺纹\ExdⅡBT4\进口</t>
  </si>
  <si>
    <t>【贺德克】压力发讯器\VR2E.0\螺纹\ExdⅡBT4\进口</t>
  </si>
  <si>
    <t>【贺德克】压力发讯器\VR2F.0\螺纹\ExdⅡBT4\进口</t>
  </si>
  <si>
    <t>【贺德克】压力发讯器\V021.2VE.0SO183\螺纹\ExdⅡBT4\进口</t>
  </si>
  <si>
    <t>【贺德克】压力表\HM63V\63mm\2级\0-1MPa\G1/4\轴向\进口</t>
  </si>
  <si>
    <t>【贺德克】压力表\HM63U\63mm\2级\0-16MPa\G1/4\径向\进口</t>
  </si>
  <si>
    <t>【贺德克】压力表\HM63T\63mm\2级\0-25MPa\G1/4\轴向\进口</t>
  </si>
  <si>
    <t>【贺德克】压力表\HM63S\63mm\2级\0-25MPa\G1/4\径向\进口</t>
  </si>
  <si>
    <t>【贺德克】压力表\HM63R\63mm\2级\0-25MPa\G1/4\轴向\进口</t>
  </si>
  <si>
    <t>【贺德克】压力表\HM100Q\100mm\1级\0-1MPa\G1/4\径向\进口</t>
  </si>
  <si>
    <t>【贺德克】压力表\HM100P\100mm\1级\0-1MPa\G1/2\径向\进口</t>
  </si>
  <si>
    <t>【贺德克】压力表\HM100N\100mm\1级\0-1MPa\G1/2\径向\进口</t>
  </si>
  <si>
    <t>【贺德克】压力表\HM100M\100mm\1级\0-1.6MPa\G1/2\径向\进口</t>
  </si>
  <si>
    <t>【贺德克】压力表\HM100L\100mm\1级\0-1.6MPa\G1/2\径向\进口</t>
  </si>
  <si>
    <t>【贺德克】压力表\HM100K\100mm\1级\0-1.6MPa\G1/2\径向\进口</t>
  </si>
  <si>
    <t>【贺德克】压力表\HM100J\100mm\1级\0-6MPa\G1/2\径向\进口</t>
  </si>
  <si>
    <t>【贺德克】压力表\HM100H\100mm\1级\0-6MPa\G1/2\径向\进口</t>
  </si>
  <si>
    <t>【贺德克】压力表\HM100G\100mm\1级\0-10MPa\G1/2\轴向\进口</t>
  </si>
  <si>
    <t>【贺德克】压力表\HM100F\100mm\1级\0-10MPa\G1/2\径向\进口</t>
  </si>
  <si>
    <t>【贺德克】压力表\HM100E\100mm\1级\0-10MPa\G1/2\径向\进口</t>
  </si>
  <si>
    <t>【贺德克】压力表\HM100D\100mm\1级\0-16MPa\G1/2\径向\进口</t>
  </si>
  <si>
    <t>【贺德克】压力表\HM100C\100mm\1级\0-25MPa\G1/2\轴向\进口</t>
  </si>
  <si>
    <t>【贺德克】压力表\HM100B\100mm\1级\0-25MPa\G1/2\径向\进口</t>
  </si>
  <si>
    <t>【贺德克】压力表\HM100A\100mm\1级\0-25MPa\G1/2\径向\进口</t>
  </si>
  <si>
    <t>【贺德克】测压软管\S100-AC-AC-0050 2-M16×2\贺德克\进口</t>
  </si>
  <si>
    <t>【贺德克】测压软管\S100-AC-FH-0050 M16×2-G1/2\贺德克\进口</t>
  </si>
  <si>
    <t>【贺德克】测压软管\S100-AC-FH-0070 M16×2-G1/2\贺德克\进口</t>
  </si>
  <si>
    <t>【贺德克】测压软管\S100-AC-FH-0080 M16×2-G1/2\贺德克\进口</t>
  </si>
  <si>
    <t>【贺德克】测压软管\S100-AC-AC-0100 2-M16×2\贺德克\进口</t>
  </si>
  <si>
    <t>【贺德克】测压软管\S100-AC-AC-0120 2-M16×2\贺德克\进口</t>
  </si>
  <si>
    <t>【贺德克】测压软管\S100-AC-FG-0150 M16×2-G1/4\贺德克\进口</t>
  </si>
  <si>
    <t>【贺德克】液位计\FSA127 1X12\0-127mm\0.05MPa\80℃\34.3mm\螺纹\进口</t>
  </si>
  <si>
    <t>【贺德克】液位计\FSA1271XT12\0-127mm\0MPa\80℃\34mm\螺纹\进口</t>
  </si>
  <si>
    <t>【贺德克】液位计\FSA1761X12\0-176mm\0MPa\80℃\34mm\螺纹\进口</t>
  </si>
  <si>
    <t>【贺德克】液位计\FSA2541X12\0-254mm\0MPa\80℃\34mm\螺纹\进口</t>
  </si>
  <si>
    <t>【贺德克】液位计\FSA2542XFT20012\0-254mm\0MPa\80℃\34mm\螺纹\进口</t>
  </si>
  <si>
    <t>【贺德克】液位计\FSA3811X12\0-381mm\0MPa\80℃\34mm\螺纹\进口</t>
  </si>
  <si>
    <t>【贺德克】液位计\FSA381 1XT12\0-381mm\0.05MPa\80℃\34.3mm\螺纹\进口</t>
  </si>
  <si>
    <t>【贺德克】视镜\PN16\DN50\法兰连接\钢化玻璃\HG/T21619</t>
  </si>
  <si>
    <t>【贺德克】视镜\PN16\DN16\法兰连接\钢化玻璃\HG/T21619</t>
  </si>
  <si>
    <t>【贺德克】视镜\PN16\DN25\法兰连接\钢化玻璃\HG/T21619</t>
  </si>
  <si>
    <t>【贺德克】视镜\PN16\DN65\法兰连接\钢化玻璃\HG/T21619</t>
  </si>
  <si>
    <t>【贺德克】液压油缸\ST913100ZGM95G\180mm\246mm\100mm\300mm\25MPa</t>
  </si>
  <si>
    <t>【贺德克】液压油缸\ZGM95G HDY YG\180mm\246mm\100mm\300mm\25MPa</t>
  </si>
  <si>
    <t>【贺德克】液压油缸\ZGM113G I HDY 20X\200mm\273mm\125mm\300mm\25MPa</t>
  </si>
  <si>
    <t>【贺德克】液压油缸\ZGM133G HDY 130A\250mm\341mm\160mm\400mm\25MPa</t>
  </si>
  <si>
    <t>【贺德克】液压油缸\ZGM133GY16 TZ\250mm\341mm\160mm\400mm\25MPa</t>
  </si>
  <si>
    <t>【贺德克】液压油缸\MPS245HP Ⅱ HDY 240A\270mm\369mm\120mm\550mm\31.5MPa</t>
  </si>
  <si>
    <t>【贺德克】蓄能器\SB330-1A1112A9-330A\贺德克\进口</t>
  </si>
  <si>
    <t>【贺德克】蓄能器\SB330-4A1114A9-330A\贺德克\进口</t>
  </si>
  <si>
    <t>【贺德克】蓄能器\SB330-6A1112A9-330A\贺德克\进口</t>
  </si>
  <si>
    <t>【贺德克】蓄能器\SB330-10A1/112A9-330A\贺德克</t>
  </si>
  <si>
    <t>【贺德克】蓄能器\SB330-10A1/114A9-330A\贺德克</t>
  </si>
  <si>
    <t>【贺德克】蓄能器\SB330-20A1114A9-330A\贺德克\进口</t>
  </si>
  <si>
    <t>【贺德克】蓄能器\SB330-24A1/114A9-330A\贺德克\国产</t>
  </si>
  <si>
    <t>【贺德克】蓄能器\SB330-32A1114A9-330A\贺德克\进口</t>
  </si>
  <si>
    <t>【贺德克】蓄能器\SB330-50A1/112A9-330A\贺德克</t>
  </si>
  <si>
    <t>【贺德克】蓄能器\SB330-50A1/114A9-330A\贺德克\国产</t>
  </si>
  <si>
    <t>【贺德克】蓄能器\SBO210-1.4E1112A9-210AB\贺德克\进口</t>
  </si>
  <si>
    <t>【贺德克】隔膜蓄能器\SBO210-2E1/112A9-210AK</t>
  </si>
  <si>
    <t>【贺德克】蓄能器皮囊\Blase1L×78-14UNFVG5NBR20\贺德克\进口</t>
  </si>
  <si>
    <t>【贺德克】蓄能器皮囊\Blase4L×78-14UNFVG5NBR20\贺德克\进口</t>
  </si>
  <si>
    <t>【贺德克】蓄能器皮囊\Blase4L×78-14UNFVG5IIR44\贺德克\进口</t>
  </si>
  <si>
    <t>【贺德克】蓄能器皮囊\Blase13L×78-14UNFVG5NBR20\贺德克\进口</t>
  </si>
  <si>
    <t>【贺德克】蓄能器皮囊\Blase20L×78-14UNFVG5IIR44\贺德克\进口</t>
  </si>
  <si>
    <t>【贺德克】蓄能器皮囊\Blase24L×78-14UNFVG5IIR44\贺德克\进口</t>
  </si>
  <si>
    <t>【贺德克】蓄能器皮囊\Blase32L×78-14UNFVG5IIR44\贺德克\进口</t>
  </si>
  <si>
    <t>【贺德克】蓄能器气阀芯\GaNBR\贺德克\进口</t>
  </si>
  <si>
    <t>【贺德克】蓄能器气阀芯\GaFPM\贺德克\进口</t>
  </si>
  <si>
    <t>【贺德克】阀芯装配工具\Aligator-E11370\贺德克\进口</t>
  </si>
  <si>
    <t>【贺德克】蓄能器分体式环\Anti-330-4-1×2\贺德克\进口</t>
  </si>
  <si>
    <t>【贺德克】蓄能器分体式环\Anti-330-10-50-1×2\贺德克\进口</t>
  </si>
  <si>
    <t>【贺德克】蓄能器分体式环\Anti-330-10-50-1×4\贺德克\进口</t>
  </si>
  <si>
    <t>【贺德克】安全阀\SAF20M16T210A-S13\贺德克\进口</t>
  </si>
  <si>
    <t>【贺德克】安全阀\SAF20M16T315A-S13\贺德克\进口</t>
  </si>
  <si>
    <t>【贺德克】蓄能器接头\rS13NBRS3555J2C-sales-assy\贺德克\进口</t>
  </si>
  <si>
    <t>【贺德克】蓄能器接头\S307NBRS3555J2-assy\贺德克\进口</t>
  </si>
  <si>
    <t>【贺德克】蓄能器接头\S309NBRS355J2+N-assy\贺德克\进口</t>
  </si>
  <si>
    <t>【贺德克】蓄能器抱箍\HyRac223-230231H3ST\贺德克\进口</t>
  </si>
  <si>
    <t>【贺德克】充氮工具\FPU-1-350100F4G11A3K\贺德克\进口</t>
  </si>
  <si>
    <t>【贺德克】充氮工具\FPU-1-350250F2.5G11A3K\贺德克\进口</t>
  </si>
  <si>
    <t>【贺德克】充氮工具\FPU-1-350250F4G11A3K\贺德克\进口</t>
  </si>
  <si>
    <t>【贺德克】充氮工具接头\FPUG2-G58-ISO228-assy\贺德克\进口</t>
  </si>
  <si>
    <t>【贺德克】液压油缸\ZGM95G180100×300\180mm\246mm\100mm\300mm\25MPa</t>
  </si>
  <si>
    <t>【贺德克】液压油缸\ZH95180100×300Ⅱ CJ\180mm\246mm\100mm\300mm\25MPa</t>
  </si>
  <si>
    <t>【贺德克】液压油缸\ZH133250160×400 I CJ\250mm\341mm\160mm\400mm\25MPa</t>
  </si>
  <si>
    <t>【贺德克】液压油缸\ZH225270120×550 CJ\270mm\369mm\120mm\550mm\31.5MPa</t>
  </si>
  <si>
    <t>【贺德克】液压油缸\ZH225270130×550 I CJ\270mm\369mm\130mm\550mm\31.5MPa</t>
  </si>
  <si>
    <t>【贺德克】油缸密封组件\ZGM95G180100×300 18\液压油缸\ZGM95G180100×300</t>
  </si>
  <si>
    <t>【贺德克】油缸密封组件\ZH95180100×300Ⅱ 18\液压油缸\ZH95180100×300Ⅱ</t>
  </si>
  <si>
    <t>【贺德克】油缸密封组件\ZH133250160×400 CJ 18\液压油缸\ZH133250160×400-CJ</t>
  </si>
  <si>
    <t>【贺德克】油缸密封组件\CZH190250110×450 18\液压油缸\CZH190250110×450</t>
  </si>
  <si>
    <t>【贺德克】油缸密封组件\ZH190250110×450 CJ 18\液压油缸\ZH190250110×450-CJ</t>
  </si>
  <si>
    <t>【贺德克】油缸密封组件\ZH200250110×500 18\液压油缸\ZH200250110×500</t>
  </si>
  <si>
    <t>【贺德克】油缸密封组件\ZH225180140×160 I CJ 18\液压油缸\ZH225180140×160-I-CJ</t>
  </si>
  <si>
    <t>【贺德克】油缸密封组件\ZH225270120×550 Ⅱ CJ 18\液压油缸\ZH225270120×550-Ⅱ-CJ</t>
  </si>
  <si>
    <t>【贺德克】油缸密封组件\ZH225270130×550 I 18\液压油缸\ZH225270130×550-I</t>
  </si>
  <si>
    <t>【贺德克】高压胶管\4SP16-11231-16-1250\贺德克\进口</t>
  </si>
  <si>
    <t>【贺德克】高压胶管\4SP25-11231-25-1000\贺德克\进口</t>
  </si>
  <si>
    <t>【贺德克】高压胶管\GH506-24DN40-PN300L-1750\贺德克\进口</t>
  </si>
  <si>
    <t>【贺德克】联轴器\Coupling1924-2419.05A\进口</t>
  </si>
  <si>
    <t>【贺德克】联轴器\KUPPLUNG24-24B17Alu\进口</t>
  </si>
  <si>
    <t>【贺德克】联轴器\KUPPLUNG2428-2818\进口</t>
  </si>
  <si>
    <t>【贺德克】联轴器\Kupplung2428-2825.38BS\进口</t>
  </si>
  <si>
    <t>【贺德克】联轴器\Coupling2838-28×60B17\进口</t>
  </si>
  <si>
    <t>【贺德克】联轴器\Coupling2428-28TN2AAlu\进口</t>
  </si>
  <si>
    <t>【贺德克】联轴器\Kupplung2428-28TN1\进口</t>
  </si>
  <si>
    <t>【贺德克】联轴器\KUPPLUNG2838-3818\进口</t>
  </si>
  <si>
    <t>【贺德克】联轴器\Coupling2838-3825\进口</t>
  </si>
  <si>
    <t>【贺德克】联轴器\Kupplung2838-38X60TN3\进口</t>
  </si>
  <si>
    <t>【贺德克】联轴器\Kupplung2838-38TN1\进口</t>
  </si>
  <si>
    <t>【贺德克】联轴器\KUPPLUNG2838-38B17Alu\进口</t>
  </si>
  <si>
    <t>【贺德克】联轴器\KUPPLUNG38/45-42/TN2A\进口</t>
  </si>
  <si>
    <t>【贺德克】联轴器\Kupplung3845-4231.75K\进口</t>
  </si>
  <si>
    <t>【贺德克】联轴器\KUPPLUNG3845-42×80TN3\进口</t>
  </si>
  <si>
    <t>【贺德克】联轴器\Coupling4255-4831.75K\进口</t>
  </si>
  <si>
    <t>【贺德克】联轴器\KUPPLUNG4255-48×75TN3\进口</t>
  </si>
  <si>
    <t>【贺德克】联轴器\KUPPLUNG4255-48×110TN3\进口</t>
  </si>
  <si>
    <t>【贺德克】联轴器\C55-160L4\进口</t>
  </si>
  <si>
    <t>【贺德克】联轴器弹性体\K.Z-24-PUR-98ShROT\进口</t>
  </si>
  <si>
    <t>【贺德克】联轴器弹性体\K.Z-28-PUR-98ShROT\进口</t>
  </si>
  <si>
    <t>【贺德克】联轴器弹性体\K.Z-38-PUR-98ShROT\进口</t>
  </si>
  <si>
    <t>【贺德克】联轴器弹性体\K.Z-42-PUR-98ShROT\进口</t>
  </si>
  <si>
    <t>【贺德克】钟型罩\PTS-300M144FB017\贺德克\进口</t>
  </si>
  <si>
    <t>【贺德克】钟型罩\PTS-350M173FB017\贺德克\进口</t>
  </si>
  <si>
    <t>【贺德克】加热器\OA-0.82-Z400</t>
  </si>
  <si>
    <t>【贺德克】加热器\AN22-021.00-Z-400-815-G2</t>
  </si>
  <si>
    <t>【贺德克】加热器\AN22-021.14-Z-400-700-G2</t>
  </si>
  <si>
    <t>【贺德克】压力继电器\EDS3346-1-0016-Y00\DC9-35V\1A\进口</t>
  </si>
  <si>
    <t>【贺德克】压力继电器\EDS3446-1-0100-Y00\DC9-35V\1A\进口</t>
  </si>
  <si>
    <t>【贺德克】压力继电器\EDS3446-1-0250-Y00\DC9-35V\1A\进口</t>
  </si>
  <si>
    <t>【贺德克】压力继电器\EDS3446-2-0250-Y00\DC9-35V\1A\进口</t>
  </si>
  <si>
    <t>【贺德克】压力继电器\EDS3446-3-0250-Y00\DC18-35V\1A\进口</t>
  </si>
  <si>
    <t>【贺德克】压力继电器\EDS3348-5-0010-000\DC18-35V\1A\进口</t>
  </si>
  <si>
    <t>【贺德克】压力继电器\EDS3348-5-0016-000\DC18-35V\1A\进口</t>
  </si>
  <si>
    <t>【贺德克】压力继电器\EDS3448-5-0100-000\DC18-35V\1A\进口</t>
  </si>
  <si>
    <t>【贺德克】压力继电器\EDS3448-5-0250-Y00\DC18-35V\1A\进口</t>
  </si>
  <si>
    <t>【贺德克】压力继电器\EDS1691-T-C-100-D00\DC22-32V\2A\进口</t>
  </si>
  <si>
    <t>【贺德克】压力继电器\EDS1691-T-C-400-D00\DC22-32V\2A\进口</t>
  </si>
  <si>
    <t>【贺德克】压力继电器\EDS1791-N-250-Y00\DC22-32V\2A\进口</t>
  </si>
  <si>
    <t>【贺德克】压力继电器\EDS1791-P-100-000\DC22-32V\2A\进口</t>
  </si>
  <si>
    <t>【贺德克】压力传感器\HDA4346-A-0010-000-F1\贺德克\进口</t>
  </si>
  <si>
    <t>【贺德克】压力传感器\HDA4445-A-250-Y00\贺德克\进口</t>
  </si>
  <si>
    <t>【贺德克】压力传感器\HDA4744-A-006-000\贺德克\进口</t>
  </si>
  <si>
    <t>【贺德克】压力传感器\HDA4744-A-016-Y00\贺德克</t>
  </si>
  <si>
    <t>【贺德克】压力传感器\HDA4744-A-060-000\贺德克\进口</t>
  </si>
  <si>
    <t>【贺德克】压力传感器\HDA4744-A-250-Y00\贺德克</t>
  </si>
  <si>
    <t>【贺德克】压力传感器\HDA4744-A-400-Y00\贺德克\进口</t>
  </si>
  <si>
    <t>【贺德克】压力传感器\HDA4744-B-016-000\贺德克\进口</t>
  </si>
  <si>
    <t>【贺德克】压力传感器\HDA4745-A-100-000\贺德克\进口</t>
  </si>
  <si>
    <t>【贺德克】压力传感器\HDA4746-F21-0100-000\贺德克\进口</t>
  </si>
  <si>
    <t>【贺德克】压力传感器\HDA8446-A-0100-000\贺德克\进口</t>
  </si>
  <si>
    <t>【贺德克】温度继电器\ETS3868-5-000-000\DC18-35V\1A\进口</t>
  </si>
  <si>
    <t>【贺德克】温度继电器\ETS1701-100-Y00\DC22-32V\2A\进口</t>
  </si>
  <si>
    <t>【贺德克】温度传感器\TFP 104-000\贺德克</t>
  </si>
  <si>
    <t>【贺德克】套杆\TFP100\温度传感器\TFP104-000\进口</t>
  </si>
  <si>
    <t>【贺德克】液位继电器\ENS3118-5-0410K\DC18-35V\1A\进口</t>
  </si>
  <si>
    <t>【贺德克】液位继电器\ENS3216-3-0410K\DC18-35V\1A\进口</t>
  </si>
  <si>
    <t>【贺德克】液位继电器\HNS3128-5-0520-000\DC18-35V\1A\进口</t>
  </si>
  <si>
    <t>【贺德克】液位继电器\HNS3226-3-0520-000\DC18-35V\1A\进口</t>
  </si>
  <si>
    <t>【贺德克】液位继电器\AN26-37.22330220270\DC50V\进口</t>
  </si>
  <si>
    <t>【贺德克】液位继电器\AN26-37.2245070400\DC50V\进口</t>
  </si>
  <si>
    <t>【贺德克】液位继电器\AN26-37.22450350400\DC50V\进口</t>
  </si>
  <si>
    <t>【贺德克】液位继电器\AN26-37.23410320360360\DC50V\进口</t>
  </si>
  <si>
    <t>【贺德克】液位传感器\FSK-127-2.5O-12\贺德克\进口</t>
  </si>
  <si>
    <t>【贺德克】液位继电器\SSM.2.A5.B5.92.S1\DC50V\进口</t>
  </si>
  <si>
    <t>【贺德克】流量开关\HFS2135-1S-0001-0020-7-B-0-000\1-20l/min\250bar\螺纹\ExdⅡBT4\IP65\进口</t>
  </si>
  <si>
    <t>【FAG】角接触球轴承\7228B.MP.UA\FAG</t>
  </si>
  <si>
    <t>舍弗勒贸易（上海）有限公司</t>
  </si>
  <si>
    <t>FAG</t>
  </si>
  <si>
    <t>GNWZBP(TH)ZYCG2020-321</t>
  </si>
  <si>
    <t>2020年度北京配送(天泓公司)舍弗勒轴承集团级长协采购供货合同-新企骏（济南）</t>
  </si>
  <si>
    <t>新企骏轴承(济南)有限公司</t>
  </si>
  <si>
    <t>【FAG】角接触球轴承\7306.B.TVP\FAG</t>
  </si>
  <si>
    <t>【FAG】角接触球轴承\3308B.TVH\FAG</t>
  </si>
  <si>
    <t>【FAG】角接触球轴承\7330BCBM\FAG</t>
  </si>
  <si>
    <t>【FAG】角接触球轴承\7318 BMPUA\FAG</t>
  </si>
  <si>
    <t>【FAG】角接触球轴承\3214-2Z\FAG</t>
  </si>
  <si>
    <t>【FAG】角接触球轴承\3314\FAG</t>
  </si>
  <si>
    <t>【FAG】角接触球轴承\7040MP.UA\FAG</t>
  </si>
  <si>
    <t>【FAG】角接触球轴承\7206B.MP.UA\FAG</t>
  </si>
  <si>
    <t>【FAG】角接触球轴承\7209B.MP\FAG</t>
  </si>
  <si>
    <t>【FAG】角接触球轴承\7209B.TVP.UA\FAG</t>
  </si>
  <si>
    <t>【FAG】角接触球轴承\7211B.MP.UA\FAG</t>
  </si>
  <si>
    <t>【FAG】角接触球轴承\7212B.MP.UA\FAG</t>
  </si>
  <si>
    <t>【FAG】角接触球轴承\7214B.MP.UA\FAG</t>
  </si>
  <si>
    <t>【FAG】角接触球轴承\7224B.MP.UA\FAG</t>
  </si>
  <si>
    <t>【FAG】角接触球轴承\7232B.MP.UA\FAG</t>
  </si>
  <si>
    <t>【FAG】角接触球轴承\7234B.MP.UA\FAG</t>
  </si>
  <si>
    <t>【FAG】角接触球轴承\7240B.MP.UA\FAG</t>
  </si>
  <si>
    <t>【FAG】角接触球轴承\7252B.MP.UA\FAG</t>
  </si>
  <si>
    <t>【FAG】角接触球轴承\7256B.MP.UA\FAG</t>
  </si>
  <si>
    <t>【FAG】角接触球轴承\7260B.MP.UA\FAG</t>
  </si>
  <si>
    <t>【FAG】角接触球轴承\7311B.MP.UA\FAG</t>
  </si>
  <si>
    <t>【FAG】角接触球轴承\7319B.MP.UA\FAG</t>
  </si>
  <si>
    <t>【FAG】角接触球轴承\7319B.TVP.UA\FAG</t>
  </si>
  <si>
    <t>【FAG】角接触球轴承\7319B.TVP\FAG</t>
  </si>
  <si>
    <t>【FAG】角接触球轴承\7320B.MP.UA\FAG</t>
  </si>
  <si>
    <t>【FAG】角接触球轴承\7320B.MP\FAG</t>
  </si>
  <si>
    <t>【FAG】角接触球轴承\7320B.TVP.UA\FAG</t>
  </si>
  <si>
    <t>【FAG】角接触球轴承\7322B.MP.UA\FAG</t>
  </si>
  <si>
    <t>【FAG】角接触球轴承\7322B.TVP.UA\FAG</t>
  </si>
  <si>
    <t>【FAG】角接触球轴承\7324B.MP.UA\FAG</t>
  </si>
  <si>
    <t>【FAG】角接触球轴承\7326B.MP.UA\FAG</t>
  </si>
  <si>
    <t>【FAG】角接触球轴承\7330B.MP.UA\FAG</t>
  </si>
  <si>
    <t>【FAG】角接触球轴承\7336B.MP.UA\FAG</t>
  </si>
  <si>
    <t>【FAG】角接触球轴承\7340B.MP.UA\FAG</t>
  </si>
  <si>
    <t>【FAG】角接触球轴承\7348B.MP.UA\FAG</t>
  </si>
  <si>
    <t>【FAG】角接触球轴承\7317B.MP.UA\FAG</t>
  </si>
  <si>
    <t>【FAG】角接触球轴承\7307B.MP.UA\FAG</t>
  </si>
  <si>
    <t>【FAG】角接触球轴承\7230B.MP.UA\FAG</t>
  </si>
  <si>
    <t>【FAG】角接触球轴承\7264BMPUA\FAG</t>
  </si>
  <si>
    <t>【FAG】角接触球轴承\3310B.TVH\FAG</t>
  </si>
  <si>
    <t>【FAG】角接触球轴承\7307B-TVP-UA\FAG</t>
  </si>
  <si>
    <t>【FAG】角接触球轴承\7416BMP\FAG</t>
  </si>
  <si>
    <t>【FAG】角接触球轴承\3309\FAG</t>
  </si>
  <si>
    <t>【FAG】角接触球轴承\7313B.MP.UA\FAG</t>
  </si>
  <si>
    <t>【FAG】角接触球轴承\7313B.TVP.UA\FAG</t>
  </si>
  <si>
    <t>【FAG】角接触球轴承\7209B.MP.UA\FAG</t>
  </si>
  <si>
    <t>【FAG】角接触球轴承\QJ328N2MPA\FAG</t>
  </si>
  <si>
    <t>【FAG】深沟球轴承\6002\FAG</t>
  </si>
  <si>
    <t>【FAG】深沟球轴承\6004.2RSR\FAG</t>
  </si>
  <si>
    <t>【FAG】深沟球轴承\6209-2RSR\FAG</t>
  </si>
  <si>
    <t>【FAG】深沟球轴承\6012\FAG</t>
  </si>
  <si>
    <t>【FAG】深沟球轴承\6212-2RSR\FAG</t>
  </si>
  <si>
    <t>【FAG】深沟球轴承\6017\FAG</t>
  </si>
  <si>
    <t>【FAG】深沟球轴承\6226/C3\FAG</t>
  </si>
  <si>
    <t>【FAG】深沟球轴承\6024\FAG</t>
  </si>
  <si>
    <t>【FAG】深沟球轴承\6308-2RSR\FAG</t>
  </si>
  <si>
    <t>【FAG】深沟球轴承\6026M.C3\FAG</t>
  </si>
  <si>
    <t>【FAG】深沟球轴承\6310-2RSR\FAG</t>
  </si>
  <si>
    <t>【FAG】深沟球轴承\6032\FAG</t>
  </si>
  <si>
    <t>【FAG】深沟球轴承\6311-2RSR\FAG</t>
  </si>
  <si>
    <t>【FAG】深沟球轴承\6040M.C3\FAG</t>
  </si>
  <si>
    <t>【FAG】深沟球轴承\6311\FAG</t>
  </si>
  <si>
    <t>【FAG】深沟球轴承\6200.2ZR\FAG</t>
  </si>
  <si>
    <t>【FAG】深沟球轴承\6317-2RSR\FAG</t>
  </si>
  <si>
    <t>【FAG】深沟球轴承\6201.2ZR\FAG</t>
  </si>
  <si>
    <t>【FAG】深沟球轴承\6306-2RSR\FAG</t>
  </si>
  <si>
    <t>【FAG】深沟球轴承\6203.2ZR\FAG</t>
  </si>
  <si>
    <t>【FAG】深沟球轴承\6305-2RSR\FAG</t>
  </si>
  <si>
    <t>【FAG】深沟球轴承\6204.2RSR\FAG</t>
  </si>
  <si>
    <t>【FAG】深沟球轴承\6219C3\FAG</t>
  </si>
  <si>
    <t>【FAG】深沟球轴承\6204.2ZR\FAG</t>
  </si>
  <si>
    <t>【FAG】深沟球轴承\6207-2RSR\FAG</t>
  </si>
  <si>
    <t>【FAG】深沟球轴承\6205.2RSR\FAG</t>
  </si>
  <si>
    <t>【FAG】深沟球轴承\6228M/C3\FAG</t>
  </si>
  <si>
    <t>【FAG】深沟球轴承\6205.2ZR\FAG</t>
  </si>
  <si>
    <t>【FAG】深沟球轴承\6214-2RSR\FAG</t>
  </si>
  <si>
    <t>【FAG】深沟球轴承\6206.2RSR\FAG</t>
  </si>
  <si>
    <t>【FAG】深沟球轴承\6214C3\FAG</t>
  </si>
  <si>
    <t>【FAG】深沟球轴承\6206.2ZR\FAG</t>
  </si>
  <si>
    <t>【FAG】深沟球轴承\6320.M.C3\FAG</t>
  </si>
  <si>
    <t>【FAG】深沟球轴承\6206\FAG</t>
  </si>
  <si>
    <t>【FAG】深沟球轴承\6320.2ZR\FAG</t>
  </si>
  <si>
    <t>【FAG】深沟球轴承\6207.2ZR.C3\FAG</t>
  </si>
  <si>
    <t>【FAG】深沟球轴承\51108E\FAG</t>
  </si>
  <si>
    <t>【FAG】深沟球轴承\6207.2ZR\FAG</t>
  </si>
  <si>
    <t>【FAG】深沟球轴承\61838\FAG</t>
  </si>
  <si>
    <t>【FAG】深沟球轴承\6207TB.P63\FAG</t>
  </si>
  <si>
    <t>【FAG】深沟球轴承\61968M\FAG</t>
  </si>
  <si>
    <t>【FAG】深沟球轴承\6208.2RSR\FAG</t>
  </si>
  <si>
    <t>【FAG】深沟球轴承\6048M\FAG</t>
  </si>
  <si>
    <t>【FAG】深沟球轴承\6208.2ZR\FAG</t>
  </si>
  <si>
    <t>【FAG】深沟球轴承\6226M/C3\FAG</t>
  </si>
  <si>
    <t>【FAG】深沟球轴承\6208.C3\FAG</t>
  </si>
  <si>
    <t>【FAG】深沟球轴承\6256M/C3\FAG</t>
  </si>
  <si>
    <t>【FAG】深沟球轴承\6209.2ZR\FAG</t>
  </si>
  <si>
    <t>【FAG】深沟球轴承\6214.2RSR.C3\FAG</t>
  </si>
  <si>
    <t>【FAG】深沟球轴承\6210.2ZR\FAG</t>
  </si>
  <si>
    <t>【FAG】深沟球轴承\6312.2RSR.C3\FAG</t>
  </si>
  <si>
    <t>【FAG】深沟球轴承\6211.2RSR\FAG</t>
  </si>
  <si>
    <t>【FAG】深沟球轴承\61836\FAG</t>
  </si>
  <si>
    <t>【FAG】深沟球轴承\6212.2ZR\FAG</t>
  </si>
  <si>
    <t>【FAG】深沟球轴承\6213.2ZR.C3\FAG</t>
  </si>
  <si>
    <t>【FAG】深沟球轴承\6213.C3\FAG</t>
  </si>
  <si>
    <t>【FAG】深沟球轴承\6214.2ZR\FAG</t>
  </si>
  <si>
    <t>【FAG】深沟球轴承\6215\FAG</t>
  </si>
  <si>
    <t>【FAG】深沟球轴承\6217.2ZR\FAG</t>
  </si>
  <si>
    <t>【FAG】深沟球轴承\6217\FAG</t>
  </si>
  <si>
    <t>【FAG】深沟球轴承\6218.2RSR\FAG</t>
  </si>
  <si>
    <t>【FAG】深沟球轴承\6218M\FAG</t>
  </si>
  <si>
    <t>【FAG】深沟球轴承\6219\FAG</t>
  </si>
  <si>
    <t>【FAG】深沟球轴承\62207.2RSR\FAG</t>
  </si>
  <si>
    <t>【FAG】深沟球轴承\6222.C3\FAG</t>
  </si>
  <si>
    <t>【FAG】深沟球轴承\6222\FAG</t>
  </si>
  <si>
    <t>【FAG】深沟球轴承\6224.C3\FAG</t>
  </si>
  <si>
    <t>【FAG】深沟球轴承\6224\FAG</t>
  </si>
  <si>
    <t>【FAG】深沟球轴承\6226.C3\FAG</t>
  </si>
  <si>
    <t>【FAG】深沟球轴承\6226\FAG</t>
  </si>
  <si>
    <t>【FAG】深沟球轴承\6228.C3\FAG</t>
  </si>
  <si>
    <t>【FAG】深沟球轴承\6228\FAG</t>
  </si>
  <si>
    <t>【FAG】深沟球轴承\6230M.C3\FAG</t>
  </si>
  <si>
    <t>【FAG】深沟球轴承\6232M.C3\FAG</t>
  </si>
  <si>
    <t>【FAG】深沟球轴承\6234M.C3\FAG</t>
  </si>
  <si>
    <t>【FAG】深沟球轴承\6236M\FAG</t>
  </si>
  <si>
    <t>【FAG】深沟球轴承\6238M.C3\FAG</t>
  </si>
  <si>
    <t>【FAG】深沟球轴承\6238M\FAG</t>
  </si>
  <si>
    <t>【FAG】深沟球轴承\6304.2RSR\FAG</t>
  </si>
  <si>
    <t>【FAG】深沟球轴承\6305.2ZR\FAG</t>
  </si>
  <si>
    <t>【FAG】深沟球轴承\6305\FAG</t>
  </si>
  <si>
    <t>【FAG】深沟球轴承\6306.2ZR.C3\FAG</t>
  </si>
  <si>
    <t>【FAG】深沟球轴承\6306.2ZR\FAG</t>
  </si>
  <si>
    <t>【FAG】深沟球轴承\6306\FAG</t>
  </si>
  <si>
    <t>【FAG】深沟球轴承\6307\FAG</t>
  </si>
  <si>
    <t>【FAG】深沟球轴承\6307RSR\FAG</t>
  </si>
  <si>
    <t>【FAG】深沟球轴承\6308.2ZR\FAG</t>
  </si>
  <si>
    <t>【FAG】深沟球轴承\6308\FAG</t>
  </si>
  <si>
    <t>【FAG】深沟球轴承\6309.2ZR\FAG</t>
  </si>
  <si>
    <t>【FAG】深沟球轴承\6309\FAG</t>
  </si>
  <si>
    <t>【FAG】深沟球轴承\6309TB.P63\FAG</t>
  </si>
  <si>
    <t>【FAG】深沟球轴承\6310.2RSR.C3\FAG</t>
  </si>
  <si>
    <t>【FAG】深沟球轴承\6310.2ZR.C3\FAG</t>
  </si>
  <si>
    <t>【FAG】深沟球轴承\6310\FAG</t>
  </si>
  <si>
    <t>【FAG】深沟球轴承\6311.2RSR.C3\FAG</t>
  </si>
  <si>
    <t>【FAG】深沟球轴承\6312.2ZR.C3\FAG</t>
  </si>
  <si>
    <t>【FAG】深沟球轴承\6312.2ZR\FAG</t>
  </si>
  <si>
    <t>【FAG】深沟球轴承\6313.2RSR\FAG</t>
  </si>
  <si>
    <t>【FAG】深沟球轴承\6313.2ZR\FAG</t>
  </si>
  <si>
    <t>【FAG】深沟球轴承\6314.2ZR.C3\FAG</t>
  </si>
  <si>
    <t>【FAG】深沟球轴承\6314\FAG</t>
  </si>
  <si>
    <t>【FAG】深沟球轴承\6315\FAG</t>
  </si>
  <si>
    <t>【FAG】深沟球轴承\6316\FAG</t>
  </si>
  <si>
    <t>【FAG】深沟球轴承\6317.2ZR\FAG</t>
  </si>
  <si>
    <t>【FAG】深沟球轴承\6317.C3\FAG</t>
  </si>
  <si>
    <t>【FAG】深沟球轴承\6317\FAG</t>
  </si>
  <si>
    <t>【FAG】深沟球轴承\6317ZR\FAG</t>
  </si>
  <si>
    <t>【FAG】深沟球轴承\6318\FAG</t>
  </si>
  <si>
    <t>【FAG】深沟球轴承\6319\FAG</t>
  </si>
  <si>
    <t>【FAG】深沟球轴承\6320\FAG</t>
  </si>
  <si>
    <t>【FAG】深沟球轴承\6322\FAG</t>
  </si>
  <si>
    <t>【FAG】深沟球轴承\6322M.C3\FAG</t>
  </si>
  <si>
    <t>【FAG】深沟球轴承\6324.C3\FAG</t>
  </si>
  <si>
    <t>【FAG】深沟球轴承\6324M.C3\FAG</t>
  </si>
  <si>
    <t>【FAG】深沟球轴承\6326M.C3\FAG</t>
  </si>
  <si>
    <t>【FAG】深沟球轴承\6326M\FAG</t>
  </si>
  <si>
    <t>【FAG】深沟球轴承\6328M.C3\FAG</t>
  </si>
  <si>
    <t>【FAG】深沟球轴承\6328M\FAG</t>
  </si>
  <si>
    <t>【FAG】深沟球轴承\6330M.C3\FAG</t>
  </si>
  <si>
    <t>【FAG】深沟球轴承\6007/C3\FAG</t>
  </si>
  <si>
    <t>【FAG】深沟球轴承\6032M.C3\FAG</t>
  </si>
  <si>
    <t>【FAG】深沟球轴承\6202 2RSR\FAG</t>
  </si>
  <si>
    <t>【FAG】深沟球轴承\62205-A-2RSR#E\FAG</t>
  </si>
  <si>
    <t>【FAG】深沟球轴承\62305-A-2RSR#E\FAG</t>
  </si>
  <si>
    <t>【FAG】深沟球轴承\6204\FAG</t>
  </si>
  <si>
    <t>【FAG】深沟球轴承\6024MC3\FAG</t>
  </si>
  <si>
    <t>【FAG】调心滚子轴承\20320MB\FAG</t>
  </si>
  <si>
    <t>【FAG】调心滚子轴承\22208E1\FAG</t>
  </si>
  <si>
    <t>【FAG】调心滚子轴承\22212E1.C3\FAG</t>
  </si>
  <si>
    <t>【FAG】调心滚子轴承\22216E1\FAG</t>
  </si>
  <si>
    <t>【FAG】调心滚子轴承\22217E1\FAG</t>
  </si>
  <si>
    <t>【FAG】调心滚子轴承\22218E1\FAG</t>
  </si>
  <si>
    <t>【FAG】调心滚子轴承\22219E1\FAG</t>
  </si>
  <si>
    <t>【FAG】调心滚子轴承\22220E1\FAG</t>
  </si>
  <si>
    <t>【FAG】调心滚子轴承\22222E1\FAG</t>
  </si>
  <si>
    <t>【FAG】调心滚子轴承\22224E1\FAG</t>
  </si>
  <si>
    <t>【FAG】调心滚子轴承\22226E1.C3\FAG</t>
  </si>
  <si>
    <t>【FAG】调心滚子轴承\22226E1\FAG</t>
  </si>
  <si>
    <t>【FAG】调心滚子轴承\22228E1\FAG</t>
  </si>
  <si>
    <t>【FAG】调心滚子轴承\22230E1\FAG</t>
  </si>
  <si>
    <t>【FAG】调心滚子轴承\22232E1.C3\FAG</t>
  </si>
  <si>
    <t>【FAG】调心滚子轴承\22232E1A.M.C3\FAG</t>
  </si>
  <si>
    <t>【FAG】调心滚子轴承\22236E1\FAG</t>
  </si>
  <si>
    <t>【FAG】调心滚子轴承\22240B.MB\FAG</t>
  </si>
  <si>
    <t>【FAG】调心滚子轴承\22308E1\FAG</t>
  </si>
  <si>
    <t>【FAG】调心滚子轴承\22316E1\FAG</t>
  </si>
  <si>
    <t>【FAG】调心滚子轴承\22319E1\FAG</t>
  </si>
  <si>
    <t>【FAG】调心滚子轴承\22322E1\FAG</t>
  </si>
  <si>
    <t>【FAG】调心滚子轴承\22326E1.C3\FAG</t>
  </si>
  <si>
    <t>【FAG】调心滚子轴承\22328E1.C3\FAG</t>
  </si>
  <si>
    <t>【FAG】调心滚子轴承\22328E1\FAG</t>
  </si>
  <si>
    <t>【FAG】调心滚子轴承\22336MB\FAG</t>
  </si>
  <si>
    <t>【FAG】调心滚子轴承\22338MB.C3\FAG</t>
  </si>
  <si>
    <t>【FAG】调心滚子轴承\22340MB.C3\FAG</t>
  </si>
  <si>
    <t>【FAG】调心滚子轴承\22344MB\FAG</t>
  </si>
  <si>
    <t>【FAG】调心滚子轴承\23044MB.C3\FAG</t>
  </si>
  <si>
    <t>【FAG】调心滚子轴承\23060MB\FAG</t>
  </si>
  <si>
    <t>【FAG】调心滚子轴承\23148BK.MB\FAG</t>
  </si>
  <si>
    <t>【FAG】调心滚子轴承\23168B.MB\FAG</t>
  </si>
  <si>
    <t>【FAG】调心滚子轴承\23192K.MB\FAG</t>
  </si>
  <si>
    <t>【FAG】调心滚子轴承\23236E1A.M\FAG</t>
  </si>
  <si>
    <t>【FAG】调心滚子轴承\23244MB.C3\FAG</t>
  </si>
  <si>
    <t>【FAG】调心滚子轴承\23244MB\FAG</t>
  </si>
  <si>
    <t>【FAG】调心滚子轴承\24056B.MB.C3\FAG</t>
  </si>
  <si>
    <t>【FAG】调心滚子轴承\24156B\FAG</t>
  </si>
  <si>
    <t>【FAG】调心滚子轴承\22324E1\FAG</t>
  </si>
  <si>
    <t>【FAG】调心滚子轴承\22332MBC3\FAG</t>
  </si>
  <si>
    <t>【FAG】调心滚子轴承\223200\FAG</t>
  </si>
  <si>
    <t>【FAG】调心滚子轴承\24152B\FAG</t>
  </si>
  <si>
    <t>【FAG】调心滚子轴承\23032E1AM\FAG</t>
  </si>
  <si>
    <t>【FAG】调心滚子轴承\22318E1\FAG</t>
  </si>
  <si>
    <t>【FAG】调心滚子轴承\22330E1\FAG</t>
  </si>
  <si>
    <t>【FAG】调心滚子轴承\23038.E1A.K.M\FAG</t>
  </si>
  <si>
    <t>【FAG】调心滚子轴承\22215.E1.K\FAG</t>
  </si>
  <si>
    <t>【FAG】调心滚子轴承\22222.E1.K\FAG</t>
  </si>
  <si>
    <t>【FAG】调心滚子轴承\22217.E1.K\FAG</t>
  </si>
  <si>
    <t>【FAG】调心滚子轴承\23226E1A.M.C3\FAG</t>
  </si>
  <si>
    <t>【FAG】调心滚子轴承\23140K</t>
  </si>
  <si>
    <t>【FAG】调心滚子轴承\23138K</t>
  </si>
  <si>
    <t>【FAG】调心滚子轴承\23044E1.C3\FAG</t>
  </si>
  <si>
    <t>【FAG】调心球轴承\1215TV\FAG</t>
  </si>
  <si>
    <t>【FAG】调心球轴承\1316M\FAG</t>
  </si>
  <si>
    <t>【FAG】调心球轴承\1319M\FAG</t>
  </si>
  <si>
    <t>【FAG】调心球轴承\2210TV\FAG</t>
  </si>
  <si>
    <t>【FAG】调心球轴承\2306TV\FAG</t>
  </si>
  <si>
    <t>【FAG】调心球轴承\2314M\FAG</t>
  </si>
  <si>
    <t>【FAG】调心球轴承\2316M.C3\FAG</t>
  </si>
  <si>
    <t>【FAG】推力滚子轴承\29324E1\FAG</t>
  </si>
  <si>
    <t>【FAG】推力滚子轴承\29328E1\FAG</t>
  </si>
  <si>
    <t>【FAG】推力滚子轴承\29340E1\FAG</t>
  </si>
  <si>
    <t>【FAG】推力滚子轴承\294/710E.MB\FAG</t>
  </si>
  <si>
    <t>【FAG】推力滚子轴承\29452E1\FAG</t>
  </si>
  <si>
    <t>【INA】推力滚子轴承\81117-TV\INA</t>
  </si>
  <si>
    <t>INA</t>
  </si>
  <si>
    <t>【FAG】推力滚子轴承\32972E\FAG</t>
  </si>
  <si>
    <t>【FAG】推力球轴承\51204\FAG</t>
  </si>
  <si>
    <t>【FAG】推力球轴承\51208\FAG</t>
  </si>
  <si>
    <t>【FAG】推力球轴承\51230MP\FAG</t>
  </si>
  <si>
    <t>【FAG】推力球轴承\51315\FAG</t>
  </si>
  <si>
    <t>【FAG】推力球轴承\51324MP\FAG</t>
  </si>
  <si>
    <t>【FAG】推力球轴承\51207E\FAG</t>
  </si>
  <si>
    <t>【FAG】推力球轴承\51105\FAG</t>
  </si>
  <si>
    <t>【FAG】推力球轴承\51107\FAG</t>
  </si>
  <si>
    <t>【FAG】推力球轴承\51112\FAG</t>
  </si>
  <si>
    <t>【FAG】圆锥滚子轴承\32313A\FAG</t>
  </si>
  <si>
    <t>【FAG】圆锥滚子轴承\32314BA\FAG</t>
  </si>
  <si>
    <t>【FAG】圆柱滚子轴承\N206E.M1\FAG</t>
  </si>
  <si>
    <t>【FAG】圆锥滚子轴承\32315A\FAG</t>
  </si>
  <si>
    <t>【FAG】圆柱滚子轴承\N226E.M1\FAG</t>
  </si>
  <si>
    <t>【FAG】圆锥滚子轴承\32316A\FAG</t>
  </si>
  <si>
    <t>【FAG】圆柱滚子轴承\N309E.M1\FAG</t>
  </si>
  <si>
    <t>【FAG】圆锥滚子轴承\32316B\FAG</t>
  </si>
  <si>
    <t>【FAG】圆柱滚子轴承\N319E.M1\FAG</t>
  </si>
  <si>
    <t>【FAG】圆锥滚子轴承\32318A\FAG</t>
  </si>
  <si>
    <t>【FAG】圆柱滚子轴承\N320E.M1\FAG</t>
  </si>
  <si>
    <t>【FAG】圆锥滚子轴承\32320A\FAG</t>
  </si>
  <si>
    <t>【FAG】圆柱滚子轴承\N322E.M1\FAG</t>
  </si>
  <si>
    <t>【FAG】圆锥滚子轴承\32322A\FAG</t>
  </si>
  <si>
    <t>【FAG】圆柱滚子轴承\N324E.M1\FAG</t>
  </si>
  <si>
    <t>【FAG】圆锥滚子轴承\33215\FAG</t>
  </si>
  <si>
    <t>【FAG】圆柱滚子轴承\N326E.M1\FAG</t>
  </si>
  <si>
    <t>【FAG】圆锥滚子轴承\33220\FAG</t>
  </si>
  <si>
    <t>【FAG】圆柱滚子轴承\NJ207E.TVP2.C3\FAG</t>
  </si>
  <si>
    <t>【FAG】圆柱滚子轴承\N328ECM\FAG</t>
  </si>
  <si>
    <t>【FAG】圆柱滚子轴承\NJ210E.M1.C3\FAG</t>
  </si>
  <si>
    <t>【FAG】圆柱滚子轴承\NU311E.M1\FAG</t>
  </si>
  <si>
    <t>【FAG】圆柱滚子轴承\NJ238E.M1\FAG</t>
  </si>
  <si>
    <t>【FAG】圆柱滚子轴承\NU1056M1/C3\FAG</t>
  </si>
  <si>
    <t>【FAG】圆柱滚子轴承\NJ306E.M1\FAG</t>
  </si>
  <si>
    <t>【FAG】圆柱滚子轴承\NJ236E.M1.C3\FAG</t>
  </si>
  <si>
    <t>【FAG】圆柱滚子轴承\NJ314E.M1\FAG</t>
  </si>
  <si>
    <t>【FAG】圆柱滚子轴承\NU2236E.M1.C3\FAG</t>
  </si>
  <si>
    <t>【FAG】圆柱滚子轴承\NJ330E.M1.C3\FAG</t>
  </si>
  <si>
    <t>【FAG】圆柱滚子轴承\NU226E.M1.C3\FAG</t>
  </si>
  <si>
    <t>【FAG】圆柱滚子轴承\NJ336E.M1.C3\FAG</t>
  </si>
  <si>
    <t>【FAG】圆柱滚子轴承\NU332E.M1.C3\FAG</t>
  </si>
  <si>
    <t>【FAG】圆柱滚子轴承\NJ340E.M1.C3\FAG</t>
  </si>
  <si>
    <t>【FAG】圆柱滚子轴承\NU334EM1C3\FAG</t>
  </si>
  <si>
    <t>【FAG】圆柱滚子轴承\NJ348E.M1.C3\FAG</t>
  </si>
  <si>
    <t>【FAG】圆柱滚子轴承\NU216E/M1/C3\FAG</t>
  </si>
  <si>
    <t>【FAG】圆柱滚子轴承\NU1024M1\FAG</t>
  </si>
  <si>
    <t>【FAG】圆锥滚子轴承\31322X\FAG</t>
  </si>
  <si>
    <t>【FAG】圆柱滚子轴承\NU1040M1.C3\FAG</t>
  </si>
  <si>
    <t>【FAG】圆锥滚子轴承\31317\FAG</t>
  </si>
  <si>
    <t>【FAG】圆柱滚子轴承\NU1044M1\FAG</t>
  </si>
  <si>
    <t>【FAG】圆柱滚子轴承\NU313E.M1\FAG</t>
  </si>
  <si>
    <t>【FAG】圆柱滚子轴承\NU1048M1\FAG</t>
  </si>
  <si>
    <t>【FAG】圆柱滚子轴承\NU236E.M1\FAG</t>
  </si>
  <si>
    <t>【FAG】圆柱滚子轴承\NU1052M1.C3\FAG</t>
  </si>
  <si>
    <t>【FAG】圆柱滚子轴承\NJ234EM1\FAG</t>
  </si>
  <si>
    <t>【FAG】圆柱滚子轴承\NU212E.M1\FAG</t>
  </si>
  <si>
    <t>【FAG】圆柱滚子轴承\NU320EM1\FAG</t>
  </si>
  <si>
    <t>【FAG】圆柱滚子轴承\NU213E.M1\FAG</t>
  </si>
  <si>
    <t>【FAG】圆柱滚子轴承\NU219EC3/C3\FAG</t>
  </si>
  <si>
    <t>【FAG】圆柱滚子轴承\NU219E.M1\FAG</t>
  </si>
  <si>
    <t>【FAG】圆柱滚子轴承\NU217EM1C3\FAG</t>
  </si>
  <si>
    <t>【FAG】圆柱滚子轴承\NU220E.M1.C3\FAG</t>
  </si>
  <si>
    <t>【FAG】圆柱滚子轴承\NU2352EXM1\FAG</t>
  </si>
  <si>
    <t>【FAG】圆柱滚子轴承\NU2228EM1\FAG</t>
  </si>
  <si>
    <t>【FAG】圆柱滚子轴承\NU2222E.M1\FAG</t>
  </si>
  <si>
    <t>【INA】圆柱滚子轴承\81117LPB\INA</t>
  </si>
  <si>
    <t>【FAG】圆柱滚子轴承\NU2226E.M1.C3\FAG</t>
  </si>
  <si>
    <t>【FAG】圆柱滚子轴承\NU264EXM1/C3\FAG</t>
  </si>
  <si>
    <t>【FAG】圆柱滚子轴承\NU222E.M1.C3\FAG</t>
  </si>
  <si>
    <t>【FAG】圆柱滚子轴承\NUP226E/M1\FAG</t>
  </si>
  <si>
    <t>【FAG】圆柱滚子轴承\NU224E.M1.C3\FAG</t>
  </si>
  <si>
    <t>【FAG】圆柱滚子轴承\NUP222EM\FAG</t>
  </si>
  <si>
    <t>【FAG】圆柱滚子轴承\NU226E.M1\FAG</t>
  </si>
  <si>
    <t>【FAG】圆柱滚子轴承\NJ314EM1/C3\FAG</t>
  </si>
  <si>
    <t>【FAG】圆柱滚子轴承\NU228E.M1.C3\FAG</t>
  </si>
  <si>
    <t>【INA】圆柱滚子轴承\SL183015-A-XL-C3\INA</t>
  </si>
  <si>
    <t>【FAG】圆柱滚子轴承\NU228E.M1\FAG</t>
  </si>
  <si>
    <t>【INA】圆柱滚子轴承\SL183017-A-C3\INA</t>
  </si>
  <si>
    <t>【FAG】圆柱滚子轴承\NU230E.M1.C3\FAG</t>
  </si>
  <si>
    <t>【FAG】圆柱滚子轴承\NU1060M1.C3\FAG</t>
  </si>
  <si>
    <t>【FAG】圆柱滚子轴承\NU230E.M1\FAG</t>
  </si>
  <si>
    <t>【FAG】圆柱滚子轴承\NJ2315EM1\FAG</t>
  </si>
  <si>
    <t>【FAG】圆柱滚子轴承\NU232E.M1.C3\FAG</t>
  </si>
  <si>
    <t>【FAG】圆柱滚子轴承\NJ315.E.M1\FAG</t>
  </si>
  <si>
    <t>【FAG】圆柱滚子轴承\NU232E.M1\FAG</t>
  </si>
  <si>
    <t>【FAG】圆柱滚子轴承\NU418E1.M.C3\FAG</t>
  </si>
  <si>
    <t>【FAG】圆柱滚子轴承\NU234E.M1.C3\FAG</t>
  </si>
  <si>
    <t>【FAG】圆柱滚子轴承\NJ324E.TVP2\FAG</t>
  </si>
  <si>
    <t>【FAG】圆柱滚子轴承\NU2368E.M1.C3\FAG</t>
  </si>
  <si>
    <t>【FAG】圆柱滚子轴承\NU416E1.M.C3\FAG</t>
  </si>
  <si>
    <t>【FAG】圆柱滚子轴承\NU236E.M1.C3\FAG</t>
  </si>
  <si>
    <t>【FAG】圆柱滚子轴承\NU1032M1.C3\FAG</t>
  </si>
  <si>
    <t>【FAG】圆柱滚子轴承\NU226E.TVP2\FAG</t>
  </si>
  <si>
    <t>【FAG】圆柱滚子轴承\NU238E.M1\FAG</t>
  </si>
  <si>
    <t>【FAG】圆柱滚子轴承\NU216E.TVP2\FAG</t>
  </si>
  <si>
    <t>【FAG】圆柱滚子轴承\NU240E.M1.C3\FAG</t>
  </si>
  <si>
    <t>【FAG】圆柱滚子轴承\NU219E.M1.C3\FAG</t>
  </si>
  <si>
    <t>【FAG】圆柱滚子轴承\NU240E.M1\FAG</t>
  </si>
  <si>
    <t>【FAG】圆柱滚子轴承\NU240EM/C3\FAG</t>
  </si>
  <si>
    <t>【FAG】圆柱滚子轴承\NU252E.M1.C3\FAG</t>
  </si>
  <si>
    <t>【FAG】圆柱滚子轴承\NU256E.M1.C3\FAG</t>
  </si>
  <si>
    <t>【FAG】圆柱滚子轴承\NU260E.M1.C3\FAG</t>
  </si>
  <si>
    <t>【FAG】圆柱滚子轴承\NU260E.M1\FAG</t>
  </si>
  <si>
    <t>【FAG】圆柱滚子轴承\NU310E.M1\FAG</t>
  </si>
  <si>
    <t>【FAG】圆柱滚子轴承\NU311E.JP1\FAG</t>
  </si>
  <si>
    <t>【FAG】圆柱滚子轴承\NU311E.TVP2\FAG</t>
  </si>
  <si>
    <t>【FAG】圆柱滚子轴承\NU317E.M1\FAG</t>
  </si>
  <si>
    <t>【FAG】圆柱滚子轴承\NU318E.M1\FAG</t>
  </si>
  <si>
    <t>【FAG】圆柱滚子轴承\NU3192M1A\FAG</t>
  </si>
  <si>
    <t>【FAG】圆柱滚子轴承\NU319E.M1.C3\FAG</t>
  </si>
  <si>
    <t>【FAG】圆柱滚子轴承\NU322E.M1.C3\FAG</t>
  </si>
  <si>
    <t>【FAG】圆柱滚子轴承\NU322E.M1\FAG</t>
  </si>
  <si>
    <t>【FAG】圆柱滚子轴承\NU322E.TVP2.C3\FAG</t>
  </si>
  <si>
    <t>【FAG】圆柱滚子轴承\NU322E.TVP2\FAG</t>
  </si>
  <si>
    <t>【FAG】圆柱滚子轴承\NU324E.M1\FAG</t>
  </si>
  <si>
    <t>【FAG】圆柱滚子轴承\NU326E.M1.C3\FAG</t>
  </si>
  <si>
    <t>【FAG】圆柱滚子轴承\NU326E.M1\FAG</t>
  </si>
  <si>
    <t>【FAG】圆柱滚子轴承\NU328E.M1.C3\FAG</t>
  </si>
  <si>
    <t>【FAG】圆柱滚子轴承\NU328E.M1\FAG</t>
  </si>
  <si>
    <t>【FAG】圆柱滚子轴承\NU330E.M1.C3\FAG</t>
  </si>
  <si>
    <t>【FAG】圆柱滚子轴承\NU336E.M1.C3\FAG</t>
  </si>
  <si>
    <t>【FAG】圆柱滚子轴承\NU340E.M1.C3\FAG</t>
  </si>
  <si>
    <t>【FAG】圆柱滚子轴承\NU348E.M1.C3\FAG</t>
  </si>
  <si>
    <t>【FAG】圆柱滚子轴承\NUP230E.M1.C3\FAG</t>
  </si>
  <si>
    <t>【INA】圆柱滚子轴承\SL18 2938-B-XL-C3\INA</t>
  </si>
  <si>
    <t>【INA】圆柱滚子轴承\SL18 3020-A\INA</t>
  </si>
  <si>
    <t>【FAG】圆锥滚子轴承\30208A\FAG</t>
  </si>
  <si>
    <t>【FAG】圆锥滚子轴承\30213A\FAG</t>
  </si>
  <si>
    <t>【FAG】圆锥滚子轴承\30215A\FAG</t>
  </si>
  <si>
    <t>【FAG】圆锥滚子轴承\30217A\FAG</t>
  </si>
  <si>
    <t>【FAG】圆锥滚子轴承\30222A\FAG</t>
  </si>
  <si>
    <t>【FAG】圆锥滚子轴承\30224A\FAG</t>
  </si>
  <si>
    <t>【FAG】圆锥滚子轴承\30226A\FAG</t>
  </si>
  <si>
    <t>【FAG】圆锥滚子轴承\30228A\FAG</t>
  </si>
  <si>
    <t>【FAG】圆锥滚子轴承\30306A\FAG</t>
  </si>
  <si>
    <t>【FAG】圆锥滚子轴承\30308A\FAG</t>
  </si>
  <si>
    <t>【FAG】圆锥滚子轴承\30309A\FAG</t>
  </si>
  <si>
    <t>【FAG】圆锥滚子轴承\30311A\FAG</t>
  </si>
  <si>
    <t>【FAG】圆锥滚子轴承\30314A\FAG</t>
  </si>
  <si>
    <t>【FAG】圆锥滚子轴承\30318A\FAG</t>
  </si>
  <si>
    <t>【FAG】圆锥滚子轴承\30330A\FAG</t>
  </si>
  <si>
    <t>【FAG】圆锥滚子轴承\31314A\FAG</t>
  </si>
  <si>
    <t>【FAG】圆锥滚子轴承\31316\FAG</t>
  </si>
  <si>
    <t>【FAG】圆锥滚子轴承\32017X\FAG</t>
  </si>
  <si>
    <t>【FAG】圆锥滚子轴承\32021X\FAG</t>
  </si>
  <si>
    <t>【FAG】圆锥滚子轴承\32036X\FAG</t>
  </si>
  <si>
    <t>【FAG】圆锥滚子轴承\32052X\FAG</t>
  </si>
  <si>
    <t>【FAG】圆锥滚子轴承\32218A\FAG</t>
  </si>
  <si>
    <t>【FAG】圆锥滚子轴承\32220A\FAG</t>
  </si>
  <si>
    <t>【FAG】圆锥滚子轴承\32222A\FAG</t>
  </si>
  <si>
    <t>【FAG】圆锥滚子轴承\32226A\FAG</t>
  </si>
  <si>
    <t>【FAG】圆锥滚子轴承\32228A\FAG</t>
  </si>
  <si>
    <t>【FAG】圆锥滚子轴承\32230A\FAG</t>
  </si>
  <si>
    <t>【FAG】圆锥滚子轴承\32310A\FAG</t>
  </si>
  <si>
    <t>【FAG】圆锥滚子轴承\32311A\FAG</t>
  </si>
  <si>
    <t>【FAG】圆锥滚子轴承\32312A\FAG</t>
  </si>
  <si>
    <t>【INA】推力滚针轴承\AXK110145-A/0-10\INA</t>
  </si>
  <si>
    <t>【INA】推力滚针轴承\AXK120155\INA</t>
  </si>
  <si>
    <t>【INA】推力滚针轴承\AXK140180\INA</t>
  </si>
  <si>
    <t>【INA】推力滚针轴承\AXK6590\INA</t>
  </si>
  <si>
    <t>【INA】推力滚针轴承\AXK3552\INA</t>
  </si>
  <si>
    <t>【INA】推力滚针轴承\AXK7095\INA</t>
  </si>
  <si>
    <t>【INA】推力滚针轴承\AXK6085\INA</t>
  </si>
  <si>
    <t>【INA】推力滚针轴承\AXK75100\INA</t>
  </si>
  <si>
    <t>【INA】推力滚针轴承\81124-TV\INA</t>
  </si>
  <si>
    <t>【FAG】圆锥滚子轴承\30307A\FAG</t>
  </si>
  <si>
    <t>【FAG】圆锥滚子轴承\32012X\FAG</t>
  </si>
  <si>
    <t>【FAG】圆锥滚子轴承\Z-561117.TR1\FAG</t>
  </si>
  <si>
    <t>【FAG】圆锥滚子轴承\33210\FAG</t>
  </si>
  <si>
    <t>【FAG】圆锥滚子轴承\30230A\FAG</t>
  </si>
  <si>
    <t>【FAG】圆锥滚子轴承\32309A\FAG</t>
  </si>
  <si>
    <t>【FAG】圆锥滚子轴承\30312A\FAG</t>
  </si>
  <si>
    <t>【FAG】圆锥滚子轴承\31324X.A140.180.N11CA\FAG</t>
  </si>
  <si>
    <t>【FAG】圆锥滚子轴承\32036\FAG</t>
  </si>
  <si>
    <t>【FAG】圆锥滚子轴承\30312\FAG</t>
  </si>
  <si>
    <t>【FAG】深沟球轴承\6038M\FAG</t>
  </si>
  <si>
    <t>【FAG】深沟球轴承\6236M.C3\FAG</t>
  </si>
  <si>
    <t>【FAG】深沟球轴承\6315.2RSR.C3\FAG</t>
  </si>
  <si>
    <t>【FAG】深沟球轴承\6314.2RSR\FAG</t>
  </si>
  <si>
    <t>【FAG】深沟球轴承\6314.2RSR.C3\FAG</t>
  </si>
  <si>
    <t>【FAG】深沟球轴承\6202-2ZR\FAG</t>
  </si>
  <si>
    <t>【FAG】深沟球轴承\6309-2RSR\FAG</t>
  </si>
  <si>
    <t>【FAG】深沟球轴承\6319/C3\FAG</t>
  </si>
  <si>
    <t>【FAG】深沟球轴承\6322/C3\FAG</t>
  </si>
  <si>
    <t>【FAG】深沟球轴承\6334M/C3\FAG</t>
  </si>
  <si>
    <t>【FAG】深沟球轴承\6332M/C3\FAG</t>
  </si>
  <si>
    <t>【FAG】深沟球轴承\6216/C3\FAG</t>
  </si>
  <si>
    <t>【FAG】深沟球轴承\6312-2RSR\FAG</t>
  </si>
  <si>
    <t>【FAG】深沟球轴承\6314/C3\FAG</t>
  </si>
  <si>
    <t>【FAG】深沟球轴承\6316 C3\FAG</t>
  </si>
  <si>
    <t>【FAG】深沟球轴承\6313/C3\FAG</t>
  </si>
  <si>
    <t>【FAG】深沟球轴承\6209-2ZC3\FAG</t>
  </si>
  <si>
    <t>【FAG】深沟球轴承\6318 2RS1\FAG</t>
  </si>
  <si>
    <t>【FAG】深沟球轴承\6313-2RS/C3\FAG</t>
  </si>
  <si>
    <t>【FAG】深沟球轴承\6211-2RS/C3\FAG</t>
  </si>
  <si>
    <t>【FAG】深沟球轴承\6202-2RS/C3\FAG</t>
  </si>
  <si>
    <t>【FAG】深沟球轴承\6317-2RS/C3\FAG</t>
  </si>
  <si>
    <t>【FAG】深沟球轴承\6316-2RS/C3\FAG</t>
  </si>
  <si>
    <t>【FAG】深沟球轴承\6313-2RS1/C3\FAG</t>
  </si>
  <si>
    <t>【FAG】深沟球轴承\6308.C.2HRS.C3\FAG</t>
  </si>
  <si>
    <t>【FAG】深沟球轴承\6310 2RS1\FAG</t>
  </si>
  <si>
    <t>【FAG】深沟球轴承\6303-2RS/C3\FAG</t>
  </si>
  <si>
    <t>【FAG】深沟球轴承\6312-2RS/C3\FAG</t>
  </si>
  <si>
    <t>【FAG】深沟球轴承\6205-2RSR/C3\FAG</t>
  </si>
  <si>
    <t>【FAG】深沟球轴承\6204.2HRS\FAG</t>
  </si>
  <si>
    <t>【FAG】深沟球轴承\6204-2RS1/C3\FAG</t>
  </si>
  <si>
    <t>【FAG】深沟球轴承\6207-2RS/C3\FAG</t>
  </si>
  <si>
    <t>【FAG】深沟球轴承\6316-2RS1\FAG</t>
  </si>
  <si>
    <t>【FAG】深沟球轴承\6208-2RSR/C3\FAG</t>
  </si>
  <si>
    <t>【FAG】深沟球轴承\6212-2RSR/C3\FAG</t>
  </si>
  <si>
    <t>【INA】滚针轴承\HK1512B\INA</t>
  </si>
  <si>
    <t>【FAG】四点接触球轴承\QJ224N2MPA\FAG</t>
  </si>
  <si>
    <t>【FAG】调心滚子轴承\222320\FAG</t>
  </si>
  <si>
    <t>【FAG】调心滚子轴承\21312 CA\FAG</t>
  </si>
  <si>
    <t>【FAG】调心滚子轴承\24028-E1-C3\FAG</t>
  </si>
  <si>
    <t>【FAG】调心滚子轴承\22244-B-MB-C3\FAG</t>
  </si>
  <si>
    <t>【FAG】调心球轴承\1312TV\FAG</t>
  </si>
  <si>
    <t>【FAG】调心球轴承\2216-TVH\FAG</t>
  </si>
  <si>
    <t>【FAG】推力球轴承\51211\FAG</t>
  </si>
  <si>
    <t>【FAG】推力调心滚子轴承\29336E1\FAG</t>
  </si>
  <si>
    <t>【FAG】四点角接触球轴承\7318B.MP.UA\FAG</t>
  </si>
  <si>
    <t>【INA】推力滚针轴承\AXK150190-A/0-10\INA</t>
  </si>
  <si>
    <t>【INA】推力滚针轴承\AXK130170-A/0-10\INA</t>
  </si>
  <si>
    <t>【FAG】紧定套\HJ236-E\FAG</t>
  </si>
  <si>
    <t>【FAG】圆锥滚子轴承\F-571566\FAG</t>
  </si>
  <si>
    <t>【FAG】推力垫圈\AS150190#EN\FAG</t>
  </si>
  <si>
    <t>【FAG】推力垫圈\AS130170#EN\FAG</t>
  </si>
  <si>
    <t>【FAG】推力垫圈\AS110145#EN\FAG</t>
  </si>
  <si>
    <t>【INA】关节轴承\GE440-DW-2RS2-B-XL\INA</t>
  </si>
  <si>
    <t>【INA】推力关节轴承\GE120-AW\INA</t>
  </si>
  <si>
    <t>【FAG】角接触球轴承\QJ230M\FAG</t>
  </si>
  <si>
    <t>【INA】向心关节轴承\GE60-DO\INA</t>
  </si>
  <si>
    <t>【FAG】双列深沟球轴承\3200.BB.TVH.C3\FAG</t>
  </si>
  <si>
    <t>【INA】滚针轴承\K202620\INA</t>
  </si>
  <si>
    <t>【FAG】深沟球轴承\6012-2RSD\FAG</t>
  </si>
  <si>
    <t>【FAG】圆柱滚子轴承\NU218E.M1/C3\FAG</t>
  </si>
  <si>
    <t>【FAG】带座外球面轴承\UC207\FAG</t>
  </si>
  <si>
    <t>GNWZBP(TH)ZYCG2020-323</t>
  </si>
  <si>
    <t>2020年度北京配送（天泓公司）舍弗勒轴承集团级长协采购供货合同广东科搏</t>
  </si>
  <si>
    <t>广东科搏工业用品有限公司</t>
  </si>
  <si>
    <t>GNWZBP(TH)ZYCG2020-341</t>
  </si>
  <si>
    <t>2020年度北京配送（天泓公司）舍弗勒轴承集团级长协采购供货合同四川维克多</t>
  </si>
  <si>
    <t>四川维克多机电设备有限公司</t>
  </si>
  <si>
    <t>GNWZBP(TH)ZYCG2020-339</t>
  </si>
  <si>
    <t>2020年度北京配送（天泓公司）舍弗勒轴承集团级长协采购供货合同北京中煤信达</t>
  </si>
  <si>
    <t>北京中煤信达科贸有限公司</t>
  </si>
  <si>
    <t>GNWZBP(TH)ZYCG2020-325</t>
  </si>
  <si>
    <t>2020年度北京配送（天泓公司）舍弗勒轴承集团级长协采购供货合同甘肃德瑞</t>
  </si>
  <si>
    <t>甘肃德瑞机械设备有限公司</t>
  </si>
  <si>
    <t>GNWZBP(TH)ZYCG2020-327</t>
  </si>
  <si>
    <t>2020年度北京配送（天泓公司）舍弗勒轴承集团级长协采购供货合同上海飞捷</t>
  </si>
  <si>
    <t>上海飞捷行传动件有限公司</t>
  </si>
  <si>
    <t>GNWZBP(TH)ZYCG2020-329</t>
  </si>
  <si>
    <t>2020年度北京配送（天泓公司）舍弗勒轴承集团级长协采购供货合同华英特公司</t>
  </si>
  <si>
    <t>华英特(北京)重工设备有限公司</t>
  </si>
  <si>
    <t>GNWZBP(TH)ZYCG2020-331</t>
  </si>
  <si>
    <t>2020年度北京配送（天泓公司）舍弗勒轴承集团级长协采购供货合同石家庄鑫典</t>
  </si>
  <si>
    <t>石家庄鑫典机电设备有限公司</t>
  </si>
  <si>
    <t>GNWZBP(TH)ZYCG2020-333</t>
  </si>
  <si>
    <t>2020年度北京配送（天泓公司）舍弗勒轴承集团级长协采购供货合同昂特北京</t>
  </si>
  <si>
    <t>昂特(北京)科技有限公司</t>
  </si>
  <si>
    <t>GNWZBP(TH)ZYCG2020-335</t>
  </si>
  <si>
    <t>2020年度北京配送（天泓公司）舍弗勒轴承集团级长协采购供货合同西安精工</t>
  </si>
  <si>
    <t>西安精工轴承有限公司</t>
  </si>
  <si>
    <t>【FAG】深沟球轴承\6207TB.P6.C3\FAG</t>
  </si>
  <si>
    <t>【FAG】角接触球轴承\7318BMPUA\FAG</t>
  </si>
  <si>
    <t>【FAG】深沟球轴承\6310-2RS1\FAG</t>
  </si>
  <si>
    <t>GNWZBP(TH)ZYCG2020-337</t>
  </si>
  <si>
    <t>2020年度北京配送（天泓公司）舍弗勒轴承集团级长协采购供货合同山西奥德</t>
  </si>
  <si>
    <t>山西奥德进口设备有限公司</t>
  </si>
  <si>
    <t>【FAG】深沟球轴承\6307.2RSR\FAG</t>
  </si>
  <si>
    <t>【FAG】深沟球轴承\6309TB.P6.C3\FAG</t>
  </si>
  <si>
    <t>【FAG】四点接触球轴承\QJ224-N2-MPA\FAG</t>
  </si>
  <si>
    <t>【FAG】调心滚子轴承\20320-MB\FAG</t>
  </si>
  <si>
    <t>【壳牌】柴油机油\爱力能 T 40 2005;1×209L</t>
  </si>
  <si>
    <t>壳牌（中国）有限公司</t>
  </si>
  <si>
    <t>壳牌</t>
  </si>
  <si>
    <t>GNWZBP(TH)ZYCG2020-271-09</t>
  </si>
  <si>
    <t>壳牌润滑油电力专区经营主体铺货长协（准格尔旗腾达）</t>
  </si>
  <si>
    <t>准格尔旗腾达商贸有限责任公司</t>
  </si>
  <si>
    <t>【壳牌】空压机油\确能立 S2 P 100;1×20L</t>
  </si>
  <si>
    <t>【壳牌】空压机油\确能立 S2 P 100;1×209L</t>
  </si>
  <si>
    <t>【壳牌】柴油机油\佳力雅 40;1×209L</t>
  </si>
  <si>
    <t>【壳牌】电商锂基润滑脂\佳度 S2 V100 2;1×18kg</t>
  </si>
  <si>
    <t>【壳牌】电商锂基润滑脂\佳度 S2 V100 2;1×180kg</t>
  </si>
  <si>
    <t>【壳牌】电商锂基润滑脂\佳度 S2 V100 3;1×18kg</t>
  </si>
  <si>
    <t>【壳牌】电商锂基润滑脂\佳度 S2 V100 3;1×180kg</t>
  </si>
  <si>
    <t>【壳牌】电商锂基润滑脂\佳度 S2 V220 0;1×18kg</t>
  </si>
  <si>
    <t>【壳牌】电商锂基润滑脂\佳度 S2 V220 00;1×18kg</t>
  </si>
  <si>
    <t>【壳牌】电商锂基润滑脂\佳度 S2 V220 1;1×18kg</t>
  </si>
  <si>
    <t>【壳牌】电商锂基润滑脂\佳度 S2 V220 1;1×180kg</t>
  </si>
  <si>
    <t>【壳牌】电商锂基润滑脂\佳度 S2 V220 0;1×180kg</t>
  </si>
  <si>
    <t>【壳牌】电商锂基润滑脂\佳度 S2 V220 2;1×180kg</t>
  </si>
  <si>
    <t>【壳牌】电商复合锂钙基润滑脂\佳度 S2 V220AD 2;1×18kg</t>
  </si>
  <si>
    <t>【壳牌】电商复合锂钙基润滑脂\佳度 S2 V220AD 2;1×180kg</t>
  </si>
  <si>
    <t>【壳牌】电商复合锂基润滑脂\佳度 S3 V160C 2;8×1.8kg</t>
  </si>
  <si>
    <t>【壳牌】电商复合锂基润滑脂\佳度 S3 V160C 2;12×0.8kg</t>
  </si>
  <si>
    <t>【壳牌】电商复合锂基润滑脂\佳度 S3 V220C 2-16;1×180kg</t>
  </si>
  <si>
    <t>【壳牌】电商锂基润滑脂\佳度 S2 V220 2;1×18kg</t>
  </si>
  <si>
    <t>【壳牌】电商复合锂基润滑脂\佳度 S5 V460 1.5;1×170kg</t>
  </si>
  <si>
    <t>【壳牌】热传导油\导热油 S2;1×20L</t>
  </si>
  <si>
    <t>【壳牌】热传导油\导热油 S2;1×209L</t>
  </si>
  <si>
    <t>【壳牌】汽油机油\喜力 Ultra 0W-40;4×4L</t>
  </si>
  <si>
    <t>【壳牌】汽油机油\喜力 Ultra 0W-40;12×1L</t>
  </si>
  <si>
    <t>【壳牌】汽油机油\喜力 Ultra 5W-40;4×4L</t>
  </si>
  <si>
    <t>【壳牌】汽油机油\喜力 Ultra 5W-40;12×1L</t>
  </si>
  <si>
    <t>【壳牌】汽油机油\喜力 Ultra 5W-40;1×209L</t>
  </si>
  <si>
    <t>【壳牌】轴承和循环系统油\万利得 S2B100;1×209L</t>
  </si>
  <si>
    <t>【壳牌】轴承和循环系统油\万利得 S2B150;1×209L</t>
  </si>
  <si>
    <t>【壳牌】轴承和循环系统油\万利得 S2B220;1×209L</t>
  </si>
  <si>
    <t>【壳牌】轴承和循环系统油\万利得 S2B46;1×209L</t>
  </si>
  <si>
    <t>【壳牌】轴承和循环系统油\万利得 S2 BL 10;1×209L</t>
  </si>
  <si>
    <t>【壳牌】齿轮油\可耐压 S2 G 100;1×20L</t>
  </si>
  <si>
    <t>【壳牌】齿轮油\可耐压 S2 G 100;1×209L</t>
  </si>
  <si>
    <t>【壳牌】齿轮油\可耐压 S2 G 150;1×20L</t>
  </si>
  <si>
    <t>【壳牌】齿轮油\可耐压 S2 G 150;1×209L</t>
  </si>
  <si>
    <t>【壳牌】齿轮油\可耐压 S2 G 220;1×20L</t>
  </si>
  <si>
    <t>【壳牌】齿轮油\可耐压 S2 G 220;1×209L</t>
  </si>
  <si>
    <t>【壳牌】齿轮油\可耐压 S2 G 320;1×20L</t>
  </si>
  <si>
    <t>【壳牌】齿轮油\可耐压 S2 G 320;1×209L</t>
  </si>
  <si>
    <t>【壳牌】齿轮油\可耐压 S2 G 460;1×20L</t>
  </si>
  <si>
    <t>【壳牌】齿轮油\可耐压 S2 G 680;1×209L</t>
  </si>
  <si>
    <t>【壳牌】齿轮油\可耐压 S2 G 460;1×209L</t>
  </si>
  <si>
    <t>【壳牌】齿轮油\可耐压 S2 G 68;1×20L</t>
  </si>
  <si>
    <t>【壳牌】齿轮油\可耐压 S2 G 68;1×209L</t>
  </si>
  <si>
    <t>【壳牌】齿轮油\可耐压 S2 G 680;1×20L</t>
  </si>
  <si>
    <t>【壳牌】齿轮油\可耐压 S4 GX 150;1×209L</t>
  </si>
  <si>
    <t>【壳牌】齿轮油\可耐压 S4 GX 220;1×209L</t>
  </si>
  <si>
    <t>【壳牌】齿轮油\可耐压 S4 GX 320;1×20L</t>
  </si>
  <si>
    <t>【壳牌】齿轮油\可耐压 S4 GX 460 ;1×209L</t>
  </si>
  <si>
    <t>【壳牌】齿轮油\可耐压 S4 GX 320;1×209L</t>
  </si>
  <si>
    <t>【壳牌】齿轮油\可耐压 S4 WE 220;1×209L</t>
  </si>
  <si>
    <t>【壳牌】齿轮油\可耐压 S4 WE 220;1×20L</t>
  </si>
  <si>
    <t>【壳牌】齿轮油\可耐压 S4 WE 460;1×20L</t>
  </si>
  <si>
    <t>【壳牌】齿轮油\可耐压 S4 WE 460;1×209L</t>
  </si>
  <si>
    <t>【壳牌】柴油机油\劲霸 R3 Multi 10W-30 CH4;1×18L</t>
  </si>
  <si>
    <t>【壳牌】柴油机油\劲霸 R2 Extra 15W-40 CF4;4×4L</t>
  </si>
  <si>
    <t>【壳牌】柴油机油\劲霸 R2 Extra 15W-40 CF4;1×18L</t>
  </si>
  <si>
    <t>【壳牌】柴油机油\劲霸 R3 Turbo 15W-40 CH4;1×209L</t>
  </si>
  <si>
    <t>【壳牌】柴油机油\劲霸 R3 MV 15W-40 CI4;1×209L</t>
  </si>
  <si>
    <t>【壳牌】柴油机油\劲霸 R3 MV 15W-40 CI4;1×18L</t>
  </si>
  <si>
    <t>【壳牌】柴油机油\劲霸 R3 Turbo 15W-40 CH4;4×4L</t>
  </si>
  <si>
    <t>【壳牌】柴油机油\劲霸 R3 Turbo 15W-40 CH4;1×18L</t>
  </si>
  <si>
    <t>【壳牌】车辆齿轮油\施倍力 S2 A 80W-90;4×4L</t>
  </si>
  <si>
    <t>【壳牌】车辆齿轮油\施倍力 S2 A 80W-90;1×209L</t>
  </si>
  <si>
    <t>【壳牌】车辆齿轮油\施倍力 S2 A 80W-90;1×18L</t>
  </si>
  <si>
    <t>【壳牌】车辆齿轮油\施倍力 S2 A 85W-140;4×4L</t>
  </si>
  <si>
    <t>【壳牌】车辆齿轮油\施倍力 S2 A 85W-140;1×209L</t>
  </si>
  <si>
    <t>【壳牌】车辆齿轮油\施倍力 S2 A 85W-140;1×18L</t>
  </si>
  <si>
    <t>【壳牌】车辆齿轮油\施倍力 S2 A 90;4×4L</t>
  </si>
  <si>
    <t>【壳牌】车辆齿轮油\施倍力 S2 A 90;1×209L</t>
  </si>
  <si>
    <t>【壳牌】车辆齿轮油\施倍力 S2 A 90;1×18L</t>
  </si>
  <si>
    <t>【壳牌】自动变速箱油\施倍力 S2 ATF D2;12×1L</t>
  </si>
  <si>
    <t>【壳牌】自动变速箱油\施倍力 S2 ATF D2;1×209L</t>
  </si>
  <si>
    <t>【壳牌】车辆齿轮油\施倍力 S2 G 80W-90;4×4L</t>
  </si>
  <si>
    <t>【壳牌】车辆齿轮油\施倍力 S2 G 80W-90;1×209L</t>
  </si>
  <si>
    <t>【壳牌】传动油\施倍力 S3 TLV;1×209L</t>
  </si>
  <si>
    <t>【壳牌】传动油\施倍力 S4 CX 10W;1×209L</t>
  </si>
  <si>
    <t>【壳牌】车辆齿轮油\施倍力 S6 AXME 75W-140;1×209L</t>
  </si>
  <si>
    <t>【壳牌】传动油\施倍力 S4 CX 30;1×209L</t>
  </si>
  <si>
    <t>【壳牌】车辆齿轮油\施倍力 S6 AXME 75W-90;1×209L</t>
  </si>
  <si>
    <t>【壳牌】液压油\得力士 S2 MX 32 2016;1×209L</t>
  </si>
  <si>
    <t>【壳牌】液压油\得力士 S2 MX 100 2016;1×209L</t>
  </si>
  <si>
    <t>【壳牌】液压油\得力士 S2 MX 22 2016;1×209L</t>
  </si>
  <si>
    <t>【壳牌】液压油\得力士 S2 MX 32 2016;1×20L</t>
  </si>
  <si>
    <t>【壳牌】液压油\得力士 S2 MX 46 2016;1×20L</t>
  </si>
  <si>
    <t>【壳牌】液压油\得力士 S2 MX 46 2016;1×209L</t>
  </si>
  <si>
    <t>【壳牌】液压油\得力士 S2 MX 68 2016;1×20L</t>
  </si>
  <si>
    <t>【壳牌】液压油\得力士 S2 MX 68 2016;1×209L</t>
  </si>
  <si>
    <t>【壳牌】液压油\得力士 S2 VX 32 2016;1×209L</t>
  </si>
  <si>
    <t>【壳牌】液压油\得力士 S2 VX 32 2016;1×20L</t>
  </si>
  <si>
    <t>【壳牌】液压油\得力士 S2 VX 46 2016;1×20L</t>
  </si>
  <si>
    <t>【壳牌】液压油\得力士 S2 VX 46 2016;1×209L</t>
  </si>
  <si>
    <t>【壳牌】液压油\得力士 S2 VX 68;1×20L</t>
  </si>
  <si>
    <t>【壳牌】液压油\得力士 S2 VX 68 2016;1×209L</t>
  </si>
  <si>
    <t>【壳牌】汽轮机油\多宝 32;1×209L</t>
  </si>
  <si>
    <t>【壳牌】液压油\得力士 S3 M 46;1×209L</t>
  </si>
  <si>
    <t>【壳牌】汽轮机油\多宝 46;1×209L</t>
  </si>
  <si>
    <t>【壳牌】汽轮机油\多宝 T 32;1×20L</t>
  </si>
  <si>
    <t>【壳牌】汽轮机油\多宝 T 32;1×209L</t>
  </si>
  <si>
    <t>【壳牌】汽轮机油\多宝 T 68;1×20L</t>
  </si>
  <si>
    <t>【壳牌】汽轮机油\多宝 T 68;1×209L</t>
  </si>
  <si>
    <t>【壳牌】电商复合铝基润滑脂\佳度 S4 OGXK 00/000;1×180kg</t>
  </si>
  <si>
    <t>【壳牌】电商复合铝基润滑脂\佳度S4 OGT 0;1×180Kg</t>
  </si>
  <si>
    <t>【壳牌】电商膨润土润滑脂\佳度 S2 OG 80;1×204kg</t>
  </si>
  <si>
    <t>【壳牌】电商复合锂基润滑脂\佳度 S5 V460 00;1×18kg</t>
  </si>
  <si>
    <t>【壳牌】汽轮机油\多宝 T 46;1×209L</t>
  </si>
  <si>
    <t>【壳牌】电商复合铝基润滑脂\马力士 OGM Heavy 2007;1×190kg</t>
  </si>
  <si>
    <t>【壳牌】柴油机油\劲霸 R4 X 15W-40 CI4 1×18L</t>
  </si>
  <si>
    <t>【壳牌】汽油机油\喜力 HX3 10W-30 SL/CF;4×4L</t>
  </si>
  <si>
    <t>【壳牌】液压油\得力士 S2 VX 15;1×209L</t>
  </si>
  <si>
    <t>【壳牌】电商复合锂基润滑脂\佳度 GadusRail S3 EUFR;1×180kg</t>
  </si>
  <si>
    <t>【壳牌】电商脲基润滑脂\佳度 S5 T460 1.5;1×18kg</t>
  </si>
  <si>
    <t>【壳牌】导轨油\通拿 S2 M 68;1×209L</t>
  </si>
  <si>
    <t>【壳牌】电商脲基润滑脂\佳度 S5 T460 1.5;1×180kg</t>
  </si>
  <si>
    <t>【壳牌】电商钙基润滑脂\Rhodina BBZ;1×170kg</t>
  </si>
  <si>
    <t>【壳牌】电商膨润土润滑脂\佳度 S2 OGH 0/00;1×180kg</t>
  </si>
  <si>
    <t>【壳牌】导轨油\通拿 S2 M 68; 1×20L</t>
  </si>
  <si>
    <t>【壳牌】汽油机油\喜力 Ultra 5W-30;1×209L</t>
  </si>
  <si>
    <t>【壳牌】液压油\得力士 S2 VX 100 2016;1×209L</t>
  </si>
  <si>
    <t>【壳牌】液压油\得力士 S3 M 32;1×209L</t>
  </si>
  <si>
    <t>【壳牌】车辆齿轮油\施倍力 S2 G 90;4×4L</t>
  </si>
  <si>
    <t>【壳牌】空压机油\确能立 S2 P 150;1×209L</t>
  </si>
  <si>
    <t>【壳牌】空压机油\确能立 S4 R 32;1×209L</t>
  </si>
  <si>
    <t>【壳牌】齿轮油\可耐压 S4 WE 320;1×209L</t>
  </si>
  <si>
    <t>【壳牌】柴油机油\劲霸 R2 Extra 15W-40 CF4;1×209L</t>
  </si>
  <si>
    <t>【壳牌】齿轮油\可耐压 F 320;1×209L</t>
  </si>
  <si>
    <t>【壳牌】轴承和循环系统油\万利得 S1 B320;1×209L</t>
  </si>
  <si>
    <t>【壳牌】柴油机油\劲霸 R2 Extra 20W-50 CF4;1×209L</t>
  </si>
  <si>
    <t>【壳牌】液压油\得力士 S4 VX 32;1×209L</t>
  </si>
  <si>
    <t>【壳牌】空压机油\确能立 S2 RJ 32;1×20L</t>
  </si>
  <si>
    <t>【壳牌】空压机油\确能立 S4 R 46;1×20L</t>
  </si>
  <si>
    <t>【壳牌】柴油机油\劲霸 R3 Multi 10W-30 CH4;1×209L</t>
  </si>
  <si>
    <t>【壳牌】电商复合锂基润滑脂\佳度 S5 V100 2;1×18kg</t>
  </si>
  <si>
    <t>【壳牌】齿轮油\可耐压 S4 WE 320;1×20L</t>
  </si>
  <si>
    <t>【壳牌】电商膨润土润滑脂\佳度 S2 OG 20;1×204kg</t>
  </si>
  <si>
    <t>【壳牌】电商膨润土润滑脂\佳度 S2 OG 15;1×204kg</t>
  </si>
  <si>
    <t>【壳牌】电商脲基润滑脂\佳度 S5 T460 1.5;12×0.4kg</t>
  </si>
  <si>
    <t>【壳牌】汽油机油\喜力 HX3 15W-40 SL/CF;4×4L</t>
  </si>
  <si>
    <t>【壳牌】合成齿轮油\可耐压S4 Wheel 680;1×209L</t>
  </si>
  <si>
    <t>【壳牌】汽油机油\喜力 HX5 10W-40 SN; 4×4L</t>
  </si>
  <si>
    <t>【壳牌】汽油机油\喜力 HX7 SN 5W-30; 4×4L</t>
  </si>
  <si>
    <t>【壳牌】汽油机油\喜力 HX7 5W-40; 4×4L</t>
  </si>
  <si>
    <t>【壳牌】齿轮油\可耐压 S4 WE 680;1×209L</t>
  </si>
  <si>
    <t>【壳牌】电商复合锂钙基润滑脂\佳度 S5 V150XKD 0/00;1×170kg</t>
  </si>
  <si>
    <t>【壳牌】空压机油\确能立 S2 RJ 32;1×200L</t>
  </si>
  <si>
    <t>【壳牌】柴油机油\爱力能 XL 40;1×209L</t>
  </si>
  <si>
    <t>【壳牌】电商钙基润滑脂\Rhodina BBZ;12×0.38kg</t>
  </si>
  <si>
    <t>【壳牌】柴油机油\佳力雅 30;1×209L</t>
  </si>
  <si>
    <t>【壳牌】轴承和循环系统油\万利得 S2B68;1×209L</t>
  </si>
  <si>
    <t>【壳牌】汽油机油\喜力 HX5 5W-30 SN/GF5;4×4L</t>
  </si>
  <si>
    <t>【壳牌】汽油机油\喜力 HX3 5W-30 SL;4×4L</t>
  </si>
  <si>
    <t>【壳牌】电商双聚脲基润滑脂\佳度 S3 T150J 2;1×180kg</t>
  </si>
  <si>
    <t>【壳牌】电商双聚脲基润滑脂\佳度 S3 T150J 2;1×18kg</t>
  </si>
  <si>
    <t>【壳牌】白矿油\安定来 100;1×209L</t>
  </si>
  <si>
    <t>【壳牌】冷冻机油\S4 FR-V 68;1×209L</t>
  </si>
  <si>
    <t>【壳牌】空压机油\确能立 S2 P 68;1×209L</t>
  </si>
  <si>
    <t>【壳牌】空压机油\确能立 S4 P 100;1×20L</t>
  </si>
  <si>
    <t>【壳牌】白矿油\安定来 15;1×209L</t>
  </si>
  <si>
    <t>【壳牌】汽轮机油\航空汽轮机油 390;1×1L</t>
  </si>
  <si>
    <t>【壳牌】轴承和循环系统油\万利得 S2 B32;1×209L</t>
  </si>
  <si>
    <t>【壳牌】汽油机油\喜力 HX6 10W-40 SN/CF;4×4L</t>
  </si>
  <si>
    <t>【壳牌】汽油机油\喜力 Ultra 5W-40 SN/CF;4×4L</t>
  </si>
  <si>
    <t>【壳牌】航空液压油\41#; 1×3.78L</t>
  </si>
  <si>
    <t>【壳牌】传动油\施倍力 S3 ATF MD3;1×209L</t>
  </si>
  <si>
    <t>【壳牌】真空泵油\S2 R68;1×20L</t>
  </si>
  <si>
    <t>【壳牌】空压机油\确能立 S4 R 32;1×20L</t>
  </si>
  <si>
    <t>【壳牌】航空液压油\41#; 1×18.9L</t>
  </si>
  <si>
    <t>【壳牌】轴承和循环系统油\万利得 S1 B100;1×209L</t>
  </si>
  <si>
    <t>【壳牌】冷冻机油\S4 FR-V 32;1×1000L</t>
  </si>
  <si>
    <t>【壳牌】电商复合锂基润滑脂\佳度 S3 V220C 2-16;1×18kg</t>
  </si>
  <si>
    <t>【壳牌】空压机油\确能立 S3 R 46;1×20L</t>
  </si>
  <si>
    <t>【壳牌】电商锂基润滑脂\佳度 S1 V160 C3;1×18kg</t>
  </si>
  <si>
    <t>【壳牌】空压机油\确能立 S3 R 46;1×209L</t>
  </si>
  <si>
    <t>【壳牌】柴油机油\劲霸 R2 Extra 20W-50 CF4;1×18L</t>
  </si>
  <si>
    <t>【壳牌】柴油机油\劲霸 R2 Extra 20W-50 CF4;4×4L</t>
  </si>
  <si>
    <t>【壳牌】柴油机油\劲霸 R2 Multi 10W-30 CF4;1×18L</t>
  </si>
  <si>
    <t>【壳牌】柴油机油\劲霸 R2 Multi 10W-30 CF4;1×209L</t>
  </si>
  <si>
    <t>【壳牌】柴油机油\劲霸 R2 Multi 10W-30 CF4;4×4L</t>
  </si>
  <si>
    <t>【壳牌】柴油机油\劲霸 R4 X 15W-40 CI4 E7DH1;4×4L</t>
  </si>
  <si>
    <t>【壳牌】齿轮油\可耐压 S4 GX 680;1×209L</t>
  </si>
  <si>
    <t>【壳牌】齿轮油\可耐压 S4 WE 150;1×20L</t>
  </si>
  <si>
    <t>【壳牌】传动油\施倍力 S4 CX 50;1×209L</t>
  </si>
  <si>
    <t>【壳牌】柴油机油\劲霸 R4X 15W-40 CI4 E7DH1;1×209L</t>
  </si>
  <si>
    <t>【壳牌】齿轮油\可耐压 S4 WE 150;1×209L</t>
  </si>
  <si>
    <t>【壳牌】传动油\施倍力 S4 TXM;1×209L</t>
  </si>
  <si>
    <t>【壳牌】齿轮油\可耐压 S4 Wheel 460;1×209L</t>
  </si>
  <si>
    <t>【壳牌】导轨油\通拿S3 M 68;1×20L</t>
  </si>
  <si>
    <t>【壳牌】电商复合锂基润滑脂\佳度 S3 V460 D2;1×18kg</t>
  </si>
  <si>
    <t>【壳牌】电商复合锂基润滑脂\佳度 S3 V460 XD1;1×180kg</t>
  </si>
  <si>
    <t>【壳牌】导轨油\通拿S3 M 68;1×209L</t>
  </si>
  <si>
    <t>【壳牌】空压机油\确能立 S3 R 32;1×209L</t>
  </si>
  <si>
    <t>【壳牌】空压机油\确能立 S3 R 32;1×20L</t>
  </si>
  <si>
    <t>【壳牌】空压机油\确能立 S3 R 68;1×209L</t>
  </si>
  <si>
    <t>【壳牌】空压机油\确能立 S4 R 46;1×209L</t>
  </si>
  <si>
    <t>【壳牌】汽油机油\喜力 HX2 10W-30 SG/CD;1×209L</t>
  </si>
  <si>
    <t>【壳牌】汽油机油\喜力 HX2 10W-30 SG/CD;4×3.5L</t>
  </si>
  <si>
    <t>【壳牌】汽油机油\喜力 HX2 15W-40 SG/CD;4×3.5L</t>
  </si>
  <si>
    <t>【壳牌】空压机油\确能立 S3 R 68;1×20L</t>
  </si>
  <si>
    <t>【壳牌】汽油机油\喜力 Ultra 5W-30;4×4L</t>
  </si>
  <si>
    <t>【壳牌】液压油\得力士 S2 VX 15;1×20L</t>
  </si>
  <si>
    <t>【壳牌】汽油机油\喜力 HX5 SN 5W-30 SN/GF5;1×209L</t>
  </si>
  <si>
    <t>【壳牌】汽油机油\喜力 HX5 SN 5W-30 SN/GF5;12×1L</t>
  </si>
  <si>
    <t>【壳牌】汽油机油\喜力 HX5 10W-40 SNA3B3;12×1L</t>
  </si>
  <si>
    <t>【壳牌】汽油机油\喜力 HX5 10W-40 SNA3B3;1×209L</t>
  </si>
  <si>
    <t>【壳牌】汽油机油\喜力 HX5 10W-30 SNA3B3;4×4L</t>
  </si>
  <si>
    <t>【壳牌】汽油机油\喜力 HX5 10W-30 SNA3B3;1×209L</t>
  </si>
  <si>
    <t>【壳牌】汽油机油\喜力 HX3 15W-40 SL/CF;1×209L</t>
  </si>
  <si>
    <t>【壳牌】汽油机油\喜力 Ultra 5W-30;12×1L</t>
  </si>
  <si>
    <t>【壳牌】轴承和循环系统油\万利得 S2 BL 10;1×20L</t>
  </si>
  <si>
    <t>【壳牌】液压油\海得力 S1 M 32;1×209L</t>
  </si>
  <si>
    <t>【壳牌】液压油\海得力 S1 M 46;1×20L</t>
  </si>
  <si>
    <t>【壳牌】液压油\海得力 S1 M 32;1×20L</t>
  </si>
  <si>
    <t>【壳牌】轴承和循环系统油\万利得 S2 B320;1×209L</t>
  </si>
  <si>
    <t>【壳牌】液压油\海得力 S1 M 68;1×209L</t>
  </si>
  <si>
    <t>【壳牌】液压油\海得力 S1 M 68;1×20L</t>
  </si>
  <si>
    <t>【壳牌】液压油\海得力 S1 M 46;1×209L</t>
  </si>
  <si>
    <t>【壳牌】透平油\多宝 S4 GX46;1×209L</t>
  </si>
  <si>
    <t>【壳牌】齿轮油\GEAR OIL S1 G 220;1×209L</t>
  </si>
  <si>
    <t>【壳牌】齿轮油\GEAR OIL S1 G 320;1×209L</t>
  </si>
  <si>
    <t>【壳牌】压缩机油\气体压缩机油 S3 PY 220;1×209L</t>
  </si>
  <si>
    <t>【壳牌】柴油机油\劲霸 R4 MV 15W-40 CK4;1×209L</t>
  </si>
  <si>
    <t>【壳牌】电商柴油机油\劲霸 R4 MV 15W-40 CK4;Bulk</t>
  </si>
  <si>
    <t>【壳牌】变压器油\大雅纳S3ZX-I;1×209L</t>
  </si>
  <si>
    <t>【壳牌】电商复合锂基润滑脂\佳度 S3 V220C 2;12×0.4kg</t>
  </si>
  <si>
    <t>【壳牌】齿轮油\可耐压 S4 GX 220;1×20L</t>
  </si>
  <si>
    <t>【壳牌】航空液压油\41#;24×0.946L</t>
  </si>
  <si>
    <t>【壳牌】齿轮油\可耐压 S5 Wind 320;1×209L</t>
  </si>
  <si>
    <t>【壳牌】变压器油\大雅纳S4ZX-I;1×209L</t>
  </si>
  <si>
    <t>【壳牌】电商复合铝基润滑脂\佳度 S2 OGT 0;1×180kg</t>
  </si>
  <si>
    <t>【壳牌】电商复合铝基润滑脂\佳度 S2 OGXK 00/000;1×180kg</t>
  </si>
  <si>
    <t>GNWZBP(TH)ZYCG2020-271-08</t>
  </si>
  <si>
    <t>壳牌润滑油电力专区经营主体铺货长协（乌鲁木齐华亿伟业）</t>
  </si>
  <si>
    <t>乌鲁木齐华亿伟业贸易有限公司</t>
  </si>
  <si>
    <t>GNWZBP(TH)ZYCG2020-271-07</t>
  </si>
  <si>
    <t>壳牌润滑油电力专区经营主体铺货长协（上海坤骏）</t>
  </si>
  <si>
    <t>上海坤骏材料科技有限公司</t>
  </si>
  <si>
    <t>GNWZBP(TH)ZYCG2020-271-06</t>
  </si>
  <si>
    <t>壳牌润滑油电力专区经营主体铺货长协（国华明和(北京)）</t>
  </si>
  <si>
    <t>国华明和(北京)能源物资有限公司</t>
  </si>
  <si>
    <t>GNWZBP(TH)ZYCG2020-271-05</t>
  </si>
  <si>
    <t>壳牌润滑油电力专区经营主体铺货长协（大连万德锐斯）</t>
  </si>
  <si>
    <t>大连万德锐斯贸易有限公司</t>
  </si>
  <si>
    <t>GNWZBP(TH)ZYCG2020-271-04</t>
  </si>
  <si>
    <t>壳牌润滑油电力专区经营主体铺货长协（北京钟云）</t>
  </si>
  <si>
    <t>GNWZBP(TH)ZYCG2020-271-03</t>
  </si>
  <si>
    <t>壳牌润滑油电力专区经营主体铺货长协（北京顺华鸿生）</t>
  </si>
  <si>
    <t>北京顺华鸿生国际贸易有限公司</t>
  </si>
  <si>
    <t>GNWZBP(TH)ZYCG2020-271-02</t>
  </si>
  <si>
    <t>壳牌润滑油电力专区经营主体铺货长协（北京和能时代）</t>
  </si>
  <si>
    <t>北京和能时代机电技术股份有限公司</t>
  </si>
  <si>
    <t>GNWZBP(TH)ZYCG2020-271-01</t>
  </si>
  <si>
    <t>壳牌润滑油电力专区经营主体铺货长协（北京安贝德科技）</t>
  </si>
  <si>
    <t>北京安贝德科技发展有限公司</t>
  </si>
  <si>
    <t>【东方电气】高调操纵座\D150C-361000A\东汽\国产</t>
  </si>
  <si>
    <t>【东方电气】高调油动机\D150C-331000A\东汽\国产</t>
  </si>
  <si>
    <t>【东方电气】连接螺栓\D600B-462000A014 25Cr2MoVA\东汽\国产</t>
  </si>
  <si>
    <t>【东方电气】柱塞泵\PVM098ER09GS04AAA25000000A0A\74m3/h\50m\1500r/min\98.7kW\进口</t>
  </si>
  <si>
    <t>【东方电气】关断阀\HGPCV-02-B20</t>
  </si>
  <si>
    <t>【东方电气】关断阀\HGPCV-02-B15</t>
  </si>
  <si>
    <t>【东方电气】连接螺栓\D1000A-463000A008\东汽\国产</t>
  </si>
  <si>
    <t>【东方电气】连接螺栓\D1000A-462000A009\东汽\国产</t>
  </si>
  <si>
    <t>【东方电气】止动垫圈\D1000A-462000A010\东汽\国产</t>
  </si>
  <si>
    <t>【东方电气】垫片\D1000A-361000A003\东汽\国产</t>
  </si>
  <si>
    <t>【东方电气】电磁阀\DG4V-5-2A-M-C6-20\DN65\AC220V\IP65\0-120bar\进口</t>
  </si>
  <si>
    <t>【东方电气】螺杆泵\ACG052\18.6m3/h\10m\3000r/min\7.5kW\进口</t>
  </si>
  <si>
    <t>【东方电气】溢流阀\98H-109\国产</t>
  </si>
  <si>
    <t>【东方电气】叶轮\S2FDHB-7-2 件2\鼓风机\S2FDHB-7-2\国产</t>
  </si>
  <si>
    <t>【东方电气】油动机\D600B-431000A\东方自控\国产</t>
  </si>
  <si>
    <t>【东方电气】油动机\D600B-432000A\东方自控\国产</t>
  </si>
  <si>
    <t>【东方电气】油动机\D600B-331000A\东方自控\国产</t>
  </si>
  <si>
    <t>【东方电气】油动机\D600B-433000A\东方自控\国产</t>
  </si>
  <si>
    <t>【东方电气】油动机\D600B-333000A\东方自控\国产</t>
  </si>
  <si>
    <t>【东方电气】机械遮断阀\F3DG5S2-062A-50-DFZK\恒立\国产</t>
  </si>
  <si>
    <t>【东方电气】滚轮滚针轴承\KR47PPXSK</t>
  </si>
  <si>
    <t>【东方电气】杆端关节轴承\SAB12F/K</t>
  </si>
  <si>
    <t>【东方电气】机械密封\ACG052-46136\非集装\进口</t>
  </si>
  <si>
    <t>【东方电气】机械密封\WSRP-30-266\非集装\国产</t>
  </si>
  <si>
    <t>【东方电气】波纹管截止阀\WJ65F1.6P\DN65\JB/T3595</t>
  </si>
  <si>
    <t>【东方电气】管接头\W.31.D.0877\东方自控\国产</t>
  </si>
  <si>
    <t>【东方电气】密封圈\D150C-431000A φ14×2mm\东汽\国产</t>
  </si>
  <si>
    <t>【东方电气】密封圈\D150C-431000A φ10×2mm\东汽\国产</t>
  </si>
  <si>
    <t>【东方电气】密封圈\D150C-431000A φ12×2mm\东汽\国产</t>
  </si>
  <si>
    <t>【东方电气】密封圈\D150C-333000A φ34×3.2mm\东汽\国产</t>
  </si>
  <si>
    <t>【东方电气】密封圈\D150C-333000A φ22.5×2mm\东汽\国产</t>
  </si>
  <si>
    <t>【东方电气】密封圈\D150C-333000A φ7.1×1.8mm\东汽\国产</t>
  </si>
  <si>
    <t>【东方电气】密封圈\D150C-333000A φ28×2.65mm\东汽\国产</t>
  </si>
  <si>
    <t>【东方电气】密封圈\D150C-333000A φ23.6×3.2mm\东汽\国产</t>
  </si>
  <si>
    <t>【东方电气】大衬套\D125A-464000A009 GS-1\东汽\国产</t>
  </si>
  <si>
    <t>【东方电气】大衬套\GS-1 X200D.361.016\东汽\国产</t>
  </si>
  <si>
    <t>【南京龙源】滤袋\φ168×8550mm\电袋除尘器\RFER40</t>
  </si>
  <si>
    <t>南京龙源环保有限公司</t>
  </si>
  <si>
    <t>南京龙源</t>
  </si>
  <si>
    <t>GNWZBP(TH)ZYCG2020-343</t>
  </si>
  <si>
    <t>2020年北京配送南京龙源除尘设备备件长协采购框架合同</t>
  </si>
  <si>
    <t>【南京龙源】滤袋\φ168×8360 PPS+PTFE\电袋除尘器\RFER40\南京龙源\国产</t>
  </si>
  <si>
    <t>【南京龙源】滤袋\φ168×8250 PPS+PTFE\电袋除尘器\RFER40\南京龙源\国产</t>
  </si>
  <si>
    <t>【南京龙源】滤袋\φ168×8050 PPS+PTFE\电袋除尘器\RFER40\南京龙源\国产</t>
  </si>
  <si>
    <t>【南京龙源】滤袋\φ160×6000mm PPS+PTFE\低压脉冲袋式除尘器\LCM-20\国产</t>
  </si>
  <si>
    <t>【南京龙源】滤袋\φ160×8500 PPS+PTFE\袋式除尘器\通用\龙源环保\国产</t>
  </si>
  <si>
    <t>【南京龙源】滤袋\φ160×9030 PPS+PTFE\电袋除尘器\RFER40\南京龙源\国产</t>
  </si>
  <si>
    <t>【南京龙源】滤袋\φ160×8000 PPS+PTFE\电袋除尘器\RFER40\南京龙源\国产</t>
  </si>
  <si>
    <t>【南京龙源】滤袋\φ160×7950 PPS+PTFE\电袋除尘器\RFER40\南京龙源\国产</t>
  </si>
  <si>
    <t>【南京龙源】滤袋\φ160×7100 PPS+PTFE\电袋除尘器\RFER40\南京龙源\国产</t>
  </si>
  <si>
    <t>【南京龙源】滤袋\φ160×6500 PPS+PTFE\电袋除尘器\RFER40\南京龙源\国产</t>
  </si>
  <si>
    <t>【南京龙源】滤袋\φ160×6050 PPS+PTFE\电袋除尘器\RFER40\南京龙源\国产</t>
  </si>
  <si>
    <t>【南京龙源】滤袋\φ136×8250mm\电袋除尘器\RFER40</t>
  </si>
  <si>
    <t>【南京龙源】滤袋\φ130×8500 PPS+PTFE\袋式除尘器\通用\龙源环保\国产</t>
  </si>
  <si>
    <t>【南京龙源】滤袋\φ130×8500 PPS+PTFE\电袋除尘器\RFER40\南京龙源\国产</t>
  </si>
  <si>
    <t>【南京龙源】滤袋\φ130×8600 PPS+PTFE\电袋除尘器\RFER40\南京龙源\国产</t>
  </si>
  <si>
    <t>【南京龙源】滤袋\φ130×2000 PPS+PTFE\电袋除尘器\RFER40\南京龙源\国产</t>
  </si>
  <si>
    <t>【南京龙源】滤袋\φ130×3000 PPS+PTFE\电袋除尘器\RFER40\南京龙源\国产</t>
  </si>
  <si>
    <t>【南京龙源】滤袋\φ130×4000 PPS+PTFE\电袋除尘器\RFER40\南京龙源\国产</t>
  </si>
  <si>
    <t>【南京龙源】滤袋\φ127×8130mm PPS+PTFE\布袋除尘器\C1412\国产</t>
  </si>
  <si>
    <t>【南京龙源】滤袋\φ200×3000mm PPSM\袋式除尘器\通用\国产</t>
  </si>
  <si>
    <t>【南京龙源】滤袋\φ200×2000mm PPSM\电袋除尘器\RFER40\南京龙源\国产</t>
  </si>
  <si>
    <t>【南京龙源】滤袋\φ160×4000mm PPSM\袋式除尘器\通用\国产</t>
  </si>
  <si>
    <t>【南京龙源】滤袋\φ160×3000mm PPSM+PTFE\电袋除尘器\RFER40\南京龙源\国产</t>
  </si>
  <si>
    <t>【南京龙源】滤袋\φ130×3000mm PPSM\袋式除尘器\通用\国产</t>
  </si>
  <si>
    <t>【南京龙源】滤袋\φ130×2000 PPSM\电袋除尘器\RFER40\南京龙源\国产</t>
  </si>
  <si>
    <t>【南京龙源】滤袋\PPS+PTFE+PTFE φ130×8130mm\袋式除尘器\通用\龙源环保\国产</t>
  </si>
  <si>
    <t>【南京龙源】滤袋\φ130×8500 PPS+PTFE+PTFE\电袋除尘器\RFER40\南京龙源\国产</t>
  </si>
  <si>
    <t>【南京龙源】滤袋\φ130×2000 PPS+PTFE+PTFE\电袋除尘器\RFER40\南京龙源\国产</t>
  </si>
  <si>
    <t>【南京龙源】滤袋\φ130×3000 PPS+PTFE+PTFE\电袋除尘器\RFER40\南京龙源\国产</t>
  </si>
  <si>
    <t>【南京龙源】滤袋\φ135×8100 HF\袋式除尘器\通用\国产</t>
  </si>
  <si>
    <t>【南京龙源】滤袋\φ168×8360 HF\袋式除尘器\通用\国产</t>
  </si>
  <si>
    <t>【南京龙源】滤袋\φ168×8250 HF\电袋除尘器\RFER40\南京龙源\国产</t>
  </si>
  <si>
    <t>【南京龙源】袋笼\φ155×8450 φ4mm\袋式除尘器\RFER40</t>
  </si>
  <si>
    <t>【南京龙源】袋笼\φ125×8450 φ3.5mm\袋式除尘器\RFER40</t>
  </si>
  <si>
    <t>【南京龙源】袋笼\φ125×8450 φ4mm\袋式除尘器\RFER40</t>
  </si>
  <si>
    <t>【南京龙源】袋笼\φ127×8070 φ4mm\袋式除尘器\RFER40</t>
  </si>
  <si>
    <t>【南京龙源】袋笼\φ127×8070 φ3.2mm\袋式除尘器\RFER40</t>
  </si>
  <si>
    <t>【南京龙源】滤袋\φ160×8500 PSTFE\袋式除尘器\通用\国产</t>
  </si>
  <si>
    <t>【南京龙源】滤袋\φ160×2000 PSTFE\电袋除尘器\RFER40\南京龙源\国产</t>
  </si>
  <si>
    <t>【南京龙源】滤袋\φ160×3000 PSTFE\电袋除尘器\RFER40\南京龙源\国产</t>
  </si>
  <si>
    <t>【南京龙源】滤袋\φ130×8500 PSTFE\袋式除尘器\通用\国产</t>
  </si>
  <si>
    <t>【南京龙源】滤袋\φ130×8130 PSTFE\电袋除尘器\RFER40\南京龙源\国产</t>
  </si>
  <si>
    <t>【南京龙源】滤袋\φ130×2000 PSTFE\电袋除尘器\RFER40\南京龙源\国产</t>
  </si>
  <si>
    <t>【南京龙源】滤袋\φ130×3000 PSTFE\电袋除尘器\RFER40\南京龙源\国产</t>
  </si>
  <si>
    <t>【南京龙源】滤袋\φ120×2000 PSTFE\袋式除尘器\通用\国产</t>
  </si>
  <si>
    <t>【南京龙源】滤袋\φ120×3000 PSTFE\电袋除尘器\RFER40\南京龙源\国产</t>
  </si>
  <si>
    <t>【南京龙源】滤袋\φ135×8100 PPS+PTFE\袋式除尘器\通用\龙源环保\国产</t>
  </si>
  <si>
    <t>【南京龙源】滤袋\φ130×8130 PPP84\袋式除尘器\通用\国产</t>
  </si>
  <si>
    <t>【南京龙源】滤袋\φ130×6000 CPTFE\袋式除尘器\通用\国产</t>
  </si>
  <si>
    <t>【南京龙源】滤袋\φ130×8100 CPPS\袋式除尘器\通用\国产</t>
  </si>
  <si>
    <t>【南京龙源】滤袋\φ130×4000 CPPS\电袋除尘器\RFER40\南京龙源\国产</t>
  </si>
  <si>
    <t>【南京龙源】滤袋\φ130×3000 CPPS\电袋除尘器\RFER40\南京龙源\国产</t>
  </si>
  <si>
    <t>【南京龙源】滤袋\φ130×2000 CPPS\电袋除尘器\RFER40\南京龙源\国产</t>
  </si>
  <si>
    <t>【南京龙源】滤袋\φ168×8050mm PPS+P84+PTFE\电袋复合除尘器\2FE192/2-1Q</t>
  </si>
  <si>
    <t>【南京龙源】滤袋\φ127×8130mm\布袋除尘器\C1412\国产</t>
  </si>
  <si>
    <t>【南京龙源】滤袋\φ160×8500 HF\袋式除尘器\通用\国产</t>
  </si>
  <si>
    <t>【南京龙源】滤袋\φ140×8150mm\袋式除尘器\通用\国产</t>
  </si>
  <si>
    <t>【南京龙源】滤袋\φ135×8100mm\袋式除尘器\通用\国产</t>
  </si>
  <si>
    <t>【南京龙源】滤袋\φ120×2000mm\电袋除尘器\通用\国产</t>
  </si>
  <si>
    <t>【南京龙源】滤袋\φ120×3000 PPS+PTFE\电袋除尘器\RFER40\南京龙源\国产</t>
  </si>
  <si>
    <t>【奔图】打印机\P2505N\打印幅面:A4；打印颜色:黑白；打印速度:22PPM；手动双面 1年上门</t>
  </si>
  <si>
    <t>珠海奔图电子有限公司</t>
  </si>
  <si>
    <t>奔图</t>
  </si>
  <si>
    <t>GNWZBPCG2021-0009</t>
  </si>
  <si>
    <t>IT专区奔图品牌打印机铺货采购协议</t>
  </si>
  <si>
    <t>珠海纳思达智数电子商务有限公司</t>
  </si>
  <si>
    <t>【奔图】打印机\P3301DN\打印幅面:A4；打印颜色:黑白；打印速度:35PPM ；自动双面 1年上门</t>
  </si>
  <si>
    <t>【奔图】打印机\P5500DN\打印幅面:A4；打印颜色:黑白；打印速度:44PPM；自动双面 1年上门</t>
  </si>
  <si>
    <t>【奔图】打印机\CP2200DN\打印幅面:A4；打印颜色:彩色；打印速度:22PPM；自动双面 1年上门</t>
  </si>
  <si>
    <t>【奔图】打印机\CP2506DN PLUS\打印幅面:A4；打印颜色:彩色；打印速度:33PPM；自动双面 1年上门</t>
  </si>
  <si>
    <t>【奔图】多功能一体机\M6505N\打印幅面:A4；打印颜色:黑白；打印速度:22PPM；功能:打印，复印，扫描；手动双面 1年上门</t>
  </si>
  <si>
    <t>【奔图】多功能一体机\M6555N\打印幅面:A4；打印颜色:黑白；打印速度:22PPM；功能:打印，复印，扫描；带自动输稿器；手动双面</t>
  </si>
  <si>
    <t>【奔图】多功能一体机\M6705DN\打印幅面:A4；打印颜色:黑白；打印速度:30PPM；功能:打印，复印，扫描；自动双面 1年上门</t>
  </si>
  <si>
    <t>【奔图】多功能一体机\M7106DN\打印幅面:A4；打印颜色:黑白；打印速度:33PPM；功能:打印，复印，扫描；带自动输稿器；自动双面 1年上门</t>
  </si>
  <si>
    <t>【奔图】多功能一体机\M6605N\打印幅面:A4；打印颜色:黑白；打印速度:22PPM；功能:打印，复印，扫描，传真；带自动输稿器；手动双面 1年上门</t>
  </si>
  <si>
    <t>【奔图】多功能一体机\M7300FDN\打印幅面:A4；打印颜色:黑白；打印速度:33PPM；功能:打印，复印，扫描；传真；带自动输稿器；自动双面；支持U盘打印；双面扫描；1年上门</t>
  </si>
  <si>
    <t>【奔图】多功能一体机\CM2200FDN\打印幅面:A4；打印颜色:彩色；打印速度:22PPM；功能:打印，复印，扫描；传真；带自动输稿器；自动双面 1年上门</t>
  </si>
  <si>
    <t>【奔图】多功能一体机\CM7105DN\打印幅面:A4；打印颜色:彩色；打印速度:33PPM；功能:打印，复印，扫描；传真；带自动输稿器；自动双面 1年上门</t>
  </si>
  <si>
    <t>【奔图】打印机\P9502DN\打印幅面:A3；打印颜色:黑白；打印速度:55PPM；自动双面 1年上门</t>
  </si>
  <si>
    <t>【奔图】复合机\M9006DN\打印幅面:A3；打印颜色:黑白；打印速度:45PPM；功能:打印，复印，扫描；传真；带自动输稿器；自动双面 1年上门</t>
  </si>
  <si>
    <t>【奔图】打印机\CP9502DN\打印幅面:A3；打印颜色:彩色；打印速度:55PPM；自动双面 1年上门</t>
  </si>
  <si>
    <t>【奔图】复合机\CM8506DN\打印幅面:A3；打印颜色:彩色；打印速度:35PPM；功能:打印，复印，扫描；传真；带自动输稿器；自动双面 1年上门</t>
  </si>
  <si>
    <t>【道达尔】工业合成齿轮油\CARTER SH 320;1×208L</t>
  </si>
  <si>
    <t>道达尔润滑油（中国）有限公司</t>
  </si>
  <si>
    <t>道达尔</t>
  </si>
  <si>
    <t>GNWZBP(TH)ZYCG2020-275-10</t>
  </si>
  <si>
    <t>道达尔润滑油电力专区经营主体铺货长协（浙江润博化工）</t>
  </si>
  <si>
    <t>浙江润博化工有限公司</t>
  </si>
  <si>
    <t>【道达尔】高粘指抗磨液压油\Equivis ZS 32;1×208L</t>
  </si>
  <si>
    <t>【道达尔】工业极压齿轮油\CARTER EP 320;1×208L</t>
  </si>
  <si>
    <t>【道达尔】高粘指抗磨液压油\EQUIVIS XV 32;1×208L</t>
  </si>
  <si>
    <t>【道达尔】电商极压锂钙基脂\MULTIS EP 3;1×18kg</t>
  </si>
  <si>
    <t>【道达尔】电商极压锂钙基脂\MULTIS EP 2;1×18kg</t>
  </si>
  <si>
    <t>【道达尔】电商复合磺酸钙基润滑脂\CERAN LT;1×50kg</t>
  </si>
  <si>
    <t>【道达尔】涡轮机油\PRESLIA 32;1×208L</t>
  </si>
  <si>
    <t>【道达尔】抗磨液压油\AZOLLA ZS 46;1×208L</t>
  </si>
  <si>
    <t>【道达尔】合成空压机油\DACNIS SH 46;1×18L</t>
  </si>
  <si>
    <t>【道达尔】工业合成齿轮油\CARTER SH 460;1×208L</t>
  </si>
  <si>
    <t>【道达尔】电商超高压乙烯压缩机油\ORITES DS 270;1×200kg</t>
  </si>
  <si>
    <t>【道达尔】抗氧防锈机器油\Cirkan RO 100;1×208L</t>
  </si>
  <si>
    <t>【道达尔】药品级白矿油\FINAVESTAN A520B;1×200L</t>
  </si>
  <si>
    <t>【道达尔】抗氧防锈机器油\Cirkan RO 150;1×208L</t>
  </si>
  <si>
    <t>【道达尔】燃气发动机油\NATERIA MH 40;1×208L</t>
  </si>
  <si>
    <t>【道达尔】抗磨液压油\AZOLLA ZS 32;1×18L</t>
  </si>
  <si>
    <t>【道达尔】抗磨液压油\AZOLLA ZS 32;1×208L</t>
  </si>
  <si>
    <t>【道达尔】工业合成齿轮油\CARTER SH 680;1×208L</t>
  </si>
  <si>
    <t>【道达尔】合成空压机油\DACNIS SH 46;1×208L</t>
  </si>
  <si>
    <t>【道达尔】电商极压锂钙基脂\MULTIS EP 0;1×180kg</t>
  </si>
  <si>
    <t>【道达尔】电商极压锂钙基脂\MULTIS EP 2;1×180kg</t>
  </si>
  <si>
    <t>【道达尔】电商极压锂钙基脂\MULTIS EP 1;1×180kg</t>
  </si>
  <si>
    <t>【道达尔】电商合成导热油\SERIOLA 3120;1×180kg</t>
  </si>
  <si>
    <t>【道达尔】抗磨液压油\AZOLLA ZS 100;1×208L</t>
  </si>
  <si>
    <t>【道达尔】抗磨液压油\AZOLLA ZS 68;1×208L</t>
  </si>
  <si>
    <t>【道达尔】抗磨液压油\AZOLLA ZS 46;1×18L</t>
  </si>
  <si>
    <t>【道达尔】抗磨液压油\AZOLLA AW 68;1×208L</t>
  </si>
  <si>
    <t>【道达尔】抗磨液压油\AZOLLA AW 68;1×18L</t>
  </si>
  <si>
    <t>【道达尔】抗磨液压油\AZOLLA AW 46;1×208L</t>
  </si>
  <si>
    <t>【道达尔】抗磨液压油\AZOLLA AW 46;1×18L</t>
  </si>
  <si>
    <t>【道达尔】抗磨液压油\AZOLLA AW 32;1×208L</t>
  </si>
  <si>
    <t>【道达尔】抗磨液压油\AZOLLA AW 32;1×18L</t>
  </si>
  <si>
    <t>【道达尔】工业极压齿轮油\CARTER EP 100;1×208L</t>
  </si>
  <si>
    <t>【道达尔】工业极压齿轮油\CARTER EP 68;1×208L</t>
  </si>
  <si>
    <t>【道达尔】高粘指抗磨液压油\EQUIVIS XV 46;1×208L</t>
  </si>
  <si>
    <t>【道达尔】高粘指抗磨液压油\EQUIVIS ZS 46;1×208L</t>
  </si>
  <si>
    <t>【道达尔】无灰抗磨液压油\AZOLLA AF 100;1×208L</t>
  </si>
  <si>
    <t>【道达尔】无灰抗磨液压油\AZOLLA AF 68;1×208L</t>
  </si>
  <si>
    <t>【道达尔】无灰抗磨液压油\AZOLLA AF 46;1×208L</t>
  </si>
  <si>
    <t>【道达尔】无灰抗磨液压油\AZOLLA AF 32;1×208L</t>
  </si>
  <si>
    <t>【道达尔】抗磨液压油\AZOLLA ZS 100;1×18L</t>
  </si>
  <si>
    <t>【道达尔】抗磨液压油\AZOLLA ZS 68;1×18L</t>
  </si>
  <si>
    <t>【道达尔】工业合成齿轮油\CARTER SG 220;1×208L</t>
  </si>
  <si>
    <t>【道达尔】工业合成齿轮油\CARTER SG 150;1×208L</t>
  </si>
  <si>
    <t>【道达尔】工业合成齿轮油\CARTER SH 220;1×208L</t>
  </si>
  <si>
    <t>【道达尔】工业合成齿轮油\CARTER SH 150;1×208L</t>
  </si>
  <si>
    <t>【道达尔】工业极压齿轮油\CARTER EP 680;1×208L</t>
  </si>
  <si>
    <t>【道达尔】工业极压齿轮油\CARTER EP 680;1×18L</t>
  </si>
  <si>
    <t>【道达尔】工业极压齿轮油\CARTER EP 460;1×208L</t>
  </si>
  <si>
    <t>【道达尔】工业极压齿轮油\CARTER EP 220;1×18L</t>
  </si>
  <si>
    <t>【道达尔】工业极压齿轮油\CARTER EP 220;1×208L</t>
  </si>
  <si>
    <t>【道达尔】工业极压齿轮油\CARTER EP 150;1×208L</t>
  </si>
  <si>
    <t>【道达尔】高性能空压机油\DACNIS LD 32;1×18L</t>
  </si>
  <si>
    <t>【道达尔】空压机油\DACNIS VS 68;1×208L</t>
  </si>
  <si>
    <t>【道达尔】空压机油\DACNIS VS 68;1×18L</t>
  </si>
  <si>
    <t>【道达尔】空压机油\DACNIS VS 46;1×208L</t>
  </si>
  <si>
    <t>【道达尔】空压机油\DACNIS VS 46;1×18L</t>
  </si>
  <si>
    <t>【道达尔】空压机油\DACNIS VS 32;1×208L</t>
  </si>
  <si>
    <t>【道达尔】空压机油\DACNIS VS 32;1×18L</t>
  </si>
  <si>
    <t>【道达尔】工业合成齿轮油\CARTER SG 680;1×208L</t>
  </si>
  <si>
    <t>【道达尔】工业合成齿轮油\CARTER SG 460;1×208L</t>
  </si>
  <si>
    <t>【道达尔】工业合成齿轮油\CARTER SG 320;1×208L</t>
  </si>
  <si>
    <t>【道达尔】压缩机用食品级白油\ORITES TW 220K;1×200L</t>
  </si>
  <si>
    <t>【道达尔】燃气涡轮机油\PRESLIA GT 46;1×208L</t>
  </si>
  <si>
    <t>【道达尔】燃气涡轮机油\PRESLIA GT 32;1×208L</t>
  </si>
  <si>
    <t>【道达尔】涡轮机油\PRESLIA 68;1×208L</t>
  </si>
  <si>
    <t>【道达尔】涡轮机油\PRESLIA 46;1×208L</t>
  </si>
  <si>
    <t>【道达尔】药品级白矿油\FINAVESTAN A360B;1×1000L</t>
  </si>
  <si>
    <t>【道达尔】药品级白矿油\FINAVESTAN A180B;1×1000L</t>
  </si>
  <si>
    <t>【道达尔】空压机油\DACNIS 150;1×208L</t>
  </si>
  <si>
    <t>【道达尔】高性能空压机油\DACNIS LD 46;1×18L</t>
  </si>
  <si>
    <t>【道达尔】高性能空压机油\DACNIS LD 32;1×208L</t>
  </si>
  <si>
    <t>【道达尔】电商复合锂基润滑脂\MULTIS C HV2;24×0.4kg</t>
  </si>
  <si>
    <t>【道达尔】电商极压锂钙基脂\MULTIS EP 1;1×18kg</t>
  </si>
  <si>
    <t>【道达尔】电商极压锂钙基脂\MULTIS EP 0;1×18kg</t>
  </si>
  <si>
    <t>【道达尔】电商极压锂钙基脂\MULTIS EP 00;1×18kg</t>
  </si>
  <si>
    <t>【道达尔】机床润滑油\DROSERA MS 220;1×208L</t>
  </si>
  <si>
    <t>【道达尔】机床润滑油\DROSERA MS 150;1×208L</t>
  </si>
  <si>
    <t>【道达尔】机床润滑油\DROSERA MS 68;1×208L</t>
  </si>
  <si>
    <t>【道达尔】机床润滑油\DROSERA MS 32;1×208L</t>
  </si>
  <si>
    <t>【道达尔】电商开齿润滑脂\GRAFOLOG H 2200;1×180kg</t>
  </si>
  <si>
    <t>【道达尔】电商开齿润滑油\GEAR FLUID 180;1×180kg</t>
  </si>
  <si>
    <t>【道达尔】电商开齿润滑脂\GRAFOLOG H 10K;1×180kg</t>
  </si>
  <si>
    <t>【道达尔】电商合成复合锂基脂\MULTIS C SHD 460;1×17kg</t>
  </si>
  <si>
    <t>【道达尔】电商开齿润滑脂\COPAL OGL 0;1×180kg</t>
  </si>
  <si>
    <t>【道达尔】电商合成复合锂基脂\MULTIS C SHD 220;1×17kg</t>
  </si>
  <si>
    <t>【道达尔】电商合成复合锂基脂\MULTIS C SHD 100;1×17kg</t>
  </si>
  <si>
    <t>【道达尔】电商合成复合锂基脂\MULTIS C SHD 00;1×17kg</t>
  </si>
  <si>
    <t>【道达尔】电商开齿润滑脂\GRAFOLOG M FLUID;1×180kg</t>
  </si>
  <si>
    <t>【道达尔】电商极压锂钙基脂\MULTIS EP 3;1×180kg</t>
  </si>
  <si>
    <t>【道达尔】电商开齿清洗油\LUBRICLEAN EP;1×180kg</t>
  </si>
  <si>
    <t>【道达尔】电商合成热传导液\JARYTHERM DBT;1×200kg</t>
  </si>
  <si>
    <t>【道达尔】电商开齿润滑油\GEAR FLUID 550;1×180kg</t>
  </si>
  <si>
    <t>【道达尔】高性能空压机油\DACNIS LD 46;1×208L</t>
  </si>
  <si>
    <t>【道达尔】空压机油\DACNIS 100;1×208L</t>
  </si>
  <si>
    <t>【道达尔】电商复合锂基润滑脂\MULTIS C HV2;1×15kg</t>
  </si>
  <si>
    <t>【道达尔】电商抗磨液压油\AZOLLA ZS 32; Bulk</t>
  </si>
  <si>
    <t>【道达尔】电商抗磨液压油\AZOLLA ZS 46; Bulk</t>
  </si>
  <si>
    <t>【道达尔】电商抗磨液压油\AZOLLA ZS 68; Bulk</t>
  </si>
  <si>
    <t>【道达尔】柴油发动机油\RW 1000;15W-40 CI-4;1×208L</t>
  </si>
  <si>
    <t>【道达尔】柴油发动机油\RW 1000;15W-40 CI-4;1×18L</t>
  </si>
  <si>
    <t>【道达尔】柴油发动机\RW 4000 15W-40 CK-4;1×208L</t>
  </si>
  <si>
    <t>【道达尔】液力传动油\DYNATRANS AC 10W;1×208L</t>
  </si>
  <si>
    <t>【道达尔】液力传动油\DYNATRANS AC 30;1×208L</t>
  </si>
  <si>
    <t>【道达尔】车辆齿轮油\TRANSTEC 5 80W90;1×208L</t>
  </si>
  <si>
    <t>【道达尔】车辆齿轮油\TRANSTEC 5 80W90;1×18L</t>
  </si>
  <si>
    <t>【道达尔】车辆齿轮油\TRANSTEC 5 85W140;1×208L</t>
  </si>
  <si>
    <t>GNWZBP(TH)ZYCG2020-275-09</t>
  </si>
  <si>
    <t>道达尔润滑油电力专区经营主体铺货长协（新疆鑫源万通科技）</t>
  </si>
  <si>
    <t>新疆鑫源万通科技发展有限公司</t>
  </si>
  <si>
    <t>GNWZBP(TH)ZYCG2020-275-08</t>
  </si>
  <si>
    <t>道达尔润滑油电力专区经营主体铺货长协（天津广德盛新化工）</t>
  </si>
  <si>
    <t>天津广德盛新化工有限公司</t>
  </si>
  <si>
    <t>GNWZBP(TH)ZYCG2020-275-07</t>
  </si>
  <si>
    <t>道达尔润滑油电力专区经营主体铺货长协（深圳市浩方正大）</t>
  </si>
  <si>
    <t>深圳市浩方正大贸易有限公司</t>
  </si>
  <si>
    <t>GNWZBP(TH)ZYCG2020-275-06</t>
  </si>
  <si>
    <t>道达尔润滑油电力专区经营主体铺货长协（山东士民电子）</t>
  </si>
  <si>
    <t>山东士民电子科技有限公司</t>
  </si>
  <si>
    <t>GNWZBP(TH)ZYCG2020-275-05</t>
  </si>
  <si>
    <t>道达尔润滑油电力专区经营主体铺货长协（宁波润天化工）</t>
  </si>
  <si>
    <t>宁波润天化工有限公司</t>
  </si>
  <si>
    <t>GNWZBP(TH)ZYCG2020-275-04</t>
  </si>
  <si>
    <t>道达尔润滑油电力专区经营主体铺货长协（竞能(湖北)）</t>
  </si>
  <si>
    <t>竞能(湖北)科技有限公司</t>
  </si>
  <si>
    <t>GNWZBP(TH)ZYCG2020-275-03</t>
  </si>
  <si>
    <t>道达尔润滑油电力专区经营主体铺货长协（大连鑫晟璞）</t>
  </si>
  <si>
    <t>大连鑫晟璞商贸有限公司</t>
  </si>
  <si>
    <t>GNWZBP(TH)ZYCG2020-275-02</t>
  </si>
  <si>
    <t>道达尔润滑油电力专区经营主体铺货长协（北京华信盛达）</t>
  </si>
  <si>
    <t>北京华信盛达商贸有限公司</t>
  </si>
  <si>
    <t>GNWZBP(TH)ZYCG2020-275-01</t>
  </si>
  <si>
    <t>道达尔润滑油电力专区经营主体铺货长协（包头市弘鼎尔）</t>
  </si>
  <si>
    <t>包头市弘鼎尔贸易有限责任公司</t>
  </si>
  <si>
    <t>【豪顿】驱动装置\DUHowdenH1\豪顿\进口</t>
  </si>
  <si>
    <t>【豪顿】驱动装置\DUHowdenH2\豪顿\进口</t>
  </si>
  <si>
    <t>【豪顿】驱动装置\DUHowdenH3\豪顿\进口</t>
  </si>
  <si>
    <t>【豪顿】驱动装置\DUHowdenH4\豪顿\进口</t>
  </si>
  <si>
    <t>【豪顿】中温端换热元件\CAAM11757A290IE010960\豪顿\国产</t>
  </si>
  <si>
    <t>【豪顿】中温端换热元件\CAAM11757A290IE020960\豪顿\国产</t>
  </si>
  <si>
    <t>【豪顿】中温端换热元件\CAAM11757A290IE030960\豪顿\国产</t>
  </si>
  <si>
    <t>【豪顿】中温端换热元件\CAAM11757A290IE040960\豪顿\国产</t>
  </si>
  <si>
    <t>【豪顿】中温端换热元件\CAAM11757A290IE050960\豪顿\国产</t>
  </si>
  <si>
    <t>【豪顿】热端换热元件\C008130A290HE011000\豪顿\国产</t>
  </si>
  <si>
    <t>【豪顿】热端换热元件\C008130A290HE021000\豪顿\国产</t>
  </si>
  <si>
    <t>【豪顿】热端换热元件\C008130A290HE031000\豪顿\国产</t>
  </si>
  <si>
    <t>【豪顿】热端换热元件\C008130A290HE041000\豪顿\国产</t>
  </si>
  <si>
    <t>【豪顿】热端换热元件\C008130A290HE051000\豪顿\国产</t>
  </si>
  <si>
    <t>【豪顿】冷端换热元件\C008130A290CE011000\豪顿\国产</t>
  </si>
  <si>
    <t>【豪顿】冷端换热元件\C008130A290CE021000\豪顿\国产</t>
  </si>
  <si>
    <t>【豪顿】冷端换热元件\C008130A290CE031000\豪顿\国产</t>
  </si>
  <si>
    <t>【豪顿】冷端换热元件\C008130A290CE041000\豪顿\国产</t>
  </si>
  <si>
    <t>【豪顿】冷端换热元件\C008130A290CE051000\豪顿\国产</t>
  </si>
  <si>
    <t>【豪顿】热端换热元件\CAAM15490A290HE011250\豪顿\国产</t>
  </si>
  <si>
    <t>【豪顿】热端换热元件\CAAM15490A290HE021250\豪顿\国产</t>
  </si>
  <si>
    <t>【豪顿】热端换热元件\CAAM15490A290HE031250\豪顿\国产</t>
  </si>
  <si>
    <t>【豪顿】热端换热元件\CAAM15490A290HE041250\豪顿\国产</t>
  </si>
  <si>
    <t>【豪顿】冷端换热元件\CAAM15490A290CE010800\豪顿\国产</t>
  </si>
  <si>
    <t>【豪顿】冷端换热元件\CAAM15490A290CE020800\豪顿\国产</t>
  </si>
  <si>
    <t>【豪顿】冷端换热元件\CAAM15490A290CE030800\豪顿\国产</t>
  </si>
  <si>
    <t>【豪顿】冷端换热元件\CAAM15490A290CE040800\豪顿\国产</t>
  </si>
  <si>
    <t>【豪顿】冷端换热元件\CAAM15490A290CE010900\豪顿\国产</t>
  </si>
  <si>
    <t>【豪顿】冷端换热元件\CAAM15490A290CE020900\豪顿\国产</t>
  </si>
  <si>
    <t>【豪顿】冷端换热元件\CAAM15490A290CE030900\豪顿\国产</t>
  </si>
  <si>
    <t>【豪顿】冷端换热元件\CAAM15490A290CE040900\豪顿\国产</t>
  </si>
  <si>
    <t>【豪顿】热端换热元件\97Z00561A290HE010800\豪顿\国产</t>
  </si>
  <si>
    <t>【豪顿】热端换热元件\97Z00561A290HE020800\豪顿\国产</t>
  </si>
  <si>
    <t>【豪顿】热端换热元件\97Z00561A290HE030800\豪顿\国产</t>
  </si>
  <si>
    <t>【豪顿】热端换热元件\97Z00561A290HE040800\豪顿\国产</t>
  </si>
  <si>
    <t>【豪顿】热端换热元件\97Z00561A290HE050800\豪顿\国产</t>
  </si>
  <si>
    <t>【豪顿】热端换热元件\C009850A290HE010800\豪顿\国产</t>
  </si>
  <si>
    <t>【豪顿】热端换热元件\C009850A290HE020800\豪顿\国产</t>
  </si>
  <si>
    <t>【豪顿】热端换热元件\C009850A290HE030800\豪顿\国产</t>
  </si>
  <si>
    <t>【豪顿】热端换热元件\C009850A290HE040800\豪顿\国产</t>
  </si>
  <si>
    <t>【豪顿】热端换热元件\C009850A290HE050800\豪顿\国产</t>
  </si>
  <si>
    <t>【豪顿】冷端换热元件\C009850A290CE011000\豪顿\国产</t>
  </si>
  <si>
    <t>【豪顿】冷端换热元件\C009850A290CE021000\豪顿\国产</t>
  </si>
  <si>
    <t>【豪顿】冷端换热元件\C009850A290CE031000\豪顿\国产</t>
  </si>
  <si>
    <t>【豪顿】冷端换热元件\C009850A290CE041000\豪顿\国产</t>
  </si>
  <si>
    <t>【豪顿】冷端换热元件\C009850A290CE051000\豪顿\国产</t>
  </si>
  <si>
    <t>【豪顿】热端换热元件\C008395A290HE011000\豪顿\国产</t>
  </si>
  <si>
    <t>【豪顿】热端换热元件\C008395A290HE021000\豪顿\国产</t>
  </si>
  <si>
    <t>【豪顿】热端换热元件\C008395A290HE031000\豪顿\国产</t>
  </si>
  <si>
    <t>【豪顿】热端换热元件\C008395A290HE041000\豪顿\国产</t>
  </si>
  <si>
    <t>【豪顿】热端换热元件\C008395A290HE051000\豪顿\国产</t>
  </si>
  <si>
    <t>【豪顿】冷端换热元件\C008395A290CE011000\豪顿\国产</t>
  </si>
  <si>
    <t>【豪顿】冷端换热元件\C008395A290CE021000\豪顿\国产</t>
  </si>
  <si>
    <t>【豪顿】冷端换热元件\C008395A290CE031000\豪顿\国产</t>
  </si>
  <si>
    <t>【豪顿】冷端换热元件\C008395A290CE041000\豪顿\国产</t>
  </si>
  <si>
    <t>【豪顿】冷端换热元件\C008395A290CE051000\豪顿\国产</t>
  </si>
  <si>
    <t>【豪顿】热端换热元件\CAAM18478A320HE010300\豪顿\国产</t>
  </si>
  <si>
    <t>【豪顿】热端换热元件\CAAM18478A320HE020300\豪顿\国产</t>
  </si>
  <si>
    <t>【豪顿】热端换热元件\CAAM18478A320HE030300\豪顿\国产</t>
  </si>
  <si>
    <t>【豪顿】热端换热元件\CAAM18478A320HE040300\豪顿\国产</t>
  </si>
  <si>
    <t>【豪顿】热端换热元件\CAAM18478A320HE050300\豪顿\国产</t>
  </si>
  <si>
    <t>【豪顿】热端换热元件\CAAM18478A320HE060300\豪顿\国产</t>
  </si>
  <si>
    <t>【豪顿】热端换热元件\CAAM18478A320HE070300\豪顿\国产</t>
  </si>
  <si>
    <t>【豪顿】冷端换热元件\CAAM18478A320CE011000\豪顿\国产</t>
  </si>
  <si>
    <t>【豪顿】冷端换热元件\CAAM18478A320CE021000\豪顿\国产</t>
  </si>
  <si>
    <t>【豪顿】冷端换热元件\CAAM18478A320CE031000\豪顿\国产</t>
  </si>
  <si>
    <t>【豪顿】冷端换热元件\CAAM18478A320CE041000\豪顿\国产</t>
  </si>
  <si>
    <t>【豪顿】冷端换热元件\CAAM18478A320CE051000\豪顿\国产</t>
  </si>
  <si>
    <t>【豪顿】冷端换热元件\CAAM18478A320CE061000\豪顿\国产</t>
  </si>
  <si>
    <t>【豪顿】冷端换热元件\CAAM18478A320CE071000\豪顿\国产</t>
  </si>
  <si>
    <t>【豪顿】冷端换热元件\CAAM18478A325CE010950\豪顿\国产</t>
  </si>
  <si>
    <t>【豪顿】冷端换热元件\CAAM18478A325CE020950\豪顿\国产</t>
  </si>
  <si>
    <t>【豪顿】冷端换热元件\CAAM18478A325CE030950\豪顿\国产</t>
  </si>
  <si>
    <t>【豪顿】冷端换热元件\CAAM18478A325CE040950\豪顿\国产</t>
  </si>
  <si>
    <t>【豪顿】冷端换热元件\CAAM18478A325CE050950\豪顿\国产</t>
  </si>
  <si>
    <t>【豪顿】冷端换热元件\CAAM18478A325CE060950\豪顿\国产</t>
  </si>
  <si>
    <t>【豪顿】冷端换热元件\CAAM18478A325CE070950\豪顿\国产</t>
  </si>
  <si>
    <t>【豪顿】热端换热元件\CAAM15682A325HE010900\豪顿\国产</t>
  </si>
  <si>
    <t>【豪顿】热端换热元件\CAAM15682A325HE020900\豪顿\国产</t>
  </si>
  <si>
    <t>【豪顿】热端换热元件\CAAM15682A325HE030900\豪顿\国产</t>
  </si>
  <si>
    <t>【豪顿】热端换热元件\CAAM15682A325HE040900\豪顿\国产</t>
  </si>
  <si>
    <t>【豪顿】热端换热元件\CAAM15682A325HE050900\豪顿\国产</t>
  </si>
  <si>
    <t>【豪顿】热端换热元件\CAAM15682A325HE060900\豪顿\国产</t>
  </si>
  <si>
    <t>【豪顿】热端换热元件\CAAM15682A325HE011000\豪顿\国产</t>
  </si>
  <si>
    <t>【豪顿】热端换热元件\CAAM15682A325HE021000\豪顿\国产</t>
  </si>
  <si>
    <t>【豪顿】热端换热元件\CAAM15682A325HE031000\豪顿\国产</t>
  </si>
  <si>
    <t>【豪顿】热端换热元件\CAAM15682A325HE041000\豪顿\国产</t>
  </si>
  <si>
    <t>【豪顿】热端换热元件\CAAM15682A325HE051000\豪顿\国产</t>
  </si>
  <si>
    <t>【豪顿】热端换热元件\CAAM15682A325HE061000\豪顿\国产</t>
  </si>
  <si>
    <t>【豪顿】冷端换热元件\CAAM15682A325CE011000\豪顿\国产</t>
  </si>
  <si>
    <t>【豪顿】冷端换热元件\CAAM15682A325CE021000\豪顿\国产</t>
  </si>
  <si>
    <t>【豪顿】冷端换热元件\CAAM15682A325CE031000\豪顿\国产</t>
  </si>
  <si>
    <t>【豪顿】冷端换热元件\CAAM15682A325CE041000\豪顿\国产</t>
  </si>
  <si>
    <t>【豪顿】冷端换热元件\CAAM15682A325CE051000\豪顿\国产</t>
  </si>
  <si>
    <t>【豪顿】冷端换热元件\CAAM15682A325CE061000\豪顿\国产</t>
  </si>
  <si>
    <t>【豪顿】热端换热元件\CAAM15683A325HE011100\豪顿\国产</t>
  </si>
  <si>
    <t>【豪顿】热端换热元件\CAAM15683A325HE021100\豪顿\国产</t>
  </si>
  <si>
    <t>【豪顿】热端换热元件\CAAM15683A325HE031100\豪顿\国产</t>
  </si>
  <si>
    <t>【豪顿】热端换热元件\CAAM15683A325HE041100\豪顿\国产</t>
  </si>
  <si>
    <t>【豪顿】热端换热元件\CAAM15683A325HE051100\豪顿\国产</t>
  </si>
  <si>
    <t>【豪顿】热端换热元件\CAAM15683A325HE061100\豪顿\国产</t>
  </si>
  <si>
    <t>【豪顿】冷端换热元件\CAAM15683A325CE010950\豪顿\国产</t>
  </si>
  <si>
    <t>【豪顿】冷端换热元件\CAAM15683A325CE020950\豪顿\国产</t>
  </si>
  <si>
    <t>【豪顿】冷端换热元件\CAAM15683A325CE030950\豪顿\国产</t>
  </si>
  <si>
    <t>【豪顿】冷端换热元件\CAAM15683A325CE040950\豪顿\国产</t>
  </si>
  <si>
    <t>【豪顿】冷端换热元件\CAAM15683A325CE050950\豪顿\国产</t>
  </si>
  <si>
    <t>【豪顿】冷端换热元件\CAAM15683A325CE060950\豪顿\国产</t>
  </si>
  <si>
    <t>【豪顿】热端换热元件\C016481A320HE011200\豪顿\国产</t>
  </si>
  <si>
    <t>【豪顿】热端换热元件\C016481A320HE021200\豪顿\国产</t>
  </si>
  <si>
    <t>【豪顿】热端换热元件\C016481A320HE031200\豪顿\国产</t>
  </si>
  <si>
    <t>【豪顿】热端换热元件\C016481A320HE041200\豪顿\国产</t>
  </si>
  <si>
    <t>【豪顿】热端换热元件\C016481A320HE051200\豪顿\国产</t>
  </si>
  <si>
    <t>【豪顿】热端换热元件\C016481A320HE061200\豪顿\国产</t>
  </si>
  <si>
    <t>【豪顿】热端换热元件\C016481A320HE071200\豪顿\国产</t>
  </si>
  <si>
    <t>【豪顿】热端换热元件\C016481A320HE081200\豪顿\国产</t>
  </si>
  <si>
    <t>【豪顿】冷端换热元件\C016481A320CE010900\豪顿\国产</t>
  </si>
  <si>
    <t>【豪顿】冷端换热元件\C016481A320CE020900\豪顿\国产</t>
  </si>
  <si>
    <t>【豪顿】冷端换热元件\C016481A320CE030900\豪顿\国产</t>
  </si>
  <si>
    <t>【豪顿】冷端换热元件\C016481A320CE040900\豪顿\国产</t>
  </si>
  <si>
    <t>【豪顿】冷端换热元件\C016481A320CE050900\豪顿\国产</t>
  </si>
  <si>
    <t>【豪顿】冷端换热元件\C016481A320CE060900\豪顿\国产</t>
  </si>
  <si>
    <t>【豪顿】冷端换热元件\C016481A320CE070900\豪顿\国产</t>
  </si>
  <si>
    <t>【豪顿】冷端换热元件\C016481A320CE080900\豪顿\国产</t>
  </si>
  <si>
    <t>【豪顿】冷端换热元件\06Z04948G305CE010470\豪顿\国产</t>
  </si>
  <si>
    <t>【豪顿】冷端换热元件\06Z04948G305CE020470\豪顿\国产</t>
  </si>
  <si>
    <t>【豪顿】冷端换热元件\06Z04948G305CE030470\豪顿\国产</t>
  </si>
  <si>
    <t>【豪顿】冷端换热元件\06Z04948G305CE040470\豪顿\国产</t>
  </si>
  <si>
    <t>【豪顿】冷端换热元件\06Z04948G305CE050470\豪顿\国产</t>
  </si>
  <si>
    <t>【豪顿】冷端换热元件\06Z04948G305CE060470\豪顿\国产</t>
  </si>
  <si>
    <t>【豪顿】冷端换热元件\CAGM09773G325CE010370\豪顿\国产</t>
  </si>
  <si>
    <t>【豪顿】冷端换热元件\CAGM09773G325CE020370\豪顿\国产</t>
  </si>
  <si>
    <t>【豪顿】冷端换热元件\CAGM09773G325CE030370\豪顿\国产</t>
  </si>
  <si>
    <t>【豪顿】冷端换热元件\CAGM09773G325CE040370\豪顿\国产</t>
  </si>
  <si>
    <t>【豪顿】冷端换热元件\CAGM09773G325CE050370\豪顿\国产</t>
  </si>
  <si>
    <t>【豪顿】冷端换热元件\CAGM09773G325CE060370\豪顿\国产</t>
  </si>
  <si>
    <t>【豪顿】冷端换热元件\CAGM09773G325CE070370\豪顿\国产</t>
  </si>
  <si>
    <t>【豪顿】冷端换热元件\CAAM18501A290CE010900\豪顿\国产</t>
  </si>
  <si>
    <t>【豪顿】冷端换热元件\CAAM18501A290CE020900\豪顿\国产</t>
  </si>
  <si>
    <t>【豪顿】冷端换热元件\CAAM18501A290CE030900\豪顿\国产</t>
  </si>
  <si>
    <t>【豪顿】冷端换热元件\CAAM18501A290CE040900\豪顿\国产</t>
  </si>
  <si>
    <t>【豪顿】冷端换热元件\CAAM18501A290CE050900\豪顿\国产</t>
  </si>
  <si>
    <t>【豪顿】冷端换热元件\CAAR14256V1A300CE011000\豪顿\国产</t>
  </si>
  <si>
    <t>【豪顿】冷端换热元件\CAAR14256V1A300CE021000\豪顿\国产</t>
  </si>
  <si>
    <t>【豪顿】冷端换热元件\CAAR14256V1A300CE031000\豪顿\国产</t>
  </si>
  <si>
    <t>【豪顿】冷端换热元件\CAAR14256V1A300CE041000\豪顿\国产</t>
  </si>
  <si>
    <t>【豪顿】冷端换热元件\CAAR14256V1A300CE051000\豪顿\国产</t>
  </si>
  <si>
    <t>【豪顿】冷端换热元件\CAAR14256V1A300CE061000\豪顿\国产</t>
  </si>
  <si>
    <t>【豪顿】冷端换热元件\C014930V1A290CE011000\豪顿\国产</t>
  </si>
  <si>
    <t>【豪顿】冷端换热元件\C014930V1A290CE021000\豪顿\国产</t>
  </si>
  <si>
    <t>【豪顿】冷端换热元件\C014930V1A290CE031000\豪顿\国产</t>
  </si>
  <si>
    <t>【豪顿】冷端换热元件\C014930V1A290CE041000\豪顿\国产</t>
  </si>
  <si>
    <t>【豪顿】带光孔的导向环\001777 item32\通风机\ANN-N\国产</t>
  </si>
  <si>
    <t>【豪顿】带光孔的导向环\0106112-0 item32\通风机\ANN-N\国产</t>
  </si>
  <si>
    <t>【豪顿】带光孔的导向环\2243846-0\通风机\ANN-N\国产</t>
  </si>
  <si>
    <t>【豪顿】带光孔的导向环\3005638-0\通风机\ANN-N\国产</t>
  </si>
  <si>
    <t>【豪顿】带光孔的导向环\3005639-0\通风机\ANN-N\国产</t>
  </si>
  <si>
    <t>【豪顿】带光孔的导向环\3005644-0\通风机\ANN-N\国产</t>
  </si>
  <si>
    <t>【豪顿】带光孔的导向环\3109696-0\通风机\ANN-N\国产</t>
  </si>
  <si>
    <t>【豪顿】带光孔的导向环\3110785-0\通风机\ANN-N\国产</t>
  </si>
  <si>
    <t>【豪顿】带光孔的导向环\3137769-0\通风机\ANN-N\国产</t>
  </si>
  <si>
    <t>【豪顿】带光孔的导向环\3148192-0\通风机\ANN-N\国产</t>
  </si>
  <si>
    <t>【豪顿】带光孔的导向环\XS031023200\通风机\ANN-N\国产</t>
  </si>
  <si>
    <t>【豪顿】带光孔的导向环\XS031063200\通风机\ANN-N\国产</t>
  </si>
  <si>
    <t>【豪顿】带光孔的导向环\XS041053200\通风机\ANN-N\国产</t>
  </si>
  <si>
    <t>【豪顿】带螺纹孔的导向环\3005637-0\通风机\ANN-N\国产</t>
  </si>
  <si>
    <t>【豪顿】带螺纹孔的导向环\3005645-0\通风机\ANN-N\国产</t>
  </si>
  <si>
    <t>【豪顿】带螺纹孔的导向环\3109697-0\通风机\ANN-N\国产</t>
  </si>
  <si>
    <t>【豪顿】带螺纹孔的导向环\3110786-0\通风机\ANN-N\国产</t>
  </si>
  <si>
    <t>【豪顿】带螺纹孔的导向环\3137768-0\通风机\ANN-N\国产</t>
  </si>
  <si>
    <t>【豪顿】带螺纹孔的导向环\3148191-0\通风机\ANN-N\国产</t>
  </si>
  <si>
    <t>【豪顿】带螺纹孔的导向环\001777 item33\通风机\ANN-N\国产</t>
  </si>
  <si>
    <t>【豪顿】带螺纹孔的导向环\0106112-0 item33\通风机\ANN-N\国产</t>
  </si>
  <si>
    <t>【豪顿】带螺纹孔的导向环\2130239-0\通风机\ANN-N\国产</t>
  </si>
  <si>
    <t>【豪顿】带螺纹孔的导向环\5019791-0\通风机\ANN-N\国产</t>
  </si>
  <si>
    <t>【豪顿】带螺纹孔的导向环\XS031023300\通风机\ANN-N\国产</t>
  </si>
  <si>
    <t>【豪顿】带螺纹孔的导向环\XS031043300\通风机\ANN-N\国产</t>
  </si>
  <si>
    <t>【豪顿】带螺纹孔的导向环\XS031063300\通风机\ANN-N\国产</t>
  </si>
  <si>
    <t>【豪顿】带螺纹孔的导向环\XS041053300\通风机\ANN-N\国产</t>
  </si>
  <si>
    <t>【豪顿】轴承箱弹簧\90110001\通风机\ANN-N\国产</t>
  </si>
  <si>
    <t>【豪顿】轴承箱弹簧\90110002\通风机\ANN-N\国产</t>
  </si>
  <si>
    <t>【豪顿】轴承箱弹簧\90110004\通风机\ANN-N\国产</t>
  </si>
  <si>
    <t>【豪顿】轴承箱弹簧\0-101697 item45\通风机\ANN-N\国产</t>
  </si>
  <si>
    <t>【豪顿】轴承箱弹簧\0-106814-0 item25\通风机\ANN-N\国产</t>
  </si>
  <si>
    <t>【豪顿】轴承箱弹簧\3074340-0\通风机\ANN-N\国产</t>
  </si>
  <si>
    <t>【豪顿】轴承箱弹簧\9004714-5\通风机\ANN-N\国产</t>
  </si>
  <si>
    <t>【豪顿】轴承箱弹簧\9008323-5\通风机\ANN-N\国产</t>
  </si>
  <si>
    <t>【豪顿】轴承箱弹簧\9009151-5\通风机\ANN-N\国产</t>
  </si>
  <si>
    <t>【豪顿】弹簧垫圈\90050006\通风机\ANN-N\国产</t>
  </si>
  <si>
    <t>【豪顿】弹簧垫圈\001777 item36\通风机\ANN-N\国产</t>
  </si>
  <si>
    <t>【豪顿】弹簧垫圈\0106112-0 item36\通风机\ANN-N\国产</t>
  </si>
  <si>
    <t>【豪顿】弹簧垫圈\9010004-5\通风机\ANN-N\国产</t>
  </si>
  <si>
    <t>【豪顿】卡簧\90050003\通风机\ANN-N\国产</t>
  </si>
  <si>
    <t>【豪顿】卡簧\001777 item30\通风机\ANN-N\国产</t>
  </si>
  <si>
    <t>【豪顿】卡簧\0106112-0 item30\通风机\ANN-N\国产</t>
  </si>
  <si>
    <t>【豪顿】卡簧\9003294-0\通风机\ANN-N\国产</t>
  </si>
  <si>
    <t>【豪顿】卡簧\9003296-5\通风机\ANN-N\国产</t>
  </si>
  <si>
    <t>【豪顿】卡簧\9106464-5\通风机\ANN-N\国产</t>
  </si>
  <si>
    <t>【豪顿】导向销\001777 item05\通风机\ANN-N\国产</t>
  </si>
  <si>
    <t>【豪顿】导向销\0106112-0 item05\通风机\ANN-N\国产</t>
  </si>
  <si>
    <t>【豪顿】导向销\3214723-0\通风机\ANN-N\国产</t>
  </si>
  <si>
    <t>【豪顿】导向销\3243835-0\通风机\ANN-N\国产</t>
  </si>
  <si>
    <t>【豪顿】导向销\3244053-0\通风机\ANN-N\国产</t>
  </si>
  <si>
    <t>【豪顿】导向销\XS031040500\通风机\ANN-N\国产</t>
  </si>
  <si>
    <t>【豪顿】导向销滑套\001777 item37\通风机\ANN-N\国产</t>
  </si>
  <si>
    <t>【豪顿】导向销滑套\0106112-0 item37\通风机\ANN-N\国产</t>
  </si>
  <si>
    <t>【豪顿】导向销滑套\90090004\通风机\ANN-N\国产</t>
  </si>
  <si>
    <t>【豪顿】调节盘垫圈\3252380-0\通风机\ANN-N\国产</t>
  </si>
  <si>
    <t>【豪顿】垫圈\4124875-0\通风机\ANN-N\国产</t>
  </si>
  <si>
    <t>【豪顿】垫圈\001777 item17\通风机\ANN-N\国产</t>
  </si>
  <si>
    <t>【豪顿】垫圈\0106112-0 item17\通风机\ANN-N\国产</t>
  </si>
  <si>
    <t>【豪顿】垫圈\4019153-0\通风机\ANN-N\国产</t>
  </si>
  <si>
    <t>【豪顿】垫圈\4019154-0\通风机\ANN-N\国产</t>
  </si>
  <si>
    <t>【豪顿】垫圈\4102656-0\通风机\ANN-N\国产</t>
  </si>
  <si>
    <t>【豪顿】垫圈\4110834-0\通风机\ANN-N\国产</t>
  </si>
  <si>
    <t>【豪顿】垫圈\4121717-0\通风机\ANN-N\国产</t>
  </si>
  <si>
    <t>【豪顿】垫圈\4137834-0\通风机\ANN-N\国产</t>
  </si>
  <si>
    <t>【豪顿】垫圈\XS031021700\通风机\ANN-N\国产</t>
  </si>
  <si>
    <t>【豪顿】垫圈\XS031041700\通风机\ANN-N\国产</t>
  </si>
  <si>
    <t>【豪顿】垫圈\XS031061700\通风机\ANN-N\国产</t>
  </si>
  <si>
    <t>【豪顿】堵头\90010006\通风机\ANN-N\国产</t>
  </si>
  <si>
    <t>【豪顿】堵头\001777 item09\通风机\ANN-N\国产</t>
  </si>
  <si>
    <t>【豪顿】堵头\0106112-0 item09\通风机\ANN-N\国产</t>
  </si>
  <si>
    <t>【豪顿】堵头\4032657-0\通风机\ANN-N\国产</t>
  </si>
  <si>
    <t>【豪顿】堵头\9015228-5\通风机\ANN-N\国产</t>
  </si>
  <si>
    <t>【豪顿】滑靴\001777 item27\通风机\ANN-N\国产</t>
  </si>
  <si>
    <t>【豪顿】滑靴\0106112-0 item27\通风机\ANN-N\国产</t>
  </si>
  <si>
    <t>【豪顿】滑靴\4103917-0\通风机\ANN-N\国产</t>
  </si>
  <si>
    <t>【豪顿】滑靴锁紧垫圈\90050002\通风机\ANN-N\国产</t>
  </si>
  <si>
    <t>【豪顿】滑靴锁紧垫圈\90050021\通风机\ANN-N\国产</t>
  </si>
  <si>
    <t>【豪顿】滑靴锁紧垫圈\001777 item29\通风机\ANN-N\国产</t>
  </si>
  <si>
    <t>【豪顿】滑靴锁紧垫圈\0106112-0 item29\通风机\ANN-N\国产</t>
  </si>
  <si>
    <t>【豪顿】滑靴锁紧垫圈\9004550-0\通风机\ANN-N\国产</t>
  </si>
  <si>
    <t>【豪顿】滑靴锁紧垫圈\9004907-5\通风机\ANN-N\国产</t>
  </si>
  <si>
    <t>【豪顿】螺母\90040001\通风机\ANN-N\国产</t>
  </si>
  <si>
    <t>【豪顿】滑靴锁母\90040020\通风机\ANN-N\国产</t>
  </si>
  <si>
    <t>【豪顿】滑靴锁母\001777 item28\通风机\ANN-N\国产</t>
  </si>
  <si>
    <t>【豪顿】滑靴锁母\0106112-0 item28\通风机\ANN-N\国产</t>
  </si>
  <si>
    <t>【豪顿】滑靴锁母\9004549-0\通风机\ANN-N\国产</t>
  </si>
  <si>
    <t>【豪顿】滑靴锁母\9004882-5\通风机\ANN-N\国产</t>
  </si>
  <si>
    <t>【豪顿】滑靴销\0106112-0 item26\通风机\ANN-N\国产</t>
  </si>
  <si>
    <t>【豪顿】滑靴销\4008926-0\通风机\ANN-N\国产</t>
  </si>
  <si>
    <t>【豪顿】滑靴销\4008927-0\通风机\ANN-N\国产</t>
  </si>
  <si>
    <t>【豪顿】滑靴销\XS031022600\通风机\ANN-N\国产</t>
  </si>
  <si>
    <t>【豪顿】滑靴销\XS031042600\通风机\ANN-N\国产</t>
  </si>
  <si>
    <t>【豪顿】滑靴销\XS031062600\通风机\ANN-N\国产</t>
  </si>
  <si>
    <t>【豪顿】键\9103758-5\通风机\ANN-N\国产</t>
  </si>
  <si>
    <t>【豪顿】键\9108100-5\通风机\ANN-N\国产</t>
  </si>
  <si>
    <t>【豪顿】键\9118633-5\通风机\ANN-N\国产</t>
  </si>
  <si>
    <t>【豪顿】键\9105872-5\通风机\ANN-N\国产</t>
  </si>
  <si>
    <t>【豪顿】键\001777 item19\通风机\ANN-N\国产</t>
  </si>
  <si>
    <t>【豪顿】键\0106112-0 item19\通风机\ANN-N\国产</t>
  </si>
  <si>
    <t>【豪顿】键\4011337-0\通风机\ANN-N\国产</t>
  </si>
  <si>
    <t>【豪顿】键\9004146-5\通风机\ANN-N\国产</t>
  </si>
  <si>
    <t>【豪顿】键\9103757-5\通风机\ANN-N\国产</t>
  </si>
  <si>
    <t>【豪顿】键\9110751-5\通风机\ANN-N\国产</t>
  </si>
  <si>
    <t>【豪顿】键\9149204-5\通风机\ANN-N\国产</t>
  </si>
  <si>
    <t>【豪顿】键\XS031021900\通风机\ANN-N\国产</t>
  </si>
  <si>
    <t>【豪顿】键\XS031041900\通风机\ANN-N\国产</t>
  </si>
  <si>
    <t>【豪顿】键\XS031061900\通风机\ANN-N\国产</t>
  </si>
  <si>
    <t>【豪顿】紧固圈\3077535-0\通风机\ANN-N\国产</t>
  </si>
  <si>
    <t>【豪顿】紧固圈\3108089-0\通风机\ANN-N\国产</t>
  </si>
  <si>
    <t>【豪顿】紧固圈\001777 item07\通风机\ANN-N\国产</t>
  </si>
  <si>
    <t>【豪顿】紧固圈\0106112-0 item07\通风机\ANN-N\国产</t>
  </si>
  <si>
    <t>【豪顿】紧固圈\4048867-0\通风机\ANN-N\国产</t>
  </si>
  <si>
    <t>【豪顿】紧固圈\XS031020700\通风机\ANN-N\国产</t>
  </si>
  <si>
    <t>【豪顿】紧固圈\XS031040700\通风机\ANN-N\国产</t>
  </si>
  <si>
    <t>【豪顿】紧固圈\XS031060700\通风机\ANN-N\国产</t>
  </si>
  <si>
    <t>【豪顿】轴承箱空气过滤器\0101697 item43\通风机\ANN-N\国产</t>
  </si>
  <si>
    <t>【豪顿】轴承箱空气过滤器\0106814-0 item52\通风机\ANN-N\国产</t>
  </si>
  <si>
    <t>【豪顿】轴承箱空气过滤器\0149194-0 item59\通风机\ANN-N\国产</t>
  </si>
  <si>
    <t>【豪顿】轴承箱空气过滤器\0149194-0 item64\通风机\ANN-N\国产</t>
  </si>
  <si>
    <t>【豪顿】轮毂内圈滑套\001777 item11\通风机\ANN-N\国产</t>
  </si>
  <si>
    <t>【豪顿】轮毂内圈滑套\0106112-0 item11\通风机\ANN-N\国产</t>
  </si>
  <si>
    <t>【豪顿】轮毂外圈滑套\001777 item04\通风机\ANN-N\国产</t>
  </si>
  <si>
    <t>【豪顿】轮毂外圈滑套\0106112-0 item04\通风机\ANN-N\国产</t>
  </si>
  <si>
    <t>【豪顿】螺钉\90010001\通风机\ANN-N\国产</t>
  </si>
  <si>
    <t>【豪顿】螺钉\90010002\通风机\ANN-N\国产</t>
  </si>
  <si>
    <t>【豪顿】螺钉\90010003\轴流式风机\ANN-2016/1120N\国产</t>
  </si>
  <si>
    <t>【豪顿】螺钉\90010004\通风机\ANN-N\国产</t>
  </si>
  <si>
    <t>【豪顿】螺钉\90010005\通风机\ANN-N\国产</t>
  </si>
  <si>
    <t>【豪顿】螺钉\90010030\通风机\ANN-N\国产</t>
  </si>
  <si>
    <t>【豪顿】螺钉\90010077\通风机\ANN-N\国产</t>
  </si>
  <si>
    <t>【豪顿】螺钉\90010078\通风机\ANN-N\国产</t>
  </si>
  <si>
    <t>【豪顿】螺钉\90010079\通风机\ANN-N\国产</t>
  </si>
  <si>
    <t>【豪顿】螺钉\90010085\通风机\ANN-N\国产</t>
  </si>
  <si>
    <t>【豪顿】螺钉\90010087\通风机\ANN-N\国产</t>
  </si>
  <si>
    <t>【豪顿】螺钉\90010088\通风机\ANN-N\国产</t>
  </si>
  <si>
    <t>【豪顿】螺钉\90010089\鼓风机\ANT-1875/1250N\国产</t>
  </si>
  <si>
    <t>【豪顿】螺钉\001777 item12\通风机\ANN-N\国产</t>
  </si>
  <si>
    <t>【豪顿】螺钉\001777 item13\通风机\ANN-N\国产</t>
  </si>
  <si>
    <t>【豪顿】螺钉\001777 item40\通风机\ANN-N\国产</t>
  </si>
  <si>
    <t>【豪顿】螺钉\0106112-0 item12\通风机\ANN-N\国产</t>
  </si>
  <si>
    <t>【豪顿】螺钉\0106112-0 item46\通风机\ANN-N\国产</t>
  </si>
  <si>
    <t>【豪顿】螺钉\0106113-0 item47\通风机\ANN-N\国产</t>
  </si>
  <si>
    <t>【豪顿】螺钉\0106113-0 item51\通风机\ANN-N\国产</t>
  </si>
  <si>
    <t>【豪顿】螺栓\0106113-0 item52\通风机\ANN-N\国产</t>
  </si>
  <si>
    <t>【豪顿】螺钉\1104827-0 item12\通风机\ANN-N\国产</t>
  </si>
  <si>
    <t>【豪顿】螺钉\1104827-0 item46\通风机\ANN-N\国产</t>
  </si>
  <si>
    <t>【豪顿】螺钉\1104828-0 item47\通风机\ANN-N\国产</t>
  </si>
  <si>
    <t>【豪顿】螺钉\1104828-0 item52\通风机\ANN-N\国产</t>
  </si>
  <si>
    <t>【豪顿】螺栓\1104828-0 item53\通风机\ANN-N\国产</t>
  </si>
  <si>
    <t>【豪顿】螺钉\9000040-5\通风机\ANN-N\国产</t>
  </si>
  <si>
    <t>【豪顿】螺母\9001037-5\通风机\ANN-N\国产</t>
  </si>
  <si>
    <t>【豪顿】螺钉\9001145-5\通风机\ANN-N\国产</t>
  </si>
  <si>
    <t>【豪顿】螺钉\9001159-5\通风机\ANN-N\国产</t>
  </si>
  <si>
    <t>【豪顿】螺钉\9001184-5\通风机\ANN-N\国产</t>
  </si>
  <si>
    <t>【豪顿】螺钉\9001186-5\通风机\ANN-N\国产</t>
  </si>
  <si>
    <t>【豪顿】螺钉\9001188-5\通风机\ANN-N\国产</t>
  </si>
  <si>
    <t>【豪顿】螺钉\9001189-5\通风机\ANN-N\国产</t>
  </si>
  <si>
    <t>【豪顿】螺钉\9001193-5\通风机\ANN-N\国产</t>
  </si>
  <si>
    <t>【豪顿】螺钉\9001195-5\通风机\ANN-N\国产</t>
  </si>
  <si>
    <t>【豪顿】螺钉\9001534-5\通风机\ANN-N\国产</t>
  </si>
  <si>
    <t>【豪顿】螺钉\9001535-5\通风机\ANN-N\国产</t>
  </si>
  <si>
    <t>【豪顿】螺钉\9001536-5\通风机\ANN-N\国产</t>
  </si>
  <si>
    <t>【豪顿】螺钉\9001614-5\通风机\ANN-N\国产</t>
  </si>
  <si>
    <t>【豪顿】螺钉\9001850-5\通风机\ANN-N\国产</t>
  </si>
  <si>
    <t>【豪顿】螺钉\9001863-5\通风机\ANN-N\国产</t>
  </si>
  <si>
    <t>【豪顿】螺钉\9001864-5\通风机\ANN-N\国产</t>
  </si>
  <si>
    <t>【豪顿】螺钉\9002077-5\通风机\ANN-N\国产</t>
  </si>
  <si>
    <t>【豪顿】螺钉\9003269-5\通风机\ANN-N\国产</t>
  </si>
  <si>
    <t>【豪顿】螺钉\9003382-5\通风机\ANN-N\国产</t>
  </si>
  <si>
    <t>【豪顿】螺钉\9004226-5\通风机\ANN-N\国产</t>
  </si>
  <si>
    <t>【豪顿】螺钉\9004228-5\通风机\ANN-N\国产</t>
  </si>
  <si>
    <t>【豪顿】螺钉\9004249-5\通风机\ANN-N\国产</t>
  </si>
  <si>
    <t>【豪顿】螺钉\9004250-5\通风机\ANN-N\国产</t>
  </si>
  <si>
    <t>【豪顿】螺钉\9004251-5\通风机\ANN-N\国产</t>
  </si>
  <si>
    <t>【豪顿】螺钉\9004254-5\通风机\ANN-N\国产</t>
  </si>
  <si>
    <t>【豪顿】螺钉\9004260-5\通风机\ANN-N\国产</t>
  </si>
  <si>
    <t>【豪顿】螺钉\9004261-5\通风机\ANN-N\国产</t>
  </si>
  <si>
    <t>【豪顿】螺钉\9004266-5\通风机\ANN-N\国产</t>
  </si>
  <si>
    <t>【豪顿】螺钉\9004958-5\通风机\ANN-N\国产</t>
  </si>
  <si>
    <t>【豪顿】螺钉\9004959-5\通风机\ANN-N\国产</t>
  </si>
  <si>
    <t>【豪顿】螺钉\9004968-5\通风机\ANN-N\国产</t>
  </si>
  <si>
    <t>【豪顿】螺钉\9005226-5\通风机\ANN-N\国产</t>
  </si>
  <si>
    <t>【豪顿】螺钉\9005298-5\通风机\ANN-N\国产</t>
  </si>
  <si>
    <t>【豪顿】螺钉\9005531-5\通风机\ANN-N\国产</t>
  </si>
  <si>
    <t>【豪顿】螺钉\9005544-5\通风机\ANN-N\国产</t>
  </si>
  <si>
    <t>【豪顿】螺钉\9006585-5\通风机\ANN-N\国产</t>
  </si>
  <si>
    <t>【豪顿】螺钉\9006586-5\通风机\ANN-N\国产</t>
  </si>
  <si>
    <t>【豪顿】螺钉\9007791-5\通风机\ANN-N\国产</t>
  </si>
  <si>
    <t>【豪顿】螺钉\9007834-5\通风机\ANN-N\国产</t>
  </si>
  <si>
    <t>【豪顿】螺钉\9009120-5\通风机\ANN-N\国产</t>
  </si>
  <si>
    <t>【豪顿】螺钉\9104958-5\通风机\ANN-N\国产</t>
  </si>
  <si>
    <t>【豪顿】螺钉\9106023-5\通风机\ANN-N\国产</t>
  </si>
  <si>
    <t>【豪顿】螺钉\9106602-5\通风机\ANN-N\国产</t>
  </si>
  <si>
    <t>【豪顿】螺钉\9108257-5\通风机\ANN-N\国产</t>
  </si>
  <si>
    <t>【豪顿】螺钉\9108325-5\通风机\ANN-N\国产</t>
  </si>
  <si>
    <t>【豪顿】螺钉\9108346-5\通风机\ANN-N\国产</t>
  </si>
  <si>
    <t>【豪顿】螺钉\9109505-5\通风机\ANN-N\国产</t>
  </si>
  <si>
    <t>【豪顿】螺钉\9109689-5\通风机\ANN-N\国产</t>
  </si>
  <si>
    <t>【豪顿】螺钉\9109944-5\通风机\ANN-N\国产</t>
  </si>
  <si>
    <t>【豪顿】螺钉\9110833-5\通风机\ANN-N\国产</t>
  </si>
  <si>
    <t>【豪顿】螺钉\9118405-5\通风机\ANN-N\国产</t>
  </si>
  <si>
    <t>【豪顿】螺钉\9119732-5\通风机\ANN-N\国产</t>
  </si>
  <si>
    <t>【豪顿】螺钉\9121690-5\通风机\ANN-N\国产</t>
  </si>
  <si>
    <t>【豪顿】螺钉\9121718-5\通风机\ANN-N\国产</t>
  </si>
  <si>
    <t>【豪顿】螺钉\9121751-5\通风机\ANN-N\国产</t>
  </si>
  <si>
    <t>【豪顿】螺钉\9121781-5\通风机\ANN-N\国产</t>
  </si>
  <si>
    <t>【豪顿】螺钉\9123341-5\通风机\ANN-N\国产</t>
  </si>
  <si>
    <t>【豪顿】螺钉\9137117-5\通风机\ANN-N\国产</t>
  </si>
  <si>
    <t>【豪顿】螺钉\9145736-5\通风机\ANN-N\国产</t>
  </si>
  <si>
    <t>【豪顿】螺钉\9145737-5\通风机\ANN-N\国产</t>
  </si>
  <si>
    <t>【豪顿】螺钉\9146563-5\通风机\ANN-N\国产</t>
  </si>
  <si>
    <t>【豪顿】螺钉\9148195-0\通风机\ANN-N\国产</t>
  </si>
  <si>
    <t>【豪顿】螺钉\9226094-5\通风机\ANN-N\国产</t>
  </si>
  <si>
    <t>【豪顿】螺钉\9227877-5\通风机\ANN-N\国产</t>
  </si>
  <si>
    <t>【豪顿】螺钉\9136560-5\通风机\ANN-N\国产</t>
  </si>
  <si>
    <t>【豪顿】螺母\90040002\通风机\ANN-N\国产</t>
  </si>
  <si>
    <t>【豪顿】螺母\001777 item35\通风机\ANN-N\国产</t>
  </si>
  <si>
    <t>【豪顿】螺母\0106112-0 item35\通风机\ANN-N\国产</t>
  </si>
  <si>
    <t>【豪顿】螺母\3244053-5\通风机\ANN-N\国产</t>
  </si>
  <si>
    <t>【豪顿】螺母\9000083-5\通风机\ANN-N\国产</t>
  </si>
  <si>
    <t>【豪顿】螺母\9008860-5\通风机\ANN-N\国产</t>
  </si>
  <si>
    <t>【豪顿】螺栓密封\9110124-5\通风机\ANN-N\国产</t>
  </si>
  <si>
    <t>【豪顿】螺栓密封\9111733-5\通风机\ANN-N\国产</t>
  </si>
  <si>
    <t>【豪顿】螺栓密封\9113377-5\通风机\ANN-N\国产</t>
  </si>
  <si>
    <t>【豪顿】螺柱\90020001\通风机\ANN-N\国产</t>
  </si>
  <si>
    <t>【豪顿】螺柱\90020008\通风机\ANN-N\国产</t>
  </si>
  <si>
    <t>【豪顿】螺柱\001777 item34\通风机\ANN-N\国产</t>
  </si>
  <si>
    <t>【豪顿】螺柱\0106112-0 item34\通风机\ANN-N\国产</t>
  </si>
  <si>
    <t>【豪顿】密封盘\001777 item20\通风机\ANN-N\国产</t>
  </si>
  <si>
    <t>【豪顿】密封盘\0106112-0 item20\通风机\ANN-N\国产</t>
  </si>
  <si>
    <t>【豪顿】密封盘\4046117-0\通风机\ANN-N\国产</t>
  </si>
  <si>
    <t>【豪顿】密封盘\4123128-0\通风机\ANN-N\国产</t>
  </si>
  <si>
    <t>【豪顿】密封盘\4123310-0\通风机\ANN-N\国产</t>
  </si>
  <si>
    <t>【豪顿】密封盘\XS031022000\通风机\ANN-N\国产</t>
  </si>
  <si>
    <t>【豪顿】密封盘\XS031042000\通风机\ANN-N\国产</t>
  </si>
  <si>
    <t>【豪顿】密封盘\XS031062000\通风机\ANN-N\国产</t>
  </si>
  <si>
    <t>【豪顿】平衡臂\1145234-0\通风机\ANN-N\国产</t>
  </si>
  <si>
    <t>【豪顿】平衡臂\2109885-0\通风机\ANN-N\国产</t>
  </si>
  <si>
    <t>【豪顿】平衡臂\2140612-0\通风机\ANN-N\国产</t>
  </si>
  <si>
    <t>【豪顿】平衡臂\2146422-0\通风机\ANN-N\国产</t>
  </si>
  <si>
    <t>【豪顿】平衡臂\2147056-0\通风机\ANN-N\国产</t>
  </si>
  <si>
    <t>【豪顿】平衡臂\2147734-0\通风机\ANN-N\国产</t>
  </si>
  <si>
    <t>【豪顿】平衡臂\2224226-0\通风机\ANN-N\国产</t>
  </si>
  <si>
    <t>【豪顿】平衡臂\3248659-0\通风机\ANN-N\国产</t>
  </si>
  <si>
    <t>【豪顿】平衡块\001777 item06\通风机\ANN-N\国产</t>
  </si>
  <si>
    <t>【豪顿】平衡块\0106112-0 item06\通风机\ANN-N\国产</t>
  </si>
  <si>
    <t>【豪顿】平衡块\3143234-5\通风机\ANN-N\国产</t>
  </si>
  <si>
    <t>【豪顿】平衡块\3147238-0\通风机\ANN-N\国产</t>
  </si>
  <si>
    <t>【豪顿】平衡块\3221480-0\通风机\ANN-N\国产</t>
  </si>
  <si>
    <t>【豪顿】平衡块\3243859-0\通风机\ANN-N\国产</t>
  </si>
  <si>
    <t>【豪顿】平衡块\4009883-0\通风机\ANN-N\国产</t>
  </si>
  <si>
    <t>【豪顿】平衡块\5123856-0\通风机\ANN-N\国产</t>
  </si>
  <si>
    <t>【豪顿】平衡块\5131715-0\通风机\ANN-N\国产</t>
  </si>
  <si>
    <t>【豪顿】平衡块\XS031020600\通风机\ANN-N\国产</t>
  </si>
  <si>
    <t>【豪顿】平衡块\XS031040600\通风机\ANN-N\国产</t>
  </si>
  <si>
    <t>【豪顿】润滑油回油软管\C002325-3102\通风机\ANN-N\国产</t>
  </si>
  <si>
    <t>【豪顿】润滑油回油软管\C002325-3103\通风机\ANN-N\国产</t>
  </si>
  <si>
    <t>【豪顿】润滑油回油软管\C002325-3106\通风机\ANN-N\国产</t>
  </si>
  <si>
    <t>【豪顿】润滑油回油软管\C002325-3107\通风机\ANN-N\国产</t>
  </si>
  <si>
    <t>【豪顿】润滑油回油软管\C004555-3102\通风机\ANN-N\国产</t>
  </si>
  <si>
    <t>【豪顿】润滑油回油软管\C004555-3106\通风机\ANN-N\国产</t>
  </si>
  <si>
    <t>【豪顿】润滑油回油软管\C004555-3107\通风机\ANN-N\国产</t>
  </si>
  <si>
    <t>【豪顿】润滑油回油软管\C007497-3103\通风机\ANN-N\国产</t>
  </si>
  <si>
    <t>【豪顿】润滑油回油软管\C008846-3102\通风机\ANN-N\国产</t>
  </si>
  <si>
    <t>【豪顿】润滑油回油软管\C010930-3102\通风机\ANN-N\国产</t>
  </si>
  <si>
    <t>【豪顿】润滑油回油软管\C008846-3106\通风机\ANN-N\国产</t>
  </si>
  <si>
    <t>【豪顿】润滑油回油软管\C010930-3106\通风机\ANN-N\国产</t>
  </si>
  <si>
    <t>【豪顿】润滑油回油软管\C010845-3102\通风机\ANN-N\国产</t>
  </si>
  <si>
    <t>【豪顿】润滑油回油软管\C015580-3102\通风机\ANN-N\国产</t>
  </si>
  <si>
    <t>【豪顿】润滑油回油软管\C015710-3102\通风机\ANN-N\国产</t>
  </si>
  <si>
    <t>【豪顿】润滑油回油软管\C016363-3102\通风机\ANN-N\国产</t>
  </si>
  <si>
    <t>【豪顿】润滑油回油软管\CAVR14074-3102\通风机\ANN-N\国产</t>
  </si>
  <si>
    <t>【豪顿】润滑油回油软管\CAVR14074-3103\通风机\ANN-N\国产</t>
  </si>
  <si>
    <t>【豪顿】润滑油回油软管\CAVR14074-3106\通风机\ANN-N\国产</t>
  </si>
  <si>
    <t>【豪顿】润滑油回油软管\CAVR14074-3107\通风机\ANN-N\国产</t>
  </si>
  <si>
    <t>【豪顿】润滑油回油软管\CAVR14129-3102\通风机\ANN-N\国产</t>
  </si>
  <si>
    <t>【豪顿】润滑油回油软管\HXB0693701-3102\通风机\ANN-N\国产</t>
  </si>
  <si>
    <t>【豪顿】润滑油回油软管\HXB0693701-3103\通风机\ANN-N\国产</t>
  </si>
  <si>
    <t>【豪顿】润滑油回油软管\HXB0693701-3106\通风机\ANN-N\国产</t>
  </si>
  <si>
    <t>【豪顿】润滑油回油软管\HXB0693701-3107\通风机\ANN-N\国产</t>
  </si>
  <si>
    <t>【豪顿】润滑油回油软管\HXP0675301-3106\通风机\ANN-N\国产</t>
  </si>
  <si>
    <t>【豪顿】润滑油回油软管\HXP0675301-3107\通风机\ANN-N\国产</t>
  </si>
  <si>
    <t>【豪顿】润滑油回油软管\HXP0692801-3102\通风机\ANN-N\国产</t>
  </si>
  <si>
    <t>【豪顿】润滑油回油软管\HXP0692801-3103\通风机\ANN-N\国产</t>
  </si>
  <si>
    <t>【豪顿】润滑油回油软管\HXP0692801-3106\通风机\ANN-N\国产</t>
  </si>
  <si>
    <t>【豪顿】润滑油回油软管\HXP0692801-3107\通风机\ANN-N\国产</t>
  </si>
  <si>
    <t>【豪顿】润滑油回油软管\HXP0692901-3102\通风机\ANN-N\国产</t>
  </si>
  <si>
    <t>【豪顿】润滑油回油软管\HXP0692901-3103\通风机\ANN-N\国产</t>
  </si>
  <si>
    <t>【豪顿】润滑油回油软管\HXP0692901-3106\通风机\ANN-N\国产</t>
  </si>
  <si>
    <t>【豪顿】润滑油回油软管\HXP0692901-3107\通风机\ANN-N\国产</t>
  </si>
  <si>
    <t>【豪顿】润滑油回油软管\HXP0693001-3102\通风机\ANN-N\国产</t>
  </si>
  <si>
    <t>【豪顿】润滑油回油软管\HXP0693001-3106\通风机\ANN-N\国产</t>
  </si>
  <si>
    <t>【豪顿】润滑油回油软管\HXP0693001-3107\通风机\ANN-N\国产</t>
  </si>
  <si>
    <t>【豪顿】润滑油回油软管\X03967-3104\通风机\ANN-N\国产</t>
  </si>
  <si>
    <t>【豪顿】润滑油回油软管\X03967-3107\通风机\ANN-N\国产</t>
  </si>
  <si>
    <t>【豪顿】润滑油回油软管\X03967-3108\通风机\ANN-N\国产</t>
  </si>
  <si>
    <t>【豪顿】润滑油进油软管\C002325-3101\通风机\ANN-N\国产</t>
  </si>
  <si>
    <t>【豪顿】润滑油进油软管\C002325-3104\通风机\ANN-N\国产</t>
  </si>
  <si>
    <t>【豪顿】润滑油进油软管\C002325-3105\通风机\ANN-N\国产</t>
  </si>
  <si>
    <t>【豪顿】润滑油进油软管\C004555-3101\通风机\ANN-N\国产</t>
  </si>
  <si>
    <t>【豪顿】润滑油进油软管\C004555-3104\通风机\ANN-N\国产</t>
  </si>
  <si>
    <t>【豪顿】润滑油进油软管\C004555-3105\通风机\ANN-N\国产</t>
  </si>
  <si>
    <t>【豪顿】润滑油进油软管\C007497-3101\通风机\ANN-N\国产</t>
  </si>
  <si>
    <t>【豪顿】润滑油进油软管\C007500-3101\通风机\ANN-N\国产</t>
  </si>
  <si>
    <t>【豪顿】润滑油进油软管\C008846-3101\通风机\ANN-N\国产</t>
  </si>
  <si>
    <t>【豪顿】润滑油进油软管\C010845-3101\通风机\ANN-N\国产</t>
  </si>
  <si>
    <t>【豪顿】润滑油进油软管\C010845-3104\通风机\ANN-N\国产</t>
  </si>
  <si>
    <t>【豪顿】润滑油进油软管\C010930-3101\通风机\ANN-N\国产</t>
  </si>
  <si>
    <t>【豪顿】润滑油进油软管\C010930-3105\通风机\ANN-N\国产</t>
  </si>
  <si>
    <t>【豪顿】润滑油进油软管\C015580-3101\通风机\ANN-N\国产</t>
  </si>
  <si>
    <t>【豪顿】润滑油进油软管\C015580-3104\通风机\ANN-N\国产</t>
  </si>
  <si>
    <t>【豪顿】润滑油进油软管\C015710-3101\通风机\ANN-N\国产</t>
  </si>
  <si>
    <t>【豪顿】润滑油进油软管\C015710-3104\通风机\ANN-N\国产</t>
  </si>
  <si>
    <t>【豪顿】润滑油进油软管\C016363-3101\通风机\ANN-N\国产</t>
  </si>
  <si>
    <t>【豪顿】润滑油进油软管\C016363-3104\通风机\ANN-N\国产</t>
  </si>
  <si>
    <t>【豪顿】润滑油进油软管\CAVR14074-3101\通风机\ANN-N\国产</t>
  </si>
  <si>
    <t>【豪顿】润滑油进油软管\CAVR14074-3104\通风机\ANN-N\国产</t>
  </si>
  <si>
    <t>【豪顿】润滑油进油软管\CAVR14074-3105\通风机\ANN-N\国产</t>
  </si>
  <si>
    <t>【豪顿】润滑油进油软管\CAVR14129-3101\通风机\ANN-N\国产</t>
  </si>
  <si>
    <t>【豪顿】润滑油进油软管\CAVR14129-3104\通风机\ANN-N\国产</t>
  </si>
  <si>
    <t>【豪顿】润滑油进油软管\HXB0693701-3101\通风机\ANN-N\国产</t>
  </si>
  <si>
    <t>【豪顿】润滑油进油软管\HXB0693701-3104\通风机\ANN-N\国产</t>
  </si>
  <si>
    <t>【豪顿】润滑油进油软管\HXB0693701-3105\通风机\ANN-N\国产</t>
  </si>
  <si>
    <t>【豪顿】润滑油进油软管\HXP0675301-3101\通风机\ANN-N\国产</t>
  </si>
  <si>
    <t>【豪顿】润滑油进油软管\HXP0675301-3104\通风机\ANN-N\国产</t>
  </si>
  <si>
    <t>【豪顿】润滑油进油软管\HXP0692801-3101\通风机\ANN-N\国产</t>
  </si>
  <si>
    <t>【豪顿】润滑油进油软管\HXP0692801-3104\通风机\ANN-N\国产</t>
  </si>
  <si>
    <t>【豪顿】润滑油进油软管\HXP0692801-3105\通风机\ANN-N\国产</t>
  </si>
  <si>
    <t>【豪顿】润滑油进油软管\HXP0692901-3101\通风机\ANN-N\国产</t>
  </si>
  <si>
    <t>【豪顿】润滑油进油软管\HXP0692901-3104\通风机\ANN-N\国产</t>
  </si>
  <si>
    <t>【豪顿】润滑油进油软管\HXP0692901-3105\通风机\ANN-N\国产</t>
  </si>
  <si>
    <t>【豪顿】润滑油进油软管\HXP0693001-3101\通风机\ANN-N\国产</t>
  </si>
  <si>
    <t>【豪顿】润滑油进油软管\HXP0693001-3104\通风机\ANN-N\国产</t>
  </si>
  <si>
    <t>【豪顿】润滑油进油软管\HXP0693001-3105\通风机\ANN-N\国产</t>
  </si>
  <si>
    <t>【豪顿】润滑油进油软管\X03967-3101\通风机\ANN-N\国产</t>
  </si>
  <si>
    <t>【豪顿】润滑油进油软管\X03967-3102\通风机\ANN-N\国产</t>
  </si>
  <si>
    <t>【豪顿】润滑油进油软管\X03967-3103\通风机\ANN-N\国产</t>
  </si>
  <si>
    <t>【豪顿】润滑油软管\4124764-0\通风机\ANN-N\国产</t>
  </si>
  <si>
    <t>【豪顿】润滑油软管\4124766-0\通风机\ANN-N\国产</t>
  </si>
  <si>
    <t>【豪顿】润滑油软管\4110759-0\通风机\ANN-N\国产</t>
  </si>
  <si>
    <t>【豪顿】锁条\001777 item21\通风机\ANN-N\国产</t>
  </si>
  <si>
    <t>【豪顿】锁条\0106112-0 item21\通风机\ANN-N\国产</t>
  </si>
  <si>
    <t>【豪顿】特氟龙环\001777 item08\通风机\ANN-N\国产</t>
  </si>
  <si>
    <t>【豪顿】特氟龙环\0106112-0 item08\通风机\ANN-N\国产</t>
  </si>
  <si>
    <t>【豪顿】特氟龙环\4036807-0\通风机\ANN-N\国产</t>
  </si>
  <si>
    <t>【豪顿】调节臂\001777 item16\通风机\ANN-N\国产</t>
  </si>
  <si>
    <t>【豪顿】调节臂\0106112-0 item16\通风机\ANN-N\国产</t>
  </si>
  <si>
    <t>【豪顿】调节臂\2109781-0\通风机\ANN-N\国产</t>
  </si>
  <si>
    <t>【豪顿】调节臂\2110881-0\通风机\ANN-N\国产</t>
  </si>
  <si>
    <t>【豪顿】调节臂\2121463-0\通风机\ANN-N\国产</t>
  </si>
  <si>
    <t>【豪顿】调节臂\2137709-0\通风机\ANN-N\国产</t>
  </si>
  <si>
    <t>【豪顿】调节臂\3050249-0\通风机\ANN-N\国产</t>
  </si>
  <si>
    <t>【豪顿】调节臂\3050251-0\通风机\ANN-N\国产</t>
  </si>
  <si>
    <t>【豪顿】调节臂\3124620-0\通风机\ANN-N\国产</t>
  </si>
  <si>
    <t>【豪顿】调节臂\XS031021600\通风机\ANN-N\国产</t>
  </si>
  <si>
    <t>【豪顿】调节臂\XS031041600\通风机\ANN-N\国产</t>
  </si>
  <si>
    <t>【豪顿】调节臂\XS031061600\通风机\ANN-N\国产</t>
  </si>
  <si>
    <t>【豪顿】液压油外部油管\1104827-0-3003\通风机\ANN-N\国产</t>
  </si>
  <si>
    <t>【豪顿】液压油外部油管\4102404-0\通风机\ANN-N\国产</t>
  </si>
  <si>
    <t>【豪顿】液压油外部油管\C002326-3003\通风机\ANN-N\国产</t>
  </si>
  <si>
    <t>【豪顿】液压油外部油管\C004555-3003\通风机\ANN-N\国产</t>
  </si>
  <si>
    <t>【豪顿】液压油外部油管\C004555-3004\通风机\ANN-N\国产</t>
  </si>
  <si>
    <t>【豪顿】液压油外部油管\C007363-3003\通风机\ANN-N\国产</t>
  </si>
  <si>
    <t>【豪顿】液压油外部油管\C007497-3003\通风机\ANN-N\国产</t>
  </si>
  <si>
    <t>【豪顿】液压油外部油管\C007500-3003\通风机\ANN-N\国产</t>
  </si>
  <si>
    <t>【豪顿】液压油外部油管\C008846-3003\通风机\ANN-N\国产</t>
  </si>
  <si>
    <t>【豪顿】液压油外部油管\C010845-3002\通风机\ANN-N\国产</t>
  </si>
  <si>
    <t>【豪顿】液压油外部油管\C010845-3003\通风机\ANN-N\国产</t>
  </si>
  <si>
    <t>【豪顿】液压油外部油管\C010845-3004\通风机\ANN-N\国产</t>
  </si>
  <si>
    <t>【豪顿】液压油外部油管\C010930-3003\通风机\ANN-N\国产</t>
  </si>
  <si>
    <t>【豪顿】液压油外部油管\C015580-3002\通风机\ANN-N\国产</t>
  </si>
  <si>
    <t>【豪顿】液压油外部油管\C015580-3003\通风机\ANN-N\国产</t>
  </si>
  <si>
    <t>【豪顿】液压油外部油管\C015580-3004\通风机\ANN-N\国产</t>
  </si>
  <si>
    <t>【豪顿】液压油外部油管\C015710-3003\通风机\ANN-N\国产</t>
  </si>
  <si>
    <t>【豪顿】液压油外部油管\C016363-3002\通风机\ANN-N\国产</t>
  </si>
  <si>
    <t>【豪顿】液压油外部油管\C016363-3003\通风机\ANN-N\国产</t>
  </si>
  <si>
    <t>【豪顿】液压油外部油管\C016363-3004\通风机\ANN-N\国产</t>
  </si>
  <si>
    <t>【豪顿】液压油外部油管\CAVR10746-3003\通风机\ANN-N\国产</t>
  </si>
  <si>
    <t>【豪顿】液压油外部油管\CAVR14074-3003\通风机\ANN-N\国产</t>
  </si>
  <si>
    <t>【豪顿】液压油外部油管\CAVR14129-3002\通风机\ANN-N\国产</t>
  </si>
  <si>
    <t>【豪顿】液压油外部油管\CAVR14129-3003\通风机\ANN-N\国产</t>
  </si>
  <si>
    <t>【豪顿】液压油外部油管\CAVR14129-3004\通风机\ANN-N\国产</t>
  </si>
  <si>
    <t>【豪顿】液压油外部油管\HXB0693701-3003\通风机\ANN-N\国产</t>
  </si>
  <si>
    <t>【豪顿】液压油外部油管\HXP0692801-3003\通风机\ANN-N\国产</t>
  </si>
  <si>
    <t>【豪顿】液压油外部油管\HXP0692801-3004\通风机\ANN-N\国产</t>
  </si>
  <si>
    <t>【豪顿】液压油外部油管\HXP0692901-3003\通风机\ANN-N\国产</t>
  </si>
  <si>
    <t>【豪顿】液压油外部油管\HXP0693001-3003\通风机\ANN-N\国产</t>
  </si>
  <si>
    <t>【豪顿】液压油外部油管\X03204-3020\通风机\ANN-N\国产</t>
  </si>
  <si>
    <t>【豪顿】液压油外部油管\X05014-3003\通风机\ANN-N\国产</t>
  </si>
  <si>
    <t>【豪顿】液压油外部油管\XS3010400\通风机\ANN-N\国产</t>
  </si>
  <si>
    <t>【豪顿】旋转油封液压油管\325111 item02\通风机\ANN-N\国产</t>
  </si>
  <si>
    <t>【豪顿】旋转油封液压油管\4-076478-0\通风机\ANN-N\国产</t>
  </si>
  <si>
    <t>【豪顿】旋转油封液压油管\CAVR14074-3001\通风机\ANN-N\国产</t>
  </si>
  <si>
    <t>【豪顿】旋转油封液压油管\CAVR14129-3001\通风机\ANN-N\国产</t>
  </si>
  <si>
    <t>【豪顿】旋转油封液压油管\XS3010000 item01\通风机\ANN-N\国产</t>
  </si>
  <si>
    <t>【豪顿】旋转油封液压油管\325111 item03\通风机\ANN-N\国产</t>
  </si>
  <si>
    <t>【豪顿】旋转油封液压油管\CAVR14074-3002\通风机\ANN-N\国产</t>
  </si>
  <si>
    <t>【豪顿】旋转油封液压油管\XS3010000 item02\通风机\ANN-N\国产</t>
  </si>
  <si>
    <t>【豪顿】叶柄轴\001777 item15\通风机\ANN-N\国产</t>
  </si>
  <si>
    <t>【豪顿】叶柄轴\0106112-0 item15\通风机\ANN-N\国产</t>
  </si>
  <si>
    <t>【豪顿】叶柄轴\1110743-0\通风机\ANN-N\国产</t>
  </si>
  <si>
    <t>【豪顿】叶柄轴\2140408-5\通风机\ANN-N\国产</t>
  </si>
  <si>
    <t>【豪顿】叶柄轴\2143258-0\通风机\ANN-N\国产</t>
  </si>
  <si>
    <t>【豪顿】叶柄轴\2143260-0\通风机\ANN-N\国产</t>
  </si>
  <si>
    <t>【豪顿】叶柄轴\2146176-0\通风机\ANN-N\国产</t>
  </si>
  <si>
    <t>【豪顿】叶柄轴\2146540-0\通风机\ANN-N\国产</t>
  </si>
  <si>
    <t>【豪顿】叶柄轴\2226263-0/2214717-0\通风机\ANN-N\国产</t>
  </si>
  <si>
    <t>【豪顿】叶柄轴\3050764-0\通风机\ANN-N\国产</t>
  </si>
  <si>
    <t>【豪顿】叶柄轴\3123126-0\通风机\ANN-N\国产</t>
  </si>
  <si>
    <t>【豪顿】叶柄轴\3123313-0\通风机\ANN-N\国产</t>
  </si>
  <si>
    <t>【豪顿】叶柄轴\XS031021500\通风机\ANN-N\国产</t>
  </si>
  <si>
    <t>【豪顿】叶柄轴\XS031041500\通风机\ANN-N\国产</t>
  </si>
  <si>
    <t>【豪顿】叶柄轴\XS031061500\通风机\ANN-N\国产</t>
  </si>
  <si>
    <t>【豪顿】叶柄轴\XS041051500\通风机\ANN-N\国产</t>
  </si>
  <si>
    <t>【豪顿】叶柄轴承\90080001\通风机\ANN-N\国产</t>
  </si>
  <si>
    <t>【豪顿】叶柄轴承O型圈\001777 item25\通风机\ANN-N\国产</t>
  </si>
  <si>
    <t>【豪顿】叶柄轴承O型圈\0106112-0 item25\通风机\ANN-N\国产</t>
  </si>
  <si>
    <t>【豪顿】叶柄轴锁母\001777 item18\通风机\ANN-N\国产</t>
  </si>
  <si>
    <t>【豪顿】叶柄轴锁母\0106112-0 item18\通风机\ANN-N\国产</t>
  </si>
  <si>
    <t>【豪顿】叶柄轴锁母\2110756-0\通风机\ANN-N\国产</t>
  </si>
  <si>
    <t>【豪顿】叶柄轴锁母\2135821-0\通风机\ANN-N\国产</t>
  </si>
  <si>
    <t>【豪顿】叶柄轴锁母\3102222-0\通风机\ANN-N\国产</t>
  </si>
  <si>
    <t>【豪顿】叶柄轴锁母\3146174-0\通风机\ANN-N\国产</t>
  </si>
  <si>
    <t>【豪顿】叶柄轴锁母\3146542-0\通风机\ANN-N\国产</t>
  </si>
  <si>
    <t>【豪顿】叶柄轴锁母\3214718-0\通风机\ANN-N\国产</t>
  </si>
  <si>
    <t>【豪顿】叶柄轴锁母\4019151-0\通风机\ANN-N\国产</t>
  </si>
  <si>
    <t>【豪顿】叶柄轴锁母\4019152-0\通风机\ANN-N\国产</t>
  </si>
  <si>
    <t>【豪顿】叶柄轴锁母\XS031021800\通风机\ANN-N\国产</t>
  </si>
  <si>
    <t>【豪顿】叶柄轴锁母\XS031041800\通风机\ANN-N\国产</t>
  </si>
  <si>
    <t>【豪顿】叶柄轴锁母\XS031061800\通风机\ANN-N\国产</t>
  </si>
  <si>
    <t>【豪顿】叶片\1130472-0\通风机\ANN-N\国产</t>
  </si>
  <si>
    <t>【豪顿】叶片\1146165-0\通风机\ANN-N\国产</t>
  </si>
  <si>
    <t>【豪顿】叶片\1146303-0\通风机\ANN-N\国产</t>
  </si>
  <si>
    <t>【豪顿】叶片\4T136533\通风机\ANN-N\国产</t>
  </si>
  <si>
    <t>【豪顿】叶片\1202519-0\通风机\ANN-N\国产</t>
  </si>
  <si>
    <t>【豪顿】叶片\3126591-0\通风机\ANN-N\国产</t>
  </si>
  <si>
    <t>【豪顿】叶片\3127500-0\通风机\ANN-N\国产</t>
  </si>
  <si>
    <t>【豪顿】叶片\3043796-0\通风机\ANN-N\国产</t>
  </si>
  <si>
    <t>【豪顿】叶片\4T-2635\通风机\ANN-N\国产</t>
  </si>
  <si>
    <t>【豪顿】油站安全阀\AA001\通风机\ANN-N\国产</t>
  </si>
  <si>
    <t>【豪顿】液压油站滤芯\AZ001-element\通风机\ANN-N\国产</t>
  </si>
  <si>
    <t>【豪顿】润滑油站滤芯\AZ002-element\通风机\ANN-N\国产</t>
  </si>
  <si>
    <t>【豪顿】油站油泵联轴器\AP001-coupling\通风机\ANN-N\国产</t>
  </si>
  <si>
    <t>【豪顿】支撑轴\0106112-0 item39\通风机\ANN-N\国产</t>
  </si>
  <si>
    <t>【豪顿】支撑轴\1104827-0 item39\通风机\ANN-N\国产</t>
  </si>
  <si>
    <t>【豪顿】支撑轴\2214717-0\通风机\ANN-N\国产</t>
  </si>
  <si>
    <t>【豪顿】支撑轴\3243992-0\通风机\ANN-N\国产</t>
  </si>
  <si>
    <t>【豪顿】支撑轴\XS041053900\通风机\ANN-N\国产</t>
  </si>
  <si>
    <t>【豪顿】支撑轴\2146191-0\通风机\ANN-N\国产</t>
  </si>
  <si>
    <t>【豪顿】支撑轴\2140560-0\通风机\ANN-N\国产</t>
  </si>
  <si>
    <t>【豪顿】支撑轴\2123103-0\通风机\ANN-N\国产</t>
  </si>
  <si>
    <t>【豪顿】支撑轴锁紧垫圈\90050026\通风机\ANN-N\国产</t>
  </si>
  <si>
    <t>【豪顿】支撑轴锁紧垫圈\0106113-0 item43\通风机\ANN-N\国产</t>
  </si>
  <si>
    <t>【豪顿】支撑轴锁紧垫圈\0106112-0 item45\通风机\ANN-N\国产</t>
  </si>
  <si>
    <t>【豪顿】支撑轴锁紧垫圈\1104827-0 item42\通风机\ANN-N\国产</t>
  </si>
  <si>
    <t>【豪顿】支撑轴锁紧垫圈\1104827-0 item45\通风机\ANN-N\国产</t>
  </si>
  <si>
    <t>【豪顿】支撑轴锁紧垫圈\9004506-5\通风机\ANN-N\国产</t>
  </si>
  <si>
    <t>【豪顿】支撑轴锁母\9004508-5\通风机\ANN-N\国产</t>
  </si>
  <si>
    <t>【豪顿】支撑轴锁母\XS041054200\通风机\ANN-N\国产</t>
  </si>
  <si>
    <t>【豪顿】支撑轴锁母\0106112-0 item44\通风机\ANN-N\国产</t>
  </si>
  <si>
    <t>【豪顿】支撑轴锁母\0106113-0 item42\通风机\ANN-N\国产</t>
  </si>
  <si>
    <t>【豪顿】支撑轴锁母\1104827-0 item43\通风机\ANN-N\国产</t>
  </si>
  <si>
    <t>【豪顿】支撑轴锁母\1104827-0 item44\通风机\ANN-N\国产</t>
  </si>
  <si>
    <t>【豪顿】轴套\90090003\通风机\ANN-N\国产</t>
  </si>
  <si>
    <t>【豪顿】轴套\90090011\通风机\ANN-N\国产</t>
  </si>
  <si>
    <t>【豪顿】轴套\0101697 item19\通风机\ANN-N\国产</t>
  </si>
  <si>
    <t>【豪顿】轴套\0106814-0 item94\通风机\ANN-N\国产</t>
  </si>
  <si>
    <t>【豪顿】轴套\9003176-5\通风机\ANN-N\国产</t>
  </si>
  <si>
    <t>【豪顿】轴套\9009409-5\通风机\ANN-N\国产</t>
  </si>
  <si>
    <t>【豪顿】轴套\9009812-5\通风机\ANN-N\国产</t>
  </si>
  <si>
    <t>【豪顿】轴套\9137795-5\通风机\ANN-N\国产</t>
  </si>
  <si>
    <t>【豪顿】轴承箱端盖垫片\4078303-0\通风机\ANN-N\国产</t>
  </si>
  <si>
    <t>【豪顿】轴承箱端盖垫片\4078304-0\通风机\ANN-N\国产</t>
  </si>
  <si>
    <t>【豪顿】轴承箱端盖垫片\4106237-0\通风机\ANN-N\国产</t>
  </si>
  <si>
    <t>【豪顿】轴承箱端盖垫片\4106241-0\通风机\ANN-N\国产</t>
  </si>
  <si>
    <t>【豪顿】轴承箱端盖垫片\4104596-0\通风机\ANN-N\国产</t>
  </si>
  <si>
    <t>【豪顿】轴承箱端盖垫片\4104597-0\通风机\ANN-N\国产</t>
  </si>
  <si>
    <t>【豪顿】轴承箱端盖垫片\XS021201340\通风机\ANN-N\国产</t>
  </si>
  <si>
    <t>【豪顿】轴承箱端盖垫片\XS021201350\通风机\ANN-N\国产</t>
  </si>
  <si>
    <t>【豪顿】轴承箱端盖垫片\4080042-0\通风机\ANN-N\国产</t>
  </si>
  <si>
    <t>【豪顿】轴承箱端盖垫片\4080043-0\通风机\ANN-N\国产</t>
  </si>
  <si>
    <t>【豪顿】轴承箱端盖垫片\4066408-0\通风机\ANN-N\国产</t>
  </si>
  <si>
    <t>【豪顿】轴承箱端盖垫片\4054133-0\通风机\ANN-N\国产</t>
  </si>
  <si>
    <t>【豪顿】轴承箱端盖垫片\XS021301400\通风机\ANN-N\国产</t>
  </si>
  <si>
    <t>【豪顿】轴承箱端盖垫片\XS021301410\通风机\ANN-N\国产</t>
  </si>
  <si>
    <t>【豪顿】轴承箱端盖垫片\XS021601400\通风机\ANN-N\国产</t>
  </si>
  <si>
    <t>【豪顿】轴承箱端盖垫片\XS021601410\通风机\ANN-N\国产</t>
  </si>
  <si>
    <t>【豪顿】轴承箱端盖垫片\0-101697-0 item38\通风机\ANN-N\国产</t>
  </si>
  <si>
    <t>【豪顿】轴承箱端盖垫片\0-101697-0 item39\通风机\ANN-N\国产</t>
  </si>
  <si>
    <t>【豪顿】轴承箱端盖垫片\0-106814-0 item19\通风机\ANN-N\国产</t>
  </si>
  <si>
    <t>【豪顿】轴承箱端盖垫片\0-106814-0 item20\通风机\ANN-N\国产</t>
  </si>
  <si>
    <t>【豪顿】轴承箱端盖垫片\0-106814-0 item21\通风机\ANN-N\国产</t>
  </si>
  <si>
    <t>【豪顿】轴承箱端盖垫片\XS022301220\通风机\ANN-N\国产</t>
  </si>
  <si>
    <t>【豪顿】轴承箱端盖垫片\XS022301210\通风机\ANN-N\国产</t>
  </si>
  <si>
    <t>【豪顿】轴承箱端盖垫片\XS022301230\通风机\ANN-N\国产</t>
  </si>
  <si>
    <t>【豪顿】迷宫密封铸件\3223841-0\通风机\ANN-N\国产</t>
  </si>
  <si>
    <t>【豪顿】迷宫密封铸件\3119989-0\通风机\ANN-N\国产</t>
  </si>
  <si>
    <t>【豪顿】迷宫密封铸件\3147475-0\通风机\ANN-N\国产</t>
  </si>
  <si>
    <t>【豪顿】迷宫密封铸件\2147307-0\通风机\ANN-N\国产</t>
  </si>
  <si>
    <t>【豪顿】迷宫密封铸件\XS021201200\通风机\ANN-N\国产</t>
  </si>
  <si>
    <t>【豪顿】迷宫密封铸件\2031564-0\通风机\ANN-N\国产</t>
  </si>
  <si>
    <t>【豪顿】迷宫密封铸件\XS022601210\通风机\ANN-N\国产</t>
  </si>
  <si>
    <t>【豪顿】迷宫密封铸件\XS021301260\通风机\ANN-N\国产</t>
  </si>
  <si>
    <t>【豪顿】迷宫密封铸件\2026752-0\通风机\ANN-N\国产</t>
  </si>
  <si>
    <t>【豪顿】迷宫密封铸件\0-103223-0 item68\通风机\ANN-N\国产</t>
  </si>
  <si>
    <t>【豪顿】迷宫密封铸件\2104599-0\通风机\ANN-N\国产</t>
  </si>
  <si>
    <t>【豪顿】迷宫密封铸件\2036867-0\通风机\ANN-N\国产</t>
  </si>
  <si>
    <t>【豪顿】迷宫密封铸件\0-101697-0 item60\通风机\ANN-N\国产</t>
  </si>
  <si>
    <t>【豪顿】迷宫密封铸件\0-106814-0 item53\通风机\ANN-N\国产</t>
  </si>
  <si>
    <t>【豪顿】迷宫密封铸件\3124910-0\通风机\ANN-N\国产</t>
  </si>
  <si>
    <t>【豪顿】迷宫密封铸件\XS022301520\通风机\ANN-N\国产</t>
  </si>
  <si>
    <t>【豪顿】液压缸返修\RE-5053899-S/5T\通风机\ANN-N\进口</t>
  </si>
  <si>
    <t>【豪顿】液压缸返修\RE-5061375-0/10T\通风机\ANN-N\进口</t>
  </si>
  <si>
    <t>【豪顿】液压缸返修\RE-5139475-0/17.5T-B\通风机\ANN-N\进口</t>
  </si>
  <si>
    <t>【豪顿】液压缸返修\RE-5139476-0/33T\通风机\ANN-N\进口</t>
  </si>
  <si>
    <t>【豪顿】液压缸返修\RE-5139478-0/33T\通风机\ANN-N\进口</t>
  </si>
  <si>
    <t>【豪顿】液压缸返修\RE-5139477-0/33T\通风机\ANN-N\进口</t>
  </si>
  <si>
    <t>【湖南三德】震荡腔组件\SDPP1×100t.01.01\制样粉碎机\SDPP1×100t\国产</t>
  </si>
  <si>
    <t>【湖南三德】压紧组件\SDPP1×100t.01.02\制样粉碎机\SDPP1×100t\国产</t>
  </si>
  <si>
    <t>【英格索兰】变径\95989638\螺杆式空气压缩机\UP5-11CTAS-14\国产</t>
  </si>
  <si>
    <t>【湖南三德】电气组件\SDPP1×100t.01.03\制样粉碎机\SDPP1×100t\国产</t>
  </si>
  <si>
    <t>【湖南三德】震荡腔组件\SDPP2×100t.02.01\制样粉碎机\SDPP2×100t\国产</t>
  </si>
  <si>
    <t>【英格索兰】阻容吸收器\42863308\空压机\M132\国产</t>
  </si>
  <si>
    <t>【英格索兰】隔离定位块\39590971\空压机\SM250\国产</t>
  </si>
  <si>
    <t>【英格索兰】滤波器\RP1 92811561\螺杆式空压机\ML250\进口</t>
  </si>
  <si>
    <t>【英格索兰】乳胶管\39104054\空压机\SM250\国产</t>
  </si>
  <si>
    <t>【湖南三德】压紧组件\SDPP2×100t.02.02\制样粉碎机\SDPP2×100t\国产</t>
  </si>
  <si>
    <t>【英格索兰】机械互锁\22052229\空压机\M37PE\国产</t>
  </si>
  <si>
    <t>【英格索兰】熔断器\22071831\空压机\M37PE\国产</t>
  </si>
  <si>
    <t>【英格索兰】异径接头\92174978\空压机\M300\国产</t>
  </si>
  <si>
    <t>【湖南三德】电气组件\SDPP2×100t.02.03\制样粉碎机\SDPP2×100t\国产</t>
  </si>
  <si>
    <t>【湖南三德】震荡腔组件\SDPP3×100t.03.01\制样粉碎机\SDPP3×100t\国产</t>
  </si>
  <si>
    <t>【湖南三德】压紧组件\SDPP3×100t.03.02\制样粉碎机\SDPP3×100t\国产</t>
  </si>
  <si>
    <t>【英格索兰】模块\99276610\空压机\EP200-2\国产</t>
  </si>
  <si>
    <t>【英格索兰】分离器\39928007\空气压缩机\SM250\进口</t>
  </si>
  <si>
    <t>【英格索兰】皮带轮\22179980\空压机\M37PE\国产</t>
  </si>
  <si>
    <t>【湖南三德】电气组件\SDPP3×100t.03.03\制样粉碎机\SDPP3×100t\国产</t>
  </si>
  <si>
    <t>【英格索兰】皮带轮\22180061\空压机\M37PE\国产</t>
  </si>
  <si>
    <t>【湖南三德】机座装配组件\SDNS200t.01\标准振筛机\SDNS200t\国产</t>
  </si>
  <si>
    <t>【湖南三德】电气控制组件\SDNS200t.02\标准振筛机\SDNS200t\国产</t>
  </si>
  <si>
    <t>【湖南三德】筛盘组件\SDNS200t.03\标准振筛机\SDNS200t\国产</t>
  </si>
  <si>
    <t>【英格索兰】油位标尺\92897529\空压机\M300\国产</t>
  </si>
  <si>
    <t>【湖南三德】机座装配组件\SDNS300t.01\环保振筛机\SDNS300t\国产</t>
  </si>
  <si>
    <t>【英格索兰】隔离圈\39591003\空压机\SM250\国产</t>
  </si>
  <si>
    <t>【英格索兰】文丘里管\39913124\空压机\SM250\国产</t>
  </si>
  <si>
    <t>【英格索兰】分离器\39915087\空压机\SM250\国产</t>
  </si>
  <si>
    <t>【湖南三德】电气控制组件\SDNS300t.02\环保振筛机\SDNS300t\国产</t>
  </si>
  <si>
    <t>【英格索兰】进气软管\22505960\空压机\M37PE\国产</t>
  </si>
  <si>
    <t>【英格索兰】选择开关\32342149\空压机\M37PE\国产</t>
  </si>
  <si>
    <t>【湖南三德】筛盘组件\SDNS300t.03\环保振筛机\SDNS300t\国产</t>
  </si>
  <si>
    <t>【英格索兰】水分离器出口管\19036433\空压机\M250\国产</t>
  </si>
  <si>
    <t>【湖南三德】主板卡\SDCHN536-V1.01\碳氢氮元素分析仪\SDCHN536\国产</t>
  </si>
  <si>
    <t>【湖南三德】阀门控制卡\SDCHN536-3.01\碳氢氮元素分析仪\SDCHN536\国产</t>
  </si>
  <si>
    <t>【湖南三德】样盘组件\SDCHN536.02.01\碳氢氮元素分析仪\SDCHN536\国产</t>
  </si>
  <si>
    <t>【湖南三德】还原炉石英管\SDCHN536.03.02-005\碳氢氮元素分析仪\SDCHN536\国产</t>
  </si>
  <si>
    <t>【英格索兰】分离器总成\22180921\空压机\M37PE\国产</t>
  </si>
  <si>
    <t>【湖南三德】蜂窝陶瓷\SDCHN536.03-025\碳氢氮元素分析仪\SDCHN536\国产</t>
  </si>
  <si>
    <t>【湖南三德】快拧接头\YIYI-1/8-1/4-28UNF\碳氢氮元素分析仪\SDCHN536\国产</t>
  </si>
  <si>
    <t>【远光瑞翔】测温探头\WS-C806-02-04-01\自动量热仪\WS-C806\国产</t>
  </si>
  <si>
    <t>【远光瑞翔】坩埚\WXBJ005\自动量热仪\WS-C806\国产</t>
  </si>
  <si>
    <t>【远光瑞翔】氧弹\WXBJYD003\自动量热仪\WS-C806\国产</t>
  </si>
  <si>
    <t>【远光瑞翔】塑料水管\FLGCQ002\自动量热仪\WS-C806\国产</t>
  </si>
  <si>
    <t>【远光瑞翔】电磁阀\CBIS\130×90mm\AC220V\IP54\0-0.4MPa\国产</t>
  </si>
  <si>
    <t>【远光瑞翔】制冷器\WGQTSR013\自动量热仪\WS-C806\国产</t>
  </si>
  <si>
    <t>【远光瑞翔】开关电源\RSP-500-12\AC220V\DC5V\0.01A</t>
  </si>
  <si>
    <t>【远光瑞翔】充氧装置\WGBJZJ015\自动量热仪\WS-C806\国产</t>
  </si>
  <si>
    <t>【远光瑞翔】充氧电磁阀组\WGQTFL010\自动量热仪\WS-C806\国产</t>
  </si>
  <si>
    <t>【远光瑞翔】步进电机驱动器\WGDJ04019\自动量热仪\WS-C806\国产</t>
  </si>
  <si>
    <t>【远光瑞翔】步进电机\WGDJ04037\自动量热仪\WS-C806\国产</t>
  </si>
  <si>
    <t>【远光瑞翔】升降模组\WGZCZ116\自动量热仪\WS-C806\国产</t>
  </si>
  <si>
    <t>【远光瑞翔】定量量杯\WXBL080\自动量热仪\WS-C806\国产</t>
  </si>
  <si>
    <t>【远光瑞翔】扩展板\WS6.672.101\自动量热仪\WS-C806\国产</t>
  </si>
  <si>
    <t>【远光瑞翔】隔膜泵\LS-0412\5m3/h\5m\2200r/min\国产</t>
  </si>
  <si>
    <t>【远光瑞翔】光槽板\WS6.672.102\自动量热仪\WS-C806\国产</t>
  </si>
  <si>
    <t>【远光瑞翔】点火丝板\WS6.672.099\自动量热仪\WS-C806\国产</t>
  </si>
  <si>
    <t>【远光瑞翔】逻辑板\WS6.672.100\自动量热仪\WS-C806\国产</t>
  </si>
  <si>
    <t>【远光瑞翔】7080模块\WS6.672.073\自动量热仪\WS-C806\国产</t>
  </si>
  <si>
    <t>【远光瑞翔】信号处理模块\WS6.672.095\自动量热仪\WS-C806\国产</t>
  </si>
  <si>
    <t>【远光瑞翔】乙二胺四乙酸\AR\100g/瓶</t>
  </si>
  <si>
    <t>【远光瑞翔】转换器\WS6.672.018\自动工业分析仪\WS-G868\国产</t>
  </si>
  <si>
    <t>【远光瑞翔】USB-232模块\WS6.672.053\自动工业分析仪\WS-G868\国产</t>
  </si>
  <si>
    <t>【远光瑞翔】USB-485模块\WS6.672.051\自动工业分析仪\WS-G868\国产</t>
  </si>
  <si>
    <t>【远光瑞翔】数据联机线\1H/DB-9S\自动工业分析仪\WS-G868\国产</t>
  </si>
  <si>
    <t>【远光瑞翔】光槽板\WS6.672.025\全自动工业分析仪\WS-G408\国产</t>
  </si>
  <si>
    <t>【远光瑞翔】A/D模块\WS6.672.037\全自动工业分析仪\WS-G408\国产</t>
  </si>
  <si>
    <t>【远光瑞翔】7050模块\WS6.672.017\全自动工业分析仪\WS-G408\国产</t>
  </si>
  <si>
    <t>【远光瑞翔】继电器板\WS6.672.038\全自动工业分析仪\WS-G408\国产</t>
  </si>
  <si>
    <t>【远光瑞翔】继电器板\WS6.672.077\全自动工业分析仪\WS-G408\国产</t>
  </si>
  <si>
    <t>【远光瑞翔】冷端板\WS6.672.034\全自动工业分析仪\WS-G408\国产</t>
  </si>
  <si>
    <t>【远光瑞翔】电动机\50KTYZ\450W\AC220V\0.2A\5r/min\B3\B\IP20</t>
  </si>
  <si>
    <t>【远光瑞翔】电动机\50KTYZ\600W\AC220V\0.2A\10r/min\B3\B\IP20</t>
  </si>
  <si>
    <t>【远光瑞翔】电动机\50KTYZ\370W\AC220V\0.2A\15r/min\B3\B\IP20</t>
  </si>
  <si>
    <t>【远光瑞翔】电动机\60KTYZ\580W\AC220V\0.2A\5r/min\B3\B\IP20</t>
  </si>
  <si>
    <t>【远光瑞翔】电动机\60KTYZ-2B\150W\AC220V\0.2A\5r/min\B3\B\IP20</t>
  </si>
  <si>
    <t>【远光瑞翔】电动机\60KTYZ-2B1\110W\AC220V\0.2A\15r/min\B3\B\IP20</t>
  </si>
  <si>
    <t>【远光瑞翔】电动机\60TY10\120W\AC220V\0.2A\10r/min\B3\B\IP20</t>
  </si>
  <si>
    <t>【远光瑞翔】电动机\YN60-6\330W\AC220V\0.5A\60r/min\B3\B\IP20</t>
  </si>
  <si>
    <t>【远光瑞翔】电动机\60KTYZ\340W\AC220V\0.2A\50r/min\B3\B\IP20</t>
  </si>
  <si>
    <t>【远光瑞翔】塑料气管\φ81mm\0.2MPa\PVC\JB/T12660</t>
  </si>
  <si>
    <t>【远光瑞翔】三氧化钨\AR\10g/瓶</t>
  </si>
  <si>
    <t>【远光瑞翔】无水高氯酸镁\GAR171-G01\454g/瓶</t>
  </si>
  <si>
    <t>【远光瑞翔】武水标煤\GBW(E)110006F\50g/瓶</t>
  </si>
  <si>
    <t>【远光瑞翔】标准煤样\GBW11126f\50g/瓶</t>
  </si>
  <si>
    <t>【远光瑞翔】玻璃保险管\BGXP φ5×20\AC220V\3A</t>
  </si>
  <si>
    <t>【远光瑞翔】转换开关\LAS1-BY\AC220V\3A\IP66</t>
  </si>
  <si>
    <t>【远光瑞翔】转换开关\LB22C\AC220V\3A\IP66</t>
  </si>
  <si>
    <t>【远光瑞翔】转换开关\GQ16B-S\AC220V\3A\IP66</t>
  </si>
  <si>
    <t>【远光瑞翔】自锁按钮\LAS2-GQH-11Z\IP65</t>
  </si>
  <si>
    <t>【远光瑞翔】散热风扇\AA1282HB-AW\AC220V 20W</t>
  </si>
  <si>
    <t>【远光瑞翔】散热风扇\AA1252MB-AW\AC220V 20W</t>
  </si>
  <si>
    <t>【远光瑞翔】散热风扇\AD0812XB-A71GL\DC12V 10W</t>
  </si>
  <si>
    <t>【远光瑞翔】散热风扇\2082HSL\AC220V 30W</t>
  </si>
  <si>
    <t>【远光瑞翔】固态继电器\H380D45-45A\AC220V\60A\国产</t>
  </si>
  <si>
    <t>【远光瑞翔】固态调压器\DTY-H220D55E\AC220V\60kVA\AC0-220V\固定式\国产</t>
  </si>
  <si>
    <t>【远光瑞翔】减压器\YQY-6\0-0.8MPa\国产</t>
  </si>
  <si>
    <t>【远光瑞翔】开关电源\JWAK-45S5S16S12S24NI\AC220V\0.016V\0.05A</t>
  </si>
  <si>
    <t>【远光瑞翔】开关电源\JWAK-30S5D15S12NI\AC220V\0.024V\0.05A</t>
  </si>
  <si>
    <t>【远光瑞翔】开关电源\JWAK-40S5D15S12NI\AC220V\0.016V\0.05A</t>
  </si>
  <si>
    <t>【远光瑞翔】开关电源\LRS-150-24/PH-150-24\AC220V\0.024V\0.05A</t>
  </si>
  <si>
    <t>【远光瑞翔】开关电源\JWAK-21S5S16NI\AC220V\0.024V\0.05A</t>
  </si>
  <si>
    <t>【远光瑞翔】开关电源\JWAK-97S5S12S16RX/97S5S12S16NI\AC220V\0.016V\0.05A</t>
  </si>
  <si>
    <t>【远光瑞翔】试样勺\10mm</t>
  </si>
  <si>
    <t>【远光瑞翔】试样勺\15mm</t>
  </si>
  <si>
    <t>【远光瑞翔】高温棉\500g</t>
  </si>
  <si>
    <t>【远光瑞翔】脱脂棉\500g</t>
  </si>
  <si>
    <t>【远光瑞翔】天平联机线\ZZPJX005\自动工业分析仪\WS-G868\国产</t>
  </si>
  <si>
    <t>【远光瑞翔】电源线\3×23mm\自动工业分析仪\WS-G868\国产</t>
  </si>
  <si>
    <t>【远光瑞翔】加热电源线\3×1.5mm\自动工业分析仪\WS-G868\国产</t>
  </si>
  <si>
    <t>【远光瑞翔】加热电源线\3×2.5mm\自动工业分析仪\WS-G868\国产</t>
  </si>
  <si>
    <t>【远光瑞翔】接线柱\M6\AC220V\PVC\5mm\2</t>
  </si>
  <si>
    <t>【远光瑞翔】船形开关\KCD1-104N\IP65</t>
  </si>
  <si>
    <t>【远光瑞翔】节流阀\ESA6\碳氢氮元素分析仪\WS-CHN808\国产</t>
  </si>
  <si>
    <t>【远光瑞翔】波纹管\φ60mm 1m\全自动工业分析仪\WS-G818\国产</t>
  </si>
  <si>
    <t>【远光瑞翔】波纹管\φ60mm-SL\全自动工业分析仪\WS-G818\国产</t>
  </si>
  <si>
    <t>【远光瑞翔】管卡\64-76mm\全自动工业分析仪\WS-G818\国产</t>
  </si>
  <si>
    <t>【远光瑞翔】波纹管\φ100mm 1m\全自动工业分析仪\WS-G818\国产</t>
  </si>
  <si>
    <t>【远光瑞翔】管卡\90-110mm\全自动工业分析仪\WS-G818\国产</t>
  </si>
  <si>
    <t>【远光瑞翔】浮子流量计\LZB-3\0.3-3t/h\4mm\垂直\捆绑式\国产</t>
  </si>
  <si>
    <t>【远光瑞翔】浮子流量计\LZB-1.6\0.16-1.6t/h\4mm\垂直\捆绑式\国产</t>
  </si>
  <si>
    <t>【远光瑞翔】浮子流量计\LZB-10\1.0-10t/h\6mm\垂直\捆绑式\国产</t>
  </si>
  <si>
    <t>【远光瑞翔】温度传感板\WS6.672.014\自动量热仪\WS-C806\国产</t>
  </si>
  <si>
    <t>【远光瑞翔】防爆电动机\SHU2L\0.1kW\DC12V\0.0020A\500r/min\B3\E\IP54\ExibⅡBT4</t>
  </si>
  <si>
    <t>【远光瑞翔】润滑硅脂\DX-9020;1×10g\国光</t>
  </si>
  <si>
    <t>【远光瑞翔】硅胶管\φ8mm\0.6MPa</t>
  </si>
  <si>
    <t>【远光瑞翔】过热保护器\KSD301\全自动水分仪\WS-M702\国产</t>
  </si>
  <si>
    <t>【远光瑞翔】氟橡胶管\φ10mm\0.6MPa</t>
  </si>
  <si>
    <t>【远光瑞翔】硅胶管\φ10mm\0.6MPa</t>
  </si>
  <si>
    <t>【远光瑞翔】混尘过滤器\KWXBL048\WS-S206\国产</t>
  </si>
  <si>
    <t>【远光瑞翔】指示灯板\WS6.672.028\自动测硫仪\WS-S206\国产</t>
  </si>
  <si>
    <t>【远光瑞翔】平面锁\WGBX03012\碳氢氮元素分析仪\WS-CHN808\国产</t>
  </si>
  <si>
    <t>【远光瑞翔】不锈钢加热板\WGQT126\碳氢氮元素分析仪\WS-CHN808\国产</t>
  </si>
  <si>
    <t>【远光瑞翔】压力变送器\MC20AS\ExdⅡBT4\捆绑式\国产</t>
  </si>
  <si>
    <t>【远光瑞翔】过滤减压阀\GFR2000\6×4mm\天工\国产</t>
  </si>
  <si>
    <t>【远光瑞翔】氟橡胶管\φ6mm\0.6MPa</t>
  </si>
  <si>
    <t>【远光瑞翔】变色硅胶\2-3mm\500g/瓶</t>
  </si>
  <si>
    <t>【远光瑞翔】接线柱\WSG-00-004\自动测硫仪\WS-S208\国产</t>
  </si>
  <si>
    <t>【远光瑞翔】Y型三通\WGQT127\自动测硫仪\WS-S208\国产</t>
  </si>
  <si>
    <t>【远光瑞翔】Y型三通\WGQT117\自动测硫仪\WS-S208\国产</t>
  </si>
  <si>
    <t>【远光瑞翔】隔板直通\WGJT028\自动测硫仪\WS-S208\国产</t>
  </si>
  <si>
    <t>【远光瑞翔】螺纹直通\WGJT027\自动测硫仪\WS-S208\国产</t>
  </si>
  <si>
    <t>【远光瑞翔】排气口转接模块\WXZJS003\自动测硫仪\WS-S208\国产</t>
  </si>
  <si>
    <t>【远光瑞翔】大管径燃烧室\WXBL081\自动测硫仪\WS-S208\国产</t>
  </si>
  <si>
    <t>【远光瑞翔】过滤器\WS-STY-GL\自动测硫仪\WS-S208\国产</t>
  </si>
  <si>
    <t>【远光瑞翔】电解池\WGQT083\自动测硫仪\WS-S208\国产</t>
  </si>
  <si>
    <t>【远光瑞翔】搅拌子\WGQTCL002\自动测硫仪\WS-S208\国产</t>
  </si>
  <si>
    <t>【远光瑞翔】串口连接线\ZZPJX025\自动测硫仪\WS-S208\国产</t>
  </si>
  <si>
    <t>【远光瑞翔】玻璃管\WXBL083\自动测硫仪\WS-S208\国产</t>
  </si>
  <si>
    <t>【远光瑞翔】石英板舟\WXBL082\自动测硫仪\WS-S208\国产</t>
  </si>
  <si>
    <t>【远光瑞翔】瓷舟\WGCJ058\自动测硫仪\WS-S208\国产</t>
  </si>
  <si>
    <t>【远光瑞翔】异径管\WGCJ059\自动测硫仪\WS-S208\国产</t>
  </si>
  <si>
    <t>【远光瑞翔】送样棒\WXBJS007\自动测硫仪\WS-S208\国产</t>
  </si>
  <si>
    <t>【远光瑞翔】净化管\WXBJS008\自动测硫仪\WS-S208\国产</t>
  </si>
  <si>
    <t>【远光瑞翔】热电偶\WGRD020\自动测硫仪\WS-S208\国产</t>
  </si>
  <si>
    <t>【远光瑞翔】真空泵\AP-15\自动测硫仪\WS-S206\国产</t>
  </si>
  <si>
    <t>【远光瑞翔】过滤器\WXBJS015\自动测硫仪\WS-S208\国产</t>
  </si>
  <si>
    <t>【远光瑞翔】控制主板\WGYQBJ001\自动测硫仪\WS-S208\国产</t>
  </si>
  <si>
    <t>【远光瑞翔】送样机构\WGYQBJ002\自动测硫仪\WS-S208\国产</t>
  </si>
  <si>
    <t>【远光瑞翔】搅拌器\WXBJS016\自动测硫仪\WS-S208\国产</t>
  </si>
  <si>
    <t>【远光瑞翔】送样线路板\WGYQBJ005\自动测硫仪\WS-S208\国产</t>
  </si>
  <si>
    <t>【远光瑞翔】糊精\≦0.2mm\500g</t>
  </si>
  <si>
    <t>【远光瑞翔】液晶屏\LM3033DFW-0B\智能马弗炉\WS-G150</t>
  </si>
  <si>
    <t>【远光瑞翔】信号处理模块\WS6.672.109\自动量热仪\WS-C806\国产</t>
  </si>
  <si>
    <t>【远光瑞翔】隔膜泵\DP-60B\5m3/h\1m\2200r/min\国产</t>
  </si>
  <si>
    <t>【远光瑞翔】隔膜泵\DP-60\5m3/h\1m\2200r/min\国产</t>
  </si>
  <si>
    <t>【远光瑞翔】扩展板\WS6.672.107\自动量热仪\WS-C806\国产</t>
  </si>
  <si>
    <t>【远光瑞翔】电动推杆\WGQTQG087\自动量热仪\WS-C806\国产</t>
  </si>
  <si>
    <t>【远光瑞翔】气动充氧头\WXBJC806013\自动量热仪\WS-C806\国产</t>
  </si>
  <si>
    <t>【远光瑞翔】氧弹支架\WXBJYD006\自动量热仪\WS-C806\国产</t>
  </si>
  <si>
    <t>【远光瑞翔】压力表\WGQTYB006\自动量热仪\WS-C806\国产</t>
  </si>
  <si>
    <t>【远光瑞翔】加热棒\WGQTJR008\自动量热仪\WS-C806\国产</t>
  </si>
  <si>
    <t>【远光瑞翔】石英异径管\WXBL094\智能灰融熔性测试仪\WS-F800\国产</t>
  </si>
  <si>
    <t>【远光瑞翔】高温炉\WXGWLX015\智能灰熔融性测试仪\WS-F800\国产</t>
  </si>
  <si>
    <t>【远光瑞翔】硅钼棒\WGFRGT007\智能灰融熔性测试仪\WS-F800\国产</t>
  </si>
  <si>
    <t>【远光瑞翔】热电偶\RDO-S-195\智能灰熔融性测试仪\WS-F800\国产</t>
  </si>
  <si>
    <t>【远光瑞翔】圆形灰锥托板\WGCJ062\智能灰熔融性测试仪\WS-F800\国产</t>
  </si>
  <si>
    <t>【远光瑞翔】石墨盒\WGCJ063\智能灰熔融性测试仪\WS-F800\国产</t>
  </si>
  <si>
    <t>【远光瑞翔】刚玉内管\WGCJ060\自动灰熔融性测试仪\WS-F800\国产</t>
  </si>
  <si>
    <t>【远光瑞翔】托盘支撑管\WGCJ064\智能灰熔融性测试仪\WS-F800\国产</t>
  </si>
  <si>
    <t>【远光瑞翔】氟橡胶密封圈\WGXJMF091\自动灰熔融性测试仪\WS-F800\国产</t>
  </si>
  <si>
    <t>【远光瑞翔】O型密封圈\φ45×2.65mm\硅橡胶</t>
  </si>
  <si>
    <t>【远光瑞翔】O型密封圈\φ45×2.65mm\丁腈橡胶</t>
  </si>
  <si>
    <t>【远光瑞翔】O型密封圈\φ35.5×2.65mm\丁腈橡胶</t>
  </si>
  <si>
    <t>【远光瑞翔】O型密封圈\φ30×2.95mm\丁腈橡胶</t>
  </si>
  <si>
    <t>【远光瑞翔】O型密封圈\φ18×2.05mm\丁腈橡胶</t>
  </si>
  <si>
    <t>【远光瑞翔】O型密封圈\φ20×2.55mm\丁腈橡胶</t>
  </si>
  <si>
    <t>【远光瑞翔】O型密封圈\φ40×2.75mm\丁腈橡胶</t>
  </si>
  <si>
    <t>【远光瑞翔】加大灰分坩埚\WGCJ073\自动工业分析仪\WS-G768\国产</t>
  </si>
  <si>
    <t>【远光瑞翔】双盖挥发分坩埚\WGCJ074\自动工业分析仪\WS-G768\国产</t>
  </si>
  <si>
    <t>【远光瑞翔】双盖挥发分坩埚上盖\WGCJ075\自动工业分析仪\WS-G768\国产</t>
  </si>
  <si>
    <t>【远光瑞翔】双盖挥发分坩埚下盖\WGCJ076\自动工业分析仪\WS-G768\国产</t>
  </si>
  <si>
    <t>【远光瑞翔】转盘\WGCJ072\自动工业分析仪\WS-G768\国产</t>
  </si>
  <si>
    <t>【远光瑞翔】送样杆\WXBL089\自动工业分析仪\WS-G768\国产</t>
  </si>
  <si>
    <t>【远光瑞翔】灰分炉盖\WXGWG66801\自动工业分析仪\WS-G768\国产</t>
  </si>
  <si>
    <t>【远光瑞翔】灰分高温\WXGWG66802\自动工业分析仪\WS-G768\国产</t>
  </si>
  <si>
    <t>【远光瑞翔】热电偶\WS-G668-14-01\自动工业分析仪\WS-G768\国产</t>
  </si>
  <si>
    <t>【远光瑞翔】护套\WXBL086\自动工业分析仪\WS-G668\国产</t>
  </si>
  <si>
    <t>【远光瑞翔】护套\WXBL087\自动工业分析仪\WS-G668\国产</t>
  </si>
  <si>
    <t>【远光瑞翔】热电偶\WS-G668-13-06\自动工业分析仪\WS-G668\国产</t>
  </si>
  <si>
    <t>【远光瑞翔】转盘轴\WGCJ069\自动工业分析仪\WS-G668\国产</t>
  </si>
  <si>
    <t>【远光瑞翔】转盘\WGCJ070\自动工业分析仪\WS-G668\国产</t>
  </si>
  <si>
    <t>【远光瑞翔】定位销\WGCJ071\自动工业分析仪\WS-G668\国产</t>
  </si>
  <si>
    <t>【远光瑞翔】送样杆\WXBL088\自动工业分析仪\WS-G668\国产</t>
  </si>
  <si>
    <t>【远光瑞翔】电加热管\WS-G668-10-03\全自动工业分析仪\WS-G668\国产</t>
  </si>
  <si>
    <t>【远光瑞翔】减速电机\WGDJ03019\碳氢氮元素分析仪\WS-CHN800\国产</t>
  </si>
  <si>
    <t>【远光瑞翔】wifi模块\WGQTMK019\马弗炉\WS-G150</t>
  </si>
  <si>
    <t>【远光瑞翔】减速电机\WGDJ03015\碳氢氮元素分析仪\WS-CHN800\国产</t>
  </si>
  <si>
    <t>【远光瑞翔】O型密封圈\φ22×2.35mm\丁腈橡胶</t>
  </si>
  <si>
    <t>【远光瑞翔】O型密封圈\φ16×2.35mm\丁腈橡胶</t>
  </si>
  <si>
    <t>【远光瑞翔】O型密封圈\φ19×2.35mm\丁腈橡胶</t>
  </si>
  <si>
    <t>【远光瑞翔】氟橡胶管\φ10mm\0.2MPa</t>
  </si>
  <si>
    <t>【远光瑞翔】烘箱转盘套件\ZZPJZ020\智能在线全水分仪\WS-M808\国产</t>
  </si>
  <si>
    <t>【远光瑞翔】旋转转盘机构套件\ZZPJZ024\智能在线全水分仪\WS-M808\国产</t>
  </si>
  <si>
    <t>【远光瑞翔】烘箱机构套件\ZZPJZ025\智能在线全水分仪\WS-M808\国产</t>
  </si>
  <si>
    <t>【远光瑞翔】夹爪转动升降机构套件\ZZPJZ026\智能在线全水分仪\WS-M808\国产</t>
  </si>
  <si>
    <t>【远光瑞翔】转盘及转盘轴套件\ZZPJZ021\智能在线全水分仪\WS-M808\国产</t>
  </si>
  <si>
    <t>【远光瑞翔】烘箱门套件\ZZPJZ022\智能在线全水分仪\WS-M808\国产</t>
  </si>
  <si>
    <t>【远光瑞翔】转动电机机构套件\ZZPJZ023\智能在线全水分仪\WS-M808\国产</t>
  </si>
  <si>
    <t>【远光瑞翔】水平移动机构套件\ZZPJZ027\智能在线全水分仪\WS-M808\国产</t>
  </si>
  <si>
    <t>【远光瑞翔】电磁铁翻转旋转套件\ZZPJZ028\智能在线全水分仪\WS-M808\国产</t>
  </si>
  <si>
    <t>【远光瑞翔】坩埚送样套件\ZZPJZ029\智能在线全水分仪\WS-M808\国产</t>
  </si>
  <si>
    <t>【远光瑞翔】开盖旋转机构套件\ZZPJZ030\智能在线全水分仪\WS-M808\国产</t>
  </si>
  <si>
    <t>【远光瑞翔】主升降机构套件\ZZPJZ031\智能在线全水分仪\WS-M808\国产</t>
  </si>
  <si>
    <t>【远光瑞翔】抱瓶夹瓶机构套件\ZZPJZ032\智能在线全水分仪\WS-M808\国产</t>
  </si>
  <si>
    <t>【远光瑞翔】探头\WS-M813A-0212-07-03\智能在线全水分仪\WS-M813\国产</t>
  </si>
  <si>
    <t>【远光瑞翔】过热保护器\WGDZXS087\智能在线全水分仪\WS-M808\国产</t>
  </si>
  <si>
    <t>【远光瑞翔】吸盘电磁铁\WGQTCT005\智能在线全水分仪\WS-M808\国产</t>
  </si>
  <si>
    <t>【远光瑞翔】吸盘电磁铁\WGQTCT001\智能在线全水分仪\WS-M808\国产</t>
  </si>
  <si>
    <t>【远光瑞翔】吸盘电磁铁\WGQTCT004\智能在线全水分仪\WS-M808\国产</t>
  </si>
  <si>
    <t>【远光瑞翔】步进电机\WGDJ04018\智能在线全水分仪\WS-M808\国产</t>
  </si>
  <si>
    <t>【远光瑞翔】步进电机\WGDJ04014\智能在线全水分仪\WS-M808\国产</t>
  </si>
  <si>
    <t>【远光瑞翔】步进电机\WGDJ04017\智能在线全水分仪\WS-M808\国产</t>
  </si>
  <si>
    <t>【大连重工】轴承座\B1260200100007.04/A260200001\斗轮堆取料机\DQL2500</t>
  </si>
  <si>
    <t>大连华锐重工集团股份有限公司</t>
  </si>
  <si>
    <t>大连重工</t>
  </si>
  <si>
    <t>GNWZBPCG2021-0001</t>
  </si>
  <si>
    <t>2020年度北京配送大连华锐重工斗轮机、翻车机备件集团级长协采购框架合同</t>
  </si>
  <si>
    <t>【大连重工】锁紧盘\B1260200100007.06/A260200001\斗轮堆取料机\DQL2500</t>
  </si>
  <si>
    <t>【大连重工】斗轮轴\B1260200100007.07/A260200001\斗轮堆取料机\DQL2500</t>
  </si>
  <si>
    <t>【大连重工】轴承座\B1260200100007.08/A260200001\斗轮堆取料机\DQL2500</t>
  </si>
  <si>
    <t>【大连重工】销轴\B1260200100007.12/A260200001\斗轮堆取料机\DQL2500</t>
  </si>
  <si>
    <t>【大连重工】软管\B1260200500006.01/A260200001\斗轮堆取料机\DQL2500</t>
  </si>
  <si>
    <t>【大连重工】软管\B1260200500006.03/A260200001\斗轮堆取料机\DQL2500</t>
  </si>
  <si>
    <t>【大连重工】软管\B1260200500006.04/A260200001\斗轮堆取料机\DQL2500</t>
  </si>
  <si>
    <t>【大连重工】软管\B1260200500006.05/A260200001\斗轮堆取料机\DQL2500</t>
  </si>
  <si>
    <t>【大连重工】销轴\B1260200500006.06/A260200001\斗轮堆取料机\DQL2500</t>
  </si>
  <si>
    <t>【大连重工】轴套\B1260200500006.07/A260200001\斗轮堆取料机\DQL2500</t>
  </si>
  <si>
    <t>【大连重工】销轴\B1260200500006.08/A260200001\斗轮堆取料机\DQL2500</t>
  </si>
  <si>
    <t>【大连重工】调整垫\B1260200300011.06/A260200001\斗轮堆取料机\DQL2500</t>
  </si>
  <si>
    <t>【大连重工】保持架\B1260200300011.08/A260200001\斗轮堆取料机\DQL2500</t>
  </si>
  <si>
    <t>【大连重工】牵引杆\C1260200600001.03/A260200001\斗轮堆取料机\DQL2500</t>
  </si>
  <si>
    <t>【大连重工】行走轮\C1260200600001.04/A260200001\斗轮堆取料机\DQL2500</t>
  </si>
  <si>
    <t>【大连重工】拉杆\C1260200600001.07/A260200001\斗轮堆取料机\DQL2500</t>
  </si>
  <si>
    <t>【大连重工】销\C1260200600001.08/A260200001\斗轮堆取料机\DQL2500</t>
  </si>
  <si>
    <t>【大连重工】轴承座\C1260200600001.09/A260200001\斗轮堆取料机\DQL2500</t>
  </si>
  <si>
    <t>【大连重工】轴套\C1260200600001.10/A260200001\斗轮堆取料机\DQL2500</t>
  </si>
  <si>
    <t>【大连重工】缓冲器\B1260200400006.01/A260200001\斗轮堆取料机\DQL2500</t>
  </si>
  <si>
    <t>【大连重工】座\B1260200400006.02/A260200001\斗轮堆取料机\DQL2500</t>
  </si>
  <si>
    <t>【大连重工】轴座\B1260200400006.04/A260200001\斗轮堆取料机\DQL2500</t>
  </si>
  <si>
    <t>【大连重工】连杆\B1260200400006.05/A260200001\斗轮堆取料机\DQL2500</t>
  </si>
  <si>
    <t>【大连重工】平衡架\B1260200400006.07/A260200001\斗轮堆取料机\DQL2500</t>
  </si>
  <si>
    <t>【大连重工】平衡架\B1260200400006.08/A260200001\斗轮堆取料机\DQL2500</t>
  </si>
  <si>
    <t>【大连重工】座\B1260200400006.10/A260200001\斗轮堆取料机\DQL2500</t>
  </si>
  <si>
    <t>【大连重工】缓冲器座\B1260200400006.12/A260200001\斗轮堆取料机\DQL2500</t>
  </si>
  <si>
    <t>【大连重工】缓冲器梁\B1260200400006.13/A260200001\斗轮堆取料机\DQL2500</t>
  </si>
  <si>
    <t>【大连重工】轴\B1260200400006.14/A260200001\斗轮堆取料机\DQL2500</t>
  </si>
  <si>
    <t>【大连重工】固定环\B1260200400006.15/A260200001\斗轮堆取料机\DQL2500</t>
  </si>
  <si>
    <t>【大连重工】挡板\B1260200400006.16/A260200001\斗轮堆取料机\DQL2500</t>
  </si>
  <si>
    <t>【大连重工】轴\B1260200400006.17/A260200001\斗轮堆取料机\DQL2500</t>
  </si>
  <si>
    <t>【大连重工】二轮架\B1260200400006.19/A260200001\斗轮堆取料机\DQL2500</t>
  </si>
  <si>
    <t>【大连重工】轴承座\B1260200400006.20/A260200001\斗轮堆取料机\DQL2500</t>
  </si>
  <si>
    <t>【大连重工】轴座\B1260200400006.21/A260200001\斗轮堆取料机\DQL2500</t>
  </si>
  <si>
    <t>【大连重工】锚锭器\B1260200400006.22/A260200001\斗轮堆取料机\DQL2500</t>
  </si>
  <si>
    <t>【大连重工】平衡架\B1260200400006.23/A260200001\斗轮堆取料机\DQL2500</t>
  </si>
  <si>
    <t>【大连重工】从动轮架\B1260200400006.25/A260200001\斗轮堆取料机\DQL2500</t>
  </si>
  <si>
    <t>【大连重工】轴\B1260200400006.26/A260200001\斗轮堆取料机\DQL2500</t>
  </si>
  <si>
    <t>【大连重工】挡板\B1260200400006.27/A260200001\斗轮堆取料机\DQL2500</t>
  </si>
  <si>
    <t>【大连重工】二轮架\B1260200400006.28/A260200001\斗轮堆取料机\DQL2500</t>
  </si>
  <si>
    <t>【大连重工】橡胶板\B1260200400006.31/A260200001\斗轮堆取料机\DQL2500</t>
  </si>
  <si>
    <t>【大连重工】支架\B1260200400006.32/A260200001\斗轮堆取料机\DQL2500</t>
  </si>
  <si>
    <t>【大连重工】平衡臂\B1260200400006.33/A260200001\斗轮堆取料机\DQL2500</t>
  </si>
  <si>
    <t>【大连重工】从动轮组\B1260200400006.35/A260200001\斗轮堆取料机\DQL2500</t>
  </si>
  <si>
    <t>【大连重工】车轮\B1260200400006.36/A260200001\斗轮堆取料机\DQL2500</t>
  </si>
  <si>
    <t>【大连重工】端盖\B1260200400006.37/A260200001\斗轮堆取料机\DQL2500</t>
  </si>
  <si>
    <t>【大连重工】轴承座\B1260200400006.38/A260200001\斗轮堆取料机\DQL2500</t>
  </si>
  <si>
    <t>【大连重工】从动轴\B1260200400006.41/A260200001\斗轮堆取料机\DQL2500</t>
  </si>
  <si>
    <t>【大连重工】垫\B1260200400006.42/A260200001\斗轮堆取料机\DQL2500</t>
  </si>
  <si>
    <t>【大连重工】垫\B1260200400006.45/A260200001\斗轮堆取料机\DQL2500</t>
  </si>
  <si>
    <t>【大连重工】驱动轮组\B1260200400006.46/A260200001\斗轮堆取料机\DQL2500</t>
  </si>
  <si>
    <t>【大连重工】主动轴\B1260200400006.47/A260200001\斗轮堆取料机\DQL2500</t>
  </si>
  <si>
    <t>【大连重工】透盖\B1260200400006.48/A260200001\斗轮堆取料机\DQL2500</t>
  </si>
  <si>
    <t>【大连重工】轴承座\B1260200400006.49/A260200001\斗轮堆取料机\DQL2500</t>
  </si>
  <si>
    <t>【大连重工】车轮\B1260200400006.52/A260200001\斗轮堆取料机\DQL2500</t>
  </si>
  <si>
    <t>【大连重工】端盖\B1260200400006.55/A260200001\斗轮堆取料机\DQL2500</t>
  </si>
  <si>
    <t>【大连重工】轴\B1260200400006.57/A260200001\斗轮堆取料机\DQL2500</t>
  </si>
  <si>
    <t>【大连重工】轴\B1260200400006.58/A260200001\斗轮堆取料机\DQL2500</t>
  </si>
  <si>
    <t>【大连重工】销轴\B1260200400006.61/A260200001\斗轮堆取料机\DQL2500</t>
  </si>
  <si>
    <t>【大连重工】轴\B1260200400006.62/A260200001\斗轮堆取料机\DQL2500</t>
  </si>
  <si>
    <t>【大连重工】轴\B1260200400006.63/A260200001\斗轮堆取料机\DQL2500</t>
  </si>
  <si>
    <t>【大连重工】轴\B1260200400006.64/A260200001\斗轮堆取料机\DQL2500</t>
  </si>
  <si>
    <t>【大连重工】座\B1260200400006.66/A260200001\斗轮堆取料机\DQL2500</t>
  </si>
  <si>
    <t>【大连重工】挡板\B1260200400006.67/A260200001\斗轮堆取料机\DQL2500</t>
  </si>
  <si>
    <t>【大连重工】导缆器\B1260201000006.01/A260200001\斗轮堆取料机\DQL2500</t>
  </si>
  <si>
    <t>【大连重工】导缆器\B1260201000006.03/A260200001\斗轮堆取料机\DQL2500</t>
  </si>
  <si>
    <t>【大连重工】托环\B1260202600008.07/A260200001\斗轮堆取料机\DQL2500</t>
  </si>
  <si>
    <t>【大连重工】小链\B1260202600008.11/A260200001\斗轮堆取料机\DQL2500</t>
  </si>
  <si>
    <t>【大连重工】料位计\B1260202600008.12/A260200001\斗轮堆取料机\DQL2500</t>
  </si>
  <si>
    <t>【大连重工】螺旋扣\B1260202600008.15/A260200001\斗轮堆取料机\DQL2500</t>
  </si>
  <si>
    <t>【大连重工】料斗\B1260200100017.01/A260200015\斗轮堆取料机\DQL1200</t>
  </si>
  <si>
    <t>【大连重工】胀套\B1260200100017.03/A260200015\斗轮堆取料机\DQL1200</t>
  </si>
  <si>
    <t>【大连重工】隔套\B1260200100017.04/A260200015\斗轮堆取料机\DQL1200</t>
  </si>
  <si>
    <t>【大连重工】轴承座\B1260200100017.06/A260200015\斗轮堆取料机\DQL1200</t>
  </si>
  <si>
    <t>【大连重工】隔套\B1260200100017.07/A260200015\斗轮堆取料机\DQL1200</t>
  </si>
  <si>
    <t>【大连重工】斗轮轴\B1260200100017.08.01\斗轮堆取料机\DQL1200</t>
  </si>
  <si>
    <t>【大连重工】轴承座\B1260200100017.10/A260200015\斗轮堆取料机\DQL1200</t>
  </si>
  <si>
    <t>【大连重工】销轴\C1260200100022.01/A260200015\斗轮堆取料机\DQL1200</t>
  </si>
  <si>
    <t>【大连重工】销轴\C1260200100022.02/A260200015\斗轮堆取料机\DQL1200</t>
  </si>
  <si>
    <t>【大连重工】连板\C1260200100022.03/A260200015\斗轮堆取料机\DQL1200</t>
  </si>
  <si>
    <t>【大连重工】销轴\C1260200100022.04/A260200015\斗轮堆取料机\DQL1200</t>
  </si>
  <si>
    <t>【大连重工】轴套\C1260200100022.06/A260200015\斗轮堆取料机\DQL1200</t>
  </si>
  <si>
    <t>【大连重工】销轴\C1260200100022.07/A260200015\斗轮堆取料机\DQL1200</t>
  </si>
  <si>
    <t>【大连重工】销轴\C1260200100022.08/A260200015\斗轮堆取料机\DQL1200</t>
  </si>
  <si>
    <t>【大连重工】轴套\C1260200100022.09/A260200015\斗轮堆取料机\DQL1200</t>
  </si>
  <si>
    <t>【大连重工】销轴\C1260200100022.10/A260200015\斗轮堆取料机\DQL1200</t>
  </si>
  <si>
    <t>【大连重工】销轴\C1260200100022.11/A260200015\斗轮堆取料机\DQL1200</t>
  </si>
  <si>
    <t>【大连重工】销轴\C1260200100022.12/A260200015\斗轮堆取料机\DQL1200</t>
  </si>
  <si>
    <t>【大连重工】压辊\B1260202300020.40/A260200015\斗轮堆取料机\DQL1200</t>
  </si>
  <si>
    <t>【大连重工】支座\B1260200300020.02/A260200015\斗轮堆取料机\DQL1200</t>
  </si>
  <si>
    <t>【大连重工】制动器\B1260200300020.03.01\斗轮堆取料机\DQL1200</t>
  </si>
  <si>
    <t>【大连重工】联轴器\B1260200300020.04/A260200015\斗轮堆取料机\DQL1200</t>
  </si>
  <si>
    <t>【大连重工】驱动轮组\B1260200400018.03/A260200015\斗轮堆取料机\DQL1200</t>
  </si>
  <si>
    <t>【大连重工】端盖\B1260200400018.04/A260200015\斗轮堆取料机\DQL1200</t>
  </si>
  <si>
    <t>【大连重工】隔套\B1260200400018.06/A260200015\斗轮堆取料机\DQL1200</t>
  </si>
  <si>
    <t>【大连重工】轴承座\B1260200400018.07/A260200015\斗轮堆取料机\DQL1200</t>
  </si>
  <si>
    <t>【大连重工】车轮\B1260200400018.08/A260200015\斗轮堆取料机\DQL1200</t>
  </si>
  <si>
    <t>【大连重工】密封圈\B1260200400018.09/A260200015\斗轮堆取料机\DQL1200</t>
  </si>
  <si>
    <t>【大连重工】间隔环\B1260200400018.10/A260200015\斗轮堆取料机\DQL1200</t>
  </si>
  <si>
    <t>【大连重工】密封透盖\B1260200400018.11/A260200015\斗轮堆取料机\DQL1200</t>
  </si>
  <si>
    <t>【大连重工】密封透盖\B1260200400018.12/A260200015\斗轮堆取料机\DQL1200</t>
  </si>
  <si>
    <t>【大连重工】隔套\B1260200400018.13/A260200015\斗轮堆取料机\DQL1200</t>
  </si>
  <si>
    <t>【大连重工】主动轴\B1260200400018.14/A260200015\斗轮堆取料机\DQL1200</t>
  </si>
  <si>
    <t>【大连重工】轴承座\B1260200400018.15/A260200015\斗轮堆取料机\DQL1200</t>
  </si>
  <si>
    <t>【大连重工】从动轮组\B1260200400018.17/A260200015\斗轮堆取料机\DQL1200</t>
  </si>
  <si>
    <t>【大连重工】端盖\B1260200400018.18/A260200015\斗轮堆取料机\DQL1200</t>
  </si>
  <si>
    <t>【大连重工】隔套\B1260200400018.20/A260200015\斗轮堆取料机\DQL1200</t>
  </si>
  <si>
    <t>【大连重工】轴承座\B1260200400018.21/A260200015\斗轮堆取料机\DQL1200</t>
  </si>
  <si>
    <t>【大连重工】车轮\B1260200400018.22/A260200015\斗轮堆取料机\DQL1200</t>
  </si>
  <si>
    <t>【大连重工】密封圈\B1260200400018.23/A260200015\斗轮堆取料机\DQL1200</t>
  </si>
  <si>
    <t>【大连重工】间隔环\B1260200400018.24/A260200015\斗轮堆取料机\DQL1200</t>
  </si>
  <si>
    <t>【大连重工】从动轴\B1260200400018.25/A260200015\斗轮堆取料机\DQL1200</t>
  </si>
  <si>
    <t>【大连重工】轴承座\B1260200400018.27/A260200015\斗轮堆取料机\DQL1200</t>
  </si>
  <si>
    <t>【大连重工】轴套\B1260200600027.01/A260200015\斗轮堆取料机\DQL1200</t>
  </si>
  <si>
    <t>【大连重工】轴\B1260200600027.02/A260200015\斗轮堆取料机\DQL1200</t>
  </si>
  <si>
    <t>【大连重工】挡圈\B1260200600027.03/A260200015\斗轮堆取料机\DQL1200</t>
  </si>
  <si>
    <t>【大连重工】轴\B1260200600027.04/A260200015\斗轮堆取料机\DQL1200</t>
  </si>
  <si>
    <t>【大连重工】轴套\B1260200600027.05/A260200015\斗轮堆取料机\DQL1200</t>
  </si>
  <si>
    <t>【大连重工】套环\B1260200600027.08/A260200015\斗轮堆取料机\DQL1200</t>
  </si>
  <si>
    <t>【大连重工】动滑轮组\B1260200500009.01/A260200015\斗轮堆取料机\DQL1200</t>
  </si>
  <si>
    <t>【大连重工】定滑轮组\B1260200500009.03/A260200015\斗轮堆取料机\DQL1200</t>
  </si>
  <si>
    <t>【大连重工】销轴\B1260200500009.05/A260200015\斗轮堆取料机\DQL1200</t>
  </si>
  <si>
    <t>【大连重工】挡板\B1260200500009.06/A260200015\斗轮堆取料机\DQL1200</t>
  </si>
  <si>
    <t>【大连重工】销轴\B1260200500009.08/A260200015\斗轮堆取料机\DQL1200</t>
  </si>
  <si>
    <t>【大连重工】楔形接头\B1260200500009.11/A260200015\斗轮堆取料机\DQL1200</t>
  </si>
  <si>
    <t>【大连重工】均衡梁\B1260200500009.12/A260200015\斗轮堆取料机\DQL1200</t>
  </si>
  <si>
    <t>【大连重工】座\B1260200500009.13/A260200015\斗轮堆取料机\DQL1200</t>
  </si>
  <si>
    <t>【大连重工】座\B1260200500009.14/A260200015\斗轮堆取料机\DQL1200</t>
  </si>
  <si>
    <t>【大连重工】销轴\B1260200500009.16/A260200015\斗轮堆取料机\DQL1200</t>
  </si>
  <si>
    <t>【大连重工】轴套\B1260200500009.17/A260200015\斗轮堆取料机\DQL1200</t>
  </si>
  <si>
    <t>【大连重工】销轴\B1260200500009.18/A260200015\斗轮堆取料机\DQL1200</t>
  </si>
  <si>
    <t>【大连重工】轴套\B1260200500009.19/A260200015\斗轮堆取料机\DQL1200</t>
  </si>
  <si>
    <t>【大连重工】支架\B1260201000009.03/A260200015\斗轮堆取料机\DQL1200</t>
  </si>
  <si>
    <t>【大连重工】料斗\B1260200100020.01/A260200020\斗轮堆取料机\DQL1000</t>
  </si>
  <si>
    <t>【大连重工】斗轮体\B1260200100020.02/A260200020\斗轮堆取料机\DQL1000</t>
  </si>
  <si>
    <t>【大连重工】轴承座\B1260200100020.04/A260200020\斗轮堆取料机\DQL1000</t>
  </si>
  <si>
    <t>【大连重工】斗轮轴\B1260200100020.05/A260200020\斗轮堆取料机\DQL1000</t>
  </si>
  <si>
    <t>【大连重工】轴承座\B1260200100020.08/A260200020\斗轮堆取料机\DQL1000</t>
  </si>
  <si>
    <t>【大连重工】轴\B2260200002195.01/A260200020\斗轮堆取料机\DQL1000</t>
  </si>
  <si>
    <t>【大连重工】轴\B2260200002195.02/A260200020\斗轮堆取料机\DQL1000</t>
  </si>
  <si>
    <t>【大连重工】轴\B2260200002195.03/A260200020\斗轮堆取料机\DQL1000</t>
  </si>
  <si>
    <t>【大连重工】轴\B2260200002195.05/A260200020\斗轮堆取料机\DQL1000</t>
  </si>
  <si>
    <t>【大连重工】回转限位\B1260200300024.04/A260200020\斗轮堆取料机\DQL1000</t>
  </si>
  <si>
    <t>【大连重工】从动轮组\B1260200400020.03/A260200020\斗轮堆取料机\DQL1000</t>
  </si>
  <si>
    <t>【大连重工】车轮\B1260200400020.04/A260200020\斗轮堆取料机\DQL1000</t>
  </si>
  <si>
    <t>【大连重工】轴承座\B1260200400020.05/A260200020\斗轮堆取料机\DQL1000</t>
  </si>
  <si>
    <t>【大连重工】从动轴\B1260200400020.07/A260200020\斗轮堆取料机\DQL1000</t>
  </si>
  <si>
    <t>【大连重工】驱动轮组\B1260200400020.08/A260200020\斗轮堆取料机\DQL1000</t>
  </si>
  <si>
    <t>【大连重工】主动轴\B1260200400020.09/A260200020\斗轮堆取料机\DQL1000</t>
  </si>
  <si>
    <t>【大连重工】透盖\B1260200400020.10/A260200020\斗轮堆取料机\DQL1000</t>
  </si>
  <si>
    <t>【大连重工】轴承座\B1260200400020.11/A260200020\斗轮堆取料机\DQL1000</t>
  </si>
  <si>
    <t>【大连重工】车轮\B1260200400020.14/A260200020\斗轮堆取料机\DQL1000</t>
  </si>
  <si>
    <t>【大连重工】导缆架\B2260200002372.03/A260200020\斗轮堆取料机\DQL1000</t>
  </si>
  <si>
    <t>【大连重工】油缸\B2260200002872.02/A260200020\斗轮堆取料机\DQL1000</t>
  </si>
  <si>
    <t>【大连重工】料斗\B1260200100023.03/A260200023\斗轮堆取料机\DQL1500</t>
  </si>
  <si>
    <t>【大连重工】扭力臂\B1260200100023.04/A260200023\斗轮堆取料机\DQL1500</t>
  </si>
  <si>
    <t>【大连重工】胀套\B1260200100023.08/A260200023\斗轮堆取料机\DQL1500</t>
  </si>
  <si>
    <t>【大连重工】隔套\B1260200100023.09/A260200023\斗轮堆取料机\DQL1500</t>
  </si>
  <si>
    <t>【大连重工】轴承座\B1260200100023.10/A260200023\斗轮堆取料机\DQL1500</t>
  </si>
  <si>
    <t>【大连重工】斗轮轴\B1260200100023.11/A260200023\斗轮堆取料机\DQL1500</t>
  </si>
  <si>
    <t>【大连重工】轴承座\B1260200100023.12/A260200023\斗轮堆取料机\DQL1500</t>
  </si>
  <si>
    <t>【大连重工】销轴\B1260200100023.14/A260200023\斗轮堆取料机\DQL1500</t>
  </si>
  <si>
    <t>【大连重工】斗齿\B1260200100023.17/A260200023\斗轮堆取料机\DQL1500</t>
  </si>
  <si>
    <t>【大连重工】导料槽\B1260202300024.15/A260200023\斗轮堆取料机\DQL1500</t>
  </si>
  <si>
    <t>【大连重工】斜漏斗\B1260202300024.16/A260200023\斗轮堆取料机\DQL1500</t>
  </si>
  <si>
    <t>【大连重工】防尘盖\B1260202300024.19/A260200023\斗轮堆取料机\DQL1500</t>
  </si>
  <si>
    <t>【大连重工】俯仰油缸\B1260200500012.01/A260200023\斗轮堆取料机\DQL1500</t>
  </si>
  <si>
    <t>【大连重工】轴\B1260200500012.02/A260200023\斗轮堆取料机\DQL1500</t>
  </si>
  <si>
    <t>【大连重工】轴\B1260200500012.03/A260200023\斗轮堆取料机\DQL1500</t>
  </si>
  <si>
    <t>【大连重工】轴\B1260200500012.05/A260200023\斗轮堆取料机\DQL1500</t>
  </si>
  <si>
    <t>【大连重工】挡板\B1260200500012.06/A260200023\斗轮堆取料机\DQL1500</t>
  </si>
  <si>
    <t>【大连重工】隔套\B1260200500012.07/A260200023\斗轮堆取料机\DQL1500</t>
  </si>
  <si>
    <t>【大连重工】缓冲器\B1260200400027.01/A260200023\斗轮堆取料机\DQL1500</t>
  </si>
  <si>
    <t>【大连重工】缓冲器座\B1260200400027.03/A260200023\斗轮堆取料机\DQL1500</t>
  </si>
  <si>
    <t>【大连重工】从动轮组\B1260200400027.04/A260200023\斗轮堆取料机\DQL1500</t>
  </si>
  <si>
    <t>【大连重工】车轮\B1260200400027.05/A260200023\斗轮堆取料机\DQL1500</t>
  </si>
  <si>
    <t>【大连重工】轴承座\B1260200400027.06/A260200023\斗轮堆取料机\DQL1500</t>
  </si>
  <si>
    <t>【大连重工】从动轴\B1260200400027.09/A260200023\斗轮堆取料机\DQL1500</t>
  </si>
  <si>
    <t>【大连重工】主动轮组\B1260200400027.10/A260200023\斗轮堆取料机\DQL1500</t>
  </si>
  <si>
    <t>【大连重工】齿轮\B1260200400027.12/A260200023\斗轮堆取料机\DQL1500</t>
  </si>
  <si>
    <t>【大连重工】透盖\B1260200400027.13/A260200023\斗轮堆取料机\DQL1500</t>
  </si>
  <si>
    <t>【大连重工】轴承座\B1260200400027.14/A260200023\斗轮堆取料机\DQL1500</t>
  </si>
  <si>
    <t>【大连重工】车轮\B1260200400027.16/A260200023\斗轮堆取料机\DQL1500</t>
  </si>
  <si>
    <t>【大连重工】主动轴\B1260200400027.17/A260200023\斗轮堆取料机\DQL1500</t>
  </si>
  <si>
    <t>【大连重工】端盖\B1260200400027.18/A260200023\斗轮堆取料机\DQL1500</t>
  </si>
  <si>
    <t>【大连重工】轴\B1260200400027.20/A260200023\斗轮堆取料机\DQL1500</t>
  </si>
  <si>
    <t>【大连重工】托轴\B1260200400027.21/A260200023\斗轮堆取料机\DQL1500</t>
  </si>
  <si>
    <t>【大连重工】销轴\B1260200400027.22/A260200023\斗轮堆取料机\DQL1500</t>
  </si>
  <si>
    <t>【大连重工】销轴\B1260200400027.23/A260200023\斗轮堆取料机\DQL1500</t>
  </si>
  <si>
    <t>【大连重工】夹轨器\B1260200400027.24/A260200023\斗轮堆取料机\DQL1500</t>
  </si>
  <si>
    <t>【大连重工】缓冲器\B1260200400027.26/A260200023\斗轮堆取料机\DQL1500</t>
  </si>
  <si>
    <t>【大连重工】从动轮组\B2260200004118.01/A260200039\斗轮堆取料机\DQL6000</t>
  </si>
  <si>
    <t>【大连重工】端盖\B2260200004118.02/A260200039\斗轮堆取料机\DQL6000</t>
  </si>
  <si>
    <t>【大连重工】隔套\B2260200004118.04/A260200039\斗轮堆取料机\DQL6000</t>
  </si>
  <si>
    <t>【大连重工】轴承座\B2260200004118.05/A260200039\斗轮堆取料机\DQL6000</t>
  </si>
  <si>
    <t>【大连重工】车轮\B2260200004118.06/A260200039\斗轮堆取料机\DQL6000</t>
  </si>
  <si>
    <t>【大连重工】密封圈\B2260200004118.07/A260200039\斗轮堆取料机\DQL6000</t>
  </si>
  <si>
    <t>【大连重工】间隔环\B2260200004118.08/A260200039\斗轮堆取料机\DQL6000</t>
  </si>
  <si>
    <t>【大连重工】从动轴\B2260200004118.09/A260200039\斗轮堆取料机\DQL6000</t>
  </si>
  <si>
    <t>【大连重工】轴承座\B2260200004118.11/A260200039\斗轮堆取料机\DQL6000</t>
  </si>
  <si>
    <t>【大连重工】缓冲器\B2260200004118.12/A260200039\斗轮堆取料机\DQL6000</t>
  </si>
  <si>
    <t>【大连重工】从动轮组\B2260200004118.14/A260200039\斗轮堆取料机\DQL6000</t>
  </si>
  <si>
    <t>【大连重工】端盖\B2260200004118.15/A260200039\斗轮堆取料机\DQL6000</t>
  </si>
  <si>
    <t>【大连重工】隔套\B2260200004118.17/A260200039\斗轮堆取料机\DQL6000</t>
  </si>
  <si>
    <t>【大连重工】轴承座\B2260200004118.18/A260200039\斗轮堆取料机\DQL6000</t>
  </si>
  <si>
    <t>【大连重工】车轮\B2260200004118.19/A260200039\斗轮堆取料机\DQL6000</t>
  </si>
  <si>
    <t>【大连重工】密封圈\B2260200004118.20/A260200039\斗轮堆取料机\DQL6000</t>
  </si>
  <si>
    <t>【大连重工】间隔环\B2260200004118.21/A260200039\斗轮堆取料机\DQL6000</t>
  </si>
  <si>
    <t>【大连重工】从动轴\B2260200004118.22/A260200039\斗轮堆取料机\DQL6000</t>
  </si>
  <si>
    <t>【大连重工】轴端档板\B2260200004118.23/A260200039\斗轮堆取料机\DQL6000</t>
  </si>
  <si>
    <t>【大连重工】轴承座\B2260200004118.24/A260200039\斗轮堆取料机\DQL6000</t>
  </si>
  <si>
    <t>【大连重工】端盖\B2260200004118.25/A260200039\斗轮堆取料机\DQL6000</t>
  </si>
  <si>
    <t>【大连重工】驱动轮组\B2260200004118.27/A260200039\斗轮堆取料机\DQL6000</t>
  </si>
  <si>
    <t>【大连重工】端盖\B2260200004118.28/A260200039\斗轮堆取料机\DQL6000</t>
  </si>
  <si>
    <t>【大连重工】隔套\B2260200004118.30/A260200039\斗轮堆取料机\DQL6000</t>
  </si>
  <si>
    <t>【大连重工】轴承座\B2260200004118.31/A260200039\斗轮堆取料机\DQL6000</t>
  </si>
  <si>
    <t>【大连重工】车轮\B2260200004118.32/A260200039\斗轮堆取料机\DQL6000</t>
  </si>
  <si>
    <t>【大连重工】密封圈\B2260200004118.33/A260200039\斗轮堆取料机\DQL6000</t>
  </si>
  <si>
    <t>【大连重工】间隔环\B2260200004118.34/A260200039\斗轮堆取料机\DQL6000</t>
  </si>
  <si>
    <t>【大连重工】密封透盖\B2260200004118.35/A260200039\斗轮堆取料机\DQL6000</t>
  </si>
  <si>
    <t>【大连重工】密封透盖\B2260200004118.36/A260200039\斗轮堆取料机\DQL6000</t>
  </si>
  <si>
    <t>【大连重工】隔套\B2260200004118.37/A260200039\斗轮堆取料机\DQL6000</t>
  </si>
  <si>
    <t>【大连重工】密封圈\B2260200004118.38/A260200039\斗轮堆取料机\DQL6000</t>
  </si>
  <si>
    <t>【大连重工】主动轴\B2260200004118.39/A260200039\斗轮堆取料机\DQL6000</t>
  </si>
  <si>
    <t>【大连重工】轴承座\B2260200004118.40/A260200039\斗轮堆取料机\DQL6000</t>
  </si>
  <si>
    <t>【大连重工】轴\B2260200004118.42/A260200039\斗轮堆取料机\DQL6000</t>
  </si>
  <si>
    <t>【大连重工】轴\B2260200004118.43/A260200039\斗轮堆取料机\DQL6000</t>
  </si>
  <si>
    <t>【大连重工】轴\B2260200004118.44/A260200039\斗轮堆取料机\DQL6000</t>
  </si>
  <si>
    <t>【大连重工】轴\B2260200004118.45/A260200039\斗轮堆取料机\DQL6000</t>
  </si>
  <si>
    <t>【大连重工】轴\B2260200004118.46/A260200039\斗轮堆取料机\DQL6000</t>
  </si>
  <si>
    <t>【大连重工】轴\B2260200004118.47/A260200039\斗轮堆取料机\DQL6000</t>
  </si>
  <si>
    <t>【大连重工】轴\B2260200004118.48/A260200039\斗轮堆取料机\DQL6000</t>
  </si>
  <si>
    <t>【大连重工】轴\B2260200004118.49/A260200039\斗轮堆取料机\DQL6000</t>
  </si>
  <si>
    <t>【大连重工】轴\B2260200004118.50/A260200039\斗轮堆取料机\DQL6000</t>
  </si>
  <si>
    <t>【大连重工】轴套\B2260200004118.51/A260200039\斗轮堆取料机\DQL6000</t>
  </si>
  <si>
    <t>【大连重工】轴\B2260200004118.52/A260200039\斗轮堆取料机\DQL6000</t>
  </si>
  <si>
    <t>【大连重工】轴套\B2260200004118.53/A260200039\斗轮堆取料机\DQL6000</t>
  </si>
  <si>
    <t>【大连重工】轴\B2260200004118.54/A260200039\斗轮堆取料机\DQL6000</t>
  </si>
  <si>
    <t>【大连重工】料斗\B2260200004121.04/A260200039\斗轮堆取料机\DQL6000</t>
  </si>
  <si>
    <t>【大连重工】导缆器\B2260200004125.02/A260200039\斗轮堆取料机\DQL6000</t>
  </si>
  <si>
    <t>【大连重工】导缆器\B2260200004131.02/A260200039\斗轮堆取料机\DQL6000</t>
  </si>
  <si>
    <t>【大连重工】料斗\B1260200100017.01/A260200053\斗轮堆取料机\DQL1200</t>
  </si>
  <si>
    <t>【大连重工】胀套\B1260200100017.03/A260200053\斗轮堆取料机\DQL1200</t>
  </si>
  <si>
    <t>【大连重工】隔套\B1260200100017.04/A260200053\斗轮堆取料机\DQL1200</t>
  </si>
  <si>
    <t>【大连重工】压盖\B1260200100017.05/A260200053\斗轮堆取料机\DQL1200</t>
  </si>
  <si>
    <t>【大连重工】轴承座\B1260200100017.07.01\斗轮堆取料机\DQL1200</t>
  </si>
  <si>
    <t>【大连重工】隔套\B1260200100017.08/A260200053\斗轮堆取料机\DQL1200</t>
  </si>
  <si>
    <t>【大连重工】轴承座\B1260200100017.11/A260200053\斗轮堆取料机\DQL1200</t>
  </si>
  <si>
    <t>【大连重工】压辊\B1260202300029.40/A260200053\斗轮堆取料机\DQL1200</t>
  </si>
  <si>
    <t>【大连重工】制动器\B1260200300020.02/A260200053\斗轮堆取料机\DQL1200</t>
  </si>
  <si>
    <t>【大连重工】联轴器\B1260200300020.03/A260200053\斗轮堆取料机\DQL1200</t>
  </si>
  <si>
    <t>【大连重工】驱动轮组\B1260200400044.03/A260200053\斗轮堆取料机\DQL1200</t>
  </si>
  <si>
    <t>【大连重工】端盖\B1260200400044.04/A260200053\斗轮堆取料机\DQL1200</t>
  </si>
  <si>
    <t>【大连重工】隔套\B1260200400044.06/A260200053\斗轮堆取料机\DQL1200</t>
  </si>
  <si>
    <t>【大连重工】轴承座\B1260200400044.07/A260200053\斗轮堆取料机\DQL1200</t>
  </si>
  <si>
    <t>【大连重工】车轮\B1260200400044.08/A260200053\斗轮堆取料机\DQL1200</t>
  </si>
  <si>
    <t>【大连重工】密封圈\B1260200400044.09/A260200053\斗轮堆取料机\DQL1200</t>
  </si>
  <si>
    <t>【大连重工】间隔环\B1260200400044.10/A260200053\斗轮堆取料机\DQL1200</t>
  </si>
  <si>
    <t>【大连重工】密封透盖\B1260200400044.11/A260200053\斗轮堆取料机\DQL1200</t>
  </si>
  <si>
    <t>【大连重工】密封透盖\B1260200400044.12/A260200053\斗轮堆取料机\DQL1200</t>
  </si>
  <si>
    <t>【大连重工】隔套\B1260200400044.13/A260200053\斗轮堆取料机\DQL1200</t>
  </si>
  <si>
    <t>【大连重工】主动轴\B1260200400044.14/A260200053\斗轮堆取料机\DQL1200</t>
  </si>
  <si>
    <t>【大连重工】轴承座\B1260200400044.15/A260200053\斗轮堆取料机\DQL1200</t>
  </si>
  <si>
    <t>【大连重工】从动轮组\B1260200400044.17/A260200053\斗轮堆取料机\DQL1200</t>
  </si>
  <si>
    <t>【大连重工】端盖\B1260200400044.18/A260200053\斗轮堆取料机\DQL1200</t>
  </si>
  <si>
    <t>【大连重工】隔套\B1260200400044.20/A260200053\斗轮堆取料机\DQL1200</t>
  </si>
  <si>
    <t>【大连重工】轴承座\B1260200400044.21/A260200053\斗轮堆取料机\DQL1200</t>
  </si>
  <si>
    <t>【大连重工】车轮\B1260200400044.22/A260200053\斗轮堆取料机\DQL1200</t>
  </si>
  <si>
    <t>【大连重工】密封圈\B1260200400044.23/A260200053\斗轮堆取料机\DQL1200</t>
  </si>
  <si>
    <t>【大连重工】间隔环\B1260200400044.24/A260200053\斗轮堆取料机\DQL1200</t>
  </si>
  <si>
    <t>【大连重工】从动轴\B1260200400044.25/A260200053\斗轮堆取料机\DQL1200</t>
  </si>
  <si>
    <t>【大连重工】轴承座\B1260200400044.27/A260200053\斗轮堆取料机\DQL1200</t>
  </si>
  <si>
    <t>【大连重工】销轴\B1260200400044.34/A260200053\斗轮堆取料机\DQL1200</t>
  </si>
  <si>
    <t>【大连重工】挡板\B1260200400044.35/A260200053\斗轮堆取料机\DQL1200</t>
  </si>
  <si>
    <t>【大连重工】销轴\B1260200400044.37/A260200053\斗轮堆取料机\DQL1200</t>
  </si>
  <si>
    <t>【大连重工】楔形接头\B1260200400044.40/A260200053\斗轮堆取料机\DQL1200</t>
  </si>
  <si>
    <t>【大连重工】均衡梁\B1260200400044.41/A260200053\斗轮堆取料机\DQL1200</t>
  </si>
  <si>
    <t>【大连重工】座\B1260200400044.42/A260200053\斗轮堆取料机\DQL1200</t>
  </si>
  <si>
    <t>【大连重工】座\B1260200400044.43/A260200053\斗轮堆取料机\DQL1200</t>
  </si>
  <si>
    <t>【大连重工】销轴\B1260200400044.45/A260200053\斗轮堆取料机\DQL1200</t>
  </si>
  <si>
    <t>【大连重工】轴套\B1260200400044.46/A260200053\斗轮堆取料机\DQL1200</t>
  </si>
  <si>
    <t>【大连重工】销轴\B1260200400044.47/A260200053\斗轮堆取料机\DQL1200</t>
  </si>
  <si>
    <t>【大连重工】轴套\B1260200400044.48/A260200053\斗轮堆取料机\DQL1200</t>
  </si>
  <si>
    <t>【大连重工】垫圈\B1260200400044.49/A260200053\斗轮堆取料机\DQL1200</t>
  </si>
  <si>
    <t>【大连重工】缓冲器\B1260200400044.50/A260200053\斗轮堆取料机\DQL1200</t>
  </si>
  <si>
    <t>【大连重工】调整板\B1260200100108.05/A260200128\斗轮堆取料机\DQL1000</t>
  </si>
  <si>
    <t>【大连重工】调整板\B1260200100108.06/A260200128\斗轮堆取料机\DQL1000</t>
  </si>
  <si>
    <t>【大连重工】销轴\B1260200100108.07/A260200128\斗轮堆取料机\DQL1000</t>
  </si>
  <si>
    <t>【大连重工】销轴\B1260200100108.08/A260200128\斗轮堆取料机\DQL1000</t>
  </si>
  <si>
    <t>【大连重工】缓冲器\B1260200400111.01/A260200128\斗轮堆取料机\DQL1000</t>
  </si>
  <si>
    <t>【大连重工】夹轨器装置\B1260200400111.02/A260200128\斗轮堆取料机\DQL1000</t>
  </si>
  <si>
    <t>【大连重工】从动轮组\B1260200400111.03/A260200128\斗轮堆取料机\DQL1000</t>
  </si>
  <si>
    <t>【大连重工】车轮\B1260200400111.04/A260200128\斗轮堆取料机\DQL1000</t>
  </si>
  <si>
    <t>【大连重工】端盖\B1260200400111.05/A260200128\斗轮堆取料机\DQL1000</t>
  </si>
  <si>
    <t>【大连重工】从动轴\B1260200400111.06/A260200128\斗轮堆取料机\DQL1000</t>
  </si>
  <si>
    <t>【大连重工】油封\B1260200400111.07/A260200128\斗轮堆取料机\DQL1000</t>
  </si>
  <si>
    <t>【大连重工】轴承座\B1260200400111.08/A260200128\斗轮堆取料机\DQL1000</t>
  </si>
  <si>
    <t>【大连重工】端盖\B1260200400111.11/A260200128\斗轮堆取料机\DQL1000</t>
  </si>
  <si>
    <t>【大连重工】垫片\B1260200400111.12/A260200128\斗轮堆取料机\DQL1000</t>
  </si>
  <si>
    <t>【大连重工】轴\B1260200400111.13/A260200128\斗轮堆取料机\DQL1000</t>
  </si>
  <si>
    <t>【大连重工】驱动轮组\B1260200400111.14/A260200128\斗轮堆取料机\DQL1000</t>
  </si>
  <si>
    <t>【大连重工】车轮\B1260200400111.15/A260200128\斗轮堆取料机\DQL1000</t>
  </si>
  <si>
    <t>【大连重工】通盖\B1260200400111.16/A260200128\斗轮堆取料机\DQL1000</t>
  </si>
  <si>
    <t>【大连重工】油封\B1260200400111.17/A260200128\斗轮堆取料机\DQL1000</t>
  </si>
  <si>
    <t>【大连重工】主动轴\B1260200400111.18/A260200128\斗轮堆取料机\DQL1000</t>
  </si>
  <si>
    <t>【大连重工】油封\B1260200400111.19/A260200128\斗轮堆取料机\DQL1000</t>
  </si>
  <si>
    <t>【大连重工】轴承座\B1260200400111.20/A260200128\斗轮堆取料机\DQL1000</t>
  </si>
  <si>
    <t>【大连重工】轴端挡板\B1260200400111.22/A260200128\斗轮堆取料机\DQL1000</t>
  </si>
  <si>
    <t>【大连重工】端盖\B1260200400111.23/A260200128\斗轮堆取料机\DQL1000</t>
  </si>
  <si>
    <t>【大连重工】从动轮组\B1260200400111.26/A260200128\斗轮堆取料机\DQL1000</t>
  </si>
  <si>
    <t>【大连重工】车轮\B1260200400111.27/A260200128\斗轮堆取料机\DQL1000</t>
  </si>
  <si>
    <t>【大连重工】端盖\B1260200400111.28/A260200128\斗轮堆取料机\DQL1000</t>
  </si>
  <si>
    <t>【大连重工】从动轴\B1260200400111.29/A260200128\斗轮堆取料机\DQL1000</t>
  </si>
  <si>
    <t>【大连重工】油封\B1260200400111.30/A260200128\斗轮堆取料机\DQL1000</t>
  </si>
  <si>
    <t>【大连重工】轴承座\B1260200400111.31/A260200128\斗轮堆取料机\DQL1000</t>
  </si>
  <si>
    <t>【大连重工】轴端挡板\B1260200400111.33/A260200128\斗轮堆取料机\DQL1000</t>
  </si>
  <si>
    <t>【大连重工】端盖\B1260200400111.35/A260200128\斗轮堆取料机\DQL1000</t>
  </si>
  <si>
    <t>【大连重工】销轴\B1260200400111.37/A260200128\斗轮堆取料机\DQL1000</t>
  </si>
  <si>
    <t>【大连重工】销轴\B1260200400111.38/A260200128\斗轮堆取料机\DQL1000</t>
  </si>
  <si>
    <t>【大连重工】销轴\B1260200400111.39/A260200128\斗轮堆取料机\DQL1000</t>
  </si>
  <si>
    <t>【大连重工】轴\B1260200400111.40/A260200128\斗轮堆取料机\DQL1000</t>
  </si>
  <si>
    <t>【大连重工】销轴\B1260200400111.41/A260200128\斗轮堆取料机\DQL1000</t>
  </si>
  <si>
    <t>【大连重工】销轴\B1260200400111.42/A260200128\斗轮堆取料机\DQL1000</t>
  </si>
  <si>
    <t>【大连重工】销轴\B1260200400111.43/A260200128\斗轮堆取料机\DQL1000</t>
  </si>
  <si>
    <t>【大连重工】销轴\B1260200400111.44/A260200128\斗轮堆取料机\DQL1000</t>
  </si>
  <si>
    <t>【大连重工】销轴\B1260200400111.45/A260200128\斗轮堆取料机\DQL1000</t>
  </si>
  <si>
    <t>【大连重工】销轴\B1260200400111.46/A260200128\斗轮堆取料机\DQL1000</t>
  </si>
  <si>
    <t>【大连重工】销轴\B1260200400111.47/A260200128\斗轮堆取料机\DQL1000</t>
  </si>
  <si>
    <t>【大连重工】套\B1260200500069.04/A260200128\斗轮堆取料机\DQL1000</t>
  </si>
  <si>
    <t>【大连重工】轴\B1260200500069.05/A260200128\斗轮堆取料机\DQL1000</t>
  </si>
  <si>
    <t>【大连重工】套\B1260200500069.06/A260200128\斗轮堆取料机\DQL1000</t>
  </si>
  <si>
    <t>【大连重工】轴\B1260200500069.07/A260200128\斗轮堆取料机\DQL1000</t>
  </si>
  <si>
    <t>【大连重工】缓冲床\B1260200200103.30/A260200128\斗轮堆取料机\DQL1000</t>
  </si>
  <si>
    <t>【大连重工】转角装置\B1260200200103.36/A260200128\斗轮堆取料机\DQL1000</t>
  </si>
  <si>
    <t>【大连重工】补油限位\B1260201600098.08/A260200128\斗轮堆取料机\DQL1000</t>
  </si>
  <si>
    <t>【大连重工】摘钩限位\B1260201600098.10/A260200128\斗轮堆取料机\DQL1000</t>
  </si>
  <si>
    <t>【大连重工】回转轴承\B1260800300001.01/A260800001\斗轮堆取料机\DQGY1000.55</t>
  </si>
  <si>
    <t>【大连重工】回转轴承\B1260800300001.02/A260800001\斗轮堆取料机\DQGY1000.55</t>
  </si>
  <si>
    <t>【大连重工】透盖\B1260800700001.02/A260800001\斗轮堆取料机\DQGY1000.55</t>
  </si>
  <si>
    <t>【大连重工】套\B1260800700001.03/A260800001\斗轮堆取料机\DQGY1000.55</t>
  </si>
  <si>
    <t>【大连重工】端盖\B1260800700001.04/A260800001\斗轮堆取料机\DQGY1000.55</t>
  </si>
  <si>
    <t>【大连重工】套\B1260800700001.05/A260800001\斗轮堆取料机\DQGY1000.55</t>
  </si>
  <si>
    <t>【大连重工】轴\B1260800700001.06/A260800001\斗轮堆取料机\DQGY1000.55</t>
  </si>
  <si>
    <t>【大连重工】从动轮组\B1260800700001.07/A260800001\斗轮堆取料机\DQGY1000.55</t>
  </si>
  <si>
    <t>【大连重工】车轮\B1260800700001.07-1/A260800001\斗轮堆取料机\DQGY1000.55</t>
  </si>
  <si>
    <t>【大连重工】端盖\B1260800700001.07-2/A260800001\斗轮堆取料机\DQGY1000.55</t>
  </si>
  <si>
    <t>【大连重工】轴承座\B1260800700001.07-3/A260800001\斗轮堆取料机\DQGY1000.55</t>
  </si>
  <si>
    <t>【大连重工】从动轴\B1260800700001.07-6/A260800001\斗轮堆取料机\DQGY1000.55</t>
  </si>
  <si>
    <t>【大连重工】驱动轮组\B2260800000246/A260800001\斗轮堆取料机\DQGY1000.55</t>
  </si>
  <si>
    <t>【大连重工】车轮\B2260800000246.01/A260800001\斗轮堆取料机\DQGY1000.55</t>
  </si>
  <si>
    <t>【大连重工】端盖\B2260800000246.02/A260800001\斗轮堆取料机\DQGY1000.55</t>
  </si>
  <si>
    <t>【大连重工】轴承座\B2260800000246.03/A260800001\斗轮堆取料机\DQGY1000.55</t>
  </si>
  <si>
    <t>【大连重工】主动轴\B2260800000246.06/A260800001\斗轮堆取料机\DQGY1000.55</t>
  </si>
  <si>
    <t>【大连重工】透盖\B2260800000246.10/A260800001\斗轮堆取料机\DQGY1000.55</t>
  </si>
  <si>
    <t>【大连重工】从动轮组\B2260800000247/A260800001\斗轮堆取料机\DQGY1000.55</t>
  </si>
  <si>
    <t>【大连重工】车轮\B2260800000247.01/A260800001\斗轮堆取料机\DQGY1000.55</t>
  </si>
  <si>
    <t>【大连重工】端盖\B2260800000247.02/A260800001\斗轮堆取料机\DQGY1000.55</t>
  </si>
  <si>
    <t>【大连重工】轴承座\B2260800000247.03/A260800001\斗轮堆取料机\DQGY1000.55</t>
  </si>
  <si>
    <t>【大连重工】从动轴\B2260800000247.06/A260800001\斗轮堆取料机\DQGY1000.55</t>
  </si>
  <si>
    <t>【大连重工】透盖\B2260800000247.10/A260800001\斗轮堆取料机\DQGY1000.55</t>
  </si>
  <si>
    <t>【大连重工】轴\B2260800000247.11/A260800001\斗轮堆取料机\DQGY1000.55</t>
  </si>
  <si>
    <t>【大连重工】传感器\B1260800900001.01/A260800001\斗轮堆取料机\DQGY1000.55</t>
  </si>
  <si>
    <t>【大连重工】套环\B1260800900001.02/A260800001\斗轮堆取料机\DQGY1000.55</t>
  </si>
  <si>
    <t>【大连重工】滑轮轴\B1260800900001.03/A260800001\斗轮堆取料机\DQGY1000.55</t>
  </si>
  <si>
    <t>【大连重工】轴套\B1260800900001.07/A260800001\斗轮堆取料机\DQGY1000.55</t>
  </si>
  <si>
    <t>【大连重工】滑轮轴\B1260800900001.08/A260800001\斗轮堆取料机\DQGY1000.55</t>
  </si>
  <si>
    <t>【大连重工】刮板悬挂\B1260800900001.09/A260800001\斗轮堆取料机\DQGY1000.55</t>
  </si>
  <si>
    <t>【大连重工】俯仰油缸\B1260800800002.03/A260800001\斗轮堆取料机\DQGY1000.55</t>
  </si>
  <si>
    <t>【大连重工】油缸隔套\B1260800800002.04/A260800001\斗轮堆取料机\DQGY1000.55</t>
  </si>
  <si>
    <t>【大连重工】轴\B1260800800002.05/A260800001\斗轮堆取料机\DQGY1000.55</t>
  </si>
  <si>
    <t>【大连重工】轴\B1260800800002.06/A260800001\斗轮堆取料机\DQGY1000.55</t>
  </si>
  <si>
    <t>【大连重工】导向轨道\B1260801000001.06/A260800001\斗轮堆取料机\DQGY1000.55</t>
  </si>
  <si>
    <t>【大连重工】斗齿\B880888379/A260200039\斗轮堆取料机\DQL6000</t>
  </si>
  <si>
    <t>【大连重工】斗齿\B880888505/A260200128\斗轮堆取料机\DQL1000</t>
  </si>
  <si>
    <t>【大连重工】斗齿\B8808887775/A260200001\斗轮堆取料机\DQL2500</t>
  </si>
  <si>
    <t>【大连重工】斗齿\B8808887486/A260200015\斗轮堆取料机\DQL1200</t>
  </si>
  <si>
    <t>【大连重工】刮板齿\B8508882372/A260800001\斗轮堆取料机\DQGY1000.55</t>
  </si>
  <si>
    <t>【大连重工】制动器\B1270100100107.01\翻车机\FZ1-2A</t>
  </si>
  <si>
    <t>【大连重工】减速机\B1270100100107.02\翻车机\FZ1-2A</t>
  </si>
  <si>
    <t>【大连重工】齿轮\B1270100100107.03\翻车机\FZ1-2A</t>
  </si>
  <si>
    <t>【大连重工】轴\B1270100100107.04\翻车机\FZ1-2A</t>
  </si>
  <si>
    <t>【大连重工】联轴器\B1270100100107.05\翻车机\FZ1-2A</t>
  </si>
  <si>
    <t>【大连重工】联轴器\B1270100100107.07\翻车机\FZ1-2A</t>
  </si>
  <si>
    <t>【大连重工】缓冲器\B1270100100107.08\翻车机\FZ1-2A</t>
  </si>
  <si>
    <t>【大连重工】轴套\B1270100100107.09\翻车机\FZ1-2A</t>
  </si>
  <si>
    <t>【大连重工】齿块\B1270100200104.01.01\翻车机\FZ1-2A</t>
  </si>
  <si>
    <t>【大连重工】端环钢轨\B1270100200104.01\翻车机\FZ1-2A</t>
  </si>
  <si>
    <t>【大连重工】压板组\B1270100200104.02\翻车机\FZ1-2A</t>
  </si>
  <si>
    <t>【大连重工】前梁体\B2270100000091\翻车机\FZ1-2A</t>
  </si>
  <si>
    <t>【大连重工】磨耗板\B1270100600110.01\翻车机\FZ1-2A</t>
  </si>
  <si>
    <t>【大连重工】支撑杆\B1270100600110.02\翻车机\FZ1-2A</t>
  </si>
  <si>
    <t>【大连重工】振动器\F101220001.01\翻车机\FZ1-2A</t>
  </si>
  <si>
    <t>【大连重工】振动箱\F101220001.02\翻车机\FZ1-2A</t>
  </si>
  <si>
    <t>【大连重工】振动器\F101220001.03\翻车机\FZ1-2A</t>
  </si>
  <si>
    <t>【大连重工】油缸\B1270100900002.01\翻车机\FZ1-2A</t>
  </si>
  <si>
    <t>【大连重工】液压缸\B1270100900002.02\翻车机\FZ1-2A</t>
  </si>
  <si>
    <t>【大连重工】耳环\B1270100900002.03\翻车机\FZ1-2A</t>
  </si>
  <si>
    <t>【大连重工】油缸\B1270100900002.05\翻车机\FZ1-2A</t>
  </si>
  <si>
    <t>【大连重工】油缸\B1270100900002.06\翻车机\FZ1-2A</t>
  </si>
  <si>
    <t>【大连重工】油缸\B1270100900002.07\翻车机\FZ1-2A</t>
  </si>
  <si>
    <t>【大连重工】油缸\B1270100900002.08\翻车机\FZ1-2A</t>
  </si>
  <si>
    <t>【大连重工】销轴\B1270100900002.09\翻车机\FZ1-2A</t>
  </si>
  <si>
    <t>【大连重工】夹紧架\B1270100900002.10\翻车机\FZ1-2A</t>
  </si>
  <si>
    <t>【大连重工】缓冲垫\B1270100900002.13\翻车机\FZ1-2A</t>
  </si>
  <si>
    <t>【大连重工】平缘辊\B1270101500103.04\翻车机\FZ1-2A</t>
  </si>
  <si>
    <t>【大连重工】单向阀\B1270101800102.01\翻车机\FZ1-2A</t>
  </si>
  <si>
    <t>【大连重工】胶管接头\B1270101800102.02\翻车机\FZ1-2A</t>
  </si>
  <si>
    <t>【大连重工】胶管接头\B1270101800102.03\翻车机\FZ1-2A</t>
  </si>
  <si>
    <t>【大连重工】胶管接头\B1270101800102.04\翻车机\FZ1-2A</t>
  </si>
  <si>
    <t>【大连重工】胶管接头\B1270101800102.05\翻车机\FZ1-2A</t>
  </si>
  <si>
    <t>【大连重工】胶管接头\B1270101800102.06\翻车机\FZ1-2A</t>
  </si>
  <si>
    <t>【大连重工】胶管接头\B1270101800102.07\翻车机\FZ1-2A</t>
  </si>
  <si>
    <t>【大连重工】胶管接头\B1270101800102.08\翻车机\FZ1-2A</t>
  </si>
  <si>
    <t>【大连重工】胶管接头\B1270101800102.09\翻车机\FZ1-2A</t>
  </si>
  <si>
    <t>【大连重工】弹性轮组\F101110001.01-1\翻车机\ZD-5000</t>
  </si>
  <si>
    <t>【大连重工】走行轮\F101110001.01-13\翻车机\ZD-5000</t>
  </si>
  <si>
    <t>【大连重工】联轴器\B1270200200104.01\翻车机\ZD-5000</t>
  </si>
  <si>
    <t>【大连重工】制动盘\B1270200200104.02\翻车机\ZD-5000</t>
  </si>
  <si>
    <t>【大连重工】支架\B1270200200104.03\翻车机\ZD-5000</t>
  </si>
  <si>
    <t>【大连重工】减速机\B1270200200104.04\翻车机\ZD-5000</t>
  </si>
  <si>
    <t>【大连重工】制动器\B1270200200104.06\翻车机\ZD-5000</t>
  </si>
  <si>
    <t>【大连重工】电机\B1270200200104.07\翻车机\ZD-5000</t>
  </si>
  <si>
    <t>【大连重工】缓冲器\G380000125\翻车机\ZD-5000</t>
  </si>
  <si>
    <t>【大连重工】齿轮\F101030002.01-1\翻车机\ZD-5000</t>
  </si>
  <si>
    <t>【大连重工】编码器\F101030002.01-2\翻车机\ZD-5000</t>
  </si>
  <si>
    <t>【大连重工】胶管接头\B1270200300105.01\翻车机\ZD-5000</t>
  </si>
  <si>
    <t>【大连重工】胶管接头\B1270200300105.03\翻车机\ZD-5000</t>
  </si>
  <si>
    <t>【大连重工】胶管接头\B1270200300105.04\翻车机\ZD-5000</t>
  </si>
  <si>
    <t>【大连重工】固定轮\F101110003\翻车机\ZD-5000</t>
  </si>
  <si>
    <t>【大连重工】轴\F101110003.04\翻车机\ZD-5000</t>
  </si>
  <si>
    <t>【大连重工】液压缸\B1270200500105.01\翻车机\ZD-5000</t>
  </si>
  <si>
    <t>【大连重工】大臂套\B1270200500105.03\翻车机\ZD-5000</t>
  </si>
  <si>
    <t>【大连重工】大臂套\B1270200500105.05\翻车机\ZD-5000</t>
  </si>
  <si>
    <t>【大连重工】联轴器\B1270200500105.06\翻车机\ZD-5000</t>
  </si>
  <si>
    <t>【大连重工】油缸\B1270200500105.07\翻车机\ZD-5000</t>
  </si>
  <si>
    <t>【大连重工】大臂套\B1270200500105.08\翻车机\ZD-5000</t>
  </si>
  <si>
    <t>【大连重工】大臂套\B1270200500105.09\翻车机\ZD-5000</t>
  </si>
  <si>
    <t>【大连重工】传动轴\B1270200500105.10\翻车机\ZD-5000</t>
  </si>
  <si>
    <t>【大连重工】大臂套\B1270200500105.11\翻车机\ZD-5000</t>
  </si>
  <si>
    <t>【大连重工】大臂轴\B1270200500105.12\翻车机\ZD-5000</t>
  </si>
  <si>
    <t>【大连重工】车钩\B1270200500105.13\翻车机\ZD-5000</t>
  </si>
  <si>
    <t>【大连重工】钩尾销\B1270200500105.14\翻车机\ZD-5000</t>
  </si>
  <si>
    <t>【大连重工】缓冲垫\B1270200500105.15\翻车机\ZD-5000</t>
  </si>
  <si>
    <t>【大连重工】缓冲隔板\B1270200500105.16\翻车机\ZD-5000</t>
  </si>
  <si>
    <t>【大连重工】缓冲隔板\B1270200500105.17\翻车机\ZD-5000</t>
  </si>
  <si>
    <t>【大连重工】导向盖\B1270200500105.19\翻车机\ZD-5000</t>
  </si>
  <si>
    <t>【大连重工】大臂套\B1270200500105.21\翻车机\ZD-5000</t>
  </si>
  <si>
    <t>【大连重工】回转臂\B1270200500105.22\翻车机\ZD-5000</t>
  </si>
  <si>
    <t>【大连重工】大臂套\B1270200500105.23\翻车机\ZD-5000</t>
  </si>
  <si>
    <t>【大连重工】导向轮轴\F101110002.01\翻车机\ZD-5000</t>
  </si>
  <si>
    <t>【大连重工】导轮\F101110002.03\翻车机\ZD-5000</t>
  </si>
  <si>
    <t>【大连重工】液压缸\A270200004.02\翻车机\ZD-5000</t>
  </si>
  <si>
    <t>【大连重工】耳环\A270200004.03\翻车机\ZD-5000</t>
  </si>
  <si>
    <t>【大连重工】电液推杆\A270200004.04\翻车机\ZD-5000</t>
  </si>
  <si>
    <t>【大连重工】电机\A270200004.05\翻车机\ZD-5000</t>
  </si>
  <si>
    <t>【大连重工】支架\A270500004.01\翻车机\ZD-5000</t>
  </si>
  <si>
    <t>【大连重工】导轨\A270500004.02\翻车机\ZD-5000</t>
  </si>
  <si>
    <t>【大连重工】齿块\A270500004.04\翻车机\ZD-5000</t>
  </si>
  <si>
    <t>【大连重工】弹性轮组\F100260001\翻车机\KD-1500</t>
  </si>
  <si>
    <t>【大连重工】轴\F100260001.01-1\翻车机\KD-1500</t>
  </si>
  <si>
    <t>【大连重工】走行轮\F100260001.02-1\翻车机\KD-1500</t>
  </si>
  <si>
    <t>【大连重工】固定轮\F101130004\翻车机\KD-1500</t>
  </si>
  <si>
    <t>【大连重工】导向轮装置\B1270300300001\翻车机\KD-1500</t>
  </si>
  <si>
    <t>【大连重工】导向轮\B1270300300001.06\翻车机\KD-1500</t>
  </si>
  <si>
    <t>【大连重工】齿轮\B1270200200104.05\翻车机\ZD-5000</t>
  </si>
  <si>
    <t>【大连重工】胶管接头\B1270200200104.09\翻车机\KD-1500</t>
  </si>
  <si>
    <t>【大连重工】缓冲垫\B1270300700002.01\翻车机\KD-1500</t>
  </si>
  <si>
    <t>【大连重工】车钩\B1270300700002.02\翻车机\KD-1500</t>
  </si>
  <si>
    <t>【大连重工】齿块\A270600004.04\翻车机\KD-1500</t>
  </si>
  <si>
    <t>【大连重工】车轮\B1270400100001.01\翻车机\QC-1</t>
  </si>
  <si>
    <t>【大连重工】轴\B1270400100001.02\翻车机\QC-1</t>
  </si>
  <si>
    <t>【大连重工】齿轮\B2270400000059.01\翻车机\QC-1</t>
  </si>
  <si>
    <t>【大连重工】联轴器\B2270400000059.02\翻车机\QC-1</t>
  </si>
  <si>
    <t>【大连重工】减速机\B2270400000059.03\翻车机\QC-1</t>
  </si>
  <si>
    <t>【大连重工】制动器\B2270400000059.04\翻车机\QC-1</t>
  </si>
  <si>
    <t>【大连重工】联轴器\B2270400000059.05\翻车机\QC-1</t>
  </si>
  <si>
    <t>【大连重工】联轴器\B2270400000059.06\翻车机\QC-1</t>
  </si>
  <si>
    <t>【大连重工】同步轴\B2270400000059.07\翻车机\QC-1</t>
  </si>
  <si>
    <t>【大连重工】联轴器\B2270400000059.08\翻车机\QC-1</t>
  </si>
  <si>
    <t>【大连重工】同步轴\B2270400000059.09\翻车机\QC-1</t>
  </si>
  <si>
    <t>【大连重工】轴套\B2270400000059.10\翻车机\QC-1</t>
  </si>
  <si>
    <t>【大连重工】缓冲器\B1270400400001.01\翻车机\QC-1</t>
  </si>
  <si>
    <t>【大连重工】油缸\B1270400600001.01\翻车机\QC-1</t>
  </si>
  <si>
    <t>【大连重工】耳环\B1270400600001.02\翻车机\QC-1</t>
  </si>
  <si>
    <t>【大连重工】销轴\B2270400000040\翻车机\QC-1</t>
  </si>
  <si>
    <t>【大连重工】滚子\E130000001\翻车机\QC-1</t>
  </si>
  <si>
    <t>【大连重工】电缆滑车\A270400004.01\翻车机\QC-1</t>
  </si>
  <si>
    <t>【大连重工】胶管接头\A270400004.02\翻车机\QC-1</t>
  </si>
  <si>
    <t>【大连重工】止挡器\ZDQ-1\翻车机\AZ-1</t>
  </si>
  <si>
    <t>【大连重工】减速机\B2270100002074.02\翻车机\FZ1-2B</t>
  </si>
  <si>
    <t>【大连重工】齿轮\B2270100002074.03\翻车机\FZ1-2B</t>
  </si>
  <si>
    <t>【大连重工】联轴器\B2270100002074.07\翻车机\FZ1-2B</t>
  </si>
  <si>
    <t>【大连重工】齿块\B2270100002074.10\翻车机\FZ1-2B</t>
  </si>
  <si>
    <t>【大连重工】支腿\B1270100700126.02\翻车机\FZ1-2B</t>
  </si>
  <si>
    <t>【大连重工】振动箱\B1270100700126.05\翻车机\FZ1-2B</t>
  </si>
  <si>
    <t>【大连重工】凸缘辊\B2270100000546.05-1\翻车机\FZ1-2B</t>
  </si>
  <si>
    <t>【大连重工】平缘辊\B2270100000546.25\翻车机\FZ1-2B</t>
  </si>
  <si>
    <t>【大连重工】连接座\F101110007.02\翻车机\ZD-5000</t>
  </si>
  <si>
    <t>【大连重工】弹簧座\F101110007.03\翻车机\ZD-5000</t>
  </si>
  <si>
    <t>【大连重工】弹簧\F101110007.06\翻车机\ZD-5000</t>
  </si>
  <si>
    <t>【大连重工】固定座\F101110007.07\翻车机\ZD-5000</t>
  </si>
  <si>
    <t>【大连重工】挡板\F101110007.08\翻车机\ZD-5000</t>
  </si>
  <si>
    <t>【大连重工】支撑轴\F101110007.09\翻车机\ZD-5000</t>
  </si>
  <si>
    <t>【大连重工】轴套\F101110007.11\翻车机\ZD-5000</t>
  </si>
  <si>
    <t>【大连重工】轴\F101110007.14\翻车机\ZD-5000</t>
  </si>
  <si>
    <t>【大连重工】轴套\F101110007.15\翻车机\ZD-5000</t>
  </si>
  <si>
    <t>【大连重工】套\F101110007.17\翻车机\ZD-5000</t>
  </si>
  <si>
    <t>【大连重工】制动盘\B1270200200171.02\翻车机\ZD-5000</t>
  </si>
  <si>
    <t>【大连重工】齿轮\B1270200200171.05\翻车机\ZD-5000</t>
  </si>
  <si>
    <t>【大连重工】缓冲器\A270200121.01\翻车机\ZD-5000</t>
  </si>
  <si>
    <t>【大连重工】齿轮\B2270200000524.01\翻车机\ZD-5000</t>
  </si>
  <si>
    <t>【大连重工】端盖\B1270200500103.03\翻车机\ZD-5000</t>
  </si>
  <si>
    <t>【大连重工】上半毂\B1270200500103.04\翻车机\ZD-5000</t>
  </si>
  <si>
    <t>【大连重工】拉杆\B1270200500103.18\翻车机\ZD-5000</t>
  </si>
  <si>
    <t>【大连重工】导向轮\B2270200000666\翻车机\ZD-5000</t>
  </si>
  <si>
    <t>【大连重工】端板\B2270200000666.01\翻车机\ZD-5000</t>
  </si>
  <si>
    <t>【大连重工】挡圈\B2270200000666.07\翻车机\ZD-5000</t>
  </si>
  <si>
    <t>【大连重工】销轴\F101050001.03\翻车机\ZD-5000</t>
  </si>
  <si>
    <t>【大连重工】电液推杆\A270200121.02\翻车机\ZD-5000</t>
  </si>
  <si>
    <t>【大连重工】电机\A270200121.03\翻车机\ZD-5000</t>
  </si>
  <si>
    <t>【大连重工】支腿\F101130005.06\翻车机\KD-1500</t>
  </si>
  <si>
    <t>【大连重工】走行轮\F101130005.09\翻车机\KD-1500</t>
  </si>
  <si>
    <t>【大连重工】弹簧底座\F101130005.16\翻车机\KD-1500</t>
  </si>
  <si>
    <t>【大连重工】止动板\F101130005.20\翻车机\KD-1500</t>
  </si>
  <si>
    <t>【大连重工】导向轮\B1270300300006\翻车机\KD-1500</t>
  </si>
  <si>
    <t>【大连重工】压板\B1270300300006.02\翻车机\KD-1500</t>
  </si>
  <si>
    <t>【大连重工】挡圈\B1270300300006.07\翻车机\KD-1500</t>
  </si>
  <si>
    <t>【大连重工】端帽\B1270300300006.08\翻车机\KD-1500</t>
  </si>
  <si>
    <t>【大连重工】罩\B1270200200171.02.01\翻车机\KD-1500</t>
  </si>
  <si>
    <t>【大连重工】制动器\B1270200200171.08\翻车机\KD-1500</t>
  </si>
  <si>
    <t>【大连重工】接头体\B1270200200171.11\翻车机\KD-1500</t>
  </si>
  <si>
    <t>【大连重工】轴销\B1270300700010.04\翻车机\KD-1500</t>
  </si>
  <si>
    <t>【大连重工】缓冲垫\B1270300700010.08\翻车机\KD-1500</t>
  </si>
  <si>
    <t>【大连重工】连接板\B2270300000004.01\翻车机\KD-1500</t>
  </si>
  <si>
    <t>【大连重工】清扫板\B2270300000004.03\翻车机\KD-1500</t>
  </si>
  <si>
    <t>【大连重工】杠杆\B1270400300001.02\翻车机\QC-1</t>
  </si>
  <si>
    <t>【大连重工】轴套\B1270400300001.03\翻车机\QC-1</t>
  </si>
  <si>
    <t>【大连重工】杠杆\B1270400300001.08\翻车机\QC-1</t>
  </si>
  <si>
    <t>【大连重工】涨轮器梁\B1270400300001.10\翻车机\QC-1</t>
  </si>
  <si>
    <t>【大连重工】压板座\A270400121.01\翻车机\QC-1</t>
  </si>
  <si>
    <t>【大连重工】滚动止挡\B1270400800001</t>
  </si>
  <si>
    <t>【大连重工】轴承盖\B2270100001236.06\翻车机\FZ1-2B</t>
  </si>
  <si>
    <t>【大连重工】油缸\B1270700200010.01\翻车机\JLQ-1</t>
  </si>
  <si>
    <t>【大连重工】胶管接头\B1270700200010.02\翻车机\JLQ-1</t>
  </si>
  <si>
    <t>【大连重工】挡块\A270900142.02\翻车机\AZ-1</t>
  </si>
  <si>
    <t>【大连重工】弹簧座\A270900142.03\翻车机\AZ-1</t>
  </si>
  <si>
    <t>【大连重工】弹簧\A270900142.04\翻车机\AZ-1</t>
  </si>
  <si>
    <t>【大连重工】固定座\B2270900000010.01\翻车机\AZ-1</t>
  </si>
  <si>
    <t>【大连重工】齿轮\A270900142.32\翻车机\AZ-1</t>
  </si>
  <si>
    <t>【大连重工】减速机\B1270100100164.02\翻车机\FZ1-2A</t>
  </si>
  <si>
    <t>【大连重工】减速机\B1270200200141.04\翻车机\ZD-5000</t>
  </si>
  <si>
    <t>【大连重工】减速机\B2270400000498.03\翻车机\QC-1</t>
  </si>
  <si>
    <t>【大连重工】齿块\A270900143.06\翻车机\AZ-1</t>
  </si>
  <si>
    <t>【大连重工】油缸\B1270100900008.01\翻车机\FZ1-2A</t>
  </si>
  <si>
    <t>【大连重工】液压缸\B1270100900008.02\翻车机\FZ1-2A</t>
  </si>
  <si>
    <t>【大连重工】齿轮\B1270200200162.05\翻车机\ZD-5000</t>
  </si>
  <si>
    <t>【大连重工】液压缸\B1270200500147.01\翻车机\ZD-5000</t>
  </si>
  <si>
    <t>【大连重工】油缸\B1270200500147.08\翻车机\ZD-5000</t>
  </si>
  <si>
    <t>【大连重工】液压缸\F101050001.01\翻车机\ZD-5000</t>
  </si>
  <si>
    <t>【大连重工】减速机\B2270400000538.03\翻车机\QC-1</t>
  </si>
  <si>
    <t>【大连重工】减速机\B1270300600016.04\翻车机\ZD-5000</t>
  </si>
  <si>
    <t>【大连重工】减速机\B1270300600016.05.01\翻车机\KD-1500</t>
  </si>
  <si>
    <t>【大连重工】油缸\B1270100900012.01\翻车机\FZ1-2B</t>
  </si>
  <si>
    <t>【大连重工】液压缸\B1270100900012.02\翻车机\FZ1-2B</t>
  </si>
  <si>
    <t>【大连重工】减速机\B1270100100211.02\翻车机\FZ2-3</t>
  </si>
  <si>
    <t>【大连重工】齿轮\B1270100100211.03\翻车机\FZ2-3</t>
  </si>
  <si>
    <t>【大连重工】齿块\B1270100100211.10\翻车机\FZ2-3</t>
  </si>
  <si>
    <t>【大连重工】油缸\B2270100002622.01\翻车机\FZ2-3</t>
  </si>
  <si>
    <t>【大连重工】液压缸\B2270200001533.01\翻车机\ZD-5000</t>
  </si>
  <si>
    <t>【大连重工】油缸\B1270100900022.01\翻车机\FZ1-2A</t>
  </si>
  <si>
    <t>【大连重工】大臂曲杆\B1270200500243.02\翻车机\ZD-5000</t>
  </si>
  <si>
    <t>【大连重工】制动轮\B1270100100141.08\翻车机\FZ2-2</t>
  </si>
  <si>
    <t>【大连重工】凸缘辊\B1270101500109.01\翻车机\FZ2-2</t>
  </si>
  <si>
    <t>【大连重工】靠板体\B1270100700119.01\翻车机\FZ2-2</t>
  </si>
  <si>
    <t>【大连重工】夹紧臂\B1270100700119.02\翻车机\FZ2-2</t>
  </si>
  <si>
    <t>【大连重工】油缸\B1270100700119.05\翻车机\FZ2-2</t>
  </si>
  <si>
    <t>【大连重工】销轴\B1270100700119.14\翻车机\FZ2-2</t>
  </si>
  <si>
    <t>【大连重工】销轴\B1270100700119.16\翻车机\FZ2-2</t>
  </si>
  <si>
    <t>【大连重工】端环轨道\B2270100000948.01\翻车机\FZ2-2</t>
  </si>
  <si>
    <t>【大连重工】缓冲器\B2270100000927.01\翻车机\FZ2-2</t>
  </si>
  <si>
    <t>【大连重工】弹簧\B2270100000746.02\翻车机\FZ2-2</t>
  </si>
  <si>
    <t>【大连重工】弹性轮\B2270200000266\翻车机\ZD-5000</t>
  </si>
  <si>
    <t>【大连重工】拉杆\B2270200000065.05\翻车机\ZD-5000</t>
  </si>
  <si>
    <t>【大连重工】拉杆\B2270200000065.06\翻车机\ZD-5000</t>
  </si>
  <si>
    <t>【大连重工】传动轴\B2270200000065.07\翻车机\ZD-5000</t>
  </si>
  <si>
    <t>【大连重工】拉杆\B2270200000065.10\翻车机\ZD-5000</t>
  </si>
  <si>
    <t>【大连重工】驱动臂\B2270200000065.12\翻车机\ZD-5000</t>
  </si>
  <si>
    <t>【大连重工】车钩\B2270200000065.13\翻车机\ZD-5000</t>
  </si>
  <si>
    <t>【大连重工】胶管接头\B1270200300103.01\翻车机\ZD-5000</t>
  </si>
  <si>
    <t>【大连重工】胶管接头\B1270200300103.02\翻车机\ZD-5000</t>
  </si>
  <si>
    <t>【大连重工】胶管接头\B1270200300103.03\翻车机\ZD-5000</t>
  </si>
  <si>
    <t>【大连重工】胶管接头\B1270200300103.04\翻车机\ZD-5000</t>
  </si>
  <si>
    <t>【大连重工】齿轮\B1270400200006.01\翻车机\QC-1</t>
  </si>
  <si>
    <t>【大连重工】液压缸\B1270400300001.01\翻车机\QC-1</t>
  </si>
  <si>
    <t>【大连重工】减速机\B2270100000874.05\翻车机\FZ2-3</t>
  </si>
  <si>
    <t>【大连重工】油缸\B2270100000880.03\翻车机\FZ2-3</t>
  </si>
  <si>
    <t>【大连重工】缓冲器\A270100100.01\翻车机\FZ2-3</t>
  </si>
  <si>
    <t>【大连重工】油缸\B1270200500129.01\翻车机\ZD-5000</t>
  </si>
  <si>
    <t>【大连重工】油缸\B1270400600006.01\翻车机\QC-1</t>
  </si>
  <si>
    <t>【大连重工】端环轨道\B2270100000399.01\翻车机\FZ2-2</t>
  </si>
  <si>
    <t>【大连重工】减速机\B2270200000266.08\翻车机\ZD-5000</t>
  </si>
  <si>
    <t>【大连重工】油缸\A270100140.03.05\翻车机\FZ2-3</t>
  </si>
  <si>
    <t>【大连重工】油缸\A270100140.03.07\翻车机\FZ2-3</t>
  </si>
  <si>
    <t>【大连重工】油缸\A270200140.05\翻车机\ZD-5000</t>
  </si>
  <si>
    <t>【大连重工】液压缸\A270400140.06\翻车机\QC-1</t>
  </si>
  <si>
    <t>【大连重工】减速机\A270200215.03.03\翻车机\ZD-5000</t>
  </si>
  <si>
    <t>【远光瑞翔】步进电机驱动器\WGDJ04011\智能在线全水分仪\WS-M808\国产</t>
  </si>
  <si>
    <t>【远光瑞翔】步进电机\WGDJ04020\智能在线全水分仪\WS-M808\国产</t>
  </si>
  <si>
    <t>【远光瑞翔】步进电机驱动器\WGDJ04021\智能在线全水分仪\WS-M808\国产</t>
  </si>
  <si>
    <t>【远光瑞翔】步进电机\WGDJ04024\智能在线全水分仪\WS-M808\国产</t>
  </si>
  <si>
    <t>【远光瑞翔】步进电机驱动器\WGDJ04025\智能在线全水分仪\WS-M806\国产</t>
  </si>
  <si>
    <t>【远光瑞翔】减速电机\WGDJ03003\自动测硫仪\WS-S600\国产</t>
  </si>
  <si>
    <t>【远光瑞翔】减速电机\WGDJ03002\碳氢氮元素分析仪\WS-CHN800\国产</t>
  </si>
  <si>
    <t>【远光瑞翔】散热风机\J238-7242\AC220V 300W</t>
  </si>
  <si>
    <t>【远光瑞翔】磁性开关\AL-11R-02/CS1-J\国产</t>
  </si>
  <si>
    <t>【远光瑞翔】压力开关\QPM11-NC\螺纹\国产</t>
  </si>
  <si>
    <t>【远光瑞翔】接近开关\E2E-X1C1\国产</t>
  </si>
  <si>
    <t>【远光瑞翔】接近开关\LJ8A3-2-Z/BX\国产</t>
  </si>
  <si>
    <t>【远光瑞翔】接近开关\SB03-1K-G\国产</t>
  </si>
  <si>
    <t>【远光瑞翔】节流阀\AS1002F-04\自动测硫仪\WS-S206\国产</t>
  </si>
  <si>
    <t>【远光瑞翔】电磁阀\SY5220-5LZD-01\3×2.5mm\AC220V\IP54\0-1MPa\国产</t>
  </si>
  <si>
    <t>【远光瑞翔】超温保护板\WS6.672.105\智能在线全水分仪\WS-M806\国产</t>
  </si>
  <si>
    <t>【远光瑞翔】联合制样主体模块\LHZYZZJ\联合制样机组\WS-280×360SX</t>
  </si>
  <si>
    <t>【远光瑞翔】联合制样卸料模块\LHZYXLZJ\联合制样机组\WS-280×360SX</t>
  </si>
  <si>
    <t>【远光瑞翔】密封锤式破碎模块\MFCSPSZJ\密封锤式破碎缩分机\WSS-K250×360AD</t>
  </si>
  <si>
    <t>【远光瑞翔】密封锤式缩分模块\MFCSSFZJ\密封锤式破碎缩分机\WSS-K250×360AD</t>
  </si>
  <si>
    <t>【远光瑞翔】密封双辊破碎模块\MFSGPSZJ\密封双辊破碎机\WS-DS200×75</t>
  </si>
  <si>
    <t>【远光瑞翔】锤刀湿煤破碎模块\MFSMPSZJ\锤刀湿煤破碎机\WS-400×260B</t>
  </si>
  <si>
    <t>【远光瑞翔】标准振筛模块\BZZSZJ\标准振筛机\WS-MF200B</t>
  </si>
  <si>
    <t>【远光瑞翔】变频旋转缩分模块\BPXZSFZJ\变频旋转缩分机\WS-BS500M</t>
  </si>
  <si>
    <t>【远光瑞翔】快速压紧制样粉碎模块\KSYJZYFSZJ\快速压紧制样粉碎机\WS-K100A/B</t>
  </si>
  <si>
    <t>【远光瑞翔】可磨模块\QZDHSKMZJ\全自动哈氏可磨性指数测定仪\WS-HM60A\国产</t>
  </si>
  <si>
    <t>【远光瑞翔】除尘主模块\ZNBPCCZZJ\智能除尘控制系统\WS-SDRS\远光瑞翔\国产</t>
  </si>
  <si>
    <t>【远光瑞翔】除尘管道模块\ZNBPCCGDZJ\智能除尘控制系统\WS-SDRS\远光瑞翔\国产</t>
  </si>
  <si>
    <t>【远光瑞翔】除尘单元模块\ZNBPCCDYZJ\智能除尘控制系统\WS-SDRS\远光瑞翔\国产</t>
  </si>
  <si>
    <t>【远光瑞翔】控制模块\ZNYPGKZZJ\智能存样柜组\WS-Y100\国产</t>
  </si>
  <si>
    <t>【远光瑞翔】智能样品柜样品模块\ZNYPGYPZJ\智能存样柜组\WS-Y100\国产</t>
  </si>
  <si>
    <t>【远光瑞翔】全密封二分器\WS-86B\联合制样机组\WS-280×360SX</t>
  </si>
  <si>
    <t>【远光瑞翔】样品模块\G408YPZJ\全自动工业分析仪\WS-G408\国产</t>
  </si>
  <si>
    <t>【远光瑞翔】转动模块\G408ZDZJ\全自动工业分析仪\WS-G408\国产</t>
  </si>
  <si>
    <t>【远光瑞翔】控制模块\G408KZZJ\全自动工业分析仪\WS-G408\国产</t>
  </si>
  <si>
    <t>【远光瑞翔】样品模块\G608YPZJ\全自动工业分析仪\WS-G408\国产</t>
  </si>
  <si>
    <t>【远光瑞翔】转动模块\G608ZDZJ\全自动工业分析仪\WS-G408\国产</t>
  </si>
  <si>
    <t>【远光瑞翔】控制模块\G608KZZJ\全自动工业分析仪\WS-G408\国产</t>
  </si>
  <si>
    <t>【远光瑞翔】送样模块\F800SYZJ\智能灰熔融性测试仪\WS-F800\国产</t>
  </si>
  <si>
    <t>【远光瑞翔】炉膛模块\F800LTZJ\智能灰熔融性测试仪\WS-F800\国产</t>
  </si>
  <si>
    <t>【远光瑞翔】控制模块\ZDLRYC806KZZJ\自动量热仪\WS-C806\国产</t>
  </si>
  <si>
    <t>【远光瑞翔】送样模块\QZDSFCSYM813SYZJ\智能在线全水分仪\WS-M813\国产</t>
  </si>
  <si>
    <t>【远光瑞翔】烘干模块\QZDSFCSYM813HGZJ\智能在线全水分仪\WS-M813\国产</t>
  </si>
  <si>
    <t>【远光瑞翔】温控模块\QZDSFCSYM813WKZJ\智能在线全水分仪\WS-M813\国产</t>
  </si>
  <si>
    <t>【远光瑞翔】燃烧模块\QZDSFCSYM702RSZJ\全自动水分仪\WS-M702\国产</t>
  </si>
  <si>
    <t>【远光瑞翔】控制模块\QZDSFCSYM702KZZJ\全自动水分仪\WS-M702\国产</t>
  </si>
  <si>
    <t>【远光瑞翔】烘干模块\ZNDRGFGZXHGZJ\智能电热鼓风干燥箱\WS-M110L</t>
  </si>
  <si>
    <t>【远光瑞翔】干燥箱控制模块\ZNDRGFGZXKZZJ\智能电热鼓风干燥箱\WS-M110L</t>
  </si>
  <si>
    <t>【远光瑞翔】温控模块\QZDHWTLYCS800WKZJ\全自动红外碳硫仪\WS-CS800\国产</t>
  </si>
  <si>
    <t>【远光瑞翔】燃烧模块\QZDHWTLYCS800RSZJ\全自动红外碳硫仪\WS-CS800\国产</t>
  </si>
  <si>
    <t>【远光瑞翔】送样模块\QZDHWTLYCS800SYZJ\全自动红外碳硫仪\WS-CS800\国产</t>
  </si>
  <si>
    <t>【远光瑞翔】温控模块\QZDHWCLYS808WKZJ\全自动红外测硫仪\WS-S808\国产</t>
  </si>
  <si>
    <t>【远光瑞翔】燃烧模块\QZDHWCLYS808RSZJ\全自动红外测硫仪\WS-S808\国产</t>
  </si>
  <si>
    <t>【远光瑞翔】送样模块\QZDHWCLYS808SYZJ\全自动红外测硫仪\WS-S808\国产</t>
  </si>
  <si>
    <t>【远光瑞翔】温控模块\ZDCLYS208WKZJ\自动测硫仪\WS-S208\国产</t>
  </si>
  <si>
    <t>【远光瑞翔】燃烧模块\ZDCLYS208RSZJ\自动测硫仪\WS-S208\国产</t>
  </si>
  <si>
    <t>【远光瑞翔】元素测试碳模块\YSCSTZJ\碳氢氮元素分析仪\WS-CHN800\国产</t>
  </si>
  <si>
    <t>【远光瑞翔】元素测试氢模块\YSCSQZJ\碳氢氮元素分析仪\WS-CHN800\国产</t>
  </si>
  <si>
    <t>【远光瑞翔】元素测试氮模块\YSCSDZJ\碳氢氮元素分析仪\WS-CHN800\国产</t>
  </si>
  <si>
    <t>【湖南三德】O型密封圈\φ4.5×2.65\氟橡胶</t>
  </si>
  <si>
    <t>【湖南三德】安装卡\SDCHN536-V2.01\碳氢氮元素分析仪\SDCHN536\国产</t>
  </si>
  <si>
    <t>【湖南三德】传感器主控卡\SDCHN536-V4.00\碳氢氮元素分析仪\SDCHN536\国产</t>
  </si>
  <si>
    <t>【湖南三德】U形石英管\SDCHN536.03-005\碳氢氮元素分析仪\SDCHN536\国产</t>
  </si>
  <si>
    <t>【湖南三德】通气石英管\SDCHN536.03.01-001\碳氢氮元素分析仪\SDCHN536\国产</t>
  </si>
  <si>
    <t>【远光瑞翔】燃烧模块\ZDLRYC806RSZJ\自动量热仪\WS-C806\国产</t>
  </si>
  <si>
    <t>【远光瑞翔】联合制样上料模块\LHZYSLZJ\联合制样机组\WS-280×360SX</t>
  </si>
  <si>
    <t>【远光瑞翔】控制模块\F800KZZJ\智能灰熔融性测试仪\WS-F800\国产</t>
  </si>
  <si>
    <t>【远光瑞翔】二分器\WS-86\联合制样机组\WS-280×360SX</t>
  </si>
  <si>
    <t>【湖南三德】坩埚\SDCHN536-GG\碳氢氮元素分析仪\SDCHN536\国产</t>
  </si>
  <si>
    <t>【湖南三德】金属过滤网\SDS350.07-005-A1\碳氢氮元素分析仪\SDCHN536\国产</t>
  </si>
  <si>
    <t>【湖南三德】快插接头\PL06G-01C\碳氢氮元素分析仪\SDCHN536\国产</t>
  </si>
  <si>
    <t>【湖南三德】快插接头\PL04-M5C\碳氢氮元素分析仪\SDCHN536\国产</t>
  </si>
  <si>
    <t>【湖南三德】快插接头\PC06G-01C\碳氢氮元素分析仪\SDCHN536\国产</t>
  </si>
  <si>
    <t>【湖南三德】快插接头\PC06-M6C\碳氢氮元素分析仪\SDCHN536\国产</t>
  </si>
  <si>
    <t>【湖南三德】直流风扇\SDCHN536.120×120×25 24V\碳氢氮元素分析仪\SDCHN536\国产</t>
  </si>
  <si>
    <t>【湖南三德】直流风扇\SDCHN536.60×60×15\碳氢氮元素分析仪\SDCHN536\国产</t>
  </si>
  <si>
    <t>【湖南三德】横流风机\SDCHN536.PCD-03019A24-3B\碳氢氮元素分析仪\SDCHN536\国产</t>
  </si>
  <si>
    <t>【湖南三德】两位三通电磁阀\SDCHN536.V2A-AA-AE\碳氢氮元素分析仪\SDCHN536\国产</t>
  </si>
  <si>
    <t>【湖南三德】两位三通电磁阀\SDCHN536.FAG31-8-4-12C-3\碳氢氮元素分析仪\SDCHN536\国产</t>
  </si>
  <si>
    <t>【湖南三德】两位两通电磁阀\SDCHN536.11.01\碳氢氮元素分析仪\SDCHN536\国产</t>
  </si>
  <si>
    <t>【湖南三德】固态继电器\SDCHN536.MGR-1-D4825\碳氢氮元素分析仪\SDCHN536\国产</t>
  </si>
  <si>
    <t>【湖南三德】按钮开关\GQ25-22ZE\碳氢氮元素分析仪\SDCHN536\国产</t>
  </si>
  <si>
    <t>【湖南三德】特氟龙管\φ4×φ6\碳氢氮元素分析仪\SDCHN536\国产</t>
  </si>
  <si>
    <t>【湖南三德】组合炉炉体\SDCHN536.03-006\碳氢氮元素分析仪\SDCHN536\国产</t>
  </si>
  <si>
    <t>【湖南三德】还原炉炉体\SDCHN536.04-005\碳氢氮元素分析仪\SDCHN536\国产</t>
  </si>
  <si>
    <t>【湖南三德】热电偶\SDCHN536.03-026\碳氢氮元素分析仪\SDCHN536\国产</t>
  </si>
  <si>
    <t>【湖南三德】热电偶\SDCHN536.04-016\碳氢氮元素分析仪\SDCHN536\国产</t>
  </si>
  <si>
    <t>【湖南三德】石英棉条\380×20×15-20g\碳氢氮元素分析仪\SDCHN536\国产</t>
  </si>
  <si>
    <t>【湖南三德】氧弹\SDYD-S8T\量热仪\SDAC6000\国产</t>
  </si>
  <si>
    <t>【湖南三德】氧弹芯\SDYD-S8T-X\量热仪\SDAC6000\国产</t>
  </si>
  <si>
    <t>【湖南三德】坩埚支架\SDYD-S8T-ZJ\量热仪\SDAC6000\国产</t>
  </si>
  <si>
    <t>【湖南三德】绝缘套\SDYD-S8T-JYR\量热仪\SDAC6000\国产</t>
  </si>
  <si>
    <t>【湖南三德】控温模块\ZJ72008-199\量热仪\SDAC6000\国产</t>
  </si>
  <si>
    <t>【湖南三德】控温模块\SHX72008-199\量热仪\SDAC6000\国产</t>
  </si>
  <si>
    <t>【湖南三德】LED安装卡\SDTGA6000LED-V1.00\量热仪\SDAC6000\国产</t>
  </si>
  <si>
    <t>【湖南三德】TEC温控卡\SDTGA6000TEC-V1.02\量热仪\SDAC6000\国产</t>
  </si>
  <si>
    <t>【湖南三德】电极杆组件\SDAC6000.02.01-013-A1\量热仪\SDAC6000\国产</t>
  </si>
  <si>
    <t>【湖南三德】串口卡\MC2322\工业分析仪\SDTGA8000\国产</t>
  </si>
  <si>
    <t>【湖南三德】镊子\300\碳氢氮元素分析仪\SDCHN536\国产</t>
  </si>
  <si>
    <t>【湖南三德】电源开关\GQ25-22ZE\量热仪\SDAC6000\国产</t>
  </si>
  <si>
    <t>【湖南三德】卤素氧弹\SDYD-S6TX\量热仪\SDAC6000\国产</t>
  </si>
  <si>
    <t>【湖南三德】主板卡\SDIS401-V1.00\红外定硫仪\SDIS401\国产</t>
  </si>
  <si>
    <t>【湖南三德】ADDA卡\SDIS401-V1.01\红外定硫仪\SDIS401\国产</t>
  </si>
  <si>
    <t>【湖南三德】燃烧外管\SDIS401.03.01-008\红外定硫仪\SDIS401\国产</t>
  </si>
  <si>
    <t>【湖南三德】燃烧内管\SDIS401.03.01-007\红外定硫仪\SDIS401\国产</t>
  </si>
  <si>
    <t>【湖南三德】送样杆\SDIS401.SYG1002\红外定硫仪\SDIS401\国产</t>
  </si>
  <si>
    <t>【湖南三德】钩子\SDIS401.SYG-002\红外定硫仪\SDIS401\国产</t>
  </si>
  <si>
    <t>【湖南三德】铰链\CL226-3\红外定硫仪\SDIS401\国产</t>
  </si>
  <si>
    <t>【湖南三德】主控卡\SDTGA6000V-V1.01\工业分析仪\SDTGA6000V\国产</t>
  </si>
  <si>
    <t>【湖南三德】高温炉压板橡胶圈\SDTGA8000.09-005\工业分析仪\SDTGA8000\国产</t>
  </si>
  <si>
    <t>【湖南三德】震荡腔正体\SDPP1×100t-ZDQ\制样粉碎机\SDPP1×100t\国产</t>
  </si>
  <si>
    <t>【湖南三德】震荡腔正体\SDPP2×100t-ZDQ\制样粉碎机\SDPP2×100t\国产</t>
  </si>
  <si>
    <t>【湖南三德】震荡腔正体\SDPP3×100t-ZDQ\制样粉碎机\SDPP3×100t\国产</t>
  </si>
  <si>
    <t>【湖南三德】压紧机构组件\SDPP1×100t-YJJG\制样粉碎机\SDPP1×100t\国产</t>
  </si>
  <si>
    <t>【湖南三德】压紧机构组件\SDPP2×100t-YJJG\制样粉碎机\SDPP2×100t\国产</t>
  </si>
  <si>
    <t>【湖南三德】压紧机构组件\SDPP3×100t-YJJG\制样粉碎机\SDPP3×100t\国产</t>
  </si>
  <si>
    <t>【湖南三德】联轴器\SDPP1×100t.01.LZQ-A2\制样粉碎机\SDPP1×100t\国产</t>
  </si>
  <si>
    <t>【湖南三德】联轴器\SDPP2(3)×100t.02.LZQ-A2\制样粉碎机\SDPP2×100t\国产</t>
  </si>
  <si>
    <t>【湖南三德】竖直支撑弹簧\SDPP1×100t-42×165\制样粉碎机\SDPP1×100t\国产</t>
  </si>
  <si>
    <t>【湖南三德】卡爪支撑弹簧\SDPP2(3)×100t-16×40\制样粉碎机\SDPP2×100t\国产</t>
  </si>
  <si>
    <t>【湖南三德】门碰\SY5-1001-2V\红外定硫仪\SDIS401\国产</t>
  </si>
  <si>
    <t>【湖南三德】拉手\LS509-90\红外定硫仪\SDIS401\国产</t>
  </si>
  <si>
    <t>【湖南三德】锤头转子总成\SDHD(C)150t-A1\锤式破碎机\SDHD150t\国产</t>
  </si>
  <si>
    <t>【湖南三德】B型皮带\SDHD150t-B-1800\锤式破碎机\SDHD150t\国产</t>
  </si>
  <si>
    <t>【湖南三德】B型皮带\SDHD150t-B-1600\锤式破碎机\SDHC150t\国产</t>
  </si>
  <si>
    <t>【湖南三德】接料斗\SD-DX-03\锤式破碎机\SDHC150t\国产</t>
  </si>
  <si>
    <t>【湖南三德】筛板\SD-QT-26 3\锤式破碎机\SDHD150t\国产</t>
  </si>
  <si>
    <t>【湖南三德】筛板\SD-QT-27 6\锤式破碎机\SDHD150t\国产</t>
  </si>
  <si>
    <t>【湖南三德】筛板\D-QT-28 13\锤式破碎机\SDHD150t\国产</t>
  </si>
  <si>
    <t>【湖南三德】二级缩分组件\SD-ESF-01\锤式破碎机\SDHD150t\国产</t>
  </si>
  <si>
    <t>【湖南三德】弃料斗\SD-DX-12\锤式破碎机\SDHD150t\国产</t>
  </si>
  <si>
    <t>【湖南三德】留料斗\SD-DX-13\锤式破碎机\SDHD150t\国产</t>
  </si>
  <si>
    <t>【湖南三德】拉紧弹簧\SDPP2(3)×100t.06.01-A1\制样粉碎机\SDPP2×100t\国产</t>
  </si>
  <si>
    <t>【湖南三德】三相异步电机\SDPP1×100t.Y2-100L\制样粉碎机\SDPP1×100t\国产</t>
  </si>
  <si>
    <t>【湖南三德】一级缩分组件\SD-YSF-01\锤式破碎机\SDHD150t\国产</t>
  </si>
  <si>
    <t>【湖南三德】减速电机\SDHD150t.CV22-200-15s\锤式破碎机\SDHD150t\国产</t>
  </si>
  <si>
    <t>【湖南三德】三相异步电机\SDHD150t.Y112M-4-JB9619-1\锤式破碎机\SDHD150t\国产</t>
  </si>
  <si>
    <t>【湖南三德】行程开关\ME-8111\锤式破碎机\SDHD150t\国产</t>
  </si>
  <si>
    <t>【湖南三德】空气压缩泵\20-23L/min\工业分析仪\SDTGA6000\国产</t>
  </si>
  <si>
    <t>【湖南三德】锰钢颚板\φ320×155×40 φ350×147×35\颚式破碎机\SDJC150×125a\国产</t>
  </si>
  <si>
    <t>【湖南三德】锰钢动颚板\φ321×100×22\颚式破碎机\SDJC100×60a\国产</t>
  </si>
  <si>
    <t>【湖南三德】液压杆\400N 20×15\制样粉碎机\SDPP\国产</t>
  </si>
  <si>
    <t>【湖南三德】O型密封圈\φ37.5×3.55mm\氟橡胶</t>
  </si>
  <si>
    <t>【湖南三德】O型密封圈\φ31×2.65mm\氟橡胶</t>
  </si>
  <si>
    <t>【湖南三德】O型密封圈\φ40×2.65mm\氟橡胶</t>
  </si>
  <si>
    <t>【湖南三德】O型密封圈\φ68×2.65mm\氟橡胶</t>
  </si>
  <si>
    <t>【湖南三德】O型密封圈\φ38.7×1.8mm\氟橡胶</t>
  </si>
  <si>
    <t>【湖南三德】O型密封圈\φ6×2.65mm\氟橡胶</t>
  </si>
  <si>
    <t>【湖南三德】电磁阀\SDC5015\量热仪\SDC5015\国产</t>
  </si>
  <si>
    <t>【湖南三德】O型密封圈\φ4.5×1.8mm\氟橡胶</t>
  </si>
  <si>
    <t>【湖南三德】点火电极杆\SDACM4000\量热仪\SDACM4000\国产</t>
  </si>
  <si>
    <t>【湖南三德】微型充氧器\SDSCY15\量热仪\SDC-TY\国产</t>
  </si>
  <si>
    <t>【湖南三德】秤样杆\SDTGA6000A.05-002\工业分析仪\SDTGA6000\国产</t>
  </si>
  <si>
    <t>【湖南三德】开关电源\PU-75-24\AC220V\DC24V\0.35A</t>
  </si>
  <si>
    <t>【湖南三德】抽气泵\ACO-208ZZ\定硫仪\SDS616\国产</t>
  </si>
  <si>
    <t>【湖南三德】O型密封圈\φ5×1.8mm\氟橡胶</t>
  </si>
  <si>
    <t>【湖南三德】硅钼棒\TCL1800-790W-6.1V\灰熔融性测试仪 SDAF105a\进口</t>
  </si>
  <si>
    <t>【湖南三德】压力传感器\P265-30A-D4B\三德\国产</t>
  </si>
  <si>
    <t>【湖南三德】压力传感器\MPX2050D\三德\国产</t>
  </si>
  <si>
    <t>【湖南三德】温度继电器\JUC-6F-80℃\DC36V\0.5A\国产</t>
  </si>
  <si>
    <t>【湖南三德】温度继电器\JUC-6F-70℃\DC36V\0.5A\国产</t>
  </si>
  <si>
    <t>【湖南三德】开关电源\LRS-150-24\AC220V\DC24V\0.68A</t>
  </si>
  <si>
    <t>【湖南三德】开关电源\RSP-200-24\AC220V\DC24V\0.08A</t>
  </si>
  <si>
    <t>【湖南三德】开关电源\LRS-350-24\AC220V\DC24V\1.6A</t>
  </si>
  <si>
    <t>【湖南三德】贴膜按键\SDIDB413-005-A1\智能马弗炉\SDIDB413</t>
  </si>
  <si>
    <t>【湖南三德】硅碳管隔垫片\SDS350.06-018-A1\定硫仪\SDS350\国产</t>
  </si>
  <si>
    <t>【湖南三德】隔垫\SDS616.05-012-A2\定硫仪\SDS616\国产</t>
  </si>
  <si>
    <t>【湖南三德】弹性膜片联轴器\DJM01-014-016\环保振筛机\SDNS300t\国产</t>
  </si>
  <si>
    <t>【湖南三德】中柱\SDYDS6T-005-A3\量热仪\SDAC6000\国产</t>
  </si>
  <si>
    <t>【湖南三德】中柱\SDYDS8T-002-A1\量热仪\SDAC6000\国产</t>
  </si>
  <si>
    <t>【湖南三德】主控卡\SDLA-V2.01\工业分析仪\SDLA\国产</t>
  </si>
  <si>
    <t>【湖南三德】特氟龙管\φ5×φ8\定硫仪\SDS350\国产</t>
  </si>
  <si>
    <t>【湖南三德】特氟龙管\φ8×φ10\定硫仪\SDS350\国产</t>
  </si>
  <si>
    <t>【湖南三德】翅片式加热器\SDTGA520.01.02-002\水分测试仪\SDTGA520\国产</t>
  </si>
  <si>
    <t>【湖南三德】锰钢静颚板\φ320×97×22\颚式破碎机\SDJC100×60a\国产</t>
  </si>
  <si>
    <t>【湖南三德】液压杆\400N 30×25\颚式破碎机\SDJC150×125a\国产</t>
  </si>
  <si>
    <t>【湖南三德】电极杆\SDACMIIIba-DDJ\量热仪\SDACM-IIIb\国产</t>
  </si>
  <si>
    <t>【湖南三德】筛板\D-QT-06 3\锤式破碎机\SDHD50t\国产</t>
  </si>
  <si>
    <t>【湖南三德】筛板\SD-QT-07 6\锤式破碎机\SDHD50t\国产</t>
  </si>
  <si>
    <t>【湖南三德】筛板\SD-QT-08 13\锤式破碎机\SDHD50t\国产</t>
  </si>
  <si>
    <t>【湖南三德】筛板\SD-HCW-26 6\锤式破碎机\SDHCW400×260\国产</t>
  </si>
  <si>
    <t>【湖南三德】筛板\SD-QB-05 13\锤式破碎机\SDHC150b\国产</t>
  </si>
  <si>
    <t>【湖南三德】筛板\SD-QB-04 6\锤式破碎机\SDHC150b\国产</t>
  </si>
  <si>
    <t>【湖南三德】筛板\SD-QB-03 3\锤式破碎机\SDHC150b\国产</t>
  </si>
  <si>
    <t>【湖南三德】恒温盘\SDTGA8000-18\工业分析仪\SDTGA8000\国产</t>
  </si>
  <si>
    <t>【湖南三德】工业摄像机\MV-CA013-21UC\灰熔融性测试仪\SDAF105\国产</t>
  </si>
  <si>
    <t>【湖南三德】工业镜头\MVL-HF2528M-6MP\灰熔融性测试仪\SDAF105\国产</t>
  </si>
  <si>
    <t>【湖南三德】硅钼棒\TCU1800-820W-6.3V\灰熔融性测试仪\SDAF105\国产</t>
  </si>
  <si>
    <t>【湖南三德】测温座\SDAF105.05-047\灰熔融性测试仪\SDAF105\国产</t>
  </si>
  <si>
    <t>【湖南三德】高温炉组件\SDAF4000-ZJ-G004\灰熔融性测试仪\SDAF105\国产</t>
  </si>
  <si>
    <t>【湖南三德】取像端固定座\SDAF2000b-03-01-001\灰熔融性测试仪\SDAF105\国产</t>
  </si>
  <si>
    <t>【湖南三德】铰链\SDTGA520.CL226-2\水分测试仪\SDTGA520\国产</t>
  </si>
  <si>
    <t>【湖南三德】送样下密封座\SDCHN435.02-014-A1\碳氢氮元素分析仪\SDCHN536\国产</t>
  </si>
  <si>
    <t>【湖南三德】移动样盘\SDCH235.08-001\碳氢氮元素分析仪\SDCHN536\国产</t>
  </si>
  <si>
    <t>【湖南三德】氮催化剂\AR-50g\碳氢氮元素分析仪\SDCHN536\国产</t>
  </si>
  <si>
    <t>【湖南三德】样盘组件\SDCHN435-ZJ-YP000\碳氢氮元素分析仪\SDCHN536\国产</t>
  </si>
  <si>
    <t>【湖南三德】送样管组件\SDAF105-005\灰熔融性测试仪\SDAF105\国产</t>
  </si>
  <si>
    <t>【湖南三德】下料池滑块组件\SDCHN435-ZJ-HK000\碳氢氮元素分析仪\SDCHN536\国产</t>
  </si>
  <si>
    <t>【湖南三德】贴膜按键\SDVD-3 06.01 V1.00\风透干燥机\SDVD3mm\国产</t>
  </si>
  <si>
    <t>【湖南三德】石墨粒\≤φ1 500g\灰熔融性测试仪\SDAF\国产</t>
  </si>
  <si>
    <t>【湖南三德】高温炉炉体\SDAF105.05-020-A1\灰熔融性测试仪\SDAF105\国产</t>
  </si>
  <si>
    <t>【湖南三德】定量气动阀\A46UWE-VICI\碳氢氮元素分析仪\SDCHN536\国产</t>
  </si>
  <si>
    <t>【湖南三德】超声波清洗器\KQ-400V\风透干燥机\SDVD3mm\国产</t>
  </si>
  <si>
    <t>【湖南三德】衬套\JUM-02-20 φ20×φ23×20\破碎缩分联合制样机\SDUC3150\国产</t>
  </si>
  <si>
    <t>【湖南三德】破碎腔组件\SDHD(C)150a.01.01-A2\锤式破碎机\SDHD150a\国产</t>
  </si>
  <si>
    <t>【湖南三德】三相异步电机\SDHC150b.YX3-112L2-4\锤式破碎机\SDHC150b\国产</t>
  </si>
  <si>
    <t>【湖南三德】定容探针\SDAC6000.02.01-010-A5\量热仪\SDAC6000\国产</t>
  </si>
  <si>
    <t>【湖南三德】翻盖弹簧\SDC715.08-003-A1\量热仪\SDC715\国产</t>
  </si>
  <si>
    <t>【湖南三德】翻盖弹簧\SDC608.01.07-004-A1\量热仪\SDC715\国产</t>
  </si>
  <si>
    <t>【湖南三德】抽水块\SDAC6000.02.01-004-A3\量热仪\SDAC6000\国产</t>
  </si>
  <si>
    <t>【湖南三德】翻盖隔热层\SDC715.02-004-A2\量热仪\SDC715\国产</t>
  </si>
  <si>
    <t>【湖南三德】充氧气嘴活塞\SDAC6000.02-004-A2\量热仪\SDAC6000\国产</t>
  </si>
  <si>
    <t>【湖南三德】锤破转子组件\SDUC3150.03-A1\破碎缩分联合制样机\SDUC3150\国产</t>
  </si>
  <si>
    <t>【湖南三德】硅碳管隔垫片\SDS212.05-020\定硫仪\SDS212\国产</t>
  </si>
  <si>
    <t>【湖南三德】搅拌电机\SDS-KLJB\定硫仪\SDS720\国产</t>
  </si>
  <si>
    <t>【湖南三德】步进电机\FL42STH33-1334AF-9\水分测试仪\SDTGA500\国产</t>
  </si>
  <si>
    <t>【湖南三德】步进电机驱动器\TD430S\水分测试仪\SDTGA500\国产</t>
  </si>
  <si>
    <t>【湖南三德】顶击杆\φ16×250\环保振筛机\SDNS300t\国产</t>
  </si>
  <si>
    <t>【湖南三德】主控卡\SDAC6000-V3.02\量热仪\SDAC6000\国产</t>
  </si>
  <si>
    <t>【湖南三德】盛样盘\φ450×350\实验室干燥箱\SDDH315\国产</t>
  </si>
  <si>
    <t>【湖南三德】盛样盘\φ360×270\实验室干燥箱\SDDH315\国产</t>
  </si>
  <si>
    <t>【湖南三德】丢样托杆\φ6×L45\工业分析仪\SDTGA8000\国产</t>
  </si>
  <si>
    <t>【湖南三德】称样顶杆\SDTGA500-004-S1\水分测试仪\SDTGA500\国产</t>
  </si>
  <si>
    <t>【湖南三德】光波加热管\SDTGA500.02-007\水分测试仪\SDTGA500\国产</t>
  </si>
  <si>
    <t>【湖南三德】铠装铂电阻\SDTGA500-021-K-400℃\水分测试仪\SDTGA500\国产</t>
  </si>
  <si>
    <t>【湖南三德】主板卡\SDTGA520-V1.01\水分测试仪\SDTGA520\国产</t>
  </si>
  <si>
    <t>【湖南三德】主板卡\ARM-L-V4.02\工业分析仪\SDTGA8000\国产</t>
  </si>
  <si>
    <t>【湖南三德】浮子流量计\DK800-6F-SO2\0.083-0.83t/h\3\垂直\螺纹\国产</t>
  </si>
  <si>
    <t>【湖南三德】浮子流量计\DK800-6F-O2\0.167-1.67t/h\3\垂直\螺纹\国产</t>
  </si>
  <si>
    <t>【湖南三德】一体燃烧样盘\SDTGA8000.08-10\工业分析仪\SDTGA8000\国产</t>
  </si>
  <si>
    <t>【湖南三德】快插接头\KQ2U10-00-Y\量热仪\SDC715\国产</t>
  </si>
  <si>
    <t>【湖南三德】主板卡\SDTGA500-V1.01\水分测试仪\SDTGA500\国产</t>
  </si>
  <si>
    <t>【TIMKEN】调心滚子轴承\21305EJW33\TIMKEN</t>
  </si>
  <si>
    <t>铁姆肯商贸（上海）有限公司</t>
  </si>
  <si>
    <t>TIMKEN</t>
  </si>
  <si>
    <t>GNWZBPCG2021-0006</t>
  </si>
  <si>
    <t>2020年度北京配送铁姆肯（TIMKEN）轴承 集团级长协采购供货合同（甘肃精瑞）</t>
  </si>
  <si>
    <t>甘肃精瑞机电设备有限公司</t>
  </si>
  <si>
    <t>【TIMKEN】调心滚子轴承\21305EJW33C3\TIMKEN</t>
  </si>
  <si>
    <t>【TIMKEN】调心滚子轴承\21306EJW33\TIMKEN</t>
  </si>
  <si>
    <t>【TIMKEN】调心滚子轴承\21306EJW33C3\TIMKEN</t>
  </si>
  <si>
    <t>【TIMKEN】调心滚子轴承\21307EJW33\TIMKEN</t>
  </si>
  <si>
    <t>【TIMKEN】调心滚子轴承\21307EJW33C3\TIMKEN</t>
  </si>
  <si>
    <t>【TIMKEN】调心滚子轴承\21308EJW33\TIMKEN</t>
  </si>
  <si>
    <t>【TIMKEN】调心滚子轴承\21308EJW33C3\TIMKEN</t>
  </si>
  <si>
    <t>【TIMKEN】调心滚子轴承\21309EJW33\TIMKEN</t>
  </si>
  <si>
    <t>【TIMKEN】调心滚子轴承\21309KEJW33\TIMKEN</t>
  </si>
  <si>
    <t>【TIMKEN】调心滚子轴承\21310EJW33\TIMKEN</t>
  </si>
  <si>
    <t>【TIMKEN】调心滚子轴承\21310EJW33C3\TIMKEN</t>
  </si>
  <si>
    <t>【TIMKEN】调心滚子轴承\21310KEJW33\TIMKEN</t>
  </si>
  <si>
    <t>【TIMKEN】调心滚子轴承\21311KEJW33\TIMKEN</t>
  </si>
  <si>
    <t>【TIMKEN】调心滚子轴承\21311KEJW33C3\TIMKEN</t>
  </si>
  <si>
    <t>【TIMKEN】调心滚子轴承\21312EJW33C3\TIMKEN</t>
  </si>
  <si>
    <t>【TIMKEN】调心滚子轴承\21312KEJW33\TIMKEN</t>
  </si>
  <si>
    <t>【TIMKEN】调心滚子轴承\21313EJW33\TIMKEN</t>
  </si>
  <si>
    <t>【TIMKEN】调心滚子轴承\21313EJW33C3\TIMKEN</t>
  </si>
  <si>
    <t>【TIMKEN】调心滚子轴承\21313KEJW33\TIMKEN</t>
  </si>
  <si>
    <t>【TIMKEN】调心滚子轴承\21313KEJW33C3\TIMKEN</t>
  </si>
  <si>
    <t>【TIMKEN】调心滚子轴承\21314EJW33\TIMKEN</t>
  </si>
  <si>
    <t>【TIMKEN】调心滚子轴承\21314EJW33C3\TIMKEN</t>
  </si>
  <si>
    <t>【TIMKEN】调心滚子轴承\21314KEJW33\TIMKEN</t>
  </si>
  <si>
    <t>【TIMKEN】调心滚子轴承\21315EJW33\TIMKEN</t>
  </si>
  <si>
    <t>【TIMKEN】调心滚子轴承\21315KEJW33\TIMKEN</t>
  </si>
  <si>
    <t>【TIMKEN】调心滚子轴承\21315KEJW33C3\TIMKEN</t>
  </si>
  <si>
    <t>【TIMKEN】调心滚子轴承\21316EJW33C3\TIMKEN</t>
  </si>
  <si>
    <t>【TIMKEN】调心滚子轴承\21316KEJW33\TIMKEN</t>
  </si>
  <si>
    <t>【TIMKEN】调心滚子轴承\21316KEJW33C3\TIMKEN</t>
  </si>
  <si>
    <t>【TIMKEN】调心滚子轴承\21317EJW33\TIMKEN</t>
  </si>
  <si>
    <t>【TIMKEN】调心滚子轴承\21317EJW33C3\TIMKEN</t>
  </si>
  <si>
    <t>【TIMKEN】调心滚子轴承\21317KEJW33\TIMKEN</t>
  </si>
  <si>
    <t>【TIMKEN】调心滚子轴承\21317KEJW33C3\TIMKEN</t>
  </si>
  <si>
    <t>【TIMKEN】调心滚子轴承\21318EJW33C3\TIMKEN</t>
  </si>
  <si>
    <t>【TIMKEN】调心滚子轴承\21318KEJW33\TIMKEN</t>
  </si>
  <si>
    <t>【TIMKEN】调心滚子轴承\21319EJW33C3\TIMKEN</t>
  </si>
  <si>
    <t>【TIMKEN】调心滚子轴承\21319KEJW33\TIMKEN</t>
  </si>
  <si>
    <t>【TIMKEN】调心滚子轴承\21320EJW33\TIMKEN</t>
  </si>
  <si>
    <t>【TIMKEN】调心滚子轴承\21320KEJW33\TIMKEN</t>
  </si>
  <si>
    <t>【TIMKEN】调心滚子轴承\21320KEJW33C3\TIMKEN</t>
  </si>
  <si>
    <t>【TIMKEN】调心滚子轴承\22205EJW33\TIMKEN</t>
  </si>
  <si>
    <t>【TIMKEN】调心滚子轴承\22205EJW33C3\TIMKEN</t>
  </si>
  <si>
    <t>【TIMKEN】调心滚子轴承\22206EJW33C3\TIMKEN</t>
  </si>
  <si>
    <t>【TIMKEN】调心滚子轴承\22206KEJW33\TIMKEN</t>
  </si>
  <si>
    <t>【TIMKEN】调心滚子轴承\22206KEJW33C3\TIMKEN</t>
  </si>
  <si>
    <t>【TIMKEN】调心滚子轴承\22207EJW33\TIMKEN</t>
  </si>
  <si>
    <t>【TIMKEN】调心滚子轴承\22207EJW33C3\TIMKEN</t>
  </si>
  <si>
    <t>【TIMKEN】调心滚子轴承\22207KEJW33\TIMKEN</t>
  </si>
  <si>
    <t>【TIMKEN】调心滚子轴承\22207KEJW33C3\TIMKEN</t>
  </si>
  <si>
    <t>【TIMKEN】调心滚子轴承\22208EJW33\TIMKEN</t>
  </si>
  <si>
    <t>【TIMKEN】调心滚子轴承\22208EJW33C3\TIMKEN</t>
  </si>
  <si>
    <t>【TIMKEN】调心滚子轴承\22208KEJW33\TIMKEN</t>
  </si>
  <si>
    <t>【TIMKEN】调心滚子轴承\22208KEJW33C3\TIMKEN</t>
  </si>
  <si>
    <t>【TIMKEN】调心滚子轴承\22209EJW33\TIMKEN</t>
  </si>
  <si>
    <t>【TIMKEN】调心滚子轴承\22209KEJW33\TIMKEN</t>
  </si>
  <si>
    <t>【TIMKEN】调心滚子轴承\22209KEJW33C3\TIMKEN</t>
  </si>
  <si>
    <t>【TIMKEN】调心滚子轴承\22210EJW33C2\TIMKEN</t>
  </si>
  <si>
    <t>【TIMKEN】调心滚子轴承\22210EJW33C3\TIMKEN</t>
  </si>
  <si>
    <t>【TIMKEN】调心滚子轴承\22210KEJW33\TIMKEN</t>
  </si>
  <si>
    <t>【TIMKEN】调心滚子轴承\22210KEJW33C3\TIMKEN</t>
  </si>
  <si>
    <t>【TIMKEN】调心滚子轴承\22211EJW33\TIMKEN</t>
  </si>
  <si>
    <t>【TIMKEN】调心滚子轴承\22211EJW33C3\TIMKEN</t>
  </si>
  <si>
    <t>【TIMKEN】调心滚子轴承\22211KEJW33\TIMKEN</t>
  </si>
  <si>
    <t>【TIMKEN】调心滚子轴承\22211KEJW33C3\TIMKEN</t>
  </si>
  <si>
    <t>【TIMKEN】调心滚子轴承\22212EJW33C3\TIMKEN</t>
  </si>
  <si>
    <t>【TIMKEN】调心滚子轴承\22212KEJW33C3\TIMKEN</t>
  </si>
  <si>
    <t>【TIMKEN】调心滚子轴承\22213KEJW33\TIMKEN</t>
  </si>
  <si>
    <t>【TIMKEN】调心滚子轴承\22214EJW33C3\TIMKEN</t>
  </si>
  <si>
    <t>【TIMKEN】调心滚子轴承\22214KEJW33\TIMKEN</t>
  </si>
  <si>
    <t>【TIMKEN】调心滚子轴承\22214KEJW33C3\TIMKEN</t>
  </si>
  <si>
    <t>【TIMKEN】调心滚子轴承\22215KEJW33C3\TIMKEN</t>
  </si>
  <si>
    <t>【TIMKEN】调心滚子轴承\22216KEJW33C3\TIMKEN</t>
  </si>
  <si>
    <t>【TIMKEN】调心滚子轴承\22217EJW33C3\TIMKEN</t>
  </si>
  <si>
    <t>【TIMKEN】调心滚子轴承\22217KEJW33C3\TIMKEN</t>
  </si>
  <si>
    <t>【TIMKEN】调心滚子轴承\22218EJW33C3\TIMKEN</t>
  </si>
  <si>
    <t>【TIMKEN】调心滚子轴承\22218KEJW33C3\TIMKEN</t>
  </si>
  <si>
    <t>【TIMKEN】调心滚子轴承\22219EJW33C3\TIMKEN</t>
  </si>
  <si>
    <t>【TIMKEN】调心滚子轴承\22219KEJW33\TIMKEN</t>
  </si>
  <si>
    <t>【TIMKEN】调心滚子轴承\22219KEJW33C3\TIMKEN</t>
  </si>
  <si>
    <t>【TIMKEN】调心滚子轴承\22220KEJW33C3\TIMKEN</t>
  </si>
  <si>
    <t>【TIMKEN】调心滚子轴承\22226EJW33C3\TIMKEN</t>
  </si>
  <si>
    <t>【TIMKEN】调心滚子轴承\22226KEJW33\TIMKEN</t>
  </si>
  <si>
    <t>【TIMKEN】调心滚子轴承\22226KEJW33C3\TIMKEN</t>
  </si>
  <si>
    <t>【TIMKEN】调心滚子轴承\22230EJW33C3\TIMKEN</t>
  </si>
  <si>
    <t>【TIMKEN】调心滚子轴承\22230KEJW33C3\TIMKEN</t>
  </si>
  <si>
    <t>【TIMKEN】调心滚子轴承\22232KEJW33C3\TIMKEN</t>
  </si>
  <si>
    <t>【TIMKEN】调心滚子轴承\22234EJW33C3\TIMKEN</t>
  </si>
  <si>
    <t>【TIMKEN】调心滚子轴承\22234KEJW33C3\TIMKEN</t>
  </si>
  <si>
    <t>【TIMKEN】调心滚子轴承\22236EJW33C3\TIMKEN</t>
  </si>
  <si>
    <t>【TIMKEN】调心滚子轴承\22236KEJW33C3\TIMKEN</t>
  </si>
  <si>
    <t>【TIMKEN】调心滚子轴承\22238EJW33C3\TIMKEN</t>
  </si>
  <si>
    <t>【TIMKEN】调心滚子轴承\22238KEJW33C3\TIMKEN</t>
  </si>
  <si>
    <t>【TIMKEN】调心滚子轴承\22238KEJW33\TIMKEN</t>
  </si>
  <si>
    <t>【TIMKEN】调心滚子轴承\22240KEJW33C3\TIMKEN</t>
  </si>
  <si>
    <t>【TIMKEN】调心滚子轴承\22240KEJW33\TIMKEN</t>
  </si>
  <si>
    <t>【TIMKEN】调心滚子轴承\22244KEJW507C08C3\TIMKEN</t>
  </si>
  <si>
    <t>【TIMKEN】调心滚子轴承\22244KEJW507C08\TIMKEN</t>
  </si>
  <si>
    <t>【TIMKEN】调心滚子轴承\22308EJW33C3\TIMKEN</t>
  </si>
  <si>
    <t>【TIMKEN】调心滚子轴承\22308KEJW33\TIMKEN</t>
  </si>
  <si>
    <t>【TIMKEN】调心滚子轴承\22309EJW33C3\TIMKEN</t>
  </si>
  <si>
    <t>【TIMKEN】调心滚子轴承\22309KEJW33\TIMKEN</t>
  </si>
  <si>
    <t>【TIMKEN】调心滚子轴承\22309KEJW33C3\TIMKEN</t>
  </si>
  <si>
    <t>【TIMKEN】调心滚子轴承\22310KEJW33\TIMKEN</t>
  </si>
  <si>
    <t>【TIMKEN】调心滚子轴承\22310KEJW33C3\TIMKEN</t>
  </si>
  <si>
    <t>【TIMKEN】调心滚子轴承\22311EJW33C3\TIMKEN</t>
  </si>
  <si>
    <t>【TIMKEN】调心滚子轴承\22311KEJW33\TIMKEN</t>
  </si>
  <si>
    <t>【TIMKEN】调心滚子轴承\22311KEJW33C3\TIMKEN</t>
  </si>
  <si>
    <t>【TIMKEN】调心滚子轴承\22312EJW33C3\TIMKEN</t>
  </si>
  <si>
    <t>【TIMKEN】调心滚子轴承\22312KEJW33\TIMKEN</t>
  </si>
  <si>
    <t>【TIMKEN】调心滚子轴承\22312KEJW33C3\TIMKEN</t>
  </si>
  <si>
    <t>【TIMKEN】调心滚子轴承\22313EJW33C3\TIMKEN</t>
  </si>
  <si>
    <t>【TIMKEN】调心滚子轴承\22313KEJW33\TIMKEN</t>
  </si>
  <si>
    <t>【TIMKEN】调心滚子轴承\22313KEJW33C3\TIMKEN</t>
  </si>
  <si>
    <t>【TIMKEN】调心滚子轴承\22314EJW33C3\TIMKEN</t>
  </si>
  <si>
    <t>【TIMKEN】调心滚子轴承\22314KEJW33\TIMKEN</t>
  </si>
  <si>
    <t>【TIMKEN】调心滚子轴承\22314KEJW33C3\TIMKEN</t>
  </si>
  <si>
    <t>【TIMKEN】调心滚子轴承\22315EJW33C3\TIMKEN</t>
  </si>
  <si>
    <t>【TIMKEN】调心滚子轴承\22315KEJW33\TIMKEN</t>
  </si>
  <si>
    <t>【TIMKEN】调心滚子轴承\22315KEJW33C3\TIMKEN</t>
  </si>
  <si>
    <t>【TIMKEN】调心滚子轴承\22316KEJW33\TIMKEN</t>
  </si>
  <si>
    <t>【TIMKEN】调心滚子轴承\22316KEJW33C3\TIMKEN</t>
  </si>
  <si>
    <t>【TIMKEN】调心滚子轴承\22317EJW33C3\TIMKEN</t>
  </si>
  <si>
    <t>【TIMKEN】调心滚子轴承\22317KEJW33\TIMKEN</t>
  </si>
  <si>
    <t>【TIMKEN】调心滚子轴承\22317KEJW33C3\TIMKEN</t>
  </si>
  <si>
    <t>【TIMKEN】调心滚子轴承\22318KEJW33\TIMKEN</t>
  </si>
  <si>
    <t>【TIMKEN】调心滚子轴承\22318KEJW33C3\TIMKEN</t>
  </si>
  <si>
    <t>【TIMKEN】调心滚子轴承\22319EJW33C3\TIMKEN</t>
  </si>
  <si>
    <t>【TIMKEN】调心滚子轴承\22319KEJW33\TIMKEN</t>
  </si>
  <si>
    <t>【TIMKEN】调心滚子轴承\22319KEJW33C3\TIMKEN</t>
  </si>
  <si>
    <t>【TIMKEN】调心滚子轴承\22320KEJW33\TIMKEN</t>
  </si>
  <si>
    <t>【TIMKEN】调心滚子轴承\22320KEJW33C3\TIMKEN</t>
  </si>
  <si>
    <t>【TIMKEN】调心滚子轴承\22322EJW33C3\TIMKEN</t>
  </si>
  <si>
    <t>【TIMKEN】调心滚子轴承\22322KEJW33\TIMKEN</t>
  </si>
  <si>
    <t>【TIMKEN】调心滚子轴承\22322KEJW33C3\TIMKEN</t>
  </si>
  <si>
    <t>【TIMKEN】调心滚子轴承\22324EJW33C3\TIMKEN</t>
  </si>
  <si>
    <t>【TIMKEN】调心滚子轴承\22324KEJW33C3\TIMKEN</t>
  </si>
  <si>
    <t>【TIMKEN】调心滚子轴承\22324KEJW33\TIMKEN</t>
  </si>
  <si>
    <t>【TIMKEN】调心滚子轴承\22326KEJW33C3\TIMKEN</t>
  </si>
  <si>
    <t>【TIMKEN】调心滚子轴承\22326KEJW33\TIMKEN</t>
  </si>
  <si>
    <t>【TIMKEN】调心滚子轴承\22328EJW33C3\TIMKEN</t>
  </si>
  <si>
    <t>【TIMKEN】调心滚子轴承\22328KEJW33C3\TIMKEN</t>
  </si>
  <si>
    <t>【TIMKEN】调心滚子轴承\22328KEJW33\TIMKEN</t>
  </si>
  <si>
    <t>【TIMKEN】调心滚子轴承\22330EJW33C3\TIMKEN</t>
  </si>
  <si>
    <t>【TIMKEN】调心滚子轴承\22330KEJW33C3\TIMKEN</t>
  </si>
  <si>
    <t>【TIMKEN】调心滚子轴承\22332EJW33C3\TIMKEN</t>
  </si>
  <si>
    <t>【TIMKEN】调心滚子轴承\22332KEJW33C3\TIMKEN</t>
  </si>
  <si>
    <t>【TIMKEN】调心滚子轴承\22332KEJW33\TIMKEN</t>
  </si>
  <si>
    <t>【TIMKEN】调心滚子轴承\22334EJW33C3\TIMKEN</t>
  </si>
  <si>
    <t>【TIMKEN】调心滚子轴承\22334KEJW33C3\TIMKEN</t>
  </si>
  <si>
    <t>【TIMKEN】调心滚子轴承\22334KEJW33\TIMKEN</t>
  </si>
  <si>
    <t>【TIMKEN】调心滚子轴承\22336KEJW33C3\TIMKEN</t>
  </si>
  <si>
    <t>【TIMKEN】调心滚子轴承\22338KEJW33\TIMKEN</t>
  </si>
  <si>
    <t>【TIMKEN】调心滚子轴承\23022EJW33C3\TIMKEN</t>
  </si>
  <si>
    <t>【TIMKEN】调心滚子轴承\23022EJW33\TIMKEN</t>
  </si>
  <si>
    <t>【TIMKEN】调心滚子轴承\23022KEJW33C3\TIMKEN</t>
  </si>
  <si>
    <t>【TIMKEN】调心滚子轴承\23022KEJW33\TIMKEN</t>
  </si>
  <si>
    <t>【TIMKEN】调心滚子轴承\23024EJW33C3\TIMKEN</t>
  </si>
  <si>
    <t>【TIMKEN】调心滚子轴承\23024KEJW33C3\TIMKEN</t>
  </si>
  <si>
    <t>【TIMKEN】调心滚子轴承\23024KEJW33\TIMKEN</t>
  </si>
  <si>
    <t>【TIMKEN】调心滚子轴承\23026EJW33C3\TIMKEN</t>
  </si>
  <si>
    <t>【TIMKEN】调心滚子轴承\23026EJW33\TIMKEN</t>
  </si>
  <si>
    <t>【TIMKEN】调心滚子轴承\23026KEJW33C3\TIMKEN</t>
  </si>
  <si>
    <t>【TIMKEN】调心滚子轴承\23026KEJW33\TIMKEN</t>
  </si>
  <si>
    <t>【TIMKEN】调心滚子轴承\23028EJW33C3\TIMKEN</t>
  </si>
  <si>
    <t>【TIMKEN】调心滚子轴承\23028KEJW33\TIMKEN</t>
  </si>
  <si>
    <t>【TIMKEN】调心滚子轴承\23030EJW33C3\TIMKEN</t>
  </si>
  <si>
    <t>【TIMKEN】调心滚子轴承\23030EJW33\TIMKEN</t>
  </si>
  <si>
    <t>【TIMKEN】调心滚子轴承\23030KEJW33C3\TIMKEN</t>
  </si>
  <si>
    <t>【TIMKEN】调心滚子轴承\23030KEJW33\TIMKEN</t>
  </si>
  <si>
    <t>【TIMKEN】调心滚子轴承\23032EJW33C3\TIMKEN</t>
  </si>
  <si>
    <t>【TIMKEN】调心滚子轴承\23032KEJW33C3\TIMKEN</t>
  </si>
  <si>
    <t>【TIMKEN】调心滚子轴承\23032KEJW33\TIMKEN</t>
  </si>
  <si>
    <t>【TIMKEN】调心滚子轴承\23034EJW33C3\TIMKEN</t>
  </si>
  <si>
    <t>【TIMKEN】调心滚子轴承\23034KEJW33C3\TIMKEN</t>
  </si>
  <si>
    <t>【TIMKEN】调心滚子轴承\23034KEJW33\TIMKEN</t>
  </si>
  <si>
    <t>【TIMKEN】调心滚子轴承\23036KEMW33C3\TIMKEN</t>
  </si>
  <si>
    <t>【TIMKEN】调心滚子轴承\23036KEMW33\TIMKEN</t>
  </si>
  <si>
    <t>【TIMKEN】调心滚子轴承\23038EJW33C3\TIMKEN</t>
  </si>
  <si>
    <t>【TIMKEN】调心滚子轴承\23038KEJW33C3\TIMKEN</t>
  </si>
  <si>
    <t>【TIMKEN】调心滚子轴承\23038KEJW33\TIMKEN</t>
  </si>
  <si>
    <t>【TIMKEN】调心滚子轴承\23040EJW33C3\TIMKEN</t>
  </si>
  <si>
    <t>【TIMKEN】调心滚子轴承\23040KEJW33C3\TIMKEN</t>
  </si>
  <si>
    <t>【TIMKEN】调心滚子轴承\23040KEJW33\TIMKEN</t>
  </si>
  <si>
    <t>【TIMKEN】调心滚子轴承\23044KEJW33C3\TIMKEN</t>
  </si>
  <si>
    <t>【TIMKEN】调心滚子轴承\23044KEJW33\TIMKEN</t>
  </si>
  <si>
    <t>【TIMKEN】调心滚子轴承\23048EJW33C3\TIMKEN</t>
  </si>
  <si>
    <t>【TIMKEN】调心滚子轴承\23048KEJW33C3\TIMKEN</t>
  </si>
  <si>
    <t>【TIMKEN】调心滚子轴承\23048KEMW33C08C4\TIMKEN</t>
  </si>
  <si>
    <t>【TIMKEN】调心滚子轴承\23048KEJW33\TIMKEN</t>
  </si>
  <si>
    <t>【TIMKEN】调心滚子轴承\23052EJW33C3\TIMKEN</t>
  </si>
  <si>
    <t>【TIMKEN】调心滚子轴承\23052KEJW33C3\TIMKEN</t>
  </si>
  <si>
    <t>【TIMKEN】调心滚子轴承\23060EJW33C3\TIMKEN</t>
  </si>
  <si>
    <t>【TIMKEN】调心滚子轴承\23084YMBW33W45A\TIMKEN</t>
  </si>
  <si>
    <t>【TIMKEN】调心滚子轴承\23092YMBW33W45A\TIMKEN</t>
  </si>
  <si>
    <t>【TIMKEN】调心滚子轴承\23120EJW33\TIMKEN</t>
  </si>
  <si>
    <t>【TIMKEN】调心滚子轴承\23120KEJW33C3\TIMKEN</t>
  </si>
  <si>
    <t>【TIMKEN】调心滚子轴承\23122EJW33C2\TIMKEN</t>
  </si>
  <si>
    <t>【TIMKEN】调心滚子轴承\23122EJW33C3\TIMKEN</t>
  </si>
  <si>
    <t>【TIMKEN】调心滚子轴承\23122KEJW33C3\TIMKEN</t>
  </si>
  <si>
    <t>【TIMKEN】调心滚子轴承\23122KEJW33\TIMKEN</t>
  </si>
  <si>
    <t>【TIMKEN】调心滚子轴承\23124KEJW33C3\TIMKEN</t>
  </si>
  <si>
    <t>【TIMKEN】调心滚子轴承\23124KEJW33\TIMKEN</t>
  </si>
  <si>
    <t>【TIMKEN】调心滚子轴承\23126EJW33C3\TIMKEN</t>
  </si>
  <si>
    <t>【TIMKEN】调心滚子轴承\23126KEJW33C3\TIMKEN</t>
  </si>
  <si>
    <t>【TIMKEN】调心滚子轴承\23126KEJW33\TIMKEN</t>
  </si>
  <si>
    <t>【TIMKEN】调心滚子轴承\23128EJW33C3\TIMKEN</t>
  </si>
  <si>
    <t>【TIMKEN】调心滚子轴承\23128KEJW33C3\TIMKEN</t>
  </si>
  <si>
    <t>【TIMKEN】调心滚子轴承\23128KEJW33\TIMKEN</t>
  </si>
  <si>
    <t>【TIMKEN】调心滚子轴承\23130KEJW33C3\TIMKEN</t>
  </si>
  <si>
    <t>【TIMKEN】调心滚子轴承\23130KEJW33\TIMKEN</t>
  </si>
  <si>
    <t>【TIMKEN】调心滚子轴承\23132EJW33C2\TIMKEN</t>
  </si>
  <si>
    <t>【TIMKEN】调心滚子轴承\23134EJW33C3\TIMKEN</t>
  </si>
  <si>
    <t>【TIMKEN】调心滚子轴承\23134KEJW33C3\TIMKEN</t>
  </si>
  <si>
    <t>【TIMKEN】调心滚子轴承\23134KEJW33\TIMKEN</t>
  </si>
  <si>
    <t>【TIMKEN】调心滚子轴承\23136EJW33C3\TIMKEN</t>
  </si>
  <si>
    <t>【TIMKEN】调心滚子轴承\23136KEJW33C3\TIMKEN</t>
  </si>
  <si>
    <t>【TIMKEN】调心滚子轴承\23138EJW507C08C3\TIMKEN</t>
  </si>
  <si>
    <t>【TIMKEN】调心滚子轴承\23144KEJW33C3\TIMKEN</t>
  </si>
  <si>
    <t>【TIMKEN】调心滚子轴承\23148EJW507C08C3\TIMKEN</t>
  </si>
  <si>
    <t>【TIMKEN】调心滚子轴承\23148KEMBW33C3\TIMKEN</t>
  </si>
  <si>
    <t>【TIMKEN】调心滚子轴承\23164EMBW507C08C3\TIMKEN</t>
  </si>
  <si>
    <t>【TIMKEN】调心滚子轴承\23168EMBW507C08C3\TIMKEN</t>
  </si>
  <si>
    <t>【TIMKEN】调心滚子轴承\23176KYMBW507C08\TIMKEN</t>
  </si>
  <si>
    <t>【TIMKEN】调心滚子轴承\23180YMBW33W45A\TIMKEN</t>
  </si>
  <si>
    <t>【TIMKEN】调心滚子轴承\23192KYMBW507C08C3\TIMKEN</t>
  </si>
  <si>
    <t>【TIMKEN】调心滚子轴承\23192KYMBW507C08\TIMKEN</t>
  </si>
  <si>
    <t>【TIMKEN】调心滚子轴承\23196KYMBW507C08\TIMKEN</t>
  </si>
  <si>
    <t>【TIMKEN】调心滚子轴承\23218EJW33C3\TIMKEN</t>
  </si>
  <si>
    <t>【TIMKEN】调心滚子轴承\23218KEJW33C3\TIMKEN</t>
  </si>
  <si>
    <t>【TIMKEN】调心滚子轴承\23218KEJW33\TIMKEN</t>
  </si>
  <si>
    <t>【TIMKEN】调心滚子轴承\23220EJW33C3\TIMKEN</t>
  </si>
  <si>
    <t>【TIMKEN】调心滚子轴承\23220EJW33\TIMKEN</t>
  </si>
  <si>
    <t>【TIMKEN】调心滚子轴承\23220KEJW33C3\TIMKEN</t>
  </si>
  <si>
    <t>【TIMKEN】调心滚子轴承\23220KEJW33\TIMKEN</t>
  </si>
  <si>
    <t>【TIMKEN】调心滚子轴承\23222EJW33C3\TIMKEN</t>
  </si>
  <si>
    <t>【TIMKEN】调心滚子轴承\23222EJW33\TIMKEN</t>
  </si>
  <si>
    <t>【TIMKEN】调心滚子轴承\23222KEJW33C3\TIMKEN</t>
  </si>
  <si>
    <t>【TIMKEN】调心滚子轴承\23222KEJW33\TIMKEN</t>
  </si>
  <si>
    <t>【TIMKEN】调心滚子轴承\23224EJW33C3\TIMKEN</t>
  </si>
  <si>
    <t>【TIMKEN】调心滚子轴承\23224EJW33\TIMKEN</t>
  </si>
  <si>
    <t>【TIMKEN】调心滚子轴承\23224KEJW33C3\TIMKEN</t>
  </si>
  <si>
    <t>【TIMKEN】调心滚子轴承\23224KEJW33\TIMKEN</t>
  </si>
  <si>
    <t>【TIMKEN】调心滚子轴承\23226EJW33C3\TIMKEN</t>
  </si>
  <si>
    <t>【TIMKEN】调心滚子轴承\23226KEJW33C3\TIMKEN</t>
  </si>
  <si>
    <t>【TIMKEN】调心滚子轴承\23226KEJW33\TIMKEN</t>
  </si>
  <si>
    <t>【TIMKEN】调心滚子轴承\23228EJW33C3\TIMKEN</t>
  </si>
  <si>
    <t>【TIMKEN】调心滚子轴承\23228EJW33\TIMKEN</t>
  </si>
  <si>
    <t>【TIMKEN】调心滚子轴承\23228KEJW33C3\TIMKEN</t>
  </si>
  <si>
    <t>【TIMKEN】调心滚子轴承\23228KEJW33\TIMKEN</t>
  </si>
  <si>
    <t>【TIMKEN】调心滚子轴承\23230KEMW33C3\TIMKEN</t>
  </si>
  <si>
    <t>【TIMKEN】调心滚子轴承\23232KEJW33C3\TIMKEN</t>
  </si>
  <si>
    <t>【TIMKEN】调心滚子轴承\23234KEJW33\TIMKEN</t>
  </si>
  <si>
    <t>【TIMKEN】调心滚子轴承\23236EJW33\TIMKEN</t>
  </si>
  <si>
    <t>【TIMKEN】调心滚子轴承\23236KEJW33C3\TIMKEN</t>
  </si>
  <si>
    <t>【TIMKEN】调心滚子轴承\23236KEJW33\TIMKEN</t>
  </si>
  <si>
    <t>【TIMKEN】调心滚子轴承\23238EJW33C3\TIMKEN</t>
  </si>
  <si>
    <t>【TIMKEN】调心滚子轴承\23240EJW33C3\TIMKEN</t>
  </si>
  <si>
    <t>【TIMKEN】调心滚子轴承\23240KEJW507C08C3\TIMKEN</t>
  </si>
  <si>
    <t>【TIMKEN】调心滚子轴承\23240KEJW507C08\TIMKEN</t>
  </si>
  <si>
    <t>【TIMKEN】调心滚子轴承\23244EJW33W45AC3\TIMKEN</t>
  </si>
  <si>
    <t>【TIMKEN】调心滚子轴承\23244EJW33W45A\TIMKEN</t>
  </si>
  <si>
    <t>【TIMKEN】调心滚子轴承\23244KEJW507C08C3\TIMKEN</t>
  </si>
  <si>
    <t>【TIMKEN】调心滚子轴承\23244KEJW507C08\TIMKEN</t>
  </si>
  <si>
    <t>【TIMKEN】调心滚子轴承\23940EMW33C3\TIMKEN</t>
  </si>
  <si>
    <t>【TIMKEN】调心滚子轴承\23940EMW33\TIMKEN</t>
  </si>
  <si>
    <t>【TIMKEN】调心滚子轴承\23944EMW509C08C3\TIMKEN</t>
  </si>
  <si>
    <t>【TIMKEN】调心滚子轴承\23944EMW507C08\TIMKEN</t>
  </si>
  <si>
    <t>【TIMKEN】调心滚子轴承\23944KEMW509C08\TIMKEN</t>
  </si>
  <si>
    <t>【TIMKEN】调心滚子轴承\23948EMW33C3\TIMKEN</t>
  </si>
  <si>
    <t>【TIMKEN】调心滚子轴承\23956EMBW33C3\TIMKEN</t>
  </si>
  <si>
    <t>【TIMKEN】调心滚子轴承\24020EJW33C3\TIMKEN</t>
  </si>
  <si>
    <t>【TIMKEN】调心滚子轴承\24020EJW33\TIMKEN</t>
  </si>
  <si>
    <t>【TIMKEN】调心滚子轴承\24024EJW33C3\TIMKEN</t>
  </si>
  <si>
    <t>【TIMKEN】调心滚子轴承\24026EJW33C3\TIMKEN</t>
  </si>
  <si>
    <t>【TIMKEN】调心滚子轴承\24026EJW33\TIMKEN</t>
  </si>
  <si>
    <t>【TIMKEN】调心滚子轴承\24028EJW33\TIMKEN</t>
  </si>
  <si>
    <t>【TIMKEN】调心滚子轴承\24030EJW33C3\TIMKEN</t>
  </si>
  <si>
    <t>【TIMKEN】调心滚子轴承\24030EJW33\TIMKEN</t>
  </si>
  <si>
    <t>【TIMKEN】调心滚子轴承\24034EJW33C3\TIMKEN</t>
  </si>
  <si>
    <t>【TIMKEN】调心滚子轴承\24036EJW33\TIMKEN</t>
  </si>
  <si>
    <t>【TIMKEN】调心滚子轴承\24038EJW33\TIMKEN</t>
  </si>
  <si>
    <t>【TIMKEN】调心滚子轴承\24040EJW33C3\TIMKEN</t>
  </si>
  <si>
    <t>【TIMKEN】调心滚子轴承\24044EJW33C3\TIMKEN</t>
  </si>
  <si>
    <t>【TIMKEN】调心滚子轴承\24044EJW33\TIMKEN</t>
  </si>
  <si>
    <t>【TIMKEN】调心滚子轴承\24048EJW33C3\TIMKEN</t>
  </si>
  <si>
    <t>【TIMKEN】调心滚子轴承\24052EJW33C3\TIMKEN</t>
  </si>
  <si>
    <t>【TIMKEN】调心滚子轴承\24122EJW33C3\TIMKEN</t>
  </si>
  <si>
    <t>【TIMKEN】调心滚子轴承\24122EJW33\TIMKEN</t>
  </si>
  <si>
    <t>【TIMKEN】调心滚子轴承\24124EJW33C3\TIMKEN</t>
  </si>
  <si>
    <t>【TIMKEN】调心滚子轴承\24128EJW33C3\TIMKEN</t>
  </si>
  <si>
    <t>【TIMKEN】调心滚子轴承\24130EJW33C3\TIMKEN</t>
  </si>
  <si>
    <t>【TIMKEN】调心滚子轴承\24132EJW33C3\TIMKEN</t>
  </si>
  <si>
    <t>【TIMKEN】调心滚子轴承\24132EJW33\TIMKEN</t>
  </si>
  <si>
    <t>【TIMKEN】调心滚子轴承\24134EJW33C3\TIMKEN</t>
  </si>
  <si>
    <t>【TIMKEN】调心滚子轴承\24136EJW33C3\TIMKEN</t>
  </si>
  <si>
    <t>【TIMKEN】调心滚子轴承\24136EJW33\TIMKEN</t>
  </si>
  <si>
    <t>【TIMKEN】调心滚子轴承\24138EJW33C3\TIMKEN</t>
  </si>
  <si>
    <t>【TIMKEN】调心滚子轴承\24144EJW33C3\TIMKEN</t>
  </si>
  <si>
    <t>【TIMKEN】调心滚子轴承\24144EJW33\TIMKEN</t>
  </si>
  <si>
    <t>【TIMKEN】调心滚子轴承\24148EJW33W45AC3\TIMKEN</t>
  </si>
  <si>
    <t>【TIMKEN】调心滚子轴承\24148EJW33W45A\TIMKEN</t>
  </si>
  <si>
    <t>【TIMKEN】调心滚子轴承\24192YMBW33\TIMKEN</t>
  </si>
  <si>
    <t>【TIMKEN】调心滚子轴承\24156EMBW33W45AC6\TIMKEN</t>
  </si>
  <si>
    <t>【TIMKEN】调心滚子轴承\23072KEMBW507C08\TIMKEN</t>
  </si>
  <si>
    <t>【TIMKEN】调心滚子轴承\23068KEMBW507C08\TIMKEN</t>
  </si>
  <si>
    <t>【TIMKEN】调心滚子轴承\23076KYMBW33W45A\TIMKEN</t>
  </si>
  <si>
    <t>【TIMKEN】调心滚子轴承\23076KEMBW507C08\TIMKEN</t>
  </si>
  <si>
    <t>【TIMKEN】调心滚子轴承\23264EMBW525C08\TIMKEN</t>
  </si>
  <si>
    <t>【TIMKEN】调心滚子轴承\21309KEJW33C3\TIMKEN</t>
  </si>
  <si>
    <t>【TIMKEN】调心滚子轴承\22215EJW33C4\TIMKEN</t>
  </si>
  <si>
    <t>【TIMKEN】调心滚子轴承\22216EMW33\TIMKEN</t>
  </si>
  <si>
    <t>【TIMKEN】调心滚子轴承\22217KEMW33C3\TIMKEN</t>
  </si>
  <si>
    <t>【TIMKEN】调心滚子轴承\22224EJW33C4\TIMKEN</t>
  </si>
  <si>
    <t>【TIMKEN】调心滚子轴承\22230EJW33C4\TIMKEN</t>
  </si>
  <si>
    <t>【TIMKEN】调心滚子轴承\22230KEJW33C4\TIMKEN</t>
  </si>
  <si>
    <t>【TIMKEN】调心滚子轴承\22234KEJW33C4\TIMKEN</t>
  </si>
  <si>
    <t>【TIMKEN】调心滚子轴承\22238EMBW33\TIMKEN</t>
  </si>
  <si>
    <t>【TIMKEN】调心滚子轴承\23084YMBW507C08\TIMKEN</t>
  </si>
  <si>
    <t>【TIMKEN】调心滚子轴承\23180KYMBW507C08C3\TIMKEN</t>
  </si>
  <si>
    <t>【TIMKEN】调心滚子轴承\23180YMBW33W45AC3\TIMKEN</t>
  </si>
  <si>
    <t>【TIMKEN】调心滚子轴承\23238KEJW33C3\TIMKEN</t>
  </si>
  <si>
    <t>【TIMKEN】调心滚子轴承\23926EMW33\TIMKEN</t>
  </si>
  <si>
    <t>【TIMKEN】调心滚子轴承\23926EMW33C3\TIMKEN</t>
  </si>
  <si>
    <t>【TIMKEN】调心滚子轴承\24036KEJW33\TIMKEN</t>
  </si>
  <si>
    <t>【TIMKEN】调心滚子轴承\24152EJW33W45A\TIMKEN</t>
  </si>
  <si>
    <t>【TIMKEN】圆锥滚子轴承\30203-90KA1\TIMKEN</t>
  </si>
  <si>
    <t>【TIMKEN】圆锥滚子轴承\30209M-90KM1\TIMKEN</t>
  </si>
  <si>
    <t>【TIMKEN】圆锥滚子轴承\30210M-90KM1\TIMKEN</t>
  </si>
  <si>
    <t>【TIMKEN】圆锥滚子轴承\30211-9X025\TIMKEN</t>
  </si>
  <si>
    <t>【TIMKEN】圆锥滚子轴承\30213-9X025\TIMKEN</t>
  </si>
  <si>
    <t>【TIMKEN】圆锥滚子轴承\30216-90KM1\TIMKEN</t>
  </si>
  <si>
    <t>【TIMKEN】圆锥滚子轴承\30219M-90KM1\TIMKEN</t>
  </si>
  <si>
    <t>【TIMKEN】圆锥滚子轴承\30221-9X095\TIMKEN</t>
  </si>
  <si>
    <t>【TIMKEN】圆锥滚子轴承\30224M-90KM1\TIMKEN</t>
  </si>
  <si>
    <t>【TIMKEN】圆锥滚子轴承\30228M-90KM1\TIMKEN</t>
  </si>
  <si>
    <t>【TIMKEN】圆锥滚子轴承\30234-90KA1\TIMKEN</t>
  </si>
  <si>
    <t>【TIMKEN】圆锥滚子轴承\30236-9X241\TIMKEN</t>
  </si>
  <si>
    <t>【TIMKEN】圆锥滚子轴承\30240-90KA1\TIMKEN</t>
  </si>
  <si>
    <t>【TIMKEN】圆锥滚子轴承\30244M-90KM1\TIMKEN</t>
  </si>
  <si>
    <t>【TIMKEN】圆锥滚子轴承\30303-90KA1\TIMKEN</t>
  </si>
  <si>
    <t>【TIMKEN】圆锥滚子轴承\30304-90KA1\TIMKEN</t>
  </si>
  <si>
    <t>【TIMKEN】圆锥滚子轴承\30306M-90KM1\TIMKEN</t>
  </si>
  <si>
    <t>【TIMKEN】圆锥滚子轴承\30307M-90KM1\TIMKEN</t>
  </si>
  <si>
    <t>【TIMKEN】圆锥滚子轴承\30308M-90KM1\TIMKEN</t>
  </si>
  <si>
    <t>【TIMKEN】圆锥滚子轴承\30309M-90KM1\TIMKEN</t>
  </si>
  <si>
    <t>【TIMKEN】圆锥滚子轴承\30310M-90KM2\TIMKEN</t>
  </si>
  <si>
    <t>【TIMKEN】圆锥滚子轴承\30313-9X025\TIMKEN</t>
  </si>
  <si>
    <t>【TIMKEN】圆锥滚子轴承\30314-9X060\TIMKEN</t>
  </si>
  <si>
    <t>【TIMKEN】圆锥滚子轴承\30315M-90KM1\TIMKEN</t>
  </si>
  <si>
    <t>【TIMKEN】圆锥滚子轴承\30316M-90KM1\TIMKEN</t>
  </si>
  <si>
    <t>【TIMKEN】圆锥滚子轴承\30318-9X241\TIMKEN</t>
  </si>
  <si>
    <t>【TIMKEN】圆锥滚子轴承\30319-9X241\TIMKEN</t>
  </si>
  <si>
    <t>【TIMKEN】圆锥滚子轴承\31307-90KA1\TIMKEN</t>
  </si>
  <si>
    <t>【TIMKEN】圆锥滚子轴承\31308-9X257\TIMKEN</t>
  </si>
  <si>
    <t>【TIMKEN】圆锥滚子轴承\31310-9X070\TIMKEN</t>
  </si>
  <si>
    <t>【TIMKEN】圆锥滚子轴承\31312-9X025\TIMKEN</t>
  </si>
  <si>
    <t>【TIMKEN】圆锥滚子轴承\31315M-90KM1\TIMKEN</t>
  </si>
  <si>
    <t>【TIMKEN】圆锥滚子轴承\31317-9X241\TIMKEN</t>
  </si>
  <si>
    <t>【TIMKEN】圆锥滚子轴承\31318-90KA4\TIMKEN</t>
  </si>
  <si>
    <t>【TIMKEN】圆锥滚子轴承\31319-90KA1\TIMKEN</t>
  </si>
  <si>
    <t>【TIMKEN】圆锥滚子轴承\32206M-90KM1\TIMKEN</t>
  </si>
  <si>
    <t>【TIMKEN】圆锥滚子轴承\32209M-90KM1\TIMKEN</t>
  </si>
  <si>
    <t>【TIMKEN】圆锥滚子轴承\32215-90KA1\TIMKEN</t>
  </si>
  <si>
    <t>【TIMKEN】圆锥滚子轴承\32216-90KB4\TIMKEN</t>
  </si>
  <si>
    <t>【TIMKEN】圆锥滚子轴承\32217-9X026\TIMKEN</t>
  </si>
  <si>
    <t>【TIMKEN】圆锥滚子轴承\32219-9X060\TIMKEN</t>
  </si>
  <si>
    <t>【TIMKEN】圆锥滚子轴承\32220M-90KM1\TIMKEN</t>
  </si>
  <si>
    <t>【TIMKEN】圆锥滚子轴承\32221-90KA1\TIMKEN</t>
  </si>
  <si>
    <t>【TIMKEN】圆锥滚子轴承\32222M-90KM1\TIMKEN</t>
  </si>
  <si>
    <t>【TIMKEN】圆锥滚子轴承\32224M-90KM1\TIMKEN</t>
  </si>
  <si>
    <t>【TIMKEN】圆锥滚子轴承\32228M-90KM1\TIMKEN</t>
  </si>
  <si>
    <t>【TIMKEN】圆锥滚子轴承\32240-90KA1\TIMKEN</t>
  </si>
  <si>
    <t>【TIMKEN】圆锥滚子轴承\32244M-90KM1\TIMKEN</t>
  </si>
  <si>
    <t>【TIMKEN】圆锥滚子轴承\32248-90KA1\TIMKEN</t>
  </si>
  <si>
    <t>【TIMKEN】圆锥滚子轴承\32304M-90KM1\TIMKEN</t>
  </si>
  <si>
    <t>【TIMKEN】圆锥滚子轴承\32305-90KA1\TIMKEN</t>
  </si>
  <si>
    <t>【TIMKEN】圆锥滚子轴承\32306-90KA1\TIMKEN</t>
  </si>
  <si>
    <t>【TIMKEN】圆锥滚子轴承\32313-9X095\TIMKEN</t>
  </si>
  <si>
    <t>【TIMKEN】圆锥滚子轴承\32314-90KM1\TIMKEN</t>
  </si>
  <si>
    <t>【TIMKEN】圆锥滚子轴承\32322-9X241\TIMKEN</t>
  </si>
  <si>
    <t>【TIMKEN】圆锥滚子轴承\32324-9X241\TIMKEN</t>
  </si>
  <si>
    <t>【TIMKEN】圆锥滚子轴承\32938-9X241\TIMKEN</t>
  </si>
  <si>
    <t>【TIMKEN】圆锥滚子轴承\32948-9X241\TIMKEN</t>
  </si>
  <si>
    <t>【TIMKEN】圆锥滚子轴承\33013-9X025\TIMKEN</t>
  </si>
  <si>
    <t>【TIMKEN】圆锥滚子轴承\33014M-90KM1\TIMKEN</t>
  </si>
  <si>
    <t>【TIMKEN】圆锥滚子轴承\33015-90KA1\TIMKEN</t>
  </si>
  <si>
    <t>【TIMKEN】圆锥滚子轴承\33016-9X241\TIMKEN</t>
  </si>
  <si>
    <t>【TIMKEN】圆锥滚子轴承\33017-9X241\TIMKEN</t>
  </si>
  <si>
    <t>【TIMKEN】圆锥滚子轴承\33019-90KA1\TIMKEN</t>
  </si>
  <si>
    <t>【TIMKEN】圆锥滚子轴承\33020-9X026\TIMKEN</t>
  </si>
  <si>
    <t>【TIMKEN】圆锥滚子轴承\33021-9X026\TIMKEN</t>
  </si>
  <si>
    <t>【TIMKEN】圆锥滚子轴承\33022-9X026\TIMKEN</t>
  </si>
  <si>
    <t>【TIMKEN】圆锥滚子轴承\33024-9X064\TIMKEN</t>
  </si>
  <si>
    <t>【TIMKEN】圆锥滚子轴承\33030M-90KM1\TIMKEN</t>
  </si>
  <si>
    <t>【TIMKEN】圆锥滚子轴承\33108-90KA1\TIMKEN</t>
  </si>
  <si>
    <t>【TIMKEN】圆锥滚子轴承\33109-90KA1\TIMKEN</t>
  </si>
  <si>
    <t>【TIMKEN】圆锥滚子轴承\33110M-90KM1\TIMKEN</t>
  </si>
  <si>
    <t>【TIMKEN】圆锥滚子轴承\33112-90KA1\TIMKEN</t>
  </si>
  <si>
    <t>【TIMKEN】圆锥滚子轴承\33114-9X025\TIMKEN</t>
  </si>
  <si>
    <t>【TIMKEN】圆锥滚子轴承\33115-9X026\TIMKEN</t>
  </si>
  <si>
    <t>【TIMKEN】圆锥滚子轴承\33118-9X026\TIMKEN</t>
  </si>
  <si>
    <t>【TIMKEN】圆锥滚子轴承\33122-9X241\TIMKEN</t>
  </si>
  <si>
    <t>【TIMKEN】圆锥滚子轴承\33205-90KA1\TIMKEN</t>
  </si>
  <si>
    <t>【TIMKEN】圆锥滚子轴承\33206-90KA1\TIMKEN</t>
  </si>
  <si>
    <t>【TIMKEN】圆锥滚子轴承\33207-90KA1\TIMKEN</t>
  </si>
  <si>
    <t>【TIMKEN】圆锥滚子轴承\33208-90KA1\TIMKEN</t>
  </si>
  <si>
    <t>【TIMKEN】圆锥滚子轴承\33209-90KA1\TIMKEN</t>
  </si>
  <si>
    <t>【TIMKEN】圆锥滚子轴承\33210-9X025\TIMKEN</t>
  </si>
  <si>
    <t>【TIMKEN】圆锥滚子轴承\33212-90KA1\TIMKEN</t>
  </si>
  <si>
    <t>【TIMKEN】圆锥滚子轴承\33213-9X025\TIMKEN</t>
  </si>
  <si>
    <t>【TIMKEN】圆锥滚子轴承\33214-9X025\TIMKEN</t>
  </si>
  <si>
    <t>【TIMKEN】圆锥滚子轴承\33215-90KA1\TIMKEN</t>
  </si>
  <si>
    <t>【TIMKEN】圆锥滚子轴承\33216-9X026\TIMKEN</t>
  </si>
  <si>
    <t>【TIMKEN】圆锥滚子轴承\33217-90KA1\TIMKEN</t>
  </si>
  <si>
    <t>【TIMKEN】圆锥滚子轴承\33220-9X241\TIMKEN</t>
  </si>
  <si>
    <t>【TIMKEN】圆锥滚子轴承\30204M-90KM1\TIMKEN</t>
  </si>
  <si>
    <t>【TIMKEN】圆锥滚子轴承\30205M-90KM1\TIMKEN</t>
  </si>
  <si>
    <t>【TIMKEN】圆锥滚子轴承\30207M-90KM1\TIMKEN</t>
  </si>
  <si>
    <t>【TIMKEN】圆锥滚子轴承\30212-9X025\TIMKEN</t>
  </si>
  <si>
    <t>【TIMKEN】圆锥滚子轴承\30215-90KB1\TIMKEN</t>
  </si>
  <si>
    <t>【TIMKEN】圆锥滚子轴承\30217-90KA2\TIMKEN</t>
  </si>
  <si>
    <t>【TIMKEN】圆锥滚子轴承\30222M-90KM1\TIMKEN</t>
  </si>
  <si>
    <t>【TIMKEN】圆锥滚子轴承\30230DF-90KA1\TIMKEN</t>
  </si>
  <si>
    <t>【TIMKEN】圆锥滚子轴承\30302-90KA1\TIMKEN</t>
  </si>
  <si>
    <t>【TIMKEN】圆锥滚子轴承\30317M-90KM1\TIMKEN</t>
  </si>
  <si>
    <t>【TIMKEN】圆锥滚子轴承\31309-90KA1\TIMKEN</t>
  </si>
  <si>
    <t>【TIMKEN】圆锥滚子轴承\31311-9X025\TIMKEN</t>
  </si>
  <si>
    <t>【TIMKEN】圆锥滚子轴承\31311DF-90KA1\TIMKEN</t>
  </si>
  <si>
    <t>【TIMKEN】圆锥滚子轴承\31313-9X026\TIMKEN</t>
  </si>
  <si>
    <t>【TIMKEN】圆锥滚子轴承\31314DF-90KA3\TIMKEN</t>
  </si>
  <si>
    <t>【TIMKEN】圆锥滚子轴承\31314-9X026\TIMKEN</t>
  </si>
  <si>
    <t>【TIMKEN】圆锥滚子轴承\31315DF-90KA2\TIMKEN</t>
  </si>
  <si>
    <t>【TIMKEN】圆锥滚子轴承\31316-9X241\TIMKEN</t>
  </si>
  <si>
    <t>【TIMKEN】圆锥滚子轴承\31316DF-90KA1\TIMKEN</t>
  </si>
  <si>
    <t>【TIMKEN】圆锥滚子轴承\31320XM-90KA2\TIMKEN</t>
  </si>
  <si>
    <t>【TIMKEN】圆锥滚子轴承\31322XM-90KM1\TIMKEN</t>
  </si>
  <si>
    <t>【TIMKEN】圆锥滚子轴承\31324XDF-90KA1\TIMKEN</t>
  </si>
  <si>
    <t>【TIMKEN】圆锥滚子轴承\31326M-90KM3\TIMKEN</t>
  </si>
  <si>
    <t>【TIMKEN】圆锥滚子轴承\32005X-90KB3\TIMKEN</t>
  </si>
  <si>
    <t>【TIMKEN】圆锥滚子轴承\32006XM-90KM1\TIMKEN</t>
  </si>
  <si>
    <t>【TIMKEN】圆锥滚子轴承\32007X-90KA1\TIMKEN</t>
  </si>
  <si>
    <t>【TIMKEN】圆锥滚子轴承\32010XM-90KM2\TIMKEN</t>
  </si>
  <si>
    <t>【TIMKEN】圆锥滚子轴承\32010X-90KA1\TIMKEN</t>
  </si>
  <si>
    <t>【TIMKEN】圆锥滚子轴承\32013X-9X025\TIMKEN</t>
  </si>
  <si>
    <t>【TIMKEN】圆锥滚子轴承\32013X-90KA1\TIMKEN</t>
  </si>
  <si>
    <t>【TIMKEN】圆锥滚子轴承\32014X-9X025\TIMKEN</t>
  </si>
  <si>
    <t>【TIMKEN】圆锥滚子轴承\32015X-90KA1\TIMKEN</t>
  </si>
  <si>
    <t>【TIMKEN】圆锥滚子轴承\32016X-9X026\TIMKEN</t>
  </si>
  <si>
    <t>【TIMKEN】圆锥滚子轴承\32017X-90KA1\TIMKEN</t>
  </si>
  <si>
    <t>【TIMKEN】圆锥滚子轴承\32017X-9X212\TIMKEN</t>
  </si>
  <si>
    <t>【TIMKEN】圆锥滚子轴承\32020X-9X026\TIMKEN</t>
  </si>
  <si>
    <t>【TIMKEN】圆锥滚子轴承\32021X-9X026\TIMKEN</t>
  </si>
  <si>
    <t>【TIMKEN】圆锥滚子轴承\32022X-9X026\TIMKEN</t>
  </si>
  <si>
    <t>【TIMKEN】圆锥滚子轴承\32024X-9X026\TIMKEN</t>
  </si>
  <si>
    <t>【TIMKEN】圆锥滚子轴承\32026X-9X026\TIMKEN</t>
  </si>
  <si>
    <t>【TIMKEN】圆锥滚子轴承\32030XDF-90KA2\TIMKEN</t>
  </si>
  <si>
    <t>【TIMKEN】圆锥滚子轴承\32032XM-90KM4\TIMKEN</t>
  </si>
  <si>
    <t>【TIMKEN】圆锥滚子轴承\32034XM-90KM1\TIMKEN</t>
  </si>
  <si>
    <t>【TIMKEN】圆锥滚子轴承\32036XM-90KM1\TIMKEN</t>
  </si>
  <si>
    <t>【TIMKEN】圆锥滚子轴承\32038XM-90KM1\TIMKEN</t>
  </si>
  <si>
    <t>【TIMKEN】圆锥滚子轴承\32040XDF-90KA1\TIMKEN</t>
  </si>
  <si>
    <t>【TIMKEN】圆锥滚子轴承\32044XM-90KM1\TIMKEN</t>
  </si>
  <si>
    <t>【TIMKEN】圆锥滚子轴承\32052X-90KA1\TIMKEN</t>
  </si>
  <si>
    <t>【TIMKEN】圆锥滚子轴承\32060X-90KA1\TIMKEN</t>
  </si>
  <si>
    <t>【TIMKEN】圆锥滚子轴承\32205B-90KA1\TIMKEN</t>
  </si>
  <si>
    <t>【TIMKEN】圆锥滚子轴承\32207M-90KM1\TIMKEN</t>
  </si>
  <si>
    <t>【TIMKEN】圆锥滚子轴承\32210M-90KM1\TIMKEN</t>
  </si>
  <si>
    <t>【TIMKEN】圆锥滚子轴承\32211-90KA1\TIMKEN</t>
  </si>
  <si>
    <t>【TIMKEN】圆锥滚子轴承\32213-90KA1\TIMKEN</t>
  </si>
  <si>
    <t>【TIMKEN】圆锥滚子轴承\32214-90KA1\TIMKEN</t>
  </si>
  <si>
    <t>【TIMKEN】圆锥滚子轴承\32216-90KA1\TIMKEN</t>
  </si>
  <si>
    <t>【TIMKEN】圆锥滚子轴承\32217-90KA1\TIMKEN</t>
  </si>
  <si>
    <t>【TIMKEN】圆锥滚子轴承\32307-90KA1\TIMKEN</t>
  </si>
  <si>
    <t>【TIMKEN】圆锥滚子轴承\32309-90KA1\TIMKEN</t>
  </si>
  <si>
    <t>【TIMKEN】圆锥滚子轴承\32310B-90KA1\TIMKEN</t>
  </si>
  <si>
    <t>【TIMKEN】圆锥滚子轴承\32311BM-90KM3\TIMKEN</t>
  </si>
  <si>
    <t>【TIMKEN】圆锥滚子轴承\32311-9X025\TIMKEN</t>
  </si>
  <si>
    <t>【TIMKEN】圆锥滚子轴承\32314-9X026\TIMKEN</t>
  </si>
  <si>
    <t>【TIMKEN】圆锥滚子轴承\32316M-90KM2\TIMKEN</t>
  </si>
  <si>
    <t>【TIMKEN】圆锥滚子轴承\33010-90KA1\TIMKEN</t>
  </si>
  <si>
    <t>【TIMKEN】圆锥滚子轴承\33111-90KA1\TIMKEN</t>
  </si>
  <si>
    <t>【TIMKEN】圆锥滚子轴承\6580/6535\TIMKEN</t>
  </si>
  <si>
    <t>【TIMKEN】圆锥滚子轴承\H961649 90014\TIMKEN</t>
  </si>
  <si>
    <t>【TIMKEN】圆锥滚子轴承\938-99401\TIMKEN</t>
  </si>
  <si>
    <t>【TIMKEN】圆锥滚子轴承\95525-99401\TIMKEN</t>
  </si>
  <si>
    <t>【TIMKEN】圆锥滚子轴承\H238148-99403\TIMKEN</t>
  </si>
  <si>
    <t>【TIMKEN】圆锥滚子轴承\H239610-20024\TIMKEN</t>
  </si>
  <si>
    <t>【TIMKEN】圆锥滚子轴承\H239640-20000\TIMKEN</t>
  </si>
  <si>
    <t>【TIMKEN】圆锥滚子轴承\H242649-99403\TIMKEN</t>
  </si>
  <si>
    <t>【TIMKEN】圆锥滚子轴承\H247510-20024\TIMKEN</t>
  </si>
  <si>
    <t>【TIMKEN】圆锥滚子轴承\H247548-99401\TIMKEN</t>
  </si>
  <si>
    <t>【TIMKEN】圆锥滚子轴承\H247549-20000\TIMKEN</t>
  </si>
  <si>
    <t>【TIMKEN】圆锥滚子轴承\H936349/90055\TIMKEN</t>
  </si>
  <si>
    <t>【TIMKEN】圆锥滚子轴承\HH234049-99401\TIMKEN</t>
  </si>
  <si>
    <t>【TIMKEN】圆锥滚子轴承\HH437549-99401\TIMKEN</t>
  </si>
  <si>
    <t>【TIMKEN】圆锥滚子轴承\HH932145-20024\TIMKEN</t>
  </si>
  <si>
    <t>【TIMKEN】圆锥滚子轴承\HM926747-99401\TIMKEN</t>
  </si>
  <si>
    <t>【TIMKEN】圆锥滚子轴承\HM926749-90024\TIMKEN</t>
  </si>
  <si>
    <t>【TIMKEN】圆锥滚子轴承\HM926749-90069\TIMKEN</t>
  </si>
  <si>
    <t>【TIMKEN】圆锥滚子轴承\JH217249-90K02\TIMKEN</t>
  </si>
  <si>
    <t>【TIMKEN】圆锥滚子轴承\JHM522649-N0000\TIMKEN</t>
  </si>
  <si>
    <t>【TIMKEN】圆锥滚子轴承\JM205149-99401\TIMKEN</t>
  </si>
  <si>
    <t>【TIMKEN】圆锥滚子轴承\JM738249-99401\TIMKEN</t>
  </si>
  <si>
    <t>【TIMKEN】圆锥滚子轴承\KH961649H-902A1\TIMKEN</t>
  </si>
  <si>
    <t>【TIMKEN】圆锥滚子轴承\KHH953749H-902A1\TIMKEN</t>
  </si>
  <si>
    <t>【TIMKEN】圆锥滚子轴承\NP340527-902A1\TIMKEN</t>
  </si>
  <si>
    <t>【TIMKEN】圆锥滚子轴承\NP251567-902A1\TIMKEN</t>
  </si>
  <si>
    <t>【TIMKEN】圆锥滚子轴承\KHH949549H-902A1\TIMKEN</t>
  </si>
  <si>
    <t>【TIMKEN】圆锥滚子轴承\14130-99401\TIMKEN</t>
  </si>
  <si>
    <t>【TIMKEN】圆锥滚子轴承\15101-20024\TIMKEN</t>
  </si>
  <si>
    <t>【TIMKEN】圆锥滚子轴承\17098-99401\TIMKEN</t>
  </si>
  <si>
    <t>【TIMKEN】圆锥滚子轴承\30211M-90KM1\TIMKEN</t>
  </si>
  <si>
    <t>【TIMKEN】圆锥滚子轴承\30214-90KB1\TIMKEN</t>
  </si>
  <si>
    <t>【TIMKEN】圆锥滚子轴承\30215-9X025\TIMKEN</t>
  </si>
  <si>
    <t>【TIMKEN】圆锥滚子轴承\30234M-90KM2\TIMKEN</t>
  </si>
  <si>
    <t>【TIMKEN】圆锥滚子轴承\30312-9X025\TIMKEN</t>
  </si>
  <si>
    <t>【TIMKEN】圆锥滚子轴承\31308DF-90KB7\TIMKEN</t>
  </si>
  <si>
    <t>【TIMKEN】圆锥滚子轴承\32004X-90KA1\TIMKEN</t>
  </si>
  <si>
    <t>【TIMKEN】圆锥滚子轴承\32028X-90NB3\TIMKEN</t>
  </si>
  <si>
    <t>【TIMKEN】圆锥滚子轴承\32038XDF-90KA7\TIMKEN</t>
  </si>
  <si>
    <t>【TIMKEN】圆锥滚子轴承\32326-9X241\TIMKEN</t>
  </si>
  <si>
    <t>【TIMKEN】圆锥滚子轴承\32926M-90KM1\TIMKEN</t>
  </si>
  <si>
    <t>【TIMKEN】圆锥滚子轴承\33113-90KA1\TIMKEN</t>
  </si>
  <si>
    <t>【TIMKEN】圆锥滚子轴承\71450/71751D\TIMKEN</t>
  </si>
  <si>
    <t>【TIMKEN】圆锥滚子轴承\529/522\TIMKEN</t>
  </si>
  <si>
    <t>【TIMKEN】圆锥滚子轴承\655/653\TIMKEN</t>
  </si>
  <si>
    <t>【TIMKEN】圆锥滚子轴承\17580/17520\TIMKEN</t>
  </si>
  <si>
    <t>【TIMKEN】圆锥滚子轴承\2788/2720\TIMKEN</t>
  </si>
  <si>
    <t>【TIMKEN】圆锥滚子轴承\48685-90036\TIMKEN</t>
  </si>
  <si>
    <t>【TIMKEN】圆锥滚子轴承\36690/36620\TIMKEN</t>
  </si>
  <si>
    <t>【TIMKEN】圆锥滚子轴承\52393-20024\TIMKEN</t>
  </si>
  <si>
    <t>【TIMKEN】圆锥滚子轴承\52637D-20081\TIMKEN</t>
  </si>
  <si>
    <t>【TIMKEN】圆锥滚子轴承\67388-90020\TIMKEN</t>
  </si>
  <si>
    <t>【TIMKEN】圆锥滚子轴承\898-90055\TIMKEN</t>
  </si>
  <si>
    <t>【TIMKEN】圆锥滚子轴承\E-PF-TRB-2 3/4\TIMKEN</t>
  </si>
  <si>
    <t>【TIMKEN】圆锥滚子轴承\90381-90021\TIMKEN</t>
  </si>
  <si>
    <t>【TIMKEN】圆锥滚子轴承\32230M-90KM1\TIMKEN</t>
  </si>
  <si>
    <t>【TIMKEN】圆锥滚子轴承\6580-99401\TIMKEN</t>
  </si>
  <si>
    <t>【TIMKEN】圆锥滚子轴承\67885-90238\TIMKEN</t>
  </si>
  <si>
    <t>【TIMKEN】圆锥滚子轴承\HM926740-90012\TIMKEN</t>
  </si>
  <si>
    <t>【TIMKEN】圆锥滚子轴承\90381-90013\TIMKEN</t>
  </si>
  <si>
    <t>【TIMKEN】圆锥滚子轴承\M255449/M255410CD\TIMKEN</t>
  </si>
  <si>
    <t>【TIMKEN】圆锥滚子轴承\H913849-99401\TIMKEN</t>
  </si>
  <si>
    <t>【TIMKEN】圆锥滚子轴承\HM259049-90062\TIMKEN</t>
  </si>
  <si>
    <t>【TIMKEN】圆锥滚子轴承\LM654649-902A3\TIMKEN</t>
  </si>
  <si>
    <t>【TIMKEN】圆锥滚子轴承\31330M-90KM3\TIMKEN</t>
  </si>
  <si>
    <t>【TIMKEN】圆锥滚子轴承\HM266449-90164\TIMKEN</t>
  </si>
  <si>
    <t>【TIMKEN】圆锥滚子轴承\M263349D-902A9\TIMKEN</t>
  </si>
  <si>
    <t>【TIMKEN】圆锥滚子轴承\L225849-20024\TIMKEN</t>
  </si>
  <si>
    <t>【TIMKEN】圆锥滚子轴承\HM237545-90144\TIMKEN</t>
  </si>
  <si>
    <t>【TIMKEN】圆锥滚子轴承\66212-70000\TIMKEN</t>
  </si>
  <si>
    <t>【TIMKEN】圆锥滚子轴承\29620-20024\TIMKEN</t>
  </si>
  <si>
    <t>【TIMKEN】圆锥滚子轴承\66462-20024\TIMKEN</t>
  </si>
  <si>
    <t>【TIMKEN】圆锥滚子轴承\L225810-20024\TIMKEN</t>
  </si>
  <si>
    <t>【TIMKEN】圆锥滚子轴承\HH221447-90022\TIMKEN</t>
  </si>
  <si>
    <t>【TIMKEN】圆锥滚子轴承\32232DF-90KA2\TIMKEN</t>
  </si>
  <si>
    <t>【TIMKEN】圆锥滚子轴承\HM804846-99401\TIMKEN</t>
  </si>
  <si>
    <t>【TIMKEN】圆锥滚子轴承\8578-90185\TIMKEN</t>
  </si>
  <si>
    <t>【TIMKEN】圆柱滚子轴承\NU219EMAC3\TIMKEN</t>
  </si>
  <si>
    <t>【TIMKEN】圆柱滚子轴承\NU2234EMA\TIMKEN</t>
  </si>
  <si>
    <t>【TIMKEN】圆柱滚子轴承\NU228EMAC3\TIMKEN</t>
  </si>
  <si>
    <t>【TIMKEN】圆柱滚子轴承\NU232EMAC3\TIMKEN</t>
  </si>
  <si>
    <t>【TIMKEN】圆柱滚子轴承\NU2330EMA\TIMKEN</t>
  </si>
  <si>
    <t>【TIMKEN】圆柱滚子轴承\NU234EMA\TIMKEN</t>
  </si>
  <si>
    <t>【TIMKEN】圆柱滚子轴承\NU234EMAC3\TIMKEN</t>
  </si>
  <si>
    <t>【TIMKEN】圆柱滚子轴承\NU2352EMAC3\TIMKEN</t>
  </si>
  <si>
    <t>【TIMKEN】圆柱滚子轴承\NU2356EMAC3\TIMKEN</t>
  </si>
  <si>
    <t>【TIMKEN】圆柱滚子轴承\NU2368EMAC3\TIMKEN</t>
  </si>
  <si>
    <t>【TIMKEN】圆柱滚子轴承\NU240EMAC3\TIMKEN</t>
  </si>
  <si>
    <t>【TIMKEN】圆柱滚子轴承\NU3188EMAW45BW50BC3\TIMKEN</t>
  </si>
  <si>
    <t>【TIMKEN】圆柱滚子轴承\NU326EMA\TIMKEN</t>
  </si>
  <si>
    <t>【TIMKEN】圆柱滚子轴承\NU326EMAC3\TIMKEN</t>
  </si>
  <si>
    <t>【TIMKEN】圆柱滚子轴承\NU328EMAC3\TIMKEN</t>
  </si>
  <si>
    <t>【TIMKEN】圆柱滚子轴承\NU334EMA\TIMKEN</t>
  </si>
  <si>
    <t>【TIMKEN】圆柱滚子轴承\NU2364EMAC3\TIMKEN</t>
  </si>
  <si>
    <t>【TIMKEN】圆柱滚子轴承\NU3192C6\TIMKEN</t>
  </si>
  <si>
    <t>【TIMKEN】圆柱滚子轴承\NU2372EMAW45BW50BC3\TIMKEN</t>
  </si>
  <si>
    <t>【TIMKEN】圆柱滚子轴承\280RU91OD1268R2\TIMKEN</t>
  </si>
  <si>
    <t>【TIMKEN】圆柱滚子轴承\320RU92AC1112R3\TIMKEN</t>
  </si>
  <si>
    <t>【TIMKEN】圆柱滚子轴承\320RU92 AC1112 R3PB9\TIMKEN</t>
  </si>
  <si>
    <t>【TIMKEN】圆柱滚子轴承\NU2218EMA\TIMKEN</t>
  </si>
  <si>
    <t>【TIMKEN】圆柱滚子轴承\NU324EMAC3\TIMKEN</t>
  </si>
  <si>
    <t>【TIMKEN】圆柱滚子轴承\NJ2232EMAC3\TIMKEN</t>
  </si>
  <si>
    <t>【TIMKEN】深沟球轴承\6219-C3\TIMKEN</t>
  </si>
  <si>
    <t>【TIMKEN】深沟球轴承\6220-ZZ\TIMKEN</t>
  </si>
  <si>
    <t>【TIMKEN】深沟球轴承\6234M-C3\TIMKEN</t>
  </si>
  <si>
    <t>【TIMKEN】深沟球轴承\6236M-C3\TIMKEN</t>
  </si>
  <si>
    <t>【TIMKEN】深沟球轴承\6317-C3\TIMKEN</t>
  </si>
  <si>
    <t>【TIMKEN】深沟球轴承\6324M-C3\TIMKEN</t>
  </si>
  <si>
    <t>【TIMKEN】深沟球轴承\6326-C3\TIMKEN</t>
  </si>
  <si>
    <t>【TIMKEN】深沟球轴承\6330-C3\TIMKEN</t>
  </si>
  <si>
    <t>【TIMKEN】深沟球轴承\6232M-C3\TIMKEN</t>
  </si>
  <si>
    <t>【TIMKEN】深沟球轴承\6038M-C3\TIMKEN</t>
  </si>
  <si>
    <t>【TIMKEN】深沟球轴承\6315-C3\TIMKEN</t>
  </si>
  <si>
    <t>【TIMKEN】推力滚子轴承\294/500EM-OA-HP\TIMKEN</t>
  </si>
  <si>
    <t>【TIMKEN】推力滚子轴承\294/530EM\TIMKEN</t>
  </si>
  <si>
    <t>【TIMKEN】推力滚子轴承\294/560EM\TIMKEN</t>
  </si>
  <si>
    <t>【TIMKEN】推力滚子轴承\294/600EM\TIMKEN</t>
  </si>
  <si>
    <t>【TIMKEN】推力滚子轴承\294/630EM\TIMKEN</t>
  </si>
  <si>
    <t>【TIMKEN】推力滚子轴承\294/670EM\TIMKEN</t>
  </si>
  <si>
    <t>【TIMKEN】推力滚子轴承\294/710EM\TIMKEN</t>
  </si>
  <si>
    <t>【TIMKEN】推力滚子轴承\294/750EMW40RW50B\TIMKEN</t>
  </si>
  <si>
    <t>【TIMKEN】推力滚子轴承\294/800EMW40RW50\TIMKEN</t>
  </si>
  <si>
    <t>【TIMKEN】推力滚子轴承\294/850EJ\TIMKEN</t>
  </si>
  <si>
    <t>【TIMKEN】推力滚子轴承\294/900EMW40RW50\TIMKEN</t>
  </si>
  <si>
    <t>【TIMKEN】推力滚子轴承\294/950EMW40RW50\TIMKEN</t>
  </si>
  <si>
    <t>【TIMKEN】推力滚子轴承\29422EJ\TIMKEN</t>
  </si>
  <si>
    <t>【TIMKEN】推力滚子轴承\294/1000EMW50\TIMKEN</t>
  </si>
  <si>
    <t>【TIMKEN】带座滚子轴承\E-PF-TRB-2 1/4\TIMKEN</t>
  </si>
  <si>
    <t>【TIMKEN】带座球轴承\RCJ1 15/16\TIMKEN</t>
  </si>
  <si>
    <t>GNWZBPCG2021-0005</t>
  </si>
  <si>
    <t>2020年度北京配送铁姆肯（TIMKEN）轴承 集团级长协采购 供货合同（上海顺奉）</t>
  </si>
  <si>
    <t>上海顺奉电力设备有限公司</t>
  </si>
  <si>
    <t>GNWZBPCG2021-0008</t>
  </si>
  <si>
    <t>2020年度北京配送铁姆肯（TIMKEN）轴承 集团级长协采购 供货合同（山东依恩特）</t>
  </si>
  <si>
    <t>山东依恩特工业集成科技有限公司</t>
  </si>
  <si>
    <t>GNWZBPCG2021-0004</t>
  </si>
  <si>
    <t>2020年度北京配送铁姆肯(TIMKEN)轴承 集团级长协采购 供货合同(深圳)</t>
  </si>
  <si>
    <t>深圳市哈瓦洛轴承机电有限公司</t>
  </si>
  <si>
    <t>【三雄极光】LED线性埋地灯\PAK-LED-L67-24W30-830-定制C\DC24V\24W\座装</t>
  </si>
  <si>
    <t>广东三雄极光照明股份有限公司</t>
  </si>
  <si>
    <t>三雄极光</t>
  </si>
  <si>
    <t>GNWZBPCG2021-0029</t>
  </si>
  <si>
    <t>国家能源e购商城三雄极光灯具铺货采购合同</t>
  </si>
  <si>
    <t>广东三雄极光照明工程有限公司</t>
  </si>
  <si>
    <t>【三雄极光】LED投光灯\PAK470140\AC220V\50W\壁装式</t>
  </si>
  <si>
    <t>【三雄极光】LED柔性灯带\PAK544157\DC24V\12W</t>
  </si>
  <si>
    <t>【三雄极光】LED照树灯\PAK470332\AC220V\12W\座装</t>
  </si>
  <si>
    <t>【三雄极光】开关电源\PAK073500\AC220V\DC24V\14.6A</t>
  </si>
  <si>
    <t>【三雄极光】LED洗墙灯\PAK460218\DC24V\18W\座装</t>
  </si>
  <si>
    <t>【三雄极光】LED洗墙灯\PAK460239\DC24V\9W\座装</t>
  </si>
  <si>
    <t>【双铠】中心漏斗衬板\HHGR5LD01\400×400×22 熔瓷\取料机+R5\国产</t>
  </si>
  <si>
    <t>柳州双铠工业技术有限公司</t>
  </si>
  <si>
    <t>双铠</t>
  </si>
  <si>
    <t>GNWZBPCG2021-0028</t>
  </si>
  <si>
    <t>国家能源e购商城熔瓷衬板备件铺货采购合同</t>
  </si>
  <si>
    <t>柳州市双铠工业技术有限公司</t>
  </si>
  <si>
    <t>【北京低碳院】电力物资-检修服务-技术服务-检验检测</t>
  </si>
  <si>
    <t>北京低碳清洁能源研究院</t>
  </si>
  <si>
    <t>北京低碳院</t>
  </si>
  <si>
    <t>GNWZBP(TH)ZYCG2020-304</t>
  </si>
  <si>
    <t>2021年度北配天泓公司SCR脱硝催化剂性能检测服务长协采购框架合同</t>
  </si>
  <si>
    <t>【SAILTOR】主板\S-ZHB04\电动执行机构</t>
  </si>
  <si>
    <t>上海山尔自动化仪表有限公司</t>
  </si>
  <si>
    <t>SAILTOR</t>
  </si>
  <si>
    <t>GNWZBPCG2021-0025</t>
  </si>
  <si>
    <t>上海山尔执行器备件商城铺货山东区域级长协采购 框架合同</t>
  </si>
  <si>
    <t>【SAILTOR】主板\SID(B)\电动执行机构</t>
  </si>
  <si>
    <t>【SAILTOR】电源板\S-POWER04\山尔</t>
  </si>
  <si>
    <t>【SAILTOR】显示板\SMS0781\山尔</t>
  </si>
  <si>
    <t>【SAILTOR】旋扭板\S-XNB05\电动执行机构\山尔</t>
  </si>
  <si>
    <t>【SAILTOR】电位器\WDJ36-Q\电动执行机构</t>
  </si>
  <si>
    <t>【SAILTOR】电位器\S-FCP22E M\电动执行机构</t>
  </si>
  <si>
    <t>【SAILTOR】电位器\FCP22F K\电动执行机构</t>
  </si>
  <si>
    <t>【SAILTOR】接触器\VB7-30-01 380V 20A</t>
  </si>
  <si>
    <t>【SAILTOR】接触器\AX25-30-01 380V 25A</t>
  </si>
  <si>
    <t>【SAILTOR】接触器\LVED38Q77 380V 30A</t>
  </si>
  <si>
    <t>【SAILTOR】电机\SID10-WF\电动执行机构</t>
  </si>
  <si>
    <t>【SAILTOR】电机\SID16-WF\电动执行机构</t>
  </si>
  <si>
    <t>【SAILTOR】电机\SID20-WF\电动执行机构</t>
  </si>
  <si>
    <t>【SAILTOR】电机\SID23-WF\电动执行机构</t>
  </si>
  <si>
    <t>【SAILTOR】电机\SID24-WF\电动执行机构</t>
  </si>
  <si>
    <t>【SAILTOR】电机\SID26-WF\电动执行机构</t>
  </si>
  <si>
    <t>【SAILTOR】电机\SID29-WF\电动执行机构</t>
  </si>
  <si>
    <t>【SAILTOR】电机\SID32-WF\电动执行机构</t>
  </si>
  <si>
    <t>【SAILTOR】电机\SID38-WF\电动执行机构</t>
  </si>
  <si>
    <t>【上海耐奇自控】主板\NQ-JAE-A3K-V3.0\电动执行机构</t>
  </si>
  <si>
    <t>上海耐奇自控工程有限公司</t>
  </si>
  <si>
    <t>上海耐奇自控</t>
  </si>
  <si>
    <t>GNWZBPCG2021-0024</t>
  </si>
  <si>
    <t>上海耐奇执行器备件商城铺货山东区域级长协采购框架合同</t>
  </si>
  <si>
    <t>【上海耐奇自控】单圈绝对编码器\NQ-JCE-A3K-V3.0 角行程\电动执行机构</t>
  </si>
  <si>
    <t>【上海耐奇自控】多圈绝对编码器\NQ-JBE-A3K-V3.0 多回转\电动执行机构</t>
  </si>
  <si>
    <t>【上海耐奇自控】显示旋钮板\NQ-JDE-A3K-V3.0\电动执行机构</t>
  </si>
  <si>
    <t>【上海耐奇自控】旋钮组件\NQ-JGE-A3K-V3.0\电动执行机构</t>
  </si>
  <si>
    <t>【上海耐奇自控】角行程电机\NQ-JME-A3K-V3.0\电动执行机构</t>
  </si>
  <si>
    <t>【上海耐奇自控】多回转电机\NQ-DME-A3K-V3.0\电动执行机构</t>
  </si>
  <si>
    <t>【上海耐奇自控】接线盘\NQ-DOE-A3K-V30\电动执行机构</t>
  </si>
  <si>
    <t>【上海耐奇自控】开关型主板\NQ-DAE-C3K-V3.0\电动执行机构</t>
  </si>
  <si>
    <t>【上海耐奇自控】频繁调节型主板\NQ-DAE-C3M-V3.0\电动执行机构</t>
  </si>
  <si>
    <t>【上海耐奇自控】多圈绝对编码器\NQ-DBE-C3K-V3.0\电动执行机构</t>
  </si>
  <si>
    <t>【上海耐奇自控】显示旋钮板\NQ-DDE-C3K-V3.0\电动执行机构</t>
  </si>
  <si>
    <t>【上海耐奇自控】旋钮组件\NQ-DGE-C3K-V3.0\电动执行机构</t>
  </si>
  <si>
    <t>【上海耐奇自控】多回转电机\NQ-DME-C3K-V3.0\电动执行机构</t>
  </si>
  <si>
    <t>【上海耐奇自控】接线盘\NQ-DOE-C3K-V30\电动执行机构</t>
  </si>
  <si>
    <t>【上海耐奇自控】调节板\NQ-DEE-C3K-V30\电动执行机构</t>
  </si>
  <si>
    <t>【上海耐奇自控】分体远传板\NQ-DXE-C3K-V30\电动执行机构</t>
  </si>
  <si>
    <t>【上海耐奇自控】手轮组件\NQ-DHE-C3K-V30\电动执行机构</t>
  </si>
  <si>
    <t>【上海耐奇自控】开关型主板\NQ-DAE-V3K-V3.0\电动执行机构</t>
  </si>
  <si>
    <t>【上海耐奇自控】频繁调节型主板\NQ-DAE-V3M-V3.0\电动执行机构</t>
  </si>
  <si>
    <t>【上海耐奇自控】多圈绝对编码器\NQ-DBE-V3K-V3.0\电动执行机构</t>
  </si>
  <si>
    <t>【上海耐奇自控】单圈绝对编码器\NQ-JBE-V3K-V3.0\电动执行机构</t>
  </si>
  <si>
    <t>【上海耐奇自控】显示旋钮板\NQ-DDE-V3K-V3.0\电动执行机构</t>
  </si>
  <si>
    <t>【上海耐奇自控】多回转电机\NQ-DME-V3K-V3.0\电动执行机构</t>
  </si>
  <si>
    <t>【上海耐奇自控】角行程电机\NQ-JME-V3K-V3.0\电动执行机构</t>
  </si>
  <si>
    <t>【上海耐奇自控】多回转接线盘\NQ-DOE-V3K-V30\电动执行机构</t>
  </si>
  <si>
    <t>【上海耐奇自控】角行程接线盘\NQ-JOE-V3K-V30\电动执行机构</t>
  </si>
  <si>
    <t>【上海耐奇自控】调节板\NQ-DEE-V3K-V30\电动执行机构</t>
  </si>
  <si>
    <t>【上海耐奇自控】分体远传板\NQ-DXE-V3K-V30\电动执行机构</t>
  </si>
  <si>
    <t>【上海耐奇自控】手轮组件\NQ-DHE-V3K-V30\电动执行机构</t>
  </si>
  <si>
    <t>【施耐德电气】断路器\NSX600S TM\DC250V\600A\3P\国产</t>
  </si>
  <si>
    <t>施耐德电气(中国)有限公司</t>
  </si>
  <si>
    <t>施耐德电气</t>
  </si>
  <si>
    <t>GNWZBPCG2021-0021</t>
  </si>
  <si>
    <t>国家能源e购商城2020年度北京配送施耐德电气设备备件集团级长协采购</t>
  </si>
  <si>
    <t>【施耐德电气】可逆接触器\LC2D32Q7C 380V 32A</t>
  </si>
  <si>
    <t>【施耐德电气】辅助触点\LADN31C</t>
  </si>
  <si>
    <t>【施耐德电气】变频器\ATV930D22N4\380V 0.1-599Hz 22kW\施耐德</t>
  </si>
  <si>
    <t>【施耐德电气】变频器\ATV930D45N4\380-400V 0.1-599Hz 45kW\施耐德</t>
  </si>
  <si>
    <t>【施耐德电气】变频器\ATV610U07N4\380-415V 0.1-500Hz 0.75kW\施耐德</t>
  </si>
  <si>
    <t>【施耐德电气】变频器\ATV610U15N4\380-415V 0.1-500Hz 1.5kW\施耐德</t>
  </si>
  <si>
    <t>【施耐德电气】变频器\ATV930D18N4\380V 0.1-599Hz 18kW\施耐德</t>
  </si>
  <si>
    <t>【施耐德电气】变频器\ATV610U40N4\380-415V 0.1-500Hz 4kW\施耐德</t>
  </si>
  <si>
    <t>【施耐德电气】变频器\ATV630D75N4\400-480V 0.1-500Hz 75kW\施耐德</t>
  </si>
  <si>
    <t>【施耐德电气】变频器\ATV930U55N4\380V 0.1-599Hz 5.5kW\施耐德</t>
  </si>
  <si>
    <t>【施耐德电气】变频器\ATV630D45N4\400-480V 0.1-500Hz 45kW\施耐德</t>
  </si>
  <si>
    <t>【施耐德电气】变频器\ATV930D11N4\380V 0.1-599Hz 11kW\施耐德</t>
  </si>
  <si>
    <t>【施耐德电气】变频器\ATV930U40N4\380V 0.1-599Hz 4kW\施耐德</t>
  </si>
  <si>
    <t>【施耐德电气】变频器\ATV630U40N4\400-480V 0.1-500Hz 4kW\施耐德</t>
  </si>
  <si>
    <t>【施耐德电气】变频器\ATV630D11N4\400-480V 0.1-500Hz 11kW\施耐德</t>
  </si>
  <si>
    <t>【施耐德电气】变频器\ATV610D15N4\380-415V 0.1-500Hz 15kW\施耐德</t>
  </si>
  <si>
    <t>【施耐德电气】变频器\ATV610D11N4\380-415V 0.1-500Hz 11kW\施耐德</t>
  </si>
  <si>
    <t>【施耐德电气】变频器\ATV930U15N4\380V 0.1-599Hz 1.5kW\施耐德</t>
  </si>
  <si>
    <t>【施耐德电气】变频器\ATV630C13N4\400-480V 0.1-500Hz 130kW\施耐德</t>
  </si>
  <si>
    <t>【施耐德电气】变频器\ATV630U75N4\400-480V 0.1-500Hz 75kW\施耐德</t>
  </si>
  <si>
    <t>【施耐德电气】变频器\ATV630C16N4\400-480V 0.1-500Hz 160kW\施耐德</t>
  </si>
  <si>
    <t>【施耐德电气】变频器\ATV930U75N4\380V 0.1-599Hz 7.5kW\施耐德</t>
  </si>
  <si>
    <t>【施耐德电气】变频器\ATV930D37N4\380V 0.1-599Hz 37kW\施耐德</t>
  </si>
  <si>
    <t>【施耐德电气】变频器\ATV630U55N4\400-480V 0.1-500Hz 55kW\施耐德</t>
  </si>
  <si>
    <t>【施耐德电气】变频器\ATV630D22N4\400-480V 0.1-500Hz 22kW\施耐德</t>
  </si>
  <si>
    <t>【施耐德电气】变频器\ATV930D15N4\380V 0.1-599Hz 15kW\施耐德</t>
  </si>
  <si>
    <t>【施耐德电气】变频器\ATV630D30N4\400-480V 0.1-500Hz 30kW\施耐德</t>
  </si>
  <si>
    <t>【施耐德电气】变频器\ATV630U15N4\400-480V 0.1-500Hz 15kW\施耐德</t>
  </si>
  <si>
    <t>【施耐德电气】变频器\ATV930D75N4\380-400V 0.1-599Hz 75kW\施耐德</t>
  </si>
  <si>
    <t>【施耐德电气】变频器\ATV930D55N4\380-400V 0.1-599Hz 55kW\施耐德</t>
  </si>
  <si>
    <t>【施耐德电气】变频器\ATV630U07N4\400V 0.1-500Hz 0.75kW\施耐德</t>
  </si>
  <si>
    <t>【施耐德电气】变频器\ATV610U22N4\380-415V 0.1-500Hz 2.2kW\施耐德</t>
  </si>
  <si>
    <t>【施耐德电气】变频器\ATV630D37N4\400-480V 0.1-500Hz 37kW\施耐德</t>
  </si>
  <si>
    <t>【施耐德电气】变频器\ATV630U30N4\400-480V 0.1-500Hz 3kW\施耐德</t>
  </si>
  <si>
    <t>【施耐德电气】变频器\ATV930U22N4\380V 0.1-599Hz 2.2kW\施耐德</t>
  </si>
  <si>
    <t>【施耐德电气】变频器\ATV930C13N4C\380-400V 0.1-599Hz 132kW\施耐德</t>
  </si>
  <si>
    <t>【施耐德电气】变频器\ATV630C11N4\400-480V 0.1-500Hz 110kW\施耐德</t>
  </si>
  <si>
    <t>【施耐德电气】变频器\ATV630D55N4\400-480V 0.1-500Hz 55kW\施耐德</t>
  </si>
  <si>
    <t>【施耐德电气】变频器\ATV930D30N4\380-480V 0.1-599Hz 30kW\施耐德</t>
  </si>
  <si>
    <t>【施耐德电气】变频器\ATV930D90N4\380-400V 0.1-599Hz 90kW\施耐德</t>
  </si>
  <si>
    <t>【施耐德电气】变频器\ATV930C16N4C\380-400V 0.1-599Hz 160kW\施耐德</t>
  </si>
  <si>
    <t>【施耐德电气】变频器\ATV630U22N4\400-480V 0.1-500Hz 22kW\施耐德</t>
  </si>
  <si>
    <t>【施耐德电气】变频器\ATV610U55N4\380-415V 0.1-500Hz 5.5kW\施耐德</t>
  </si>
  <si>
    <t>【施耐德电气】变频器\ATV630D18N4\400-480V 0.1-500Hz 18.5kW\施耐德</t>
  </si>
  <si>
    <t>【施耐德电气】变频器\ATV630D90N4\380-480V 0.1-599Hz 90kW\施耐德</t>
  </si>
  <si>
    <t>【施耐德电气】变频器\ATV630D15N4\400-480V 0.1-500Hz 15kW\施耐德</t>
  </si>
  <si>
    <t>【施耐德电气】变频器\ATV610U75N4\380-415V 0.1-500Hz 7.5kW\施耐德</t>
  </si>
  <si>
    <t>【施耐德电气】变频器\ATV610U30N4\380-415V 0.1-500Hz 3kW\施耐德</t>
  </si>
  <si>
    <t>【施耐德电气】变频器\ATV930C11N4C\380-400V 0.1-599Hz 110kW\施耐德</t>
  </si>
  <si>
    <t>【施耐德电气】变频器\ATV930U30N4\380V 0.1-599Hz 3kW\施耐德</t>
  </si>
  <si>
    <t>【施耐德电气】变频器\ATV930U07N4\380V 0.1-599Hz 0.75kW\施耐德</t>
  </si>
  <si>
    <t>【施耐德电气】触摸屏\HMIGTO5310\施耐德\进口</t>
  </si>
  <si>
    <t>【施耐德电气】触摸屏\HMIGTO6310</t>
  </si>
  <si>
    <t>【施耐德电气】触摸屏\HMIGXU5500</t>
  </si>
  <si>
    <t>【施耐德电气】触摸屏\HMIGXU3512\施耐德睿易</t>
  </si>
  <si>
    <t>【施耐德电气】触摸屏\HMIGTO5315</t>
  </si>
  <si>
    <t>【施耐德电气】触摸屏\HMIGXU3500</t>
  </si>
  <si>
    <t>【施耐德电气】触摸屏\HMIGTO1300</t>
  </si>
  <si>
    <t>【施耐德电气】触摸屏\HMIGTO2300\施耐德</t>
  </si>
  <si>
    <t>【施耐德电气】触摸屏\HMIGTO2315</t>
  </si>
  <si>
    <t>【施耐德电气】触摸屏\HMIGTO6315</t>
  </si>
  <si>
    <t>【施耐德电气】触摸屏\HMIGTO4310</t>
  </si>
  <si>
    <t>【施耐德电气】触摸屏\HMIGTO1310</t>
  </si>
  <si>
    <t>【施耐德电气】触摸屏\HMIGTO3510</t>
  </si>
  <si>
    <t>【施耐德电气】触摸屏\HMIGTO2310</t>
  </si>
  <si>
    <t>【施耐德电气】触摸屏\HMIGXU5512</t>
  </si>
  <si>
    <t>【施耐德电气】断路器欠压脱扣单元\GVAX385\国产</t>
  </si>
  <si>
    <t>【施耐德电气】断路器\GV2PM14C\690V\6-10A\3P</t>
  </si>
  <si>
    <t>【施耐德电气】断路器欠压脱扣单元\GVAX225\国产</t>
  </si>
  <si>
    <t>【施耐德电气】断路器组合模块\GV2AF3\国产</t>
  </si>
  <si>
    <t>【施耐德电气】断路器分励脱扣单元\GVAS225\国产</t>
  </si>
  <si>
    <t>【施耐德电气】断路器外部操作手柄\GV2APN02\国产</t>
  </si>
  <si>
    <t>【施耐德电气】热磁断路器辅助触点\GVAE11</t>
  </si>
  <si>
    <t>【施耐德电气】断路器\GV2PM02C\690V\0.25A\3P\国产</t>
  </si>
  <si>
    <t>【施耐德电气】辅助触点\GVAE20\进口</t>
  </si>
  <si>
    <t>【施耐德电气】断路器\GV2-PM05C\690V\0.63-1A\3P</t>
  </si>
  <si>
    <t>【施耐德电气】断路器\GV2PM10C\380V\4-6.3A\3P</t>
  </si>
  <si>
    <t>【施耐德电气】断路器\GV2PM22C\690V\25A\3P\国产</t>
  </si>
  <si>
    <t>【施耐德电气】断路器欠压脱扣单元\GVAU225\国产</t>
  </si>
  <si>
    <t>【施耐德电气】断路器欠压脱扣单元\GVAU385\国产</t>
  </si>
  <si>
    <t>【施耐德电气】断路器辅助触点\GV-AN20\国产</t>
  </si>
  <si>
    <t>【施耐德电气】断路器辅助触点\GVAD1010</t>
  </si>
  <si>
    <t>【施耐德电气】断路器辅助触点\GVAN11</t>
  </si>
  <si>
    <t>【施耐德电气】断路器辅助触点\GVAM11\国产</t>
  </si>
  <si>
    <t>【施耐德电气】断路器辅助触点\GV-AD0110 380V</t>
  </si>
  <si>
    <t>【施耐德电气】断路器把手安装工具\GVAPL01\国产</t>
  </si>
  <si>
    <t>【施耐德电气】断路器限流器\GV1-L3</t>
  </si>
  <si>
    <t>【施耐德电气】断路器辅助接点\GVAD1001 380V\国产</t>
  </si>
  <si>
    <t>【施耐德电气】断路器外部操作手柄\GV2APN01\国产</t>
  </si>
  <si>
    <t>【施耐德电气】热磁断路器\GV2-ME16C\AC690V\9-14A\3P</t>
  </si>
  <si>
    <t>【施耐德电气】热磁断路器\GV2-ME22C\AC690V\20-25A\3P</t>
  </si>
  <si>
    <t>【施耐德电气】断路器旋转手柄\GV3APN04\国产</t>
  </si>
  <si>
    <t>【施耐德电气】断路器端子排\GV1G09\国产</t>
  </si>
  <si>
    <t>【施耐德电气】微断开关\GV2ME20C/13-18A\IP65</t>
  </si>
  <si>
    <t>【施耐德电气】断路器\GV2-ME03C\690V\0.25-0.4A\3P\国产</t>
  </si>
  <si>
    <t>【施耐德电气】断路器\GV2ME04C\690V\0.4-0.63A\3P</t>
  </si>
  <si>
    <t>【施耐德电气】断路器\GV2ME06C\380V\1.6A\3P</t>
  </si>
  <si>
    <t>【施耐德电气】断路器\GV2PM04C\690V\0.63A\3P\国产</t>
  </si>
  <si>
    <t>【施耐德电气】断路器\GV2-PM07C\690V\1.6-2.5A\3P</t>
  </si>
  <si>
    <t>【施耐德电气】断路器\GVZME10 GVAD0101\380V\9-14A\3P</t>
  </si>
  <si>
    <t>【施耐德电气】断路器\GV2PM21C\690V\17-23A\3P</t>
  </si>
  <si>
    <t>【施耐德电气】断路器\GV2PM03C\690V\0.4A\3P\国产</t>
  </si>
  <si>
    <t>【施耐德电气】断路器\GV2ME32C\690V\24-32A\3P</t>
  </si>
  <si>
    <t>【施耐德电气】断路器\GV2ME14C\380V\2.6A\3P</t>
  </si>
  <si>
    <t>【施耐德电气】断路器\GV2-PM08C\690V\2.5-4A\3P</t>
  </si>
  <si>
    <t>【施耐德电气】断路器\GV2-PM06C\690V\1-1.6A\3P</t>
  </si>
  <si>
    <t>【施耐德电气】断路器\GV2ME10C\690V\4-6.3A\3P\进口</t>
  </si>
  <si>
    <t>【施耐德电气】断路器\GV2PM16C\380V\9-14A\3P</t>
  </si>
  <si>
    <t>【施耐德电气】断路器\GV2ME07C\380V\2.5A\3P</t>
  </si>
  <si>
    <t>【施耐德电气】断路器\GV2ME01C\690V\0.16A\3P\国产</t>
  </si>
  <si>
    <t>【施耐德电气】断路器\GV2-PM01C\690V\0.1-0.16A\3P</t>
  </si>
  <si>
    <t>【施耐德电气】断路器\GV2-ME21C\690V\17-23A\3P</t>
  </si>
  <si>
    <t>【施耐德电气】断路器\GV2ME02C\690V\0.25A\3P\国产</t>
  </si>
  <si>
    <t>【施耐德电气】断路器\GV2-ME05C\690V\0.63-1A\3P</t>
  </si>
  <si>
    <t>【施耐德电气】断路器\GV2PM20C\690V\13-18A\3P</t>
  </si>
  <si>
    <t>【施耐德电气】断路器\GV2ME08C\400V\2.5-4A\3P</t>
  </si>
  <si>
    <t>【施耐德电气】断路器\GV2PM32C\690V\24-32A\3P</t>
  </si>
  <si>
    <t>【施耐德电气】接触器辅助触点\GV2G05</t>
  </si>
  <si>
    <t>【施耐德电气】开关电源\ABL2REM24100K\AC88-264/DC110-370V\DC24V\10.5A</t>
  </si>
  <si>
    <t>【施耐德电气】开关电源\ABL2REM24015K\AC88-264/DC110-370V\DC24V\1.5A</t>
  </si>
  <si>
    <t>【施耐德电气】开关电源\ABL2REM24065K\AC88-264/DC110-370V\DC24V\6.5A</t>
  </si>
  <si>
    <t>【施耐德电气】开关电源\ABL2REM24150K\AC88-264/DC110-370V\DC24V\14.5A</t>
  </si>
  <si>
    <t>【施耐德电气】开关电源\140CPS52400\AC88-264/DC110-370V\DC24V\8.3A</t>
  </si>
  <si>
    <t>【施耐德电气】可逆接触器\LC2D25M7C AC220V 25A</t>
  </si>
  <si>
    <t>【施耐德电气】可逆接触器\LC2D25B7C AC24V 25A</t>
  </si>
  <si>
    <t>【施耐德电气】可逆接触器\LC2D18B7C AC24V 18A</t>
  </si>
  <si>
    <t>【施耐德电气】可逆接触器\LC2D09M7C AC220V 9A</t>
  </si>
  <si>
    <t>【施耐德电气】可逆接触器\LC2D18M7C AC220V 18A</t>
  </si>
  <si>
    <t>【施耐德电气】可逆接触器\LC2D12M7C AC22V 12A</t>
  </si>
  <si>
    <t>【施耐德电气】可逆接触器\LC2D12Q7C 380V 12A</t>
  </si>
  <si>
    <t>【施耐德电气】可逆接触器\LC2D38M7C AC220V 38A</t>
  </si>
  <si>
    <t>【施耐德电气】可逆接触器\LC2D18Q7C 380V 18A</t>
  </si>
  <si>
    <t>【施耐德电气】可逆接触器\LC2D32M7C AC220V 32A</t>
  </si>
  <si>
    <t>【施耐德电气】可逆接触器\LC2D25Q7C 380V 25A</t>
  </si>
  <si>
    <t>【施耐德电气】可逆接触器\LC2D38Q7C 380V 38A</t>
  </si>
  <si>
    <t>【施耐德电气】可逆接触器\LC2D12B7C AC24V 12A</t>
  </si>
  <si>
    <t>【施耐德电气】可逆接触器\LC2D09B7C AC24V 9A</t>
  </si>
  <si>
    <t>【施耐德电气】可逆接触器\LC2D09Q7C 380V 9A</t>
  </si>
  <si>
    <t>【施耐德电气】可逆接触器\LC2D38B7C AC24V 38A</t>
  </si>
  <si>
    <t>【施耐德电气】直流接触器\LC1DT20MDC DC220V 9A</t>
  </si>
  <si>
    <t>【施耐德电气】直流接触器\LC1DT32MDC DC220V 18A</t>
  </si>
  <si>
    <t>【施耐德电气】直流接触器\LC1DT32BDC DC24V 18A</t>
  </si>
  <si>
    <t>【施耐德电气】直流接触器\LC1DT40BDC DC24V 25A</t>
  </si>
  <si>
    <t>【施耐德电气】直流接触器\LC1DT25BDC DC24V 12A</t>
  </si>
  <si>
    <t>【施耐德电气】直流接触器\LC1DT20BDC DC24V 9A</t>
  </si>
  <si>
    <t>【施耐德电气】直流接触器\LC1D12MDC DC220V 12A</t>
  </si>
  <si>
    <t>【施耐德电气】直流接触器\LC1D09MDC DC220V 9A</t>
  </si>
  <si>
    <t>【施耐德电气】直流接触器\LC1DT40MDC DC220V 25A</t>
  </si>
  <si>
    <t>【施耐德电气】直流接触器\LC1DT25MDC DC220V 12A</t>
  </si>
  <si>
    <t>【施耐德电气】直流接触器\LC1D18BDC DC24V 18A</t>
  </si>
  <si>
    <t>【施耐德电气】直流接触器\LC1D12BDC DC24V 12A</t>
  </si>
  <si>
    <t>【施耐德电气】直流接触器\LC1D38BDC DC24V 38A</t>
  </si>
  <si>
    <t>【施耐德电气】接触器辅助触点\LADN20C</t>
  </si>
  <si>
    <t>【施耐德电气】接触器辅助触点\LADN22C</t>
  </si>
  <si>
    <t>【施耐德电气】接触器辅助触点\LADN04C</t>
  </si>
  <si>
    <t>【施耐德电气】辅助触点\A9N26924</t>
  </si>
  <si>
    <t>【施耐德电气】交流接触器\LC1DT40Q7C 380V 25A</t>
  </si>
  <si>
    <t>【施耐德电气】交流接触器\LC1D12B7C AC24V 12A</t>
  </si>
  <si>
    <t>【施耐德电气】交流接触器\LC1D80B7C AC24V 80A</t>
  </si>
  <si>
    <t>【施耐德电气】交流接触器\LC1D95B7C AC24V 95A</t>
  </si>
  <si>
    <t>【施耐德电气】交流接触器\LC1D15000Q5C 380V 150A</t>
  </si>
  <si>
    <t>【施耐德电气】交流接触器\LC1D11500Q7C 380V 115A</t>
  </si>
  <si>
    <t>【施耐德电气】交流接触器\LC1D410M7C AC220V 410A</t>
  </si>
  <si>
    <t>【施耐德电气】交流接触器\LC1D25B7C AC24V 25A</t>
  </si>
  <si>
    <t>【施耐德电气】交流接触器\LC1D205M5C AV220V 205A</t>
  </si>
  <si>
    <t>【施耐德电气】交流接触器\LC1DT20M7C AC220V 9A</t>
  </si>
  <si>
    <t>【施耐德电气】交流接触器\LC1D40AB7C AC24V 40A</t>
  </si>
  <si>
    <t>【施耐德电气】交流接触器\LC1D115006M5C AC220V 115A</t>
  </si>
  <si>
    <t>【施耐德电气】交流接触器\LC1D50AB7C AC24V 50A</t>
  </si>
  <si>
    <t>【施耐德电气】交流接触器\LC1D15000Q7C 380V 150A</t>
  </si>
  <si>
    <t>【施耐德电气】交流接触器\LC1DT32Q7C 380V 18A</t>
  </si>
  <si>
    <t>【施耐德电气】交流接触器\LC1DT25M7C AC220V 12A</t>
  </si>
  <si>
    <t>【施耐德电气】交流接触器\LC1DT40M7C AC220V 25A</t>
  </si>
  <si>
    <t>【施耐德电气】交流接触器\LC1DT20Q7C 380V 9A</t>
  </si>
  <si>
    <t>【施耐德电气】交流接触器\LC1D38B7C AC24V 38A</t>
  </si>
  <si>
    <t>【施耐德电气】交流接触器\LC1D18B7C AC24V 18A</t>
  </si>
  <si>
    <t>【施耐德电气】交流接触器\LC1D245Q7C AC220V 245A</t>
  </si>
  <si>
    <t>【施耐德电气】交流接触器\LC1DT25Q7C 380V 12A</t>
  </si>
  <si>
    <t>【施耐德电气】交流接触器\LC1D620M7C AC220V 620A</t>
  </si>
  <si>
    <t>【施耐德电气】交流接触器\LC1DT32B7C AC24V 18A</t>
  </si>
  <si>
    <t>【施耐德电气】交流接触器\LC1DT20B7C AC24V 9A</t>
  </si>
  <si>
    <t>【施耐德电气】交流接触器\LC1D17000Q7C 380V 170A</t>
  </si>
  <si>
    <t>【施耐德电气】交流接触器\LC1D65AB7C AC24V 65A</t>
  </si>
  <si>
    <t>【施耐德电气】交流接触器\LC1D205Q5C 380V 205A</t>
  </si>
  <si>
    <t>【施耐德电气】交流接触器\LC1DT40B7C AC24V 25A</t>
  </si>
  <si>
    <t>【施耐德电气】交流接触器\LC1DT25B7C AC24V 12A</t>
  </si>
  <si>
    <t>【施耐德电气】交流接触器\LC1D32B7C AC24V 32A</t>
  </si>
  <si>
    <t>【施耐德电气】接触器触头\LADN11C</t>
  </si>
  <si>
    <t>【施耐德电气】接触器\LC1D25Q7C 380V 25A</t>
  </si>
  <si>
    <t>【施耐德电气】接触器\LC1DT32M7C 4P</t>
  </si>
  <si>
    <t>【施耐德电气】接触器\LC1D12M7C AC220V 12A</t>
  </si>
  <si>
    <t>【施耐德电气】接触器\LC1D300M7C AC220V 300A</t>
  </si>
  <si>
    <t>【施耐德电气】接触器\LC1D410Q7C</t>
  </si>
  <si>
    <t>【施耐德电气】接触器\LC1D11500M7C AC220V 150A</t>
  </si>
  <si>
    <t>【施耐德电气】接触器\LC1D38Q7C</t>
  </si>
  <si>
    <t>【施耐德电气】接触器\LC1D40AQ7C</t>
  </si>
  <si>
    <t>【施耐德电气】接触器\LC1D205M7C</t>
  </si>
  <si>
    <t>【施耐德电气】接触器\LC1-D18Q7C 380V 18A</t>
  </si>
  <si>
    <t>【施耐德电气】接触器\LC1D80Q7C</t>
  </si>
  <si>
    <t>【施耐德电气】接触器\LC1D40AM7C</t>
  </si>
  <si>
    <t>【施耐德电气】接触器\LC1D09M7C</t>
  </si>
  <si>
    <t>【施耐德电气】接触器\LC1D25M7C AC220V 25A</t>
  </si>
  <si>
    <t>【施耐德电气】接触器\LC1D50AQ7C</t>
  </si>
  <si>
    <t>【施耐德电气】接触器\LC1-D95M7C AC220V 95A</t>
  </si>
  <si>
    <t>【施耐德电气】接触器\LC1D11500Q5C 380V 115A</t>
  </si>
  <si>
    <t>【施耐德电气】接触器\LC1D15000M5C</t>
  </si>
  <si>
    <t>【施耐德电气】接触器\LC1D32BDC DC24V 12A</t>
  </si>
  <si>
    <t>【施耐德电气】接触器\LC1D32M7C AC220V 32A</t>
  </si>
  <si>
    <t>【施耐德电气】接触器\LC1D09BDC DC24V 9A</t>
  </si>
  <si>
    <t>【施耐德电气】接触器\LC1D80M7C AC220V 80A</t>
  </si>
  <si>
    <t>【施耐德电气】接触器\LC1D65AQ7C 380V 65A</t>
  </si>
  <si>
    <t>【施耐德电气】接触器\LC1-D475M7C AC220V 475A</t>
  </si>
  <si>
    <t>【施耐德电气】接触器\LC1D38M7C AC220V 38A</t>
  </si>
  <si>
    <t>【施耐德电气】接触器\LC1D245M7C AC220V 245A</t>
  </si>
  <si>
    <t>【施耐德电气】接触器\LC1D17000M7C AC220V 170A</t>
  </si>
  <si>
    <t>【施耐德电气】接触器\LC1D09Q7C 380V 9A</t>
  </si>
  <si>
    <t>【施耐德电气】接触器\LC1D32Q7C 380V 32A</t>
  </si>
  <si>
    <t>【施耐德电气】接触器\LC1D09B7C AC24V\STEERING GEAR CONTROL SYSTEM\FE21-126\国产</t>
  </si>
  <si>
    <t>【施耐德电气】接触器\LC1D65AM7C</t>
  </si>
  <si>
    <t>【施耐德电气】接触器\LC1D11500M5C</t>
  </si>
  <si>
    <t>【施耐德电气】接触器\LC1D50AM7C AC220V 50A</t>
  </si>
  <si>
    <t>【施耐德电气】接触器\LC1D95Q7C 380V 95A</t>
  </si>
  <si>
    <t>【施耐德电气】接触器\LC1D15000M7C AC220V 150A</t>
  </si>
  <si>
    <t>【施耐德电气】接触器\LC1-D12Q7C 380V 12A</t>
  </si>
  <si>
    <t>【施耐德电气】接触器\LC1D18M7C AC220V 18A</t>
  </si>
  <si>
    <t>【施耐德电气】接触器\LC1D25BDC 380V 25A</t>
  </si>
  <si>
    <t>【施耐德电气】接触器\LC1-D300Q7C 380V 300A</t>
  </si>
  <si>
    <t>【施耐德电气】辅助接点\LADN40C</t>
  </si>
  <si>
    <t>【施耐德电气】中间继电器\CAD-32BDC\DC24V</t>
  </si>
  <si>
    <t>【施耐德电气】中间继电器\CAD50BDC\DC24V</t>
  </si>
  <si>
    <t>【施耐德电气】中间继电器\CAD-50MDC\DC220V</t>
  </si>
  <si>
    <t>【施耐德电气】CONTROL RELAY\CAD32Q7C AC380V\STARTER PANEL\LGSP-3P\国产</t>
  </si>
  <si>
    <t>【施耐德电气】控制继电器\CAD-50B7C\AC24V\10A\国产</t>
  </si>
  <si>
    <t>【施耐德电气】控制继电器\CAD32MDC\DC220V\10A</t>
  </si>
  <si>
    <t>【施耐德电气】继电器\CAD32M7C\STEERING GEAR CONTROL SYSTEM\FE21-126\国产</t>
  </si>
  <si>
    <t>【施耐德电气】控制继电器\CAD-50M7C\AC220V</t>
  </si>
  <si>
    <t>【施耐德电气】控制继电器\CAD50Q7C\380V\10A\国产</t>
  </si>
  <si>
    <t>【施耐德电气】热过载继电器\LRD486C\690V\208-333A\国产</t>
  </si>
  <si>
    <t>【施耐德电气】热过载继电器\LRD365C\690V\48-65A\国产</t>
  </si>
  <si>
    <t>【施耐德电气】热过载继电器\LRD487C\690V\259-414A\国产</t>
  </si>
  <si>
    <t>【施耐德电气】热过载继电器\LRD482C\690V\84-135A\国产</t>
  </si>
  <si>
    <t>【施耐德电气】热过载继电器\LRD489C\690V\394-630A\国产</t>
  </si>
  <si>
    <t>【施耐德电气】热过载继电器\LRD481C\690V\62-99A\国产</t>
  </si>
  <si>
    <t>【施耐德电气】热过载继电器\LRD485C\690V\174-279A\国产</t>
  </si>
  <si>
    <t>【施耐德电气】热过载继电器\LRD480C\690V\51-81A\国产</t>
  </si>
  <si>
    <t>【施耐德电气】热过载继电器\LRD488C\690V\321-513A\国产</t>
  </si>
  <si>
    <t>【施耐德电气】热继电器\LRD484C\400V\146-234A\国产</t>
  </si>
  <si>
    <t>【施耐德电气】热继电器\LRD483C\380V\124-198A</t>
  </si>
  <si>
    <t>【施耐德电气】热继电器\LRD340C\380V\30-40A</t>
  </si>
  <si>
    <t>【施耐德电气】热继电器\LRD332C\380V\23-32A</t>
  </si>
  <si>
    <t>【施耐德电气】热继电器\LRD350C\380V\37-50A</t>
  </si>
  <si>
    <t>【施耐德电气】热继电器\LRD325C\690V\17-25A\国产</t>
  </si>
  <si>
    <t>【施耐德电气】热继电器\LRD3357C\380V\37-50A</t>
  </si>
  <si>
    <t>【施耐德电气】热继电器\LRD3355C\380V\30-40A</t>
  </si>
  <si>
    <t>【施耐德电气】热继电器\LRD3353C\600V\32A</t>
  </si>
  <si>
    <t>【施耐德电气】热继电器\LRD3365C\690V\5A</t>
  </si>
  <si>
    <t>【施耐德电气】热继电器\LRD3322C\380V\17-25A</t>
  </si>
  <si>
    <t>【施耐德电气】热继电器\LRD3363C\AC220V\5A</t>
  </si>
  <si>
    <t>【施耐德电气】热继电器\LRD3359C\690V\48-65A</t>
  </si>
  <si>
    <t>【施耐德电气】热继电器\LRD07C\380V\1.6-2.5A</t>
  </si>
  <si>
    <t>【施耐德电气】热继电器\LRD32C\380V\23-32A</t>
  </si>
  <si>
    <t>【施耐德电气】热继电器\LRD21C\380V\12-18A</t>
  </si>
  <si>
    <t>【施耐德电气】热继电器\LRD06C\380V\1-1.6A</t>
  </si>
  <si>
    <t>【施耐德电气】热继电器\LRD35C\690V\30-38A\国产</t>
  </si>
  <si>
    <t>【施耐德电气】热继电器\LRD02C\380V\0.16-0.25A</t>
  </si>
  <si>
    <t>【施耐德电气】热继电器\LRD04C\690V\0.4-0.63A</t>
  </si>
  <si>
    <t>【施耐德电气】热继电器\LRD10C\380V\4-6A</t>
  </si>
  <si>
    <t>【施耐德电气】热继电器\LRD08C\380V\2.5-4A</t>
  </si>
  <si>
    <t>【施耐德电气】热继电器\LRD14C 7-10A\380V</t>
  </si>
  <si>
    <t>【施耐德电气】热继电器\LRD22C\380V\16-24A</t>
  </si>
  <si>
    <t>【施耐德电气】热继电器\LRD01C\380V\0.63-1A</t>
  </si>
  <si>
    <t>【施耐德电气】热继电器\LRD16C+LAD7B106\380V\9-13A</t>
  </si>
  <si>
    <t>【施耐德电气】热继电器\LRD05C\380V\0.63-1A</t>
  </si>
  <si>
    <t>【施耐德电气】热继电器\LRD03C\380V\0.25-0.4A</t>
  </si>
  <si>
    <t>【施耐德电气】热继电器\LRD12C 5.5-8A\380V</t>
  </si>
  <si>
    <t>【施耐德电气】继电器\LRD3361C\380V\55-70A</t>
  </si>
  <si>
    <t>【施耐德电气】软启动器\ATS48C11Q 415V 110A</t>
  </si>
  <si>
    <t>【施耐德电气】软启动器\ATS22D17Q 415V 17A</t>
  </si>
  <si>
    <t>【施耐德电气】软启动器\ATS22d62q AC230-440V 62A 30kW</t>
  </si>
  <si>
    <t>【施耐德电气】软启动器\ATS48D62Q 415V 62A</t>
  </si>
  <si>
    <t>【施耐德电气】软启动器\ATS48C66Q\施耐德</t>
  </si>
  <si>
    <t>【施耐德电气】软启动器\ATS48D47Q 380V 22kW</t>
  </si>
  <si>
    <t>【施耐德电气】软启动器\ATS22C11Q 415V 110A</t>
  </si>
  <si>
    <t>【施耐德电气】软启动器\ATS22D32Q 415V 32A</t>
  </si>
  <si>
    <t>【施耐德电气】软启动器\ATS22C32Q 400V 320A</t>
  </si>
  <si>
    <t>【施耐德电气】软启动器\ATS48C41Q 380V 160kW</t>
  </si>
  <si>
    <t>【施耐德电气】软启动器\ATS48D17Q 415V 17A</t>
  </si>
  <si>
    <t>【施耐德电气】软启动器\ATS22C59Q 415V 590A</t>
  </si>
  <si>
    <t>【施耐德电气】软启动器\ATS48d32q AC230V-415V 32A 15kW</t>
  </si>
  <si>
    <t>【施耐德电气】软启动器\ATS48D88Q 415V 88A</t>
  </si>
  <si>
    <t>【施耐德电气】软启动器\ATS22D47Q 415V 47A</t>
  </si>
  <si>
    <t>【施耐德电气】软启动器\ATS22D75Q 415V 75A</t>
  </si>
  <si>
    <t>【施耐德电气】软启动器\ATS22C14Q 415V 140A</t>
  </si>
  <si>
    <t>【施耐德电气】软启动器\ATS48C79Q 415V 790A</t>
  </si>
  <si>
    <t>【施耐德电气】软启动器\ATS48C48Q 380V 480A 250kW</t>
  </si>
  <si>
    <t>【施耐德电气】软启动器\ATS22C17Q</t>
  </si>
  <si>
    <t>【施耐德电气】软启动器\ATS48D38Q 415V 38A</t>
  </si>
  <si>
    <t>【施耐德电气】软启动器\ATS22C48Q 415V 480A</t>
  </si>
  <si>
    <t>【施耐德电气】软启动器\ATS48D75Q 380V 75kW</t>
  </si>
  <si>
    <t>【施耐德电气】软启动器\ATS48C11Q 400V 22kW</t>
  </si>
  <si>
    <t>【施耐德电气】软启动器\ATS22C25Q 415V 250A</t>
  </si>
  <si>
    <t>【施耐德电气】软启动器\ATS48C32Q 415V 320A</t>
  </si>
  <si>
    <t>【施耐德电气】软启动器\ATS22C41Q 380V 410A</t>
  </si>
  <si>
    <t>【施耐德电气】软启动器\ATS22D88Q 380V 45kW</t>
  </si>
  <si>
    <t>【施耐德电气】软启动器\ATS48C14Q</t>
  </si>
  <si>
    <t>【施耐德电气】软启动器\ATS48C25Q 380V 132kW</t>
  </si>
  <si>
    <t>【施耐德电气】软启动器\ATS48M12Q 415V 1200A</t>
  </si>
  <si>
    <t>【施耐德电气】软启动器\ATS48M10Q 415V 1000A</t>
  </si>
  <si>
    <t>【施耐德电气】软启动器\ATS22C21Q 415V 210A</t>
  </si>
  <si>
    <t>【施耐德电气】软起动器\ATS48D22Q 380V 7.5kW</t>
  </si>
  <si>
    <t>【施耐德电气】软起动器\ATS48C59Q 415V 315kW</t>
  </si>
  <si>
    <t>【施耐德电气】软起动器\ATS48C17Q</t>
  </si>
  <si>
    <t>【施耐德电气】继电器固定夹\RXZ400\中间继电器\RXM 2LB2BD</t>
  </si>
  <si>
    <t>【施耐德电气】中间继电器\RXM4LB2B7\AC24V\3A\国产</t>
  </si>
  <si>
    <t>【施耐德电气】中间继电器插座标签\RXZL420\中间继电器\RXM系列</t>
  </si>
  <si>
    <t>【施耐德电气】中间继电器\RXM3AB2B7\AC24V\10A\国产</t>
  </si>
  <si>
    <t>【施耐德电气】底座\RXZE2S111M\中间继电器\RXM3AB2P7</t>
  </si>
  <si>
    <t>【施耐德电气】变阻器\RXM021BN\继电器\RXM2AB1ED</t>
  </si>
  <si>
    <t>【施耐德电气】变阻器\RXM021RB\继电器\RXM2AB1ED</t>
  </si>
  <si>
    <t>【施耐德电气】横联片\RXZS2\继电器\RXM2AB1ED</t>
  </si>
  <si>
    <t>【施耐德电气】继电器\RXM4AB1FD\DC110V\6A\国产</t>
  </si>
  <si>
    <t>【施耐德电气】继电器\RXM3AB2JD\DC12V\10A\国产</t>
  </si>
  <si>
    <t>【施耐德电气】继电器\RXM4AB2E7\AC48V\6A\国产</t>
  </si>
  <si>
    <t>【施耐德电气】继电器\RXM4AB1B7\AC24V\6A\国产</t>
  </si>
  <si>
    <t>【施耐德电气】继电器\RXM2AB1B7\AC24V\12A\国产</t>
  </si>
  <si>
    <t>【施耐德电气】继电器\RXM4AB1ED\DC48V\6A\国产</t>
  </si>
  <si>
    <t>【施耐德电气】继电器\RXM4AB1JD\DC12V\6A\国产</t>
  </si>
  <si>
    <t>【施耐德电气】继电器\RXM4LB2CD\DC36V\3A\国产</t>
  </si>
  <si>
    <t>【施耐德电气】继电器\RXM2LB2FD\DC110V\5A\国产</t>
  </si>
  <si>
    <t>【施耐德电气】继电器\RXM3AB1F7\AC120V\10A\国产</t>
  </si>
  <si>
    <t>【施耐德电气】继电器\RXM4AB2FD\DC110V\6A\国产</t>
  </si>
  <si>
    <t>【施耐德电气】继电器\RXM2LB2JD\DC12V\5A\国产</t>
  </si>
  <si>
    <t>【施耐德电气】继电器\RXM3AB1JD\DC12V\10A\国产</t>
  </si>
  <si>
    <t>【施耐德电气】继电器\RXM3AB2ED\DC48V\10A\国产</t>
  </si>
  <si>
    <t>【施耐德电气】继电器\RXM4AB1MD\DC220V\6A\国产</t>
  </si>
  <si>
    <t>【施耐德电气】继电器\RXM2LB2ED\DC48V\5A\国产</t>
  </si>
  <si>
    <t>【施耐德电气】继电器\RXM2AB2B7\AC24V\12A\国产</t>
  </si>
  <si>
    <t>【施耐德电气】继电器\RXM3AB2FD\DC110V\10A\国产</t>
  </si>
  <si>
    <t>【施耐德电气】继电器\RXM2LB1BD\DC24V\5A\国产</t>
  </si>
  <si>
    <t>【施耐德电气】继电器\RXM2AB1FD\DC110V\12A\国产</t>
  </si>
  <si>
    <t>【施耐德电气】继电器\RXM4AB1U7\AC240V\6A\国产</t>
  </si>
  <si>
    <t>【施耐德电气】继电器\RXM2AB1BD\DC24V\12A\国产</t>
  </si>
  <si>
    <t>【施耐德电气】继电器\RXM4AB2ED\DC48V\6A\国产</t>
  </si>
  <si>
    <t>【施耐德电气】继电器\RXM2AB2P7\AC230V\12A\国产</t>
  </si>
  <si>
    <t>【施耐德电气】继电器\RXM2AB1P7\AC230V\12A\国产</t>
  </si>
  <si>
    <t>【施耐德电气】继电器\RXM3AB2BD\DC24V\10A\国产</t>
  </si>
  <si>
    <t>【施耐德电气】继电器\RXM3AB2F7\AC120V\10A\国产</t>
  </si>
  <si>
    <t>【施耐德电气】继电器\RXM3AB2E7\AC48V\10A\国产</t>
  </si>
  <si>
    <t>【施耐德电气】继电器\RXM4LB1JD\DC12V\3A\国产</t>
  </si>
  <si>
    <t>【施耐德电气】继电器\RXM2LB1ED\DC48V\5A\国产</t>
  </si>
  <si>
    <t>【施耐德电气】继电器\RXM4LB2BD\DC24V\3A\国产</t>
  </si>
  <si>
    <t>【施耐德电气】继电器\RXM4LB2JD\DC12V\3A\国产</t>
  </si>
  <si>
    <t>【施耐德电气】继电器\RXM2LB2BD\DC24V\5A\国产</t>
  </si>
  <si>
    <t>【施耐德电气】继电器\RXM2AB1JD\DC12V\12A\国产</t>
  </si>
  <si>
    <t>【施耐德电气】继电器\RXM2AB2F7\AC120V\12A\国产</t>
  </si>
  <si>
    <t>【施耐德电气】继电器\RXM2AB2BD\DC24V\12A\国产</t>
  </si>
  <si>
    <t>【施耐德电气】继电器\RXM2AB1E7\AC48V\12A\国产</t>
  </si>
  <si>
    <t>【施耐德电气】继电器\RXM4AB2BD\DC24V\6A\国产</t>
  </si>
  <si>
    <t>【施耐德电气】继电器\RXM4AB2JD\DC12V\6A\国产</t>
  </si>
  <si>
    <t>【施耐德电气】继电器\RXM4LB2F7\AC120V\3A\国产</t>
  </si>
  <si>
    <t>【施耐德电气】继电器\RXM4LB2P7\AC230V\3A\国产</t>
  </si>
  <si>
    <t>【施耐德电气】继电器\RXM3AB1ED\DC48V\10A\国产</t>
  </si>
  <si>
    <t>【施耐德电气】继电器\RXM4AB1P7\AC220V\6A\国产</t>
  </si>
  <si>
    <t>【施耐德电气】继电器\RXM4AB2B7\AC24V\6A\国产</t>
  </si>
  <si>
    <t>【施耐德电气】继电器\RXM4AB1F7\AC120V\6A\国产</t>
  </si>
  <si>
    <t>【施耐德电气】继电器\RXM2AB2ED\DC48V\12A\国产</t>
  </si>
  <si>
    <t>【施耐德电气】继电器\RXM2AB1F7\AC120V\12A\国产</t>
  </si>
  <si>
    <t>【施耐德电气】继电器\RXM2LB2CD\DC36V\5A\国产</t>
  </si>
  <si>
    <t>【施耐德电气】继电器\RXM4AB2GD\DC125V\6A\国产</t>
  </si>
  <si>
    <t>【施耐德电气】继电器\RXM4LB1ED\DC48V\3A\国产</t>
  </si>
  <si>
    <t>【施耐德电气】继电器\RXM2LB2B7\AC24V\5A\国产</t>
  </si>
  <si>
    <t>【施耐德电气】继电器\RXM4LB1P7\AC230V\3A\国产</t>
  </si>
  <si>
    <t>【施耐德电气】继电器\RXM3AB1FD\DC110V\10A\国产</t>
  </si>
  <si>
    <t>【施耐德电气】继电器\RXM2LB1F7\AC120V\5A\国产</t>
  </si>
  <si>
    <t>【施耐德电气】断路器\IC65N-B\400V\63A\3P\国产</t>
  </si>
  <si>
    <t>【施耐德电气】断路器\IC65H-B\AC230V\50A\1P\国产</t>
  </si>
  <si>
    <t>【施耐德电气】继电器\RXM2LB1B7\AC24V\5A\国产</t>
  </si>
  <si>
    <t>【施耐德电气】继电器\RXM4LB2FD\DC110V\3A\国产</t>
  </si>
  <si>
    <t>【施耐德电气】继电器\RXM4LB1F7\AC120V\3A\国产</t>
  </si>
  <si>
    <t>【施耐德电气】继电器\RXM3AB1B7\AC24V\10A\国产</t>
  </si>
  <si>
    <t>【施耐德电气】继电器\RXM2LB1P7\AC230V\5A\国产</t>
  </si>
  <si>
    <t>【施耐德电气】继电器\RXM4LB1BD\DC24V\3A\国产</t>
  </si>
  <si>
    <t>【施耐德电气】继电器\RXM4LB1B7\AC24V\3A\国产</t>
  </si>
  <si>
    <t>【施耐德电气】继电器\RXM3AB2P7\AC230V\10A\国产</t>
  </si>
  <si>
    <t>【施耐德电气】继电器\RXM4AB1E7\AC48V\6A\国产</t>
  </si>
  <si>
    <t>【施耐德电气】继电器\RXM3AB1BD\DC24V\10A\国产</t>
  </si>
  <si>
    <t>【施耐德电气】继电器\RXM2LB2F7\AC120V\5A\国产</t>
  </si>
  <si>
    <t>【施耐德电气】继电器\RXM2AB1ED\DC48V\12A\国产</t>
  </si>
  <si>
    <t>【施耐德电气】继电器\RXM4AB2F7\AC120V\6A\国产</t>
  </si>
  <si>
    <t>【施耐德电气】继电器\RXM2LB1JD\DC12V\5A\国产</t>
  </si>
  <si>
    <t>【施耐德电气】继电器\RXM2AB2E7\AC48V\12A\国产</t>
  </si>
  <si>
    <t>【施耐德电气】继电器\RXM3AB1P7\AC230V\10A\国产</t>
  </si>
  <si>
    <t>【施耐德电气】继电器\RXM2AB2JD\DC12V\12A\国产</t>
  </si>
  <si>
    <t>【施耐德电气】继电器\RXM2LB2P7\AC230V\5A\国产</t>
  </si>
  <si>
    <t>【施耐德电气】继电器\RXM3AB1E7\AC48V\10A\国产</t>
  </si>
  <si>
    <t>【施耐德电气】继电器\RXM2AB2FD\DC110V\12A\国产</t>
  </si>
  <si>
    <t>【施耐德电气】继电器\RXM4AB1BD\DC24V\6A\国产</t>
  </si>
  <si>
    <t>【施耐德电气】继电器\RXM4LB2ED\DC48V\3A\国产</t>
  </si>
  <si>
    <t>【施耐德电气】继电器\RXM4AB2P7\AC230V\6A\国产</t>
  </si>
  <si>
    <t>【施耐德电气】继电器座\RXZE2S108M\施耐德</t>
  </si>
  <si>
    <t>【施耐德电气】二极管\RXM021FP\1A\24V</t>
  </si>
  <si>
    <t>【施耐德电气】续流二极管\RXM040W 施耐德\1A\24V</t>
  </si>
  <si>
    <t>【施耐德电气】断路器\A9F18216\AC220V\16A\2P</t>
  </si>
  <si>
    <t>【施耐德电气】断路器\iC65N-D\AC230V\32A\2P\国产</t>
  </si>
  <si>
    <t>【施耐德电气】断路器\IC65H-B\AC230V\1A\2P\国产</t>
  </si>
  <si>
    <t>【施耐德电气】断路器\IC65H-B\AC230V\40A\1P\国产</t>
  </si>
  <si>
    <t>【施耐德电气】断路器\MT32H1 Mic6.0E\400V\3200A\3P\国产</t>
  </si>
  <si>
    <t>【施耐德电气】断路器\iC65H C40 Vigi iC65 ELE 30mA\400V\40A\4P</t>
  </si>
  <si>
    <t>【施耐德电气】断路器\MT20H1 Mic6.0E\400V\2000A\3P\国产</t>
  </si>
  <si>
    <t>【施耐德电气】断路器\MT10H2 Mic5.0E\400V\1000A\3P\国产</t>
  </si>
  <si>
    <t>【施耐德电气】断路器\MT12NA\400V\1250A\3P\国产</t>
  </si>
  <si>
    <t>【施耐德电气】断路器\MT08HA\400V\800A\3P\国产</t>
  </si>
  <si>
    <t>【施耐德电气】断路器\MT16HA\400V\1600A\3P\国产</t>
  </si>
  <si>
    <t>【施耐德电气】断路器\IDPNa-C\AC230V\10A\1P\国产</t>
  </si>
  <si>
    <t>【施耐德电气】断路器\MT12N1 Mic6.0E\400V\1250A\3P\国产</t>
  </si>
  <si>
    <t>【施耐德电气】断路器\MT10N1 Mic5.0E\400V\1000A\4P\国产</t>
  </si>
  <si>
    <t>【施耐德电气】断路器\MT12HF\400V\1250A\3P\国产</t>
  </si>
  <si>
    <t>【施耐德电气】断路器\IC65N-B\AC230V\40A\2P\国产</t>
  </si>
  <si>
    <t>【施耐德电气】断路器\MT10H1 Mic6.0E\400V\1000A\3P\国产</t>
  </si>
  <si>
    <t>【施耐德电气】断路器\MT12H1 Mic6.0E\400V\1250A\3P\国产</t>
  </si>
  <si>
    <t>【施耐德电气】断路器\MT10H1 Mic5.0E\400V\1000A\4P\国产</t>
  </si>
  <si>
    <t>【施耐德电气】断路器\IC65N-B\400V\1A\3P\国产</t>
  </si>
  <si>
    <t>【施耐德电气】断路器\IDPNa-C\AC230V\20A\1P\国产</t>
  </si>
  <si>
    <t>【施耐德电气】断路器\MT16H1 Mic6.0E\400V\1600A\4P\国产</t>
  </si>
  <si>
    <t>【施耐德电气】断路器\MT25H2 Mic6.0E\400V\2500A\3P\国产</t>
  </si>
  <si>
    <t>【施耐德电气】断路器\MT08HF\400V\800A\3P\国产</t>
  </si>
  <si>
    <t>【施耐德电气】断路器\MT12H1 Mic5.0E\400V\1250A\4P\国产</t>
  </si>
  <si>
    <t>【施耐德电气】断路器\MT12N1 Mic5.0E\400V\1250A\3P\国产</t>
  </si>
  <si>
    <t>【施耐德电气】断路器\MT16H1 Mic6.0E\400V\1600A\3P\国产</t>
  </si>
  <si>
    <t>【施耐德电气】断路器\MT32H1 Mic5.0E\400V\3200A\3P\国产</t>
  </si>
  <si>
    <t>【施耐德电气】断路器\MT08H2 Mic6.0E\400V\800A\3P\国产</t>
  </si>
  <si>
    <t>【施耐德电气】断路器\MT10H1 Mic6.0E\400V\1000A\4P\国产</t>
  </si>
  <si>
    <t>【施耐德电气】断路器\MT20H1 Mic5.0E\400V\2000A\3P\国产</t>
  </si>
  <si>
    <t>【施耐德电气】断路器\MT16N1 Mic6.0E\400V\1600A\4P\国产</t>
  </si>
  <si>
    <t>【施耐德电气】断路器\MT16HF\400V\1600A\3P\国产</t>
  </si>
  <si>
    <t>【施耐德电气】断路器\MT10HF\400V\1000A\3P\国产</t>
  </si>
  <si>
    <t>【施耐德电气】断路器\MT20H1 Mic6.0E\400V\2000A\4P\国产</t>
  </si>
  <si>
    <t>【施耐德电气】断路器\MT25H2 Mic5.0E\400V\2500A\3P\国产</t>
  </si>
  <si>
    <t>【施耐德电气】断路器\MT16H1 Mic5.0E\400V\1600A\3P\国产</t>
  </si>
  <si>
    <t>【施耐德电气】断路器\MT25H1 Mic6.0E\400V\2500A\3P\国产</t>
  </si>
  <si>
    <t>【施耐德电气】断路器\MT16H2 Mic5.0E\400V\1600A\3P\国产</t>
  </si>
  <si>
    <t>【施耐德电气】断路器\MT40H1 Mic5.0E\400V\4000A\4P\国产</t>
  </si>
  <si>
    <t>【施耐德电气】断路器\MT10NA\400V\1000A\3P\国产</t>
  </si>
  <si>
    <t>【施耐德电气】断路器\MT32HA\400V\3200A\3P\国产</t>
  </si>
  <si>
    <t>【施耐德电气】断路器\MT40H2 Mic5.0E\400V\4000A\3P\国产</t>
  </si>
  <si>
    <t>【施耐德电气】断路器\MT40H1 Mic6.0E\400V\4000A\3P\国产</t>
  </si>
  <si>
    <t>【施耐德电气】断路器\MT12H2 Mic5.0E\400V\1250A\3P\国产</t>
  </si>
  <si>
    <t>【施耐德电气】断路器\MT08NA\400V\800A\3P\国产</t>
  </si>
  <si>
    <t>【施耐德电气】断路器\MT10HA\400V\1000A\3P\国产</t>
  </si>
  <si>
    <t>【施耐德电气】断路器\MT08N1 Mic5.0E\400V\800A\4P\国产</t>
  </si>
  <si>
    <t>【施耐德电气】断路器\MT10N1 Mic6.0E\400V\1000A\3P\国产</t>
  </si>
  <si>
    <t>【施耐德电气】断路器\MT32HF\400V\3200A\3P\国产</t>
  </si>
  <si>
    <t>【施耐德电气】断路器\MT12HA\400V\1250A\3P\国产</t>
  </si>
  <si>
    <t>【施耐德电气】断路器\MT40H1 Mic5.0E\400V\4000A\3P\国产</t>
  </si>
  <si>
    <t>【施耐德电气】断路器\MT08N1 Mic5.0E\400V\800A\3P\国产</t>
  </si>
  <si>
    <t>【施耐德电气】断路器\MT12H2 Mic6.0E\400V\1250A\3P\国产</t>
  </si>
  <si>
    <t>【施耐德电气】断路器\MT06N1 Mic5.0E\400V\630A\4P\国产</t>
  </si>
  <si>
    <t>【施耐德电气】断路器\IC65H-C\400V\4A\4P\国产</t>
  </si>
  <si>
    <t>【施耐德电气】断路器\MT08N1 Mic6.0E\400V\800A\3P\国产</t>
  </si>
  <si>
    <t>【施耐德电气】断路器\MT20HA\400V\2000A\3P\国产</t>
  </si>
  <si>
    <t>【施耐德电气】断路器\MT40HA\400V\4000A\3P\国产</t>
  </si>
  <si>
    <t>【施耐德电气】断路器\MT10H1 Mic5.0E\400V\1000A\3P\国产</t>
  </si>
  <si>
    <t>【施耐德电气】断路器\MT16H1 Mic5.0E\400V\1600A\4P\国产</t>
  </si>
  <si>
    <t>【施耐德电气】断路器\MT32H1 Mic5.0E\400V\3200A\4P\国产</t>
  </si>
  <si>
    <t>【施耐德电气】断路器\MT32H1 Mic6.0E\400V\3200A\4P\国产</t>
  </si>
  <si>
    <t>【施耐德电气】断路器\MT25H1 Mic6.0E\400V\2500A\4P\国产</t>
  </si>
  <si>
    <t>【施耐德电气】断路器\iC65H-D\AC230V\20A\1P\国产</t>
  </si>
  <si>
    <t>【施耐德电气】断路器\MT06N1 Mic6.0E\400V\630A\4P\国产</t>
  </si>
  <si>
    <t>【施耐德电气】断路器\MT25H1 Mic5.0E\400V\2500A\4P\国产</t>
  </si>
  <si>
    <t>【施耐德电气】断路器\MT16N1 Mic6.0E\400V\1600A\3P\国产</t>
  </si>
  <si>
    <t>【施耐德电气】断路器\MT20H2 Mic5.0E\400V\2000A\3P\国产</t>
  </si>
  <si>
    <t>【施耐德电气】断路器\MT08N1 Mic6.0E\400V\800A\4P\国产</t>
  </si>
  <si>
    <t>【施耐德电气】断路器\MT12N1 Mic5.0E\400V\1250A\4P\国产</t>
  </si>
  <si>
    <t>【施耐德电气】断路器\MT12H1 Mic5.0E\400V\1250A\3P\国产</t>
  </si>
  <si>
    <t>【施耐德电气】断路器\MT16H2 Mic6.0E\400V\1600A\3P\国产</t>
  </si>
  <si>
    <t>【施耐德电气】断路器\MT08H1 MIC5.0E\400V\800A\4P\国产</t>
  </si>
  <si>
    <t>【施耐德电气】断路器\MT08H1 Mic6.0E\400V\800A\4P\国产</t>
  </si>
  <si>
    <t>【施耐德电气】断路器\MT25H1 Mic5.0E\400V\2500A\3P\国产</t>
  </si>
  <si>
    <t>【施耐德电气】断路器\MT32H2 Mic6.0E\400V\3200A\3P\国产</t>
  </si>
  <si>
    <t>【施耐德电气】断路器\MT20H2 Mic6.0E\400V\2000A\3P\国产</t>
  </si>
  <si>
    <t>【施耐德电气】断路器\MT16N1 Mic5.0E\400V\1600A\3P\国产</t>
  </si>
  <si>
    <t>【施耐德电气】断路器\MT10H2 Mic6.0E\400V\1000A\3P\国产</t>
  </si>
  <si>
    <t>【施耐德电气】断路器\MT20H1 Mic5.0E\400V\2000A\4P\国产</t>
  </si>
  <si>
    <t>【施耐德电气】断路器\MT06NA\400V\630A\3P\国产</t>
  </si>
  <si>
    <t>【施耐德电气】断路器\MT16NA\400V\1600A\3P\国产</t>
  </si>
  <si>
    <t>【施耐德电气】断路器\MT40H2 Mic6.0E\400V\4000A\3P\国产</t>
  </si>
  <si>
    <t>【施耐德电气】断路器\MT25HA\400V\2500A\3P\国产</t>
  </si>
  <si>
    <t>【施耐德电气】断路器\MT06N1 Mic5.0E\400V\630A\3P\国产</t>
  </si>
  <si>
    <t>【施耐德电气】断路器\MT10N1 Mic5.0E\400V\1000A\3P\国产</t>
  </si>
  <si>
    <t>【施耐德电气】断路器\MT06N1 Mic6.0E\400V\630A\3P\国产</t>
  </si>
  <si>
    <t>【施耐德电气】断路器\MT40HF\400V\4000A\3P\国产</t>
  </si>
  <si>
    <t>【施耐德电气】断路器\MT25HF\400V\2500A\3P\国产</t>
  </si>
  <si>
    <t>【施耐德电气】断路器\MT32H2 Mic5.0E\400V\3200A\3P\国产</t>
  </si>
  <si>
    <t>【施耐德电气】断路器\MT08H2 Mic5.0E\400V\800A\3P\国产</t>
  </si>
  <si>
    <t>【施耐德电气】断路器\MT40H1 Mic6.0E\400V\4000A\4P\国产</t>
  </si>
  <si>
    <t>【施耐德电气】断路器\C120H-D\AC230V\100A\2P\国产</t>
  </si>
  <si>
    <t>【施耐德电气】断路器\MT16N1 Mic5.0E\400V\1600A\4P\国产</t>
  </si>
  <si>
    <t>【施耐德电气】断路器\MT20HF\400V\2000A\3P\国产</t>
  </si>
  <si>
    <t>【施耐德电气】断路器\MT12N1 Mic6.0E\400V\1250A\4P\国产</t>
  </si>
  <si>
    <t>【施耐德电气】断路器\MT12H1 Mic6.0E\400V\1250A\4P\国产</t>
  </si>
  <si>
    <t>【施耐德电气】断路器\MT08H1 MIC5.0E\400V\800A\3P\国产</t>
  </si>
  <si>
    <t>【施耐德电气】断路器\MT08H1 Mic6.0E\400V\800A\3P\国产</t>
  </si>
  <si>
    <t>【施耐德电气】断路器\MT10N1 Mic6.0E\400V\1000A\4P\国产</t>
  </si>
  <si>
    <t>【施耐德电气】断路器\NSX100S\DC750V\100A\4P\国产</t>
  </si>
  <si>
    <t>【施耐德电气】断路器\NSX100F TM40D\690V\100A\4P\国产</t>
  </si>
  <si>
    <t>【施耐德电气】断路器\NSX100S TM63D\690V\100A\4P\国产</t>
  </si>
  <si>
    <t>【施耐德电气】断路器\NSX160H TM125D\690V\160A\4P\国产</t>
  </si>
  <si>
    <t>【施耐德电气】断路器\NSX600F TM\DC750V\600A\4P\国产</t>
  </si>
  <si>
    <t>【施耐德电气】断路器\NSX320F TM\DC750V\320A\4P\国产</t>
  </si>
  <si>
    <t>【施耐德电气】断路器\NSX100S Mic2.2\690V\100A\4P\国产</t>
  </si>
  <si>
    <t>【施耐德电气】断路器\NSX250H MIC2.2\690\250\4\国产</t>
  </si>
  <si>
    <t>【施耐德电气】断路器\NSX250N MIC2.2\690V\250A\4P\国产</t>
  </si>
  <si>
    <t>【施耐德电气】断路器\NSX100S TM25D\690V\100A\4P\国产</t>
  </si>
  <si>
    <t>【施耐德电气】断路器\NSX500F TM\DC750V\500A\4P\国产</t>
  </si>
  <si>
    <t>【施耐德电气】断路器\NSX125 TM PV\DC1000V\125A\4P\国产</t>
  </si>
  <si>
    <t>【施耐德电气】断路器\NSX160F TM160D\690V\160A\4P\国产</t>
  </si>
  <si>
    <t>【施耐德电气】断路器\NSX400S TM\DC500V\400A\4P\国产</t>
  </si>
  <si>
    <t>【施耐德电气】断路器\NSX160H TM80D\690V\160A\4P\国产</t>
  </si>
  <si>
    <t>【施耐德电气】断路器\NSX160H TM160D\690V\160A\4P\国产</t>
  </si>
  <si>
    <t>【施耐德电气】断路器\NSX250H TM160D\690V\250A\4P\国产</t>
  </si>
  <si>
    <t>【施耐德电气】断路器\NSX630S Mic2.3\690V\630A\4P\国产</t>
  </si>
  <si>
    <t>【施耐德电气】断路器\NSX160S TM100D\690V\160A\4P\国产</t>
  </si>
  <si>
    <t>【施耐德电气】断路器\iC65H-D\400V\63A\3P\国产</t>
  </si>
  <si>
    <t>【施耐德电气】断路器\NSX400S Mic2.3\690V\630A\4P\国产</t>
  </si>
  <si>
    <t>【施耐德电气】断路器\NSX100F Mic2.2\690V\100A\4P\国产</t>
  </si>
  <si>
    <t>【施耐德电气】断路器\NSX500S TM\DC250V\500A\4P\国产</t>
  </si>
  <si>
    <t>【施耐德电气】断路器\NSX100F TM100D\690V\100A\4P\国产</t>
  </si>
  <si>
    <t>【施耐德电气】断路器\IC65N-C\AC230V\4A\2P\国产</t>
  </si>
  <si>
    <t>【施耐德电气】断路器\NSX400N MIC2.3\690V\400A\4P\国产</t>
  </si>
  <si>
    <t>【施耐德电气】断路器\NSX160N MIC2.2\690V\160A\4P\国产</t>
  </si>
  <si>
    <t>【施耐德电气】断路器\C120H-C\AC230V\125A\1P\国产</t>
  </si>
  <si>
    <t>【施耐德电气】断路器\NSX400F MIC2.3\690V\400A\4P</t>
  </si>
  <si>
    <t>【施耐德电气】断路器\NSX100F TM50D\690V\100A\4P\国产</t>
  </si>
  <si>
    <t>【施耐德电气】断路器\NSX100F TM32D\690V\100A\4P\国产</t>
  </si>
  <si>
    <t>【施耐德电气】断路器\NSX100F TM80D\690V\100A\4P</t>
  </si>
  <si>
    <t>【施耐德电气】断路器\NSX100H TM80D\690V\100A\4P\国产</t>
  </si>
  <si>
    <t>【施耐德电气】断路器\NSX250S TM200D\690V\250A\4P\国产</t>
  </si>
  <si>
    <t>【施耐德电气】断路器\NSX250S TM125D\690V\250A\4P\国产</t>
  </si>
  <si>
    <t>【施耐德电气】断路器\NSX100N MIC2.2\690V\40A\4P\国产</t>
  </si>
  <si>
    <t>【施耐德电气】断路器\NSX100S TM32D\690V\100A\4P\国产</t>
  </si>
  <si>
    <t>【施耐德电气】断路器\NSX160 TM PV\DC1000V\160A\4P\国产</t>
  </si>
  <si>
    <t>【施耐德电气】断路器\NSX400 TM PV\DC1000V\250A\4P\国产</t>
  </si>
  <si>
    <t>【施耐德电气】断路器\NSX400H MIC2.3\690V\400A\4P\国产</t>
  </si>
  <si>
    <t>【施耐德电气】断路器\NSX250S\DC750V\250A\4P\国产</t>
  </si>
  <si>
    <t>【施耐德电气】断路器\NSX100H MIC2.2\690V\100A\4P\国产</t>
  </si>
  <si>
    <t>【施耐德电气】断路器\NSX250F Mic2.2\690V\250A\4P\国产</t>
  </si>
  <si>
    <t>【施耐德电气】断路器\NSX250S Mic2.2\690V\250A\4P\国产</t>
  </si>
  <si>
    <t>【施耐德电气】断路器\NSX160F Mic2.2\690V\160A\4P\国产</t>
  </si>
  <si>
    <t>【施耐德电气】断路器\NSX160S Mic2.2\690V\160A\4P\国产</t>
  </si>
  <si>
    <t>【施耐德电气】断路器\NSX100H TM32D\690V\100A\4P\国产</t>
  </si>
  <si>
    <t>【施耐德电气】断路器\NSX250N MIC2.2 LV431870D\690V\250A\3P\进口</t>
  </si>
  <si>
    <t>【施耐德电气】断路器\NSX250N Mic2.2M\690V\250A\3P\国产</t>
  </si>
  <si>
    <t>【施耐德电气】断路器\NSX100N MA6\690V\100A\3P\国产</t>
  </si>
  <si>
    <t>【施耐德电气】断路器\NSX100N-MA50\690V\100A\3P</t>
  </si>
  <si>
    <t>【施耐德电气】断路器\NSX100N-MA12.5\690V\100A\3P</t>
  </si>
  <si>
    <t>【施耐德电气】断路器\NSX100N MA100 F FC+OF\690V\100A\3P</t>
  </si>
  <si>
    <t>【施耐德电气】断路器\NSX100N MA25\690V\100A\3P\国产</t>
  </si>
  <si>
    <t>【施耐德电气】断路器\NSX100N MA2\690V\100A\3P\国产</t>
  </si>
  <si>
    <t>【施耐德电气】断路器\NSX100F TM16D\690V\100A\4P\国产</t>
  </si>
  <si>
    <t>【施耐德电气】断路器\NSX100F TM63D\690V\100A\4P\国产</t>
  </si>
  <si>
    <t>【施耐德电气】断路器\NSX100F TM25D\690V\100A\4P\国产</t>
  </si>
  <si>
    <t>【施耐德电气】断路器\NSX100F\DC500V\100A\2P\国产</t>
  </si>
  <si>
    <t>【施耐德电气】断路器\NSX100F TM80D+OF\AC690V\100A\3P</t>
  </si>
  <si>
    <t>【施耐德电气】断路器\NSX100F TM63D\690V\100A\3P\国产</t>
  </si>
  <si>
    <t>【施耐德电气】断路器\NSX100F MIC2.2M\690V\100A\3P</t>
  </si>
  <si>
    <t>【施耐德电气】断路器\NSX100F\DC750V\100A\3P\国产</t>
  </si>
  <si>
    <t>【施耐德电气】断路器\NSX100F MA12\690V\100A\3P\国产</t>
  </si>
  <si>
    <t>【施耐德电气】断路器\NSX100F MA50\690V\100A\3P\国产</t>
  </si>
  <si>
    <t>【施耐德电气】断路器\NSX100F MA100\690V\100A\3P\国产</t>
  </si>
  <si>
    <t>【施耐德电气】断路器\NSX100F TM16D LV429637\690V\100A\3P</t>
  </si>
  <si>
    <t>【施耐德电气】断路器\NSX100F TM40D\690V\100A\3P\国产</t>
  </si>
  <si>
    <t>【施耐德电气】断路器\NSX100F TM50D\690V\100A\3P\国产</t>
  </si>
  <si>
    <t>【施耐德电气】断路器\NSX100F TM32D\690V\100A\3P\国产</t>
  </si>
  <si>
    <t>【施耐德电气】断路器\NSX100F TM100D\690V\100A\3P</t>
  </si>
  <si>
    <t>【施耐德电气】断路器\NSX100F MA6\690V\100A\3P\国产</t>
  </si>
  <si>
    <t>【施耐德电气】断路器\NSX100F TM25D\690V\100A\3P</t>
  </si>
  <si>
    <t>【施耐德电气】断路器\NSX100F MA25\690V\100A\3P\国产</t>
  </si>
  <si>
    <t>【施耐德电气】断路器\NSX100F MA2\690V\100A\3P\国产</t>
  </si>
  <si>
    <t>【施耐德电气】断路器\NSX400F TM\DC750V\400A\4P\国产</t>
  </si>
  <si>
    <t>【施耐德电气】断路器\NSX400F TM\DC750V\250A\4P\国产</t>
  </si>
  <si>
    <t>【施耐德电气】断路器\NSX400F TM\DC500V\250A\3P\国产</t>
  </si>
  <si>
    <t>【施耐德电气】断路器\NSX400F Mic2.3M\690V\400A\3P\国产</t>
  </si>
  <si>
    <t>【施耐德电气】断路器\NSX400F Mic1.3M\690V\400A\3P\国产</t>
  </si>
  <si>
    <t>【施耐德电气】断路器\NSX400F TM\DC500V\400A\3P\国产</t>
  </si>
  <si>
    <t>【施耐德电气】断路器\NSX400F MIC2.3\690V\400A\3P\国产</t>
  </si>
  <si>
    <t>【施耐德电气】断路器\NSX160H TM100D\690V\160A\4P\国产</t>
  </si>
  <si>
    <t>【施耐德电气】断路器\NSX160H TM80D\690V\160A\3P\国产</t>
  </si>
  <si>
    <t>【施耐德电气】断路器\NSX160H MIC2.2\690V\160A\3P\国产</t>
  </si>
  <si>
    <t>【施耐德电气】断路器\NSX160H-TM160D\690V\160A\3P</t>
  </si>
  <si>
    <t>【施耐德电气】断路器\NSX160H TM100D\690V\160A\3P\国产</t>
  </si>
  <si>
    <t>【施耐德电气】断路器\NSX160H MA100\690V\160A\3P\国产</t>
  </si>
  <si>
    <t>【施耐德电气】断路器\NSX160H Mic2.2M\690V\160A\3P\国产</t>
  </si>
  <si>
    <t>【施耐德电气】断路器\NSX160H-TM125D\690V\160A\3P</t>
  </si>
  <si>
    <t>【施耐德电气】断路器\NSX160H-MA150\690V\160A\3P</t>
  </si>
  <si>
    <t>【施耐德电气】断路器\NSX100N\DC250V\100A\1P\国产</t>
  </si>
  <si>
    <t>【施耐德电气】断路器\NSX100N TM40D 3P3D\690V\100A\3P</t>
  </si>
  <si>
    <t>【施耐德电气】断路器\NSX100N-TM25D\690V\100A\3P</t>
  </si>
  <si>
    <t>【施耐德电气】断路器\NSX100N TM32D\690V\100A\3P\国产</t>
  </si>
  <si>
    <t>【施耐德电气】断路器\NSX100N-TM63D\690V\100A\3P</t>
  </si>
  <si>
    <t>【施耐德电气】断路器\NSX100N TM16D\690V\100A\3P\国产</t>
  </si>
  <si>
    <t>【施耐德电气】断路器\NSX100N TM100D 3P3D\690V\100A\3P</t>
  </si>
  <si>
    <t>【施耐德电气】断路器\NSX100N TM50D\690V\100A\3P\国产</t>
  </si>
  <si>
    <t>【施耐德电气】断路器\NSX100N TM80D 3P3D\690V\100A\3P</t>
  </si>
  <si>
    <t>【施耐德电气】断路器\NSX100N TM80D\690V\100A\4P\国产</t>
  </si>
  <si>
    <t>【施耐德电气】断路器\NSX100N TM25D\690V\100A\4P\国产</t>
  </si>
  <si>
    <t>【施耐德电气】断路器\NSX100N TM16D\690V\100A\4P\国产</t>
  </si>
  <si>
    <t>【施耐德电气】断路器\NSX100N TM50D\690V\100A\4P\国产</t>
  </si>
  <si>
    <t>【施耐德电气】断路器\NSX100N TM40D 4P3D\690V\100A\4P</t>
  </si>
  <si>
    <t>【施耐德电气】断路器\NSX100N TM32D\690V\100A\4P\国产</t>
  </si>
  <si>
    <t>【施耐德电气】断路器\NSX100N TM63D\690V\100A\4P\国产</t>
  </si>
  <si>
    <t>【施耐德电气】断路器\NSX100N TM100D Vigi-MH MX\400V\100A\4P\国产</t>
  </si>
  <si>
    <t>【施耐德电气】断路器\NSX100N MIC2.2\690V\100A\4P\国产</t>
  </si>
  <si>
    <t>【施耐德电气】断路器\NSX100N TM100D 4P3D\690V\100A\4P</t>
  </si>
  <si>
    <t>【施耐德电气】断路器\NSX160N\DC250V\160A\1P\国产</t>
  </si>
  <si>
    <t>【施耐德电气】断路器\NSX160N TM100D\690V\160A\4P\国产</t>
  </si>
  <si>
    <t>【施耐德电气】断路器\NSX160N TM80D\690V\160A\4P\国产</t>
  </si>
  <si>
    <t>【施耐德电气】断路器\NSX160N TM125D\690V\160A\4P\国产</t>
  </si>
  <si>
    <t>【施耐德电气】断路器\NSX160N TM160D\690V\160A\4P\国产</t>
  </si>
  <si>
    <t>【施耐德电气】断路器\NSX160N MA150 3P3D\690V\160A\3P</t>
  </si>
  <si>
    <t>【施耐德电气】断路器\NSX160N MIC2.2\690V\160A\3P\进口</t>
  </si>
  <si>
    <t>【施耐德电气】断路器\NSX160N TM80D\690V\160A\3P\国产</t>
  </si>
  <si>
    <t>【施耐德电气】断路器\NSX160N TM100D\690V\160A\3P\国产</t>
  </si>
  <si>
    <t>【施耐德电气】断路器\NSX160N MA100\690V\160A\3P\国产</t>
  </si>
  <si>
    <t>【施耐德电气】断路器\NSX160N Mic2.2M\690V\160A\3P\国产</t>
  </si>
  <si>
    <t>【施耐德电气】断路器\NSX160N TM160D\690V\160A\3P\国产</t>
  </si>
  <si>
    <t>【施耐德电气】断路器\NSX160N-TM125D\690V\160A\3P</t>
  </si>
  <si>
    <t>【施耐德电气】断路器电动操作机构\MCH DC48-60V\国产</t>
  </si>
  <si>
    <t>【施耐德电气】断路器电动操作机构\MCH AC380-415V/AC440-480V\国产</t>
  </si>
  <si>
    <t>【施耐德电气】断路器电动操作机构\MCH DC250V\国产</t>
  </si>
  <si>
    <t>【施耐德电气】断路器电动操作机构\MCH DC24-30V\国产</t>
  </si>
  <si>
    <t>【施耐德电气】断路器电动操作机构\MCH NSX100-160 AC110-130V\国产</t>
  </si>
  <si>
    <t>【施耐德电气】断路器电动操作机构\MCH-MT250 DC110-130V\国产</t>
  </si>
  <si>
    <t>【施耐德电气】电动操作机构\LV431542\进口</t>
  </si>
  <si>
    <t>【施耐德电气】断路器电动操作机构\MCH DC110-130V\国产</t>
  </si>
  <si>
    <t>【施耐德电气】电动操作机构\MCH AC48-60V\国产</t>
  </si>
  <si>
    <t>【施耐德电气】断路器电动操作机构\MCH-MT250 DC48-60V\国产</t>
  </si>
  <si>
    <t>【施耐德电气】断路器电动操作机构\MCH-MT250 DC24-30V\国产</t>
  </si>
  <si>
    <t>【施耐德电气】断路器电动操作机构\MCH-MT250 DC250V\国产</t>
  </si>
  <si>
    <t>【施耐德电气】断路器\NSX160F\DC500V\160A\2P\国产</t>
  </si>
  <si>
    <t>【施耐德电气】断路器\NSX160F TM125D\690V\160A\4P\国产</t>
  </si>
  <si>
    <t>【施耐德电气】断路器\NSX160F TM80D\690V\160A\4P\国产</t>
  </si>
  <si>
    <t>【施耐德电气】断路器\NSX160F TM100D\690V\160A\4P\国产</t>
  </si>
  <si>
    <t>【施耐德电气】断路器\NSX160F\DC750V\160A\3P\国产</t>
  </si>
  <si>
    <t>【施耐德电气】断路器\NSX160F Mic2.2\690V\160A\3P\国产</t>
  </si>
  <si>
    <t>【施耐德电气】断路器\NSX160F TM160D\690V\160A\3P</t>
  </si>
  <si>
    <t>【施耐德电气】断路器\NSX160F TM125D\690V\160A\3P\国产</t>
  </si>
  <si>
    <t>【施耐德电气】断路器\NSX160F TM80D\690V\160A\3P\国产</t>
  </si>
  <si>
    <t>【施耐德电气】断路器\NSX160F MA100\690V\160A\3P\国产</t>
  </si>
  <si>
    <t>【施耐德电气】断路器\NSX160F TM100D\690V\160A\3P\国产</t>
  </si>
  <si>
    <t>【施耐德电气】断路器\NSX160F MA150\690V\160A\3P\国产</t>
  </si>
  <si>
    <t>【施耐德电气】断路器\NSX160F MIC2.2M\690V\160A\3P</t>
  </si>
  <si>
    <t>【施耐德电气】断路器\NSX630H MIC2.3\690V\630A\4P\国产</t>
  </si>
  <si>
    <t>【施耐德电气】断路器\NSX630H Mic2.3M\690V\630A\3P\国产</t>
  </si>
  <si>
    <t>【施耐德电气】断路器\NSX100H MA12.5 FFC+0F\690V\100A\3P\国产</t>
  </si>
  <si>
    <t>【施耐德电气】断路器\NSX100H MA25\690V\100A\3P\国产</t>
  </si>
  <si>
    <t>【施耐德电气】断路器\NSX100H MA2.5\690V\100A\3P\国产</t>
  </si>
  <si>
    <t>【施耐德电气】断路器\NSX100H MA6.3\690V\100A\3P\国产</t>
  </si>
  <si>
    <t>【施耐德电气】断路器\NSX160M\DC250V\160A\1P\国产</t>
  </si>
  <si>
    <t>【施耐德电气】断路器\NSX160M\DC500V\160A\2P\国产</t>
  </si>
  <si>
    <t>【施耐德电气】断路器\NSX500F TM\DC500V\500A\3P\国产</t>
  </si>
  <si>
    <t>【施耐德电气】断路器\NSX160S TM80D\690V\160A\4P\国产</t>
  </si>
  <si>
    <t>【施耐德电气】断路器\NSX160S TM125D\690V\160A\4P\国产</t>
  </si>
  <si>
    <t>【施耐德电气】断路器\NSX160S TM160D\690V\160A\4P\国产</t>
  </si>
  <si>
    <t>【施耐德电气】断路器\NSX160S TM100D\690V\160A\3P\国产</t>
  </si>
  <si>
    <t>【施耐德电气】断路器\NSX160S\DC750V\160A\3P\国产</t>
  </si>
  <si>
    <t>【施耐德电气】断路器\NSX160S Mic2.2\690V\160A\3P\国产</t>
  </si>
  <si>
    <t>【施耐德电气】断路器\NSX160S TM80D\690V\160A\3P\国产</t>
  </si>
  <si>
    <t>【施耐德电气】断路器\NSX160S TM160D\690V\160A\3P\国产</t>
  </si>
  <si>
    <t>【施耐德电气】断路器\NSX160S TM125D\690V\160A\3P\国产</t>
  </si>
  <si>
    <t>【施耐德电气】断路器\NSX250N TM160D\690V\250A\4P\国产</t>
  </si>
  <si>
    <t>【施耐德电气】断路器\NSX250N TM125D\690V\250A\4P\国产</t>
  </si>
  <si>
    <t>【施耐德电气】断路器\NSX250N TM200D\690V\250A\4P\国产</t>
  </si>
  <si>
    <t>【施耐德电气】断路器\NSX250N TM250D\690V\250A\4P</t>
  </si>
  <si>
    <t>【施耐德电气】断路器\NSX250N TM250D\690V\250A\3P\国产</t>
  </si>
  <si>
    <t>【施耐德电气】断路器\NSX250N TM125D\690V\250A\3P\国产</t>
  </si>
  <si>
    <t>【施耐德电气】断路器\NSX250N MA150\690V\250A\3P\国产</t>
  </si>
  <si>
    <t>【施耐德电气】断路器\NSX250N TM160D\690V\250A\3P\国产</t>
  </si>
  <si>
    <t>【施耐德电气】断路器\NSX250N MA220\690V\250A\3P\国产</t>
  </si>
  <si>
    <t>【施耐德电气】断路器\NSX250N TM200D\690V\250A\3P\国产</t>
  </si>
  <si>
    <t>【施耐德电气】断路器\NSX320F TM\DC500V\320A\3P\国产</t>
  </si>
  <si>
    <t>【施耐德电气】断路器\NSX100M\DC250V\100A\1P\国产</t>
  </si>
  <si>
    <t>【施耐德电气】断路器\NSX100M\DC500V\100A\2P\国产</t>
  </si>
  <si>
    <t>【施耐德电气】断路器\NSX100S TM50D\690V\100A\4P\国产</t>
  </si>
  <si>
    <t>【施耐德电气】断路器\NSX100S TM100D\690V\100A\4P\国产</t>
  </si>
  <si>
    <t>【施耐德电气】断路器\NSX100S Mic2.2\690V\100A\3P\国产</t>
  </si>
  <si>
    <t>【施耐德电气】断路器\NSX100S TM80D\690V\100A\3P\国产</t>
  </si>
  <si>
    <t>【施耐德电气】断路器\NSX100S TM40D\690V\100A\3P\国产</t>
  </si>
  <si>
    <t>【施耐德电气】断路器\NSX100S TM63D\690V\100A\3P\国产</t>
  </si>
  <si>
    <t>【施耐德电气】断路器\NSX100S TM16D\690V\100A\3P\国产</t>
  </si>
  <si>
    <t>【施耐德电气】断路器\NSX100S\DC750V\100A\3P\国产</t>
  </si>
  <si>
    <t>【施耐德电气】断路器\NSX100S TM25D\690V\100A\3P\国产</t>
  </si>
  <si>
    <t>【施耐德电气】断路器\NSX100S TM32D\690V\100A\3P\国产</t>
  </si>
  <si>
    <t>【施耐德电气】断路器\NSX100S TM100D\690V\100A\3P\国产</t>
  </si>
  <si>
    <t>【施耐德电气】断路器\NSX100S TM50D\690V\100A\3P\国产</t>
  </si>
  <si>
    <t>【施耐德电气】断路器\NSX250F TM200D\690V\250A\4P\国产</t>
  </si>
  <si>
    <t>【施耐德电气】断路器\NSX250F TM250D\690V\250A\4P\国产</t>
  </si>
  <si>
    <t>【施耐德电气】断路器\NSX250F TM160D\690V\250A\4P\国产</t>
  </si>
  <si>
    <t>【施耐德电气】断路器\NSX250F TM125D\690V\250A\4P\国产</t>
  </si>
  <si>
    <t>【施耐德电气】断路器\NSX250F TM125D\690V\250A\3P\国产</t>
  </si>
  <si>
    <t>【施耐德电气】断路器\NSX250F MA220\690V\250A\3P\国产</t>
  </si>
  <si>
    <t>【施耐德电气】断路器\NSX250F MIC2.2A FFC\690V\250A\3P</t>
  </si>
  <si>
    <t>【施耐德电气】断路器\NSX250F\DC750V\250A\3P\国产</t>
  </si>
  <si>
    <t>【施耐德电气】断路器\NSX250F TM200D\690V\250A\3P\国产</t>
  </si>
  <si>
    <t>【施耐德电气】断路器\NSX250F Mic2.2M\690V\250A\3P\国产</t>
  </si>
  <si>
    <t>【施耐德电气】断路器\NSX250F TM250D\690V\250A\3P</t>
  </si>
  <si>
    <t>【施耐德电气】断路器\NSX250F TM160D\690V\250A\3P\国产</t>
  </si>
  <si>
    <t>【施耐德电气】断路器\NSX250F MA150\690V\250A\3P\国产</t>
  </si>
  <si>
    <t>【施耐德电气】断路器\NSX100HMic2.2M1003PFFC+OF\690V\100A\3P</t>
  </si>
  <si>
    <t>【施耐德电气】断路器\NSX100H TM25D\690V\100A\4P\国产</t>
  </si>
  <si>
    <t>【施耐德电气】断路器\NSX100H TM40D\690V\100A\4P\国产</t>
  </si>
  <si>
    <t>【施耐德电气】断路器\NSX100H TM16D\690V\100A\4P\国产</t>
  </si>
  <si>
    <t>【施耐德电气】断路器\NSX100H TM50D\690V\100A\4P\国产</t>
  </si>
  <si>
    <t>【施耐德电气】断路器\NSX100H TM100D\690V\100A\4P\国产</t>
  </si>
  <si>
    <t>【施耐德电气】断路器\NSX100H TM63D\690V\100A\4P\国产</t>
  </si>
  <si>
    <t>【施耐德电气】断路器\NSX100H TM32D\690V\100A\3P\国产</t>
  </si>
  <si>
    <t>【施耐德电气】断路器\NSX100H TM16D\690V\100A\3P</t>
  </si>
  <si>
    <t>【施耐德电气】断路器\NSX100H-TM40D\690V\100A\3P</t>
  </si>
  <si>
    <t>【施耐德电气】断路器\NSX100N MIC2.2\690V\100A\3P\进口</t>
  </si>
  <si>
    <t>【施耐德电气】断路器\NSX100H-TM63D\690V\100A\3P</t>
  </si>
  <si>
    <t>【施耐德电气】断路器\NSX100H-TM50D\690V\100A\3P</t>
  </si>
  <si>
    <t>【施耐德电气】断路器\NSX100H-TM80D\690V\100A\3P</t>
  </si>
  <si>
    <t>【施耐德电气】断路器\NSX100H-TM25D\690V\100A\3P</t>
  </si>
  <si>
    <t>【施耐德电气】断路器\NSX100H TM100D\690V\100A\3P\国产</t>
  </si>
  <si>
    <t>【施耐德电气】断路器\NSX400N Mic2.3M\690V\400A\3P\国产</t>
  </si>
  <si>
    <t>【施耐德电气】断路器\NSX400N MIC2.3 LV432693D\690V\400A\3P\进口</t>
  </si>
  <si>
    <t>【施耐德电气】断路器\NSX400N Mic1.3M\690V\400A\3P\国产</t>
  </si>
  <si>
    <t>【施耐德电气】断路器\NSX400N MIC2.3\690V\400A\3P\进口</t>
  </si>
  <si>
    <t>【施耐德电气】漏电保护器\Vigi MB\400/630A</t>
  </si>
  <si>
    <t>【施耐德电气】漏电保护器\Vigi NSX\400/630A</t>
  </si>
  <si>
    <t>【施耐德电气】断路器\NSX250S Mic2.2\690V\250A\3P\国产</t>
  </si>
  <si>
    <t>【施耐德电气】断路器\NSX1000\DC500V\1000A\2P\国产</t>
  </si>
  <si>
    <t>【施耐德电气】断路器\NSX250H TM200D\690V\250A\4P\国产</t>
  </si>
  <si>
    <t>【施耐德电气】断路器\NSX250H TM250D\690V\250A\4P\国产</t>
  </si>
  <si>
    <t>【施耐德电气】断路器\NSX250H TM125D\690V\250A\4P\国产</t>
  </si>
  <si>
    <t>【施耐德电气】电磁式漏电保护附件\A9V57240</t>
  </si>
  <si>
    <t>【FITOK(飞托克)】割管刀\FTC-03</t>
  </si>
  <si>
    <t>北京市胜利中科技术有限公司</t>
  </si>
  <si>
    <t>FITOK(飞托克)</t>
  </si>
  <si>
    <t>GNWZBPCG2021-0033</t>
  </si>
  <si>
    <t>国家能源e购商城国华电力2021年度仪表管阀及备件长协采购框架合同</t>
  </si>
  <si>
    <t>【FITOK(飞托克)】卡套阳螺纹接头\SS-CM-ML6-NS4</t>
  </si>
  <si>
    <t>【施耐德电气】断路器\NSX250H MIC2.2\690\250\3\国产</t>
  </si>
  <si>
    <t>【施耐德电气】断路器\NSX250H TM250D\690V\250A\3P\国产</t>
  </si>
  <si>
    <t>【施耐德电气】断路器\NSX250H-TM200D\690V\250A\3P</t>
  </si>
  <si>
    <t>【施耐德电气】断路器\NSX250H-TM160D\690V\250A\3P</t>
  </si>
  <si>
    <t>【施耐德电气】断路器\NSX250H Mic2.2M\690V\250A\3P\国产</t>
  </si>
  <si>
    <t>【施耐德电气】断路器\NSX250H TM125D\690V\250A\3P\国产</t>
  </si>
  <si>
    <t>【施耐德电气】断路器SDE适配器\SDE-NSX100-250\国产</t>
  </si>
  <si>
    <t>【施耐德电气】失压线圈\MN AC110-130V\国产</t>
  </si>
  <si>
    <t>【施耐德电气】断路器欠压线圈\MN NSX AC208-240V\国产</t>
  </si>
  <si>
    <t>【施耐德电气】断路器欠压线圈\MN DC125V\国产</t>
  </si>
  <si>
    <t>【施耐德电气】断路器欠压线圈\MN DC250V\国产</t>
  </si>
  <si>
    <t>【施耐德电气】欠压脱扣线圈\LV429408\进口</t>
  </si>
  <si>
    <t>【施耐德电气】断路器欠压线圈\MN DC48V\国产</t>
  </si>
  <si>
    <t>【施耐德电气】断路器欠压线圈\MN DC24V\国产</t>
  </si>
  <si>
    <t>【施耐德电气】断路器欠压线圈\MN DC12V\国产</t>
  </si>
  <si>
    <t>【施耐德电气】失压线圈\MN AC208-277/220-240V\国产</t>
  </si>
  <si>
    <t>【施耐德电气】失压线圈\MN AC24V\国产</t>
  </si>
  <si>
    <t>【施耐德电气】断路器\NSX250S TM160D\690V\250A\4P\国产</t>
  </si>
  <si>
    <t>【施耐德电气】断路器\NSX250S TM200D\690V\250A\3P\国产</t>
  </si>
  <si>
    <t>【施耐德电气】断路器\NSX250S TM250D\690V\250A\3P\国产</t>
  </si>
  <si>
    <t>【施耐德电气】断路器\NSX250S\DC750V\250A\3P\国产</t>
  </si>
  <si>
    <t>【施耐德电气】断路器\NSX250S TM125D\690V\250A\3P\国产</t>
  </si>
  <si>
    <t>【施耐德电气】断路器\NSX250S TM160D\690V\250A\3P\国产</t>
  </si>
  <si>
    <t>【施耐德电气】断路器分励线圈\MX DC48V\国产</t>
  </si>
  <si>
    <t>【施耐德电气】断路器分励线圈\MX DC125V\国产</t>
  </si>
  <si>
    <t>【施耐德电气】分励线圈\MX 525/600V\国产</t>
  </si>
  <si>
    <t>【施耐德电气】分励线圈\MX AC48V\国产</t>
  </si>
  <si>
    <t>【施耐德电气】断路器分励线圈\MX AC208-277V/AC220-240V\国产</t>
  </si>
  <si>
    <t>【施耐德电气】分励线圈\MX AC24V\国产</t>
  </si>
  <si>
    <t>【施耐德电气】脱扣线圈\LV429394 MX/SHT DC220V</t>
  </si>
  <si>
    <t>【施耐德电气】分励线圈\MX AC110-130V\国产</t>
  </si>
  <si>
    <t>【施耐德电气】分励线圈\MX 380-415/440-480V\国产</t>
  </si>
  <si>
    <t>【施耐德电气】断路器分励线圈\MX DC24V\国产</t>
  </si>
  <si>
    <t>【施耐德电气】断路器\iC65H-D\AC230V\40A\1P\国产</t>
  </si>
  <si>
    <t>【施耐德电气】断路器\NSX630\DC500V\630A\2P\国产</t>
  </si>
  <si>
    <t>【施耐德电气】断路器\NSX630F MIC2.3\690\630\4\国产</t>
  </si>
  <si>
    <t>【施耐德电气】断路器\NSX630N MIC2.3\690V\630A\3P\进口</t>
  </si>
  <si>
    <t>【施耐德电气】断路器\iC65H-D\400V\2A\4P\国产</t>
  </si>
  <si>
    <t>【施耐德电气】断路器\Vigi C120H-D100\400V\100A\4P</t>
  </si>
  <si>
    <t>【FITOK(飞托克)】接头\SS-PHN-NS4-MS20</t>
  </si>
  <si>
    <t>【施耐德电气】断路器\NSX630S Mic2.3\690V\630A\3P\国产</t>
  </si>
  <si>
    <t>【施耐德电气】断路器\NSX630N Mic2.3M\690V\630A\3P\国产</t>
  </si>
  <si>
    <t>【施耐德电气】断路器\NSX630F Mic1.3M\690V\630A\3P\国产</t>
  </si>
  <si>
    <t>【施耐德电气】断路器\NSX630F MIC2.3M\690\630\3\国产</t>
  </si>
  <si>
    <t>【施耐德电气】断路器\NSX630F MIC2.3\690V\630A\3P</t>
  </si>
  <si>
    <t>【施耐德电气】断路器\NSX800\DC500V\800A\2P\国产</t>
  </si>
  <si>
    <t>【FITOK(飞托克)】螺纹转换接头\SS-PHN-NS8-MS20</t>
  </si>
  <si>
    <t>【施耐德电气】断路器\NSX400H MIC2.3\690V\400A\3P</t>
  </si>
  <si>
    <t>【施耐德电气】断路器\NSX400H Mic2.3M\690V\400A\3P\国产</t>
  </si>
  <si>
    <t>【施耐德电气】断路器\IC65N-B\AC230V\63A\2P\国产</t>
  </si>
  <si>
    <t>【施耐德电气】断路器辅助触点\OF/SD 1NO/NC\国产</t>
  </si>
  <si>
    <t>【施耐德电气】断路器\IC65H C50 iSD\400V\50A\4P</t>
  </si>
  <si>
    <t>【施耐德电气】漏电保护器\Vigi MH\250A</t>
  </si>
  <si>
    <t>【施耐德电气】断路器\iC65H-D\AC230V\25A\1P\国产</t>
  </si>
  <si>
    <t>【施耐德电气】断路器\NSX250 TM PV\DC1000V\250A\4P\国产</t>
  </si>
  <si>
    <t>【施耐德电气】断路器旋转手柄\NSX\国产</t>
  </si>
  <si>
    <t>【施耐德电气】旋转手柄\LV429337</t>
  </si>
  <si>
    <t>【施耐德电气】断路器\NSX400S TM\DC500V\250A\4P\国产</t>
  </si>
  <si>
    <t>【施耐德电气】断路器\IC65N D20A\400V\20A\3P\国产</t>
  </si>
  <si>
    <t>【施耐德电气】断路器\NSX400S TM\DC250V\400A\3P\国产</t>
  </si>
  <si>
    <t>【施耐德电气】断路器\NSX400S TM\DC250V\250A\3P\国产</t>
  </si>
  <si>
    <t>【施耐德电气】断路器\NSX1200\DC500V\1200A\2P\国产</t>
  </si>
  <si>
    <t>【施耐德电气】断路器\IC65H-C\400V\25A\3P</t>
  </si>
  <si>
    <t>【施耐德电气】断路器\NSX320S TM\DC250V\320A\3P\国产</t>
  </si>
  <si>
    <t>【施耐德电气】断路器\iC65H-D\AC230V\4A\1P\国产</t>
  </si>
  <si>
    <t>【施耐德电气】断路器\NSX320 TM PV\DC1000V\320A\4P\国产</t>
  </si>
  <si>
    <t>【施耐德电气】断路器\NSX320S TM\DC500V\320A\4P\国产</t>
  </si>
  <si>
    <t>【施耐德电气】断路器4P/3P适配器\Vigi 4P/3P\国产</t>
  </si>
  <si>
    <t>【施耐德电气】断路器\NSX600S TM\DC250V\600A\4P\国产</t>
  </si>
  <si>
    <t>【施耐德电气】断路器过载报警\STDAM\国产</t>
  </si>
  <si>
    <t>【施耐德电气】漏电模块\MH LV429211</t>
  </si>
  <si>
    <t>【施耐德电气】漏电保护器\Vigi MH\100/160A</t>
  </si>
  <si>
    <t>【施耐德电气】断路器\NSX500S TM\DC250V\500A\3P\国产</t>
  </si>
  <si>
    <t>【施耐德电气】开关操作把手\LV429338</t>
  </si>
  <si>
    <t>【施耐德电气】断路器\NSX600F TM\DC500V\600A\3P\国产</t>
  </si>
  <si>
    <t>【施耐德电气】断路器\NSX80 TM PV\DC1000V\80A\4P\国产</t>
  </si>
  <si>
    <t>【施耐德电气】漏电保护器\Vigi iC65 ELE\63A</t>
  </si>
  <si>
    <t>【施耐德电气】断路器\IC65N-B\AC230V\10A\2P\国产</t>
  </si>
  <si>
    <t>【施耐德电气】断路器\IDPNa-C\AC230V\6A\1P\国产</t>
  </si>
  <si>
    <t>【施耐德电气】漏电保护模块\Vigi iDPN ELE\40A</t>
  </si>
  <si>
    <t>【施耐德电气】断路器\IC65H-C\400V\32A\4P</t>
  </si>
  <si>
    <t>【施耐德电气】断路器\A9V53640\400V\40A\1P\国产</t>
  </si>
  <si>
    <t>【FITOK(飞托克)】三阀组接头\SS-MUW-NS8-MTB14</t>
  </si>
  <si>
    <t>【施耐德电气】漏电保护器\Vigi iDPN ELE\25A</t>
  </si>
  <si>
    <t>【FITOK(飞托克)】针型阀\NFSS-MTS14-8-G\φ14\640℃\41.4MPa\316\焊接</t>
  </si>
  <si>
    <t>【施耐德电气】断路器\IC65H-D\AC400V\63A\4P</t>
  </si>
  <si>
    <t>【施耐德电气】漏电保护器\A9Y57625\25A</t>
  </si>
  <si>
    <t>【FITOK(飞托克)】针型阀\NFSS-MTS16-9-G\φ16\546℃\25MPa\316\焊接</t>
  </si>
  <si>
    <t>【施耐德电气】断路器\IC65H-D\400V\32A\3P</t>
  </si>
  <si>
    <t>【FITOK(飞托克)】针型阀\NFSS-UMB14-8-G\φ14\640℃\41.4MPa\316\焊接</t>
  </si>
  <si>
    <t>【施耐德电气】断路器\IDPNa Vigi+ C\AC230V\32A\2P\国产</t>
  </si>
  <si>
    <t>【施耐德电气】断路器\IDPNN Vigi+ C\AC230V\32A\2P\国产</t>
  </si>
  <si>
    <t>【施耐德电气】断路器\C120H-C100\400V\100A\3P</t>
  </si>
  <si>
    <t>【FITOK(飞托克)】针阀\NFSS-MTS25-0-G\25mm\100℃\0-10Mpa\316L\焊接</t>
  </si>
  <si>
    <t>【施耐德电气】断路器\IDPNa VIGI+\AC230V\25A\2P</t>
  </si>
  <si>
    <t>【FITOK(飞托克)】卡套接头\SS-U-ML8</t>
  </si>
  <si>
    <t>【施耐德电气】断路器\A9D91620\AC230V\20A\1P\国产</t>
  </si>
  <si>
    <t>【施耐德电气】断路器\IC65N-B\AC230V\20A\2P\国产</t>
  </si>
  <si>
    <t>【施耐德电气】断路器\IDPNN Vigi+ C\AC230V\16A\2P\国产</t>
  </si>
  <si>
    <t>【FITOK(飞托克)】卡套接头\SS-U-ML16</t>
  </si>
  <si>
    <t>【施耐德电气】断路器\IDPNN Vigi+ C\AC230V\25A\2P\国产</t>
  </si>
  <si>
    <t>【施耐德电气】断路器\IDPNN Vigi+ C\AC230V\20A\2P\国产</t>
  </si>
  <si>
    <t>【施耐德电气】断路器\Vigi C120\AC230V\125A\2P\国产</t>
  </si>
  <si>
    <t>【FITOK(飞托克)】卡套接头\SS-U-ML14</t>
  </si>
  <si>
    <t>【施耐德电气】漏电保护器\Vigi iC65 ELE\40A</t>
  </si>
  <si>
    <t>【FITOK(飞托克)】卡套接头\SS-CM-ML14-NS8</t>
  </si>
  <si>
    <t>【施耐德电气】断路器\Vigi C120\400V\125A\3P\国产</t>
  </si>
  <si>
    <t>【FITOK(飞托克)】卡套弯头\SS-LM-FL6-NS4</t>
  </si>
  <si>
    <t>【施耐德电气】断路器\Vigi C120\400V\125A\4P\国产</t>
  </si>
  <si>
    <t>【FITOK(飞托克)】卡套弯头\SS-LM-FL6-NS2</t>
  </si>
  <si>
    <t>【FITOK(飞托克)】卡套接头\SS-CM-ML8-RT2</t>
  </si>
  <si>
    <t>【FITOK(飞托克)】卡套接头\SS-CM-ML10-NS4</t>
  </si>
  <si>
    <t>【施耐德电气】断路器\iC65N C63 VE30mA\400V\63A\4P\国产</t>
  </si>
  <si>
    <t>【施耐德电气】断路器\iC65H C63 Vigi iC65 ELE 30mA\400V\63A\4P</t>
  </si>
  <si>
    <t>【FITOK(飞托克)】转换接头\ZR45K-65P\M20×1.5\40MPa\316</t>
  </si>
  <si>
    <t>【施耐德电气】断路器\iC65N C32 VE30mA\400V\32A\4P\国产</t>
  </si>
  <si>
    <t>【施耐德电气】断路器\C120H-C+VG30mA\400V\80A\4P</t>
  </si>
  <si>
    <t>【施耐德电气】断路器\iC65N C50 VE30mA\400V\50A\4P\国产</t>
  </si>
  <si>
    <t>【施耐德电气】断路器\IC65N C20 ELE30mA\400V\20A\3P\国产</t>
  </si>
  <si>
    <t>【FITOK(飞托克)】高压截止阀\NFSS-UMB14-9-G\DN10\MSS SP-80</t>
  </si>
  <si>
    <t>【FITOK(飞托克)】卡套阳螺纹接头\SS-CM-ML14-NS4 </t>
  </si>
  <si>
    <t>【施耐德电气】断路器瞬时欠压脱扣单元\IMN AC48V\国产</t>
  </si>
  <si>
    <t>【FITOK(飞托克)】卡套阳螺纹接头\SS-CM-ML8-NS4 </t>
  </si>
  <si>
    <t>【FITOK(飞托克)】卡套阳螺纹接头\SS-CM-ML8-NS8 </t>
  </si>
  <si>
    <t>【FITOK(飞托克)】针型阀\NFSS-MTS12-8-G\DN6\649℃\41.4MPa\316\φ12mm管承插焊</t>
  </si>
  <si>
    <t>【施耐德电气】断路器\IC65H-B\AC230V\3A\1P\国产</t>
  </si>
  <si>
    <t>【施耐德电气】断路器欠压脱扣单元\IMN AC220-240V\国产</t>
  </si>
  <si>
    <t>【FITOK(飞托克)】手动弯管器\F-HTB-16M</t>
  </si>
  <si>
    <t>【施耐德电气】断路器\iC65H-D\400V\10A\4P\国产</t>
  </si>
  <si>
    <t>【施耐德电气】断路器\IC65H\AC230V\2A\1P</t>
  </si>
  <si>
    <t>【施耐德电气】断路器\A9F18102\400V\2A\1P\国产</t>
  </si>
  <si>
    <t>【FITOK(飞托克)】卡套穿板接头\SS-BU-ML8</t>
  </si>
  <si>
    <t>【施耐德电气】断路器\IC65N-B\DC125V\10A\1P\国产</t>
  </si>
  <si>
    <t>【FITOK(飞托克)】卡套阳螺纹接头\SS-CM-ML8-RT4</t>
  </si>
  <si>
    <t>【FITOK(飞托克)】卡套阳螺纹接头\SS-CM-ML10-RT4</t>
  </si>
  <si>
    <t>【施耐德电气】断路器\IC60LMA\AC230V\12.5A\2P\国产</t>
  </si>
  <si>
    <t>【FITOK(飞托克)】卡套穿板接头\SS-BU-ML10</t>
  </si>
  <si>
    <t>【施耐德电气】断路器\IC65N-C\AC230V\2A\2P\国产</t>
  </si>
  <si>
    <t>【FITOK(飞托克)】卡套阳螺纹直通接头\SS-U-ML10-ML8</t>
  </si>
  <si>
    <t>【FITOK(飞托克)】T管插焊弯头\SS-WLU-MTS10</t>
  </si>
  <si>
    <t>【FITOK(飞托克)】T管插焊三通\SS-WT-MTS10</t>
  </si>
  <si>
    <t>【FITOK(飞托克)】卡套中间接头\φ14-φ14 SS-U-ML14</t>
  </si>
  <si>
    <t>【FITOK(飞托克)】垫片\GMA-PA2\三阀组 3DSS-FNS8-AG\MSS SP-117</t>
  </si>
  <si>
    <t>【施耐德电气】断路器\iC65H-D\AC230V\50A\1P\国产</t>
  </si>
  <si>
    <t>【施耐德电气】断路器\IC65H-C\AC230V\20A\1P\国产</t>
  </si>
  <si>
    <t>【施耐德电气】断路器\IC65H-B\AC230V\16A\1P\国产</t>
  </si>
  <si>
    <t>【施耐德电气】断路器\IC65H-B\AC230V\2A\1P\国产</t>
  </si>
  <si>
    <t>【施耐德电气】断路器\IC65H-B\AC230V\32A\1P\国产</t>
  </si>
  <si>
    <t>【施耐德电气】断路器\IC65H-C\AC230V\10A\1P\国产</t>
  </si>
  <si>
    <t>【施耐德电气】断路器\IC65H-C\AC230V\25A\1P\国产</t>
  </si>
  <si>
    <t>【施耐德电气】断路器\IC65H-B\AC230V\25A\1P\国产</t>
  </si>
  <si>
    <t>【施耐德电气】断路器\iC65H-D\AC230V\6A\1P\国产</t>
  </si>
  <si>
    <t>【施耐德电气】断路器\IC65H-B\AC230V\10A\1P\国产</t>
  </si>
  <si>
    <t>【施耐德电气】断路器\iC65H-D\AC230V\63A\1P\国产</t>
  </si>
  <si>
    <t>【施耐德电气】断路器\iC65H-D\AC230V\2A\1P\国产</t>
  </si>
  <si>
    <t>【施耐德电气】断路器\iC65H-D\AC230V\10A\1P\国产</t>
  </si>
  <si>
    <t>【施耐德电气】断路器\IC65H-B\AC230V\1A\1P\国产</t>
  </si>
  <si>
    <t>【施耐德电气】断路器\IC65H-B\AC230V\4A\1P\国产</t>
  </si>
  <si>
    <t>【施耐德电气】断路器\IC65H-B\AC230V\63A\1P\国产</t>
  </si>
  <si>
    <t>【施耐德电气】断路器\IC65H-C\AC230V\32A\1P\国产</t>
  </si>
  <si>
    <t>【施耐德电气】断路器\IC65H-C\AC230V\63A\1P\国产</t>
  </si>
  <si>
    <t>【施耐德电气】断路器\IC65H-C\AC230V\50A\1P\国产</t>
  </si>
  <si>
    <t>【施耐德电气】断路器\IC65H-C\AC230V\16A\1P</t>
  </si>
  <si>
    <t>【施耐德电气】断路器\IC65H-C\230V\1A\1P\国产</t>
  </si>
  <si>
    <t>【施耐德电气】断路器\IC65H-C\AC230V\40A\1P\国产</t>
  </si>
  <si>
    <t>【施耐德电气】断路器\iC65H-D\AC230V\16A\1P\国产</t>
  </si>
  <si>
    <t>【施耐德电气】断路器\iC65H-D\AC230V\32A\1P\国产</t>
  </si>
  <si>
    <t>【施耐德电气】断路器\IC65H-C\AC230V\6A\1P</t>
  </si>
  <si>
    <t>【施耐德电气】断路器\IC65H-C\230V\2A\1P\国产</t>
  </si>
  <si>
    <t>【施耐德电气】断路器\IC65H-B\AC230V\6A\1P\国产</t>
  </si>
  <si>
    <t>【施耐德电气】断路器\IC65H-C\AC230V\4A\1P\国产</t>
  </si>
  <si>
    <t>【施耐德电气】断路器\IC65H-B\AC230V\20A\1P\国产</t>
  </si>
  <si>
    <t>【FITOK(飞托克)】仪表针型阀\NFSS-MTB14-8-G\φ14mm\649℃\41.4MPa\SS316\对焊</t>
  </si>
  <si>
    <t>【FITOK(飞托克)】接头\SS-PUW-MS14-MTB10</t>
  </si>
  <si>
    <t>【施耐德电气】断路器\IC65H-B\AC230V\50A\2P\国产</t>
  </si>
  <si>
    <t>【施耐德电气】断路器\iC65H-D\AC230V\25A\2P\国产</t>
  </si>
  <si>
    <t>【施耐德电气】断路器\IC65H-B\AC230V\4A\2P\国产</t>
  </si>
  <si>
    <t>【施耐德电气】断路器\iC65H-D\AC230V\20A\2P\国产</t>
  </si>
  <si>
    <t>【施耐德电气】断路器\iC65H-D\AC230V\6A\2P\国产</t>
  </si>
  <si>
    <t>【施耐德电气】断路器\iC65H-D\AC230V\40A\2P\国产</t>
  </si>
  <si>
    <t>【施耐德电气】断路器\IC65H-C\AC230V\4A\2P\国产</t>
  </si>
  <si>
    <t>【施耐德电气】断路器\IC65H-C\AC230V\16A\2P\国产</t>
  </si>
  <si>
    <t>【施耐德电气】断路器\IC65H-B\AC230V\2A\2P\国产</t>
  </si>
  <si>
    <t>【施耐德电气】断路器\IC65H-C\AC230V\40A\2P\国产</t>
  </si>
  <si>
    <t>【施耐德电气】断路器\IC65H-C\AC230V\63A\2P\国产</t>
  </si>
  <si>
    <t>【施耐德电气】断路器\IC65H-C\AC230V\25A\2P\国产</t>
  </si>
  <si>
    <t>【施耐德电气】断路器\IC65H-C\AC230V\20A\2P\国产</t>
  </si>
  <si>
    <t>【施耐德电气】断路器\IC65H-C\AC230V\50A\2P\国产</t>
  </si>
  <si>
    <t>【施耐德电气】断路器\IC65H-B\AC230V\63A\2P\国产</t>
  </si>
  <si>
    <t>【施耐德电气】断路器\iC65H-D\AC230V\10A\2P\国产</t>
  </si>
  <si>
    <t>【施耐德电气】断路器\iC65H-D\AC230V\63A\2P\国产</t>
  </si>
  <si>
    <t>【施耐德电气】断路器\iC65H-D\AC230V\1A\2P\国产</t>
  </si>
  <si>
    <t>【施耐德电气】断路器\IC65H-B\AC230V\10A\2P\国产</t>
  </si>
  <si>
    <t>【施耐德电气】断路器\iC65H-D\AC230V\16A\2P\国产</t>
  </si>
  <si>
    <t>【施耐德电气】断路器\IC65H-C\AC230V\6A\2P\国产</t>
  </si>
  <si>
    <t>【施耐德电气】断路器\IC65H-C\AC230V\2A\2P\国产</t>
  </si>
  <si>
    <t>【施耐德电气】断路器\iC65H-D\AC230V\32A\2P\国产</t>
  </si>
  <si>
    <t>【施耐德电气】断路器\iC65H-D\AC230V\50A\2P\国产</t>
  </si>
  <si>
    <t>【施耐德电气】断路器\iC65H-D\AC230V\2A\2P\国产</t>
  </si>
  <si>
    <t>【施耐德电气】断路器\IC65H-B\AC230V\32A\2P\国产</t>
  </si>
  <si>
    <t>【施耐德电气】断路器\IC65H-B\AC230V\6A\2P\国产</t>
  </si>
  <si>
    <t>【施耐德电气】断路器\IC65H-C\AC230V\32A\2P\国产</t>
  </si>
  <si>
    <t>【施耐德电气】断路器\IC65H-B\AC230V\20A\2P\国产</t>
  </si>
  <si>
    <t>【施耐德电气】断路器\IC65H-B\AC230V\40A\2P\国产</t>
  </si>
  <si>
    <t>【施耐德电气】断路器\IC65H-B\AC230V\3A\2P\国产</t>
  </si>
  <si>
    <t>【施耐德电气】断路器\iC65H-D\AC230V\4A\2P\国产</t>
  </si>
  <si>
    <t>【施耐德电气】断路器\IC65H-C\AC230V\10A\2P\国产</t>
  </si>
  <si>
    <t>【施耐德电气】断路器\IC65H-B\AC230V\25A\2P\国产</t>
  </si>
  <si>
    <t>【施耐德电气】断路器\IC65H-C\AC230V\1A\2P\国产</t>
  </si>
  <si>
    <t>【施耐德电气】断路器\IC65H-B\AC230V\16A\2P\国产</t>
  </si>
  <si>
    <t>【FITOK(飞托克)】卡套接头\SS-U-ML8-ML10</t>
  </si>
  <si>
    <t>【FITOK(飞托克)】针型阀\NUHSS-MTS14-8-G\φ14mm\649℃\69MPa\316\插焊</t>
  </si>
  <si>
    <t>【施耐德电气】断路器\IC65N-B\400V\32A\4P\国产</t>
  </si>
  <si>
    <t>【FITOK(飞托克)】卡套阳螺纹接头\SS-CM-FL4-NS4</t>
  </si>
  <si>
    <t>【FITOK(飞托克)】阴螺纹焊接活接接头\SS-PUW-MS20-MTB14</t>
  </si>
  <si>
    <t>【施耐德电气】断路器\IC65H-B\400V\4A\3P\国产</t>
  </si>
  <si>
    <t>【施耐德电气】断路器\IC65H-C\400V\20A\3P</t>
  </si>
  <si>
    <t>【施耐德电气】断路器\IC65H-C\400V\10A\3P</t>
  </si>
  <si>
    <t>【施耐德电气】断路器\iC65H-D\400V\1A\3P\国产</t>
  </si>
  <si>
    <t>【施耐德电气】断路器\IC65H D40\400V\40A\3P</t>
  </si>
  <si>
    <t>【施耐德电气】断路器\IC65H-B\400V\25A\3P\国产</t>
  </si>
  <si>
    <t>【施耐德电气】断路器\IC65H-B\400V\3A\3P\国产</t>
  </si>
  <si>
    <t>【施耐德电气】断路器\IC65H-B\400V\32A\3P\国产</t>
  </si>
  <si>
    <t>【施耐德电气】断路器\iC65H-D\400V\2A\3P\国产</t>
  </si>
  <si>
    <t>【施耐德电气】断路器\IC65H-D\400V\10A\3P</t>
  </si>
  <si>
    <t>【施耐德电气】断路器\IC65H-C\400V\1A\3P\国产</t>
  </si>
  <si>
    <t>【施耐德电气】断路器\iC65H\400V\4A\3P\进口</t>
  </si>
  <si>
    <t>【施耐德电气】断路器\iC65H-D\400V\4A\3P\国产</t>
  </si>
  <si>
    <t>【施耐德电气】断路器\IC65H-C\400V\63A\3P\国产</t>
  </si>
  <si>
    <t>【施耐德电气】断路器\IC65H-B\400V\10A\3P\国产</t>
  </si>
  <si>
    <t>【施耐德电气】断路器\IC65H-C\400V\40A\3P</t>
  </si>
  <si>
    <t>【施耐德电气】断路器\IC65N-D\400V\1A\3P</t>
  </si>
  <si>
    <t>【施耐德电气】断路器\iC65H-D\400V\50A\3P\国产</t>
  </si>
  <si>
    <t>【施耐德电气】断路器\IC65H-D\400V\16A\3P</t>
  </si>
  <si>
    <t>【施耐德电气】断路器\IC65H-C\400V\32A\3P</t>
  </si>
  <si>
    <t>【施耐德电气】断路器\IC65H-C\400V\2A\3P\国产</t>
  </si>
  <si>
    <t>【施耐德电气】断路器\IC65H-C\400V\16A\3P\国产</t>
  </si>
  <si>
    <t>【施耐德电气】断路器\IC65H-D\400V\20A\3P</t>
  </si>
  <si>
    <t>【施耐德电气】断路器\IC65H-B\400V\2A\3P</t>
  </si>
  <si>
    <t>【施耐德电气】断路器\IC65H-B\400V\16A\3P\国产</t>
  </si>
  <si>
    <t>【施耐德电气】断路器\IC65H-B\400V\50A\3P\国产</t>
  </si>
  <si>
    <t>【施耐德电气】断路器\IC65H-D\400V\6A\3P</t>
  </si>
  <si>
    <t>【施耐德电气】断路器\IC65H-B\400V\63A\3P\国产</t>
  </si>
  <si>
    <t>【施耐德电气】断路器\IC65H-C\400V\6A\3P</t>
  </si>
  <si>
    <t>【施耐德电气】断路器\IC65H-B\400V\6A\3P\国产</t>
  </si>
  <si>
    <t>【施耐德电气】断路器\IC65H-B\400V\20A\3P\国产</t>
  </si>
  <si>
    <t>【施耐德电气】断路器\IC65H-D\400V\25A\3P</t>
  </si>
  <si>
    <t>【施耐德电气】断路器\IC65H-C\400V\50A\3P\国产</t>
  </si>
  <si>
    <t>【施耐德电气】断路器\IC65H-B\400V\40A\3P\国产</t>
  </si>
  <si>
    <t>【FITOK(飞托克)】阳螺纹接头\SS-PHN-RT6-MS20</t>
  </si>
  <si>
    <t>【FITOK(飞托克)】阳螺纹接头\SS-PHN-RT8-MS20</t>
  </si>
  <si>
    <t>【FITOK(飞托克)】管插焊三通\SS-WT-MTS14</t>
  </si>
  <si>
    <t>【施耐德电气】断路器\iC65H-D\400V\20A\4P\国产</t>
  </si>
  <si>
    <t>【施耐德电气】断路器\IC65H-C\400V\20A\4P\国产</t>
  </si>
  <si>
    <t>【施耐德电气】断路器\iC65H-D\400V\32A\4P\国产</t>
  </si>
  <si>
    <t>【施耐德电气】断路器\IC65H-C\400V\6A\4P\国产</t>
  </si>
  <si>
    <t>【施耐德电气】断路器\IC65H-D\400V\40A\4P\进口</t>
  </si>
  <si>
    <t>【施耐德电气】断路器\IC65H-B\400V\20A\4P\国产</t>
  </si>
  <si>
    <t>【施耐德电气】断路器\IC65H-B\400V\40A\4P\国产</t>
  </si>
  <si>
    <t>【施耐德电气】断路器\IC65H-C\400V\2A\4P\国产</t>
  </si>
  <si>
    <t>【施耐德电气】断路器\Vigi IC65H-D63\400V\63A\4P</t>
  </si>
  <si>
    <t>【施耐德电气】断路器\IC65H-B\400V\4A\4P\国产</t>
  </si>
  <si>
    <t>【施耐德电气】断路器\IC65H-B\400V\10A\4P\国产</t>
  </si>
  <si>
    <t>【施耐德电气】断路器\IC65H C16 iSD\400V\16A\4P</t>
  </si>
  <si>
    <t>【施耐德电气】断路器\IC65H-B\400V\32A\4P\国产</t>
  </si>
  <si>
    <t>【施耐德电气】断路器\IC65H-B\400V\3A\4P\国产</t>
  </si>
  <si>
    <t>【施耐德电气】断路器\iC65H-D\400V\50A\4P\国产</t>
  </si>
  <si>
    <t>【施耐德电气】断路器\iC65H-D\400V\6A\4P\国产</t>
  </si>
  <si>
    <t>【施耐德电气】断路器\IC65H-B\400V\6A\4P\国产</t>
  </si>
  <si>
    <t>【施耐德电气】断路器\IC65H-C\400V\25A\4P</t>
  </si>
  <si>
    <t>【施耐德电气】断路器\IC65H-B\400V\16A\4P\国产</t>
  </si>
  <si>
    <t>【施耐德电气】断路器\IC65H-B\400V\2A\4P\国产</t>
  </si>
  <si>
    <t>【施耐德电气】断路器\IC65H-B\400V\63A\4P\国产</t>
  </si>
  <si>
    <t>【施耐德电气】断路器\IC65H-B\400V\50A\4P\国产</t>
  </si>
  <si>
    <t>【施耐德电气】断路器\IC65H-B\400V\25A\4P\国产</t>
  </si>
  <si>
    <t>【施耐德电气】断路器\iC65H-D\400V\16A\4P\国产</t>
  </si>
  <si>
    <t>【施耐德电气】断路器\iC65H-D\400V\1A\4P\国产</t>
  </si>
  <si>
    <t>【施耐德电气】断路器\IC65H-C\400V\10A\4P\国产</t>
  </si>
  <si>
    <t>【施耐德电气】断路器\iC65H-D\400V\4A\4P\国产</t>
  </si>
  <si>
    <t>【施耐德电气】断路器\iC65H-D\400V\25A\4P\国产</t>
  </si>
  <si>
    <t>【施耐德电气】断路器\IC65H-B\400V\1A\4P\国产</t>
  </si>
  <si>
    <t>【施耐德电气】断路器\IC65H-C\400V\1A\4P\国产</t>
  </si>
  <si>
    <t>【FITOK(飞托克)】管插焊三通\SS-WT-MTS16</t>
  </si>
  <si>
    <t>【FITOK(飞托克)】T管插焊弯头\SS-WLU-MTS14\进口</t>
  </si>
  <si>
    <t>【FITOK(飞托克)】针型阀\NBSS-MTS-12-8-G\DN12\540℃\32MPa\316\焊接</t>
  </si>
  <si>
    <t>【施耐德电气】断路器\A9F18232\DC220V\100A\2P\国产</t>
  </si>
  <si>
    <t>【FITOK(飞托克)】中间接头\螺纹\3/8"\1MPa\304</t>
  </si>
  <si>
    <t>【施耐德电气】断路器\iC65N-D\AC230V\63A\2P\国产</t>
  </si>
  <si>
    <t>【施耐德电气】断路器\iC65N-D\AC230V\50A\2P\国产</t>
  </si>
  <si>
    <t>【施耐德电气】断路器\IC65N-B\AC230V\25A\2P\国产</t>
  </si>
  <si>
    <t>【施耐德电气】断路器\iC65N-D\AC230V\6A\2P\国产</t>
  </si>
  <si>
    <t>【施耐德电气】断路器\iC65N-D\AC230V\1A\2P\国产</t>
  </si>
  <si>
    <t>【施耐德电气】断路器\iC65N-D\AC230V\2A\2P\国产</t>
  </si>
  <si>
    <t>【施耐德电气】断路器\iC65N-D\AC230V\20A\2P\国产</t>
  </si>
  <si>
    <t>【施耐德电气】断路器\IC65N-C\AC230V\1A\2P\国产</t>
  </si>
  <si>
    <t>【施耐德电气】断路器\IC65N-B\AC230V\1A\2P\国产</t>
  </si>
  <si>
    <t>【施耐德电气】断路器\IC65N-B\AC230V\4A\2P\国产</t>
  </si>
  <si>
    <t>【施耐德电气】断路器\IC65N-B\AC230V\3A\2P\国产</t>
  </si>
  <si>
    <t>【施耐德电气】断路器\iC65N-D\AC230V\16A\2P\国产</t>
  </si>
  <si>
    <t>【施耐德电气】断路器\A9F18225\AC220V\25A\2P</t>
  </si>
  <si>
    <t>【施耐德电气】断路器\IC65N-B\AC230V\5A\2P\国产</t>
  </si>
  <si>
    <t>【施耐德电气】断路器\IC65N-B\AC230V\2A\2P\国产</t>
  </si>
  <si>
    <t>【施耐德电气】断路器\A9F18210\380V\10A\2P</t>
  </si>
  <si>
    <t>【施耐德电气】断路器\iC65N-D\AC230V\40A\2P\国产</t>
  </si>
  <si>
    <t>【施耐德电气】断路器\iC65N-D\AC230V\10A\2P\国产</t>
  </si>
  <si>
    <t>【施耐德电气】断路器\IC65N-C\AC230V\63A\2P\国产</t>
  </si>
  <si>
    <t>【施耐德电气】断路器\IC65N-C\AC230V\6A\2P\国产</t>
  </si>
  <si>
    <t>【施耐德电气】断路器\IC65N-B\AC230V\50A\2P\国产</t>
  </si>
  <si>
    <t>【施耐德电气】断路器\IC65N-B\AC230V\32A\2P\国产</t>
  </si>
  <si>
    <t>【施耐德电气】断路器\IC65N-B\AC230V\16A\2P\国产</t>
  </si>
  <si>
    <t>【施耐德电气】断路器\A9F18220\AC220V\20A\2P</t>
  </si>
  <si>
    <t>【施耐德电气】断路器\A9F18240\690V\40A\2P</t>
  </si>
  <si>
    <t>【施耐德电气】断路器\iC65N-D\AC230V\25A\2P\国产</t>
  </si>
  <si>
    <t>【施耐德电气】断路器\IC65N-C\AC230V\50A\2P\国产</t>
  </si>
  <si>
    <t>【施耐德电气】断路器\iC65N-D\AC230V\4A\2P\国产</t>
  </si>
  <si>
    <t>【FITOK(飞托克)】中间接头\焊接\φ14\10MPa\316L</t>
  </si>
  <si>
    <t>【FITOK(飞托克)】中间接头\螺纹\1/4NPT-M20×1.5\1MPa\304</t>
  </si>
  <si>
    <t>【施耐德电气】断路器\IC65N-C4A\400V\4A\3P\国产</t>
  </si>
  <si>
    <t>【施耐德电气】断路器\IC65N-D\400V\6A\3P</t>
  </si>
  <si>
    <t>【施耐德电气】断路器\IC65N-D\400V\2A\3P</t>
  </si>
  <si>
    <t>【施耐德电气】断路器\iC65N C6\400V\6A\3P</t>
  </si>
  <si>
    <t>【施耐德电气】断路器\A9F18340\380V\40A\3P</t>
  </si>
  <si>
    <t>【施耐德电气】断路器\IC65N-C1A\400V\1A\3P\国产</t>
  </si>
  <si>
    <t>【施耐德电气】断路器\IC65N-C\400V\63A\3P\国产</t>
  </si>
  <si>
    <t>【施耐德电气】断路器\IC65N-B\400V\40A\3P\国产</t>
  </si>
  <si>
    <t>【施耐德电气】断路器\A9F18332\380V\32A\3P</t>
  </si>
  <si>
    <t>【施耐德电气】断路器\IC65N-B\400V\10A\3P\国产</t>
  </si>
  <si>
    <t>【施耐德电气】断路器\IC65N-D\400V\50A\3P</t>
  </si>
  <si>
    <t>【施耐德电气】断路器\IC65N-D\400V\16A\3P</t>
  </si>
  <si>
    <t>【施耐德电气】断路器\IC65N-B32A\400V\32A\3P\国产</t>
  </si>
  <si>
    <t>【施耐德电气】断路器\iC65N D63\400V\63A\3P</t>
  </si>
  <si>
    <t>【施耐德电气】断路器\IC65N-D\400V\32A\3P</t>
  </si>
  <si>
    <t>【施耐德电气】断路器\IC65N D25A\400V\25A\3P\国产</t>
  </si>
  <si>
    <t>【施耐德电气】断路器\IC65N-D10A\400V\10A\3P\国产</t>
  </si>
  <si>
    <t>【施耐德电气】断路器\IC65N-B\400V\2A\3P</t>
  </si>
  <si>
    <t>【施耐德电气】断路器\IC65N-B\400V\20A\3P\国产</t>
  </si>
  <si>
    <t>【施耐德电气】断路器\IC65N-B\400V\6A\3P</t>
  </si>
  <si>
    <t>【施耐德电气】断路器\IC65N-C16A\400V\16A\3P\国产</t>
  </si>
  <si>
    <t>【施耐德电气】断路器\IC65N-B\400V\25A\3P\国产</t>
  </si>
  <si>
    <t>【施耐德电气】断路器\IC65N-D\400V\4A\3P</t>
  </si>
  <si>
    <t>【施耐德电气】断路器\IC65N-B\400V\3A\3P\国产</t>
  </si>
  <si>
    <t>【施耐德电气】断路器\IC65NC10\400V\10A\3P</t>
  </si>
  <si>
    <t>【施耐德电气】断路器\A9F18325\380V\25A\3P</t>
  </si>
  <si>
    <t>【施耐德电气】断路器\IC65N-B\400V\4A\3P</t>
  </si>
  <si>
    <t>【施耐德电气】断路器\IC65N-B\400V\16A\3P\国产</t>
  </si>
  <si>
    <t>【施耐德电气】断路器\A9F18350\380V\50A\3P</t>
  </si>
  <si>
    <t>【施耐德电气】断路器\IC65N C2A\400V\2A\3P\国产</t>
  </si>
  <si>
    <t>【施耐德电气】断路器\IC65N-D1A\400V\1A\3P\国产</t>
  </si>
  <si>
    <t>【施耐德电气】断路器\IC65N-B\400V\50A\3P\国产</t>
  </si>
  <si>
    <t>【施耐德电气】断路器\IC65N-D\400V\40A\3P</t>
  </si>
  <si>
    <t>【FITOK(飞托克)】中间接头\螺纹\1/2NPT-M20×1.5\1MPa\304</t>
  </si>
  <si>
    <t>【FITOK(飞托克)】针型阀\NBSS-MI20-8-G\DN20mm\540℃\32MPa\316\卡套</t>
  </si>
  <si>
    <t>【施耐德电气】断路器\iC65N-D\DC125V\10A\1P\国产</t>
  </si>
  <si>
    <t>【施耐德电气】断路器\IC65N-C\400V\16A\4P\国产</t>
  </si>
  <si>
    <t>【施耐德电气】断路器\IC65N-C4A\400V\4A\4P\国产</t>
  </si>
  <si>
    <t>【施耐德电气】断路器\IC65N-B\400V\6A\4P\国产</t>
  </si>
  <si>
    <t>【施耐德电气】断路器\iC65N D25\400V\25A\4P</t>
  </si>
  <si>
    <t>【施耐德电气】断路器\IC65N-B\400V\2A\4P\国产</t>
  </si>
  <si>
    <t>【施耐德电气】断路器\A9F18410\690V\10A\4P</t>
  </si>
  <si>
    <t>【施耐德电气】断路器\A9F18425\690V\25A\4P</t>
  </si>
  <si>
    <t>【施耐德电气】断路器\IC65N-B\400V\10A\4P\国产</t>
  </si>
  <si>
    <t>【施耐德电气】断路器\IC65N-D4A\400V\4A\3P\国产</t>
  </si>
  <si>
    <t>【施耐德电气】断路器\IC65N-B\400V\1A\4P\国产</t>
  </si>
  <si>
    <t>【施耐德电气】断路器\IC65N-B\400V\16A\4P\国产</t>
  </si>
  <si>
    <t>【施耐德电气】断路器\IC65N-D\400V\16A\4P</t>
  </si>
  <si>
    <t>【施耐德电气】断路器\IC65N-B\400V\25A\4P\国产</t>
  </si>
  <si>
    <t>【施耐德电气】断路器\IC65N-D\400V\20A\4P\国产</t>
  </si>
  <si>
    <t>【施耐德电气】断路器\IC65N-B\400V\3A\4P\国产</t>
  </si>
  <si>
    <t>【施耐德电气】断路器\iC65N D63\400V\63A\4P\国产</t>
  </si>
  <si>
    <t>【施耐德电气】断路器\IC65N-D\400V\40A\4P</t>
  </si>
  <si>
    <t>【施耐德电气】断路器\IC65N-B\400V\40A\4P\国产</t>
  </si>
  <si>
    <t>【施耐德电气】断路器\IC65N-D6\400V\6A\4P</t>
  </si>
  <si>
    <t>【施耐德电气】断路器\A9F18440\690V\40A\4P</t>
  </si>
  <si>
    <t>【施耐德电气】断路器\IC65N-B\400V\50A\4P\国产</t>
  </si>
  <si>
    <t>【施耐德电气】断路器\IC65N-B\400V\63A\4P\国产</t>
  </si>
  <si>
    <t>【施耐德电气】断路器\IC65N-C\400V\1A\4P\国产</t>
  </si>
  <si>
    <t>【施耐德电气】断路器\IC65N-D\400V\50A\4P</t>
  </si>
  <si>
    <t>【施耐德电气】断路器\iC65N-D\400V\10A\4P\国产</t>
  </si>
  <si>
    <t>【施耐德电气】断路器\IC65N-C\400V\2A\4P\国产</t>
  </si>
  <si>
    <t>【施耐德电气】断路器\iC65N-D\400V\1A\4P\国产</t>
  </si>
  <si>
    <t>【施耐德电气】断路器\IC65N-B\400V\4A\4P\国产</t>
  </si>
  <si>
    <t>【施耐德电气】断路器\iC65N-D\400V\2A\4P\国产</t>
  </si>
  <si>
    <t>【施耐德电气】断路器\IC65N-B\400V\20A\4P\国产</t>
  </si>
  <si>
    <t>【施耐德电气】断路器\iC65N D32\400V\32A\4P\国产</t>
  </si>
  <si>
    <t>【施耐德电气】断路器\iC65N C6\400V\6A\4P</t>
  </si>
  <si>
    <t>【施耐德电气】断路器\IC65N-C\400V\20A\4P\国产</t>
  </si>
  <si>
    <t>【FITOK(飞托克)】针型阀\NHSS-MTS18-9-G\φ18\0-100℃\16MPa\316\焊接</t>
  </si>
  <si>
    <t>【施耐德电气】断路器\IC65N-C\DC125V\25A\1P\国产</t>
  </si>
  <si>
    <t>【FITOK(飞托克)】针型阀\NBSS-MTS16-9-G\16\530℃\17MPa\12Cr1MoV\焊接</t>
  </si>
  <si>
    <t>【FITOK(飞托克)】针型阀\NBSS-MTS-14-8-G\φ16mm\540℃\32MPa\316\焊接</t>
  </si>
  <si>
    <t>【施耐德电气】断路器\C120H-C\400V\125A\4P\国产</t>
  </si>
  <si>
    <t>【FITOK(飞托克)】针型阀\NHSS-FL4-7-G\DN20\200℃\10MPa\316\双卡套</t>
  </si>
  <si>
    <t>【FITOK(飞托克)】仪表针型阀\NHSS-MTS25-0-G\φ25\540℃\20MPa\316L\焊接</t>
  </si>
  <si>
    <t>【FITOK(飞托克)】仪表截止阀\NFSS-MTB16-9-GK\DN10\0-200℃\16MPa\不锈钢\螺纹</t>
  </si>
  <si>
    <t>【施耐德电气】断路器\MX-DCP\AC230V\63A\1P\国产</t>
  </si>
  <si>
    <t>【施耐德电气】断路器\C120H-C\AC230V\80A\1P\国产</t>
  </si>
  <si>
    <t>【施耐德电气】断路器\C120H-C\AC230V\63A\1P\国产</t>
  </si>
  <si>
    <t>【施耐德电气】断路器\C120H-D\AC230V\100A\1P\国产</t>
  </si>
  <si>
    <t>【施耐德电气】断路器\C120H-D\AC230V\80A\1P\国产</t>
  </si>
  <si>
    <t>【施耐德电气】断路器\C120H-C\AC230V\100A\1P\国产</t>
  </si>
  <si>
    <t>【施耐德电气】断路器\C120H-D\AC230V\125A\1P\国产</t>
  </si>
  <si>
    <t>【FITOK(飞托克)】手动弯管器\F-HTB-6M</t>
  </si>
  <si>
    <t>【FITOK(飞托克)】仪表针型阀\NHSS-MTS25-0-G\12mm\600℃\25MPa\316\焊接</t>
  </si>
  <si>
    <t>【施耐德电气】断路器\C120H-C\400V\100A\4P\国产</t>
  </si>
  <si>
    <t>【施耐德电气】断路器\C120H-C\400V\63A\4P\国产</t>
  </si>
  <si>
    <t>【施耐德电气】断路器\C120H-D\400V\80A\4P\国产</t>
  </si>
  <si>
    <t>【施耐德电气】断路器\C120H-D\400V\125A\4P\国产</t>
  </si>
  <si>
    <t>【施耐德电气】断路器\C120H-D\400V\63A\4P\国产</t>
  </si>
  <si>
    <t>【施耐德电气】断路器\C120H-D125A\400V\125A\3P</t>
  </si>
  <si>
    <t>【施耐德电气】断路器\C120H-B\400V\125A\3P\国产</t>
  </si>
  <si>
    <t>【施耐德电气】断路器\C120H-C\400V\63A\3P\国产</t>
  </si>
  <si>
    <t>【施耐德电气】断路器\C120H-B\400V\100A\3P\国产</t>
  </si>
  <si>
    <t>【施耐德电气】断路器\C120H-C\400V\125A\3P\国产</t>
  </si>
  <si>
    <t>【施耐德电气】断路器\C120H-D\400V\80A\3P</t>
  </si>
  <si>
    <t>【施耐德电气】断路器\C120H-D\400V\100A\3P\国产</t>
  </si>
  <si>
    <t>【施耐德电气】断路器\C120H-C\400V\80A\3P</t>
  </si>
  <si>
    <t>【FITOK(飞托克)】仪表针型阀\NHSS-MTB25-0-G\φ25\540℃\20MPa\316L\焊接</t>
  </si>
  <si>
    <t>【施耐德电气】断路器\C120H-B\AC230V\125A\2P\国产</t>
  </si>
  <si>
    <t>【施耐德电气】断路器\C120H-D\AC230V\80A\2P\国产</t>
  </si>
  <si>
    <t>【施耐德电气】断路器\C120H-D\AC230V\63A\2P\国产</t>
  </si>
  <si>
    <t>【施耐德电气】断路器\C120H-C\AC230V\125A\2P\国产</t>
  </si>
  <si>
    <t>【施耐德电气】断路器\C120H-D\AC230V\125A\2P\国产</t>
  </si>
  <si>
    <t>【施耐德电气】断路器\C120H-C\AC230V\80A\2P\国产</t>
  </si>
  <si>
    <t>【施耐德电气】断路器\C120H-C\AC230V\63A\2P\国产</t>
  </si>
  <si>
    <t>【施耐德电气】断路器\C120H-C\AC230V\100A\2P\国产</t>
  </si>
  <si>
    <t>【FITOK(飞托克)】仪表针型阀\NFSS-NS6-FL6-8\8mm\-50-300℃\32MPa\316\卡套</t>
  </si>
  <si>
    <t>【FITOK(飞托克)】弯头\SS-PSE-NS4-NS8\进口</t>
  </si>
  <si>
    <t>【FITOK(飞托克)】仪表管\6L-ST6M-1\进口</t>
  </si>
  <si>
    <t>【施耐德电气】过欠压脱扣单元\iMNV 4P-MCB\国产</t>
  </si>
  <si>
    <t>【施耐德电气】断路器\IMNV\AC230V\63A\2/1P\国产</t>
  </si>
  <si>
    <t>【FITOK(飞托克)】卡扣\SS-LU-FL4\进口</t>
  </si>
  <si>
    <t>【施耐德电气】辅助接点\A9N26927</t>
  </si>
  <si>
    <t>【FITOK(飞托克)】转换接头\SS-PUW-MS20-TB8\进口</t>
  </si>
  <si>
    <t>【FITOK(飞托克)】堵头\SS-PP-RT8\进口</t>
  </si>
  <si>
    <t>【施耐德电气】断路器分励脱扣单元\MX AC/DC12/24V\国产</t>
  </si>
  <si>
    <t>【施耐德电气】断路器分励脱扣单元\MX AC110-415/DC110-130V\国产</t>
  </si>
  <si>
    <t>【施耐德电气】断路器分励脱扣单元\MX AC/DC48V\国产</t>
  </si>
  <si>
    <t>【FITOK(飞托克)】端冒\SSS-PC-MS20\进口</t>
  </si>
  <si>
    <t>【FITOK(飞托克)】堵头\SS-PP-RS8\进口</t>
  </si>
  <si>
    <t>【施耐德电气】断路器\IDPNN-C\AC230V\20A\1P\国产</t>
  </si>
  <si>
    <t>【施耐德电气】断路器\IDPNN-C\AC230V\40A\1P\国产</t>
  </si>
  <si>
    <t>【施耐德电气】断路器\IDPNN-C\AC230V\32A\1P\国产</t>
  </si>
  <si>
    <t>【施耐德电气】断路器\IDPNN-C\AC230V\6A\1P\国产</t>
  </si>
  <si>
    <t>【施耐德电气】断路器\IDPNN-C\AC230V\16A\1P\国产</t>
  </si>
  <si>
    <t>【施耐德电气】断路器\IDPNN-C\AC230V\25A\1P\国产</t>
  </si>
  <si>
    <t>【施耐德电气】断路器\IDPNN-C\AC230V\10A\1P\国产</t>
  </si>
  <si>
    <t>【施耐德电气】断路器\IDPNN-C\AC230V\2A\1P\国产</t>
  </si>
  <si>
    <t>【FITOK(飞托克)】端冒\SS-PC-RT8\进口</t>
  </si>
  <si>
    <t>【FITOK(飞托克)】卡套直通接头\SS-U-ML16-ML10\进口</t>
  </si>
  <si>
    <t>【施耐德电气】断路器\IC60LMA\400V\2.5A\3P\国产</t>
  </si>
  <si>
    <t>【施耐德电气】断路器\IC60LMA\400V\10A\3P\国产</t>
  </si>
  <si>
    <t>【施耐德电气】断路器\IC60LMA\400V\6.3A\3P\国产</t>
  </si>
  <si>
    <t>【施耐德电气】断路器\IC60LMA\400V\40A\3P\国产</t>
  </si>
  <si>
    <t>【施耐德电气】断路器\IC60LMA\400V\1.6A\3P\国产</t>
  </si>
  <si>
    <t>【施耐德电气】断路器\IC60LMA\400V\25A\3P\国产</t>
  </si>
  <si>
    <t>【施耐德电气】断路器\IC60LMA\400V\4A\3P\国产</t>
  </si>
  <si>
    <t>【施耐德电气】断路器\IC60LMA\400V\12.5A\3P\国产</t>
  </si>
  <si>
    <t>【施耐德电气】断路器\IC60LMA\400V\16A\3P\国产</t>
  </si>
  <si>
    <t>【FITOK(飞托克)】转换接头\SS-PRB-RS8-MS20\进口</t>
  </si>
  <si>
    <t>【施耐德电气】断路器\IDPNH-C\AC230V\25A\1P\国产</t>
  </si>
  <si>
    <t>【施耐德电气】断路器\IDPNH-C\AC230V\20A\1P\国产</t>
  </si>
  <si>
    <t>【施耐德电气】断路器\IDPNH-C\AC230V\40A\1P\国产</t>
  </si>
  <si>
    <t>【施耐德电气】断路器\IDPNH-C\AC230V\6A\1P\国产</t>
  </si>
  <si>
    <t>【施耐德电气】断路器\IDPNH-C\AC230V\32A\1P\国产</t>
  </si>
  <si>
    <t>【施耐德电气】断路器\IDPNH-C\AC230V\10A\1P\国产</t>
  </si>
  <si>
    <t>【施耐德电气】断路器\IDPNH-C\AC230V\2A\1P\国产</t>
  </si>
  <si>
    <t>【施耐德电气】断路器\IDPNH-C\AC230V\16A\1P\国产</t>
  </si>
  <si>
    <t>【施耐德电气】断路器\IDPNa-C\AC230V\40A\1P\国产</t>
  </si>
  <si>
    <t>【施耐德电气】断路器\IDPNa-C\AC230V\25A\1P</t>
  </si>
  <si>
    <t>【施耐德电气】断路器\IDPNa VIGI\AC230V\16A\N+1P\国产</t>
  </si>
  <si>
    <t>【施耐德电气】断路器\IDPNa-C\AC230V\32A\1P\国产</t>
  </si>
  <si>
    <t>【施耐德电气】断路器\iC65N-D\AC230V\40A\1P\国产</t>
  </si>
  <si>
    <t>【FITOK(飞托克)】转换接头\SS-PUW-MS20-MTB12\进口</t>
  </si>
  <si>
    <t>【FITOK(飞托克)】卡套接头\SS-BU-FL4\进口</t>
  </si>
  <si>
    <t>【施耐德电气】断路器延时欠压脱扣单元\IMN AC220-240V 0.2S\国产</t>
  </si>
  <si>
    <t>【FITOK(飞托克)】堵头\SS-PP-NS6\进口</t>
  </si>
  <si>
    <t>【FITOK(飞托克)】堵头\SS-PP-RT4\进口</t>
  </si>
  <si>
    <t>【FITOK(飞托克)】堵头\SS-PP-NS2\进口</t>
  </si>
  <si>
    <t>【施耐德电气】断路器\IC60LMA\AC230V\16A\2P\国产</t>
  </si>
  <si>
    <t>【施耐德电气】断路器\IC60LMA\AC230V\40A\2P\国产</t>
  </si>
  <si>
    <t>【施耐德电气】断路器\IC60LMA\AC230V\2.5A\2P\国产</t>
  </si>
  <si>
    <t>【施耐德电气】断路器\IC60LMA\AC230V\1.6A\2P\国产</t>
  </si>
  <si>
    <t>【施耐德电气】断路器\IC60LMA\AC230V\6.3A\2P\国产</t>
  </si>
  <si>
    <t>【施耐德电气】断路器\IC60LMA\AC230V\25A\2P\国产</t>
  </si>
  <si>
    <t>【施耐德电气】断路器\IC60LMA\AC230V\4A\2P\国产</t>
  </si>
  <si>
    <t>【施耐德电气】断路器\IC60LMA\AC230V\10A\2P\国产</t>
  </si>
  <si>
    <t>【FITOK(飞托克)】端冒\SS-PC-NS8\进口</t>
  </si>
  <si>
    <t>【FITOK(飞托克)】卡套三通接头\SS-TTT-ML8\进口</t>
  </si>
  <si>
    <t>【FITOK(飞托克)】接头\SS-LM-ML8-NS4\进口</t>
  </si>
  <si>
    <t>【施耐德电气】断路器\IC65N-C\AC230V\1A\1P\国产</t>
  </si>
  <si>
    <t>【施耐德电气】断路器\iC65N-D\AC230V\25A\1P\国产</t>
  </si>
  <si>
    <t>【施耐德电气】断路器\IC65N-C\DC125V\20A\1P\国产</t>
  </si>
  <si>
    <t>【施耐德电气】断路器\iC65N-D\DC125V\6A\1P\国产</t>
  </si>
  <si>
    <t>【施耐德电气】断路器\iC65N-D\DC125V\4A\1P\国产</t>
  </si>
  <si>
    <t>【施耐德电气】断路器\iC65N-D\DC125V\16A\1P\国产</t>
  </si>
  <si>
    <t>【施耐德电气】断路器\IC65N-C\DC125V\1A\1P\国产</t>
  </si>
  <si>
    <t>【施耐德电气】断路器\IC65N-C\DC125V\40A\1P\国产</t>
  </si>
  <si>
    <t>【施耐德电气】断路器\IC65N-B\DC125V\40A\1P\国产</t>
  </si>
  <si>
    <t>【施耐德电气】断路器\IC65N-C\DC125V\4A\1P\国产</t>
  </si>
  <si>
    <t>【施耐德电气】断路器\IC65N-B\DC125V\16A\1P\国产</t>
  </si>
  <si>
    <t>【施耐德电气】断路器\IC65N-B\AC230V\4A\1P\国产</t>
  </si>
  <si>
    <t>【施耐德电气】断路器\A9F18110\AC250V\16A\1P</t>
  </si>
  <si>
    <t>【施耐德电气】断路器\IC65N-B\DC125V\32A\1P\国产</t>
  </si>
  <si>
    <t>【施耐德电气】断路器\IC65N-B\DC125V\63A\1P\国产</t>
  </si>
  <si>
    <t>【施耐德电气】断路器\iC65N-D\AC230V\20A\1P\国产</t>
  </si>
  <si>
    <t>【施耐德电气】断路器\IC65N-C\DC125V\32A\1P\国产</t>
  </si>
  <si>
    <t>【施耐德电气】断路器\IC65N-C\DC125V\63A\1P\国产</t>
  </si>
  <si>
    <t>【施耐德电气】断路器\iC65N-D\AC230V\63A\1P\国产</t>
  </si>
  <si>
    <t>【施耐德电气】断路器\iC65N-D\AC230V\32A\1P\国产</t>
  </si>
  <si>
    <t>【施耐德电气】断路器\iC65N-D\DC125V\1A\1P\国产</t>
  </si>
  <si>
    <t>【施耐德电气】断路器\C65N B\AC230V\3A\1P</t>
  </si>
  <si>
    <t>【施耐德电气】断路器\IC65N-C\DC125V\16A\1P\国产</t>
  </si>
  <si>
    <t>【施耐德电气】断路器\A9F18106\AC230/400V\6A\1P\国产</t>
  </si>
  <si>
    <t>【施耐德电气】断路器\iC65N-D\AC230V\50A\1P\国产</t>
  </si>
  <si>
    <t>【施耐德电气】断路器\IC65N-B\DC125V\25A\1P\国产</t>
  </si>
  <si>
    <t>【施耐德电气】断路器\IC65N-C\DC125V\50A\1P\国产</t>
  </si>
  <si>
    <t>【施耐德电气】断路器\iC65N-D\DC125V\2A\1P\国产</t>
  </si>
  <si>
    <t>【施耐德电气】断路器\IC65N-B\DC125V\20A\1P\国产</t>
  </si>
  <si>
    <t>【施耐德电气】断路器\IC65N-B\AC230V\6A\1P\国产</t>
  </si>
  <si>
    <t>【施耐德电气】断路器\IC65N-B\DC125V\50A\1P\国产</t>
  </si>
  <si>
    <t>【FITOK(飞托克)】接头\SS-BU-FL6\进口</t>
  </si>
  <si>
    <t>【FITOK(飞托克)】弯头\SS-CM-ML8-RS4\进口</t>
  </si>
  <si>
    <t>【施耐德电气】导轨插座\PC47\400V\32A\1</t>
  </si>
  <si>
    <t>【施耐德电气】导轨插座\PC47\400V\25A\1</t>
  </si>
  <si>
    <t>【施耐德电气】导轨插座\PC47\400V\166A\1</t>
  </si>
  <si>
    <t>【FITOK(飞托克)】转换接头\SS-PCG-MS20-RS4\进口</t>
  </si>
  <si>
    <t>【FITOK(飞托克)】卡套接头\SS-U-FL4\进口</t>
  </si>
  <si>
    <t>【施耐德电气】导轨插座\PC34\AC230V\16A\1</t>
  </si>
  <si>
    <t>【施耐德电气】导轨插座\PC34\AC230V\10A\1</t>
  </si>
  <si>
    <t>【施耐德电气】导轨插座\PC24\AC230V\10A\1</t>
  </si>
  <si>
    <t>【FITOK(飞托克)】卡套接头\SS-TCM-FL4-UNC8\进口</t>
  </si>
  <si>
    <t>【FITOK(飞托克)】三通\SS-TTT-ML16\进口</t>
  </si>
  <si>
    <t>【FITOK(飞托克)】卡套接头\SS-CM-FL4-NS8\进口</t>
  </si>
  <si>
    <t>【FITOK(飞托克)】卡套三通\SS-TTM-FL4-NS4\进口</t>
  </si>
  <si>
    <t>【FITOK(飞托克)】卡套接头\SS-CM-FL8-NS8\进口</t>
  </si>
  <si>
    <t>【施耐德电气】标签位\RXZL520\继电器\RXM2AB1ED</t>
  </si>
  <si>
    <t>【FITOK(飞托克)】卡套弯头\SS-LM-FL4-NS4\进口</t>
  </si>
  <si>
    <t>【FITOK(飞托克)】弯头\SS-LU-FL8\进口</t>
  </si>
  <si>
    <t>【施耐德电气】分励脱扣单元\iMX+OF AC/DC12-24V\国产</t>
  </si>
  <si>
    <t>【施耐德电气】分励脱扣单元\iMX+OF AC100-415/DC110-130V\国产</t>
  </si>
  <si>
    <t>【施耐德电气】分励脱扣单元\iMX+OF AC/DC48V\国产</t>
  </si>
  <si>
    <t>【FITOK(飞托克)】接头\SS-PA-RS6-NS4\进口</t>
  </si>
  <si>
    <t>【FITOK(飞托克)】仪表管\S5-T10M-1\进口</t>
  </si>
  <si>
    <t>【FITOK(飞托克)】仪表管\S5-T12M-1\进口</t>
  </si>
  <si>
    <t>【施耐德电气】继电器底座\RXZE2S114M\继电器\RXM4AB2ED</t>
  </si>
  <si>
    <t>【FITOK(飞托克)】仪表管\S5-T08-049\进口</t>
  </si>
  <si>
    <t>【FITOK(飞托克)】仪表管\S5-T04-049-6M\进口</t>
  </si>
  <si>
    <t>【FITOK(飞托克)】仪表球阀\BVSS-ML12-10\12mm\-30-450℃\32MPa\316\卡套</t>
  </si>
  <si>
    <t>【FITOK(飞托克)】接头\SS-BCM-ML10-NS4\进口</t>
  </si>
  <si>
    <t>【施耐德电气】断路器辅助触点\A9A26924</t>
  </si>
  <si>
    <t>【FITOK(飞托克)】接头\SS-PHN-NS2-MS20\进口</t>
  </si>
  <si>
    <t>【FITOK(飞托克)】三通接头\SS-WT-MTS8\进口</t>
  </si>
  <si>
    <t>【FITOK(飞托克)】仪表球阀\BVSS-FL8-10\φ8\-30-450℃\40MPa\316\卡套</t>
  </si>
  <si>
    <t>【FITOK(飞托克)】低压球阀\BRSS-ML14-10-J\DN10\GB/T12237</t>
  </si>
  <si>
    <t>【施耐德电气】断路器辅助接点\A9A26927</t>
  </si>
  <si>
    <t>【施耐德电气】接触器辅助接点\LADN13C 10A</t>
  </si>
  <si>
    <t>【施耐德电气】接触器辅助触头\LADN02C</t>
  </si>
  <si>
    <t>【施耐德电气】断路器分励脱扣单元\IMX AC/DC12-24V\国产</t>
  </si>
  <si>
    <t>【FITOK(飞托克)】快插接头\SS-PKW-NS2\进口</t>
  </si>
  <si>
    <t>【FITOK(飞托克)】仪表针型阀\NFSS-UMB16-9-G\DN10\-54-649℃\41.4MPa\316\螺纹</t>
  </si>
  <si>
    <t>【施耐德电气】断路器辅助接点\A9A26929</t>
  </si>
  <si>
    <t>【FITOK(飞托克)】仪表针型阀\NHSS-MTS14-9-G\φ14\-29-550℃\20MPa\1Cr18Ni9Ti\M20×1.5</t>
  </si>
  <si>
    <t>【FITOK(飞托克)】压力表弯管\SS-WS-FMS20-MTB14\国产</t>
  </si>
  <si>
    <t>【施耐德电气】分励线圈\A9A26476</t>
  </si>
  <si>
    <t>【FITOK(飞托克)】泄放阀\RBSS-NS2\飞托克</t>
  </si>
  <si>
    <t>【施耐德电气】断路器\C65H-DC B\DC125V\6A\1P</t>
  </si>
  <si>
    <t>【FITOK(飞托克)】单向阀\CVSS-ML8-2\飞托克</t>
  </si>
  <si>
    <t>【FITOK(飞托克)】三通接头\SS-TTT-ML14\国产</t>
  </si>
  <si>
    <t>【施耐德电气】断路器\C65H-DC-C\DC125V\3A\1P\国产</t>
  </si>
  <si>
    <t>【FITOK(飞托克)】转换接头\SS-U-ML12-ML8\国产</t>
  </si>
  <si>
    <t>【施耐德电气】断路器\C65H-DC-B\DC125V\4A\1P\国产</t>
  </si>
  <si>
    <t>【施耐德电气】断路器\C65H-DC-B\DC125V\40A\1P\国产</t>
  </si>
  <si>
    <t>【FITOK(飞托克)】仪表针型阀\NHSS-MTS16-9-G\DN16\-54-649℃\41.4MPa\316\焊接</t>
  </si>
  <si>
    <t>【FITOK(飞托克)】卡套直通接头\SS-U-FL8\进口</t>
  </si>
  <si>
    <t>【施耐德电气】断路器\C65H-DC-B\DC125V\20A\1P\国产</t>
  </si>
  <si>
    <t>【施耐德电气】断路器\C65H-DC-C\DC125V\25A\1P\国产</t>
  </si>
  <si>
    <t>【施耐德电气】断路器\C65H-C\DC125V\10A\1P\国产</t>
  </si>
  <si>
    <t>【施耐德电气】断路器\C65H-DC-C\DC125V\50A\1P\国产</t>
  </si>
  <si>
    <t>【施耐德电气】断路器\C65H-DC-C\DC125V\4A\1P\国产</t>
  </si>
  <si>
    <t>【施耐德电气】断路器\C65H-DC-C\DC125V\6A\1P\国产</t>
  </si>
  <si>
    <t>【施耐德电气】断路器\C65H-DC-B\DC125V\32A\1P\国产</t>
  </si>
  <si>
    <t>【施耐德电气】断路器\C65H-DC-C\DC125V\16A\2P\国产</t>
  </si>
  <si>
    <t>【施耐德电气】断路器\C65H-DC-B\DC125V\2A\1P\国产</t>
  </si>
  <si>
    <t>【施耐德电气】断路器\C65H-DC-B\DC125V\3A\1P\国产</t>
  </si>
  <si>
    <t>【施耐德电气】断路器\C65H-DC B\DC125V\10A\1P</t>
  </si>
  <si>
    <t>【施耐德电气】断路器\C65H-DC-C\DC125V\32A\1P\国产</t>
  </si>
  <si>
    <t>【FITOK(飞托克)】中间接头\焊接\φ14-NPT1/2\20MPa\316</t>
  </si>
  <si>
    <t>【施耐德电气】断路器\C65H-DC C\DC125V\2A\1P</t>
  </si>
  <si>
    <t>【施耐德电气】断路器\C65H-DC-B\DC125V\25A\1P\国产</t>
  </si>
  <si>
    <t>【施耐德电气】断路器\C65H-DC-B\DC125V\16A\1P\国产</t>
  </si>
  <si>
    <t>【FITOK(飞托克)】卡套弯头\SS-LU-ML16\进口</t>
  </si>
  <si>
    <t>【施耐德电气】断路器\C65H-DC-C\DC125V\16A\1P\国产</t>
  </si>
  <si>
    <t>【FITOK(飞托克)】卡套接头\SS-CM-ML12-NS4\进口</t>
  </si>
  <si>
    <t>【FITOK(飞托克)】卡套弯头\SS-LU-ML14\进口</t>
  </si>
  <si>
    <t>【施耐德电气】断路器\C65H-DC-B\DC125V\1A\2P\国产</t>
  </si>
  <si>
    <t>【FITOK(飞托克)】转换接头\SS-PRB-RT12-RT2\进口</t>
  </si>
  <si>
    <t>【FITOK(飞托克)】堵头\SS-PP-NS8\国产</t>
  </si>
  <si>
    <t>【施耐德电气】断路器\C65H-DC-C\DC125V\3A\2P\国产</t>
  </si>
  <si>
    <t>【FITOK(飞托克)】转换接头\SS-PCG-MS20\进口</t>
  </si>
  <si>
    <t>【FITOK(飞托克)】T管对焊弯头\SS-WLU-MTB12\进口</t>
  </si>
  <si>
    <t>【FITOK(飞托克)】转换接头\SS-PHN-RT12-MS20\进口</t>
  </si>
  <si>
    <t>【FITOK(飞托克)】四通接头\SS-C-ML8 316\进口</t>
  </si>
  <si>
    <t>【施耐德电气】断路器\C65H-DC-C\DC125V\10A\2P\国产</t>
  </si>
  <si>
    <t>【施耐德电气】断路器\C65H-DC-C\DC125V\4A\2P\国产</t>
  </si>
  <si>
    <t>【施耐德电气】断路器\C65H-DC-B\DC125V\3A\2P\国产</t>
  </si>
  <si>
    <t>【施耐德电气】断路器\C65H-DC-B\DC125V\63A\1P\国产</t>
  </si>
  <si>
    <t>【施耐德电气】断路器\C65H-DC-B\DC125V\2A\2P\国产</t>
  </si>
  <si>
    <t>【施耐德电气】断路器\C65H-DC-C\DC125V\20A\1P\国产</t>
  </si>
  <si>
    <t>【施耐德电气】断路器\C65H-DC-C\DC125V\1A\1P\国产</t>
  </si>
  <si>
    <t>【施耐德电气】断路器\C65H-DC-B\DC125V\1A\1P\国产</t>
  </si>
  <si>
    <t>【施耐德电气】断路器\C65H-DC-C\DC125V\63A\1P\国产</t>
  </si>
  <si>
    <t>【施耐德电气】断路器\C65H-DC-B\DC125V\50A\1P\国产</t>
  </si>
  <si>
    <t>【施耐德电气】断路器\C65H-DC-C\DC125V\40A\1P\国产</t>
  </si>
  <si>
    <t>【施耐德电气】断路器\C65H-DC-C\DC125V\25A\2P\国产</t>
  </si>
  <si>
    <t>【施耐德电气】断路器\C65H-DC-C\DC125V\50A\2P\国产</t>
  </si>
  <si>
    <t>【施耐德电气】断路器\C65H-DC-C\DC125V\40A\2P\国产</t>
  </si>
  <si>
    <t>【施耐德电气】断路器\C65H-DC-C\DC125V\2A\2P\国产</t>
  </si>
  <si>
    <t>【施耐德电气】断路器\C65H-DC-B\DC125V\10A\2P\国产</t>
  </si>
  <si>
    <t>【施耐德电气】断路器\C65H-DC-B\DC125V\4A\2P\国产</t>
  </si>
  <si>
    <t>【施耐德电气】断路器\C65H-DC-B\DC125V\6A\2P\国产</t>
  </si>
  <si>
    <t>【施耐德电气】断路器\C65H-DC-B\DC125V\40A\2P\国产</t>
  </si>
  <si>
    <t>【施耐德电气】断路器\C65H-DC-C\DC125V\20A\2P\国产</t>
  </si>
  <si>
    <t>【施耐德电气】断路器\C65H-DC-C\DC125V\32A\2P\国产</t>
  </si>
  <si>
    <t>【施耐德电气】断路器\C65H-DC-B\DC125V\16A\2P\国产</t>
  </si>
  <si>
    <t>【施耐德电气】RC回路\RXM041FU7\继电器\RXM4GB1FD</t>
  </si>
  <si>
    <t>【施耐德电气】断路器\C65H-DC-C\DC125V\63A\2P\国产</t>
  </si>
  <si>
    <t>【施耐德电气】断路器\C65H-DC-B\DC125V\63A\2P\国产</t>
  </si>
  <si>
    <t>【施耐德电气】断路器\C65H-DC-B\DC125V\20A\2P\国产</t>
  </si>
  <si>
    <t>【施耐德电气】断路器\C65H-DC-C\DC125V\1A\2P\国产</t>
  </si>
  <si>
    <t>【施耐德电气】断路器\C65H-DC-B\DC125V\25A\2P\国产</t>
  </si>
  <si>
    <t>【施耐德电气】断路器\C65H-DC-B\DC125V\50A\2P\国产</t>
  </si>
  <si>
    <t>【施耐德电气】断路器\C65H-DC-B\DC125V\32A\2P\国产</t>
  </si>
  <si>
    <t>【施耐德电气】断路器\C65H-DC-C\DC125V\6A\2P\国产</t>
  </si>
  <si>
    <t>【施耐德电气】保护夹\RXZR335\施耐德</t>
  </si>
  <si>
    <t>【施耐德电气】断路器分励脱扣单元\IMX AC/DC48V\国产</t>
  </si>
  <si>
    <t>【FITOK(飞托克)】接头\SS-PHN-RT12-RT8\进口</t>
  </si>
  <si>
    <t>【FITOK(飞托克)】弯头\SS-WLU-MTB32\进口</t>
  </si>
  <si>
    <t>【FITOK(飞托克)】三通\SS-WT-PS8\进口</t>
  </si>
  <si>
    <t>【FITOK(飞托克)】直通接头\SS-CM-ML12-MS20\进口</t>
  </si>
  <si>
    <t>【FITOK(飞托克)】直通接头\SS-CM-ML14-NS6\进口</t>
  </si>
  <si>
    <t>【FITOK(飞托克)】直通接头\SS-CM-ML8-RT6\进口</t>
  </si>
  <si>
    <t>【FITOK(飞托克)】直通接头\SS-U-ML16-ML12\进口</t>
  </si>
  <si>
    <t>【FITOK(飞托克)】直通接头\SS-CM-ML14-RS4\进口</t>
  </si>
  <si>
    <t>【FITOK(飞托克)】直通接头\SS-U-ML12-ML10\进口</t>
  </si>
  <si>
    <t>【FITOK(飞托克)】直通接头\SS-U-ML16-ML14\进口</t>
  </si>
  <si>
    <t>【FITOK(飞托克)】直通接头\SS-CM-ML6-MS20\进口</t>
  </si>
  <si>
    <t>【FITOK(飞托克)】直通接头\SS-CM-ML8-MS20\进口</t>
  </si>
  <si>
    <t>【FITOK(飞托克)】直通接头\SS-CM-ML14-MS20\进口</t>
  </si>
  <si>
    <t>【FITOK(飞托克)】直通接头\SS-U-ML14-ML12\进口</t>
  </si>
  <si>
    <t>【FITOK(飞托克)】直通接头\SS-CM-ML10-MS20\进口</t>
  </si>
  <si>
    <t>【FITOK(飞托克)】接头\SS-WM-TB16-NS16\进口</t>
  </si>
  <si>
    <t>【FITOK(飞托克)】接头\SS-PCG-MS20-MS20\进口</t>
  </si>
  <si>
    <t>【FITOK(飞托克)】四通\SS-C-ML14\进口</t>
  </si>
  <si>
    <t>【FITOK(飞托克)】转换接头\SS-BCM-ML6-NS4\进口</t>
  </si>
  <si>
    <t>【FITOK(飞托克)】转换接头\SS-BCF-ML6-RT2\进口</t>
  </si>
  <si>
    <t>【FITOK(飞托克)】转换接头\SS-BU-ML6\进口</t>
  </si>
  <si>
    <t>【FITOK(飞托克)】三通\SS-WT-MTS6\进口</t>
  </si>
  <si>
    <t>【FITOK(飞托克)】四通\SS-C-ML16\进口</t>
  </si>
  <si>
    <t>【FITOK(飞托克)】弯头\SS-WLU-MTS16\进口</t>
  </si>
  <si>
    <t>【FITOK(飞托克)】三通\SS-WT-MTB10\进口</t>
  </si>
  <si>
    <t>【FITOK(飞托克)】四通\SS-WC-MTS10\进口</t>
  </si>
  <si>
    <t>【FITOK(飞托克)】卡套\SS-U-ML12-ML6\进口</t>
  </si>
  <si>
    <t>【FITOK(飞托克)】仪表管\SS-WC-MTB14\进口</t>
  </si>
  <si>
    <t>【FITOK(飞托克)】仪表管\SS-WC-MTB8\进口</t>
  </si>
  <si>
    <t>【FITOK(飞托克)】直通接头\SS-U-ML18-ML18\进口</t>
  </si>
  <si>
    <t>【FITOK(飞托克)】直通接头\SS-CM-FL8-NS4\进口</t>
  </si>
  <si>
    <t>【FITOK(飞托克)】直通接头\SS-U-FL6\进口</t>
  </si>
  <si>
    <t>【FITOK(飞托克)】直通接头\SS-TCM-FL4-RS4\进口</t>
  </si>
  <si>
    <t>【FITOK(飞托克)】卡套弯头\SS-LU-ML10\进口</t>
  </si>
  <si>
    <t>【FITOK(飞托克)】转换接头\SS-PA-MS20-RS8\进口</t>
  </si>
  <si>
    <t>【FITOK(飞托克)】仪表管\6L-ST4-049\进口</t>
  </si>
  <si>
    <t>【FITOK(飞托克)】仪表管\6L-ST12M-1.5\进口</t>
  </si>
  <si>
    <t>【FITOK(飞托克)】冷凝罐\6L-SV-415-3A-MTB16-MTB16-MTB16\316</t>
  </si>
  <si>
    <t>【FITOK(飞托克)】温度套管\S1-TW-FMS20-MS20-ST10-M6-4\CYT101</t>
  </si>
  <si>
    <t>【FITOK(飞托克)】仪表短节\6L-ST32M-5M\316L</t>
  </si>
  <si>
    <t>【FITOK(飞托克)】仪表管\6L-ST8M-1\国产</t>
  </si>
  <si>
    <t>【FITOK(飞托克)】仪表针型阀\NBSS-MTS25-0W-G\φ25\540℃\20MPa\316L\焊接</t>
  </si>
  <si>
    <t>【FITOK(飞托克)】仪表球阀\BGSS-TS24-32\DN10\-17-232℃\40MPa\316L\螺纹</t>
  </si>
  <si>
    <t>【FITOK(飞托克)】仪表球阀\BVSS-ML6-P05-3\DN6\-54-232℃\41.4MPa\316\卡套</t>
  </si>
  <si>
    <t>【FITOK(飞托克)】仪表针型阀\NBSS-MTS16-8W-G\φ16mm\560℃\41MPa\316\焊接</t>
  </si>
  <si>
    <t>【FITOK(飞托克)】仪表针型阀\NBSS-MTS10-7-G\φ10\560℃\41MPa\316\焊接</t>
  </si>
  <si>
    <t>【FITOK(飞托克)】仪表针型阀\NBSS-FMS20-FNS4-8\φ20\560℃\41MPa\316\螺纹</t>
  </si>
  <si>
    <t>【FITOK(飞托克)】仪表针型阀\NBSS-MTB16-8-G\φ16\560℃\41MPa\316\焊接</t>
  </si>
  <si>
    <t>【FITOK(飞托克)】仪表针型阀\NBSS-MTS16-8-G\φ16\560℃\41MPa\316\焊接</t>
  </si>
  <si>
    <t>【FITOK(飞托克)】仪表针型阀\NBSS-MTS20-9-G\φ20\560℃\41MPa\316\焊接</t>
  </si>
  <si>
    <t>【FITOK(飞托克)】仪表针型阀\NFSS-MTB16-9-G\φ16\560℃\41MPa\316\焊接</t>
  </si>
  <si>
    <t>【FITOK(飞托克)】仪表针型阀\NFSS-SU20-8-G\φ20\560℃\41MPa\316\螺纹</t>
  </si>
  <si>
    <t>【FITOK(飞托克)】仪表针型阀\NFSS-MTB25-0-G\DN25\649℃\41.4MPa\316\焊接</t>
  </si>
  <si>
    <t>【FITOK(飞托克)】仪表针型阀\NFSS-UMB16-7\φ16\560℃\41MPa\316\焊接</t>
  </si>
  <si>
    <t>【FITOK(飞托克)】仪表针型阀\NHSS-ML16-8-G\φ16\630℃\69MPa\316\卡套</t>
  </si>
  <si>
    <t>【FITOK(飞托克)】仪表针型阀\NGSS-ML16-9K\φ16\560℃\41MPa\316\卡套</t>
  </si>
  <si>
    <t>【FITOK(飞托克)】仪表针型阀\NHSS-MTB16-8-G\φ16\630℃\69MPa\316\焊接</t>
  </si>
  <si>
    <t>【FITOK(飞托克)】仪表针型阀\NHSS-MTB16-9-G\φ16\630℃\69MPa\316\焊接</t>
  </si>
  <si>
    <t>【FITOK(飞托克)】仪表针型阀\NBSS-ML14-ML14-8WR-GYM\φ16\560℃\41MPa\316\卡套</t>
  </si>
  <si>
    <t>【FITOK(飞托克)】仪表针型阀\NHSS-MTB12-8-G\φ12\630℃\69MPa\316\焊接</t>
  </si>
  <si>
    <t>【FITOK(飞托克)】仪表针型阀\NUSS-TS8-7-G\φ8\560℃\41MPa\316\焊接</t>
  </si>
  <si>
    <t>【FITOK(飞托克)】仪表针型阀\NBSS-MTS32-0-G\φ32\560℃\41MPa\316\焊接</t>
  </si>
  <si>
    <t>【FITOK(飞托克)】仪表针型阀\NBSS-UMB16-9W\φ16\560℃\41MPa\316\焊接</t>
  </si>
  <si>
    <t>【FITOK(飞托克)】仪表针型阀\NBSS-MTS14-9-G\φ14\560℃\41MPa\316\焊接</t>
  </si>
  <si>
    <t>【FITOK(飞托克)】仪表针型阀\NUSS-TS8-8-G\φ8\560℃\41MPa\316\焊接</t>
  </si>
  <si>
    <t>【FITOK(飞托克)】仪表针型阀\NFSS-MTS16-8-G\φ16\560℃\41MPa\316\焊接</t>
  </si>
  <si>
    <t>【FITOK(飞托克)】仪表针型阀\NBSS-MTS16-9W-G\φ16\560℃\41MPa\316\焊接</t>
  </si>
  <si>
    <t>【FITOK(飞托克)】仪表针型阀\NBSS-UMB12-8-GB\φ12\560℃\41MPa\316\焊接</t>
  </si>
  <si>
    <t>【FITOK(飞托克)】仪表球阀\BHSS-MTB28-MTB28-R19-Y\19mm\-28-232℃\6.89MPa\316\焊接</t>
  </si>
  <si>
    <t>【FITOK(飞托克)】仪表针型阀\GVSS-NS8-FNS8\DN6\650℃\32MPa\316\焊接</t>
  </si>
  <si>
    <t>【FITOK(飞托克)】仪表针型阀\GVSS-NS8-FNS8-E\DN6\650℃\32MPa\316\焊接</t>
  </si>
  <si>
    <t>【FITOK(飞托克)】仪表针型阀\NBSS-MS14-9-G\DN10\540℃\32MPa\316\焊接</t>
  </si>
  <si>
    <t>【FITOK(飞托克)】仪表针型阀\NHSS-MTB27-MTB16-9-G\M27×2-φ16mm\630℃\69MPa\316\焊接</t>
  </si>
  <si>
    <t>【FITOK(飞托克)】仪表针型阀\NFSS-MTB16-8-G\φ16mm\560℃\41MPa\316\焊接</t>
  </si>
  <si>
    <t>【FITOK(飞托克)】仪表针型阀\NFSS-MTB14-9-G\φ14\560℃\41MPa\316\焊接</t>
  </si>
  <si>
    <t>【FITOK(飞托克)】仪表针型阀\NFSS-UMB10-7-G\φ10\560℃\41MPa\316\焊接</t>
  </si>
  <si>
    <t>【FITOK(飞托克)】仪表针型阀\NH6L-MTB18-16WR-G\18mm\-54-649℃\68MPa\316L\焊接</t>
  </si>
  <si>
    <t>【FITOK(飞托克)】三阀组\3RSS-UMB14-VG\1/2NPT\260℃\41.4MPa\316</t>
  </si>
  <si>
    <t>【FITOK(飞托克)】三阀组\3RSS-FNS8-VG\1/2NPT\-54-649℃\41.4MPa\316</t>
  </si>
  <si>
    <t>【FITOK(飞托克)】五阀组\5RSS-FNS8-L\1/2NPT\-54-232℃\41.4MPa\316</t>
  </si>
  <si>
    <t>【FITOK(飞托克)】五阀组\5DSS-FNS8-A\1/2NPT\-54-232℃\41.4MPa\316</t>
  </si>
  <si>
    <t>【FITOK(飞托克)】仪表球阀\BRSS-ML12-10-J\φ12\250℃\4MPa\304\卡套</t>
  </si>
  <si>
    <t>【FITOK(飞托克)】仪表针型阀\NBSS-UMB14-8\14mm\540℃\32MPa\316L\螺纹</t>
  </si>
  <si>
    <t>【FITOK(飞托克)】仪表针型阀\NFSS-MTS14-9-G\14mm\100℃\0-10MPa\316L\焊接</t>
  </si>
  <si>
    <t>【FITOK(飞托克)】仪表针型阀\NBSS-M16-9-G\DN16\232℃\41.4MPa\316\焊接</t>
  </si>
  <si>
    <t>【FITOK(飞托克)】仪表针型阀\NFSS-UMB8-7-G\8mm\649℃\41.4MPa\316\焊接</t>
  </si>
  <si>
    <t>【FITOK(飞托克)】二阀组\2RSS-FNS8-NS8-H\1/2NPT\-54-232℃\41.4MPa\316</t>
  </si>
  <si>
    <t>【FITOK(飞托克)】二阀组\2RSS-ML22-V\DN22\-54-232℃\41.4MPa\316</t>
  </si>
  <si>
    <t>【FITOK(飞托克)】转换接头\SS-PA-MS20-RS4\国产</t>
  </si>
  <si>
    <t>【FITOK(飞托克)】转换接头\SS-PA-MS20-NS4\国产</t>
  </si>
  <si>
    <t>【FITOK(飞托克)】转换接头\SS-R-FL4-FT2\国产</t>
  </si>
  <si>
    <t>【FITOK(飞托克)】三通接头\SS-TTT-M12\国产</t>
  </si>
  <si>
    <t>【FITOK(飞托克)】三通接头\SS-TTT-M10\国产</t>
  </si>
  <si>
    <t>【FITOK(飞托克)】三通接头\SS-PST-MS20\国产</t>
  </si>
  <si>
    <t>【FITOK(飞托克)】三通接头\SS-TTT-FL12\国产</t>
  </si>
  <si>
    <t>【FITOK(飞托克)】三通接头\SS-WT-MTB16\国产</t>
  </si>
  <si>
    <t>【FITOK(飞托克)】三通接头\SS-WT-MTB32-MTB32-MTB20\国产</t>
  </si>
  <si>
    <t>【FITOK(飞托克)】弯头\SS-LU-ML8\国产</t>
  </si>
  <si>
    <t>【FITOK(飞托克)】弯头\SS-LU-ML12\国产</t>
  </si>
  <si>
    <t>【FITOK(飞托克)】弯头\SS-WLU-MTB14\国产</t>
  </si>
  <si>
    <t>【FITOK(飞托克)】弯头\SS-WLU-MTB16\国产</t>
  </si>
  <si>
    <t>【FITOK(飞托克)】中压截止阀\NBSS-MTS25-0-G\1"\ASME B16.34</t>
  </si>
  <si>
    <t>【FITOK(飞托克)】仪表球阀\BHSS-ML20-13\DN12\232℃\20.7MPa\304\卡套</t>
  </si>
  <si>
    <t>【FITOK(飞托克)】仪表球阀\BGSS-MTS16-13\DN12\232℃\6.9MPa\316\卡套</t>
  </si>
  <si>
    <t>【FITOK(飞托克)】三通接头\SS-WT-MTB18\国产</t>
  </si>
  <si>
    <t>【FITOK(飞托克)】接头\B-U-ML10-ML6\国产</t>
  </si>
  <si>
    <t>【FITOK(飞托克)】接头\SS-U-ML8-ML6\国产</t>
  </si>
  <si>
    <t>【FITOK(飞托克)】接头\SS-MUW-NS4-MTB12\国产</t>
  </si>
  <si>
    <t>【FITOK(飞托克)】接头\SS-U-ML10-ML6\国产</t>
  </si>
  <si>
    <t>【FITOK(飞托克)】接头\SS-PA-RT8-MS20\国产</t>
  </si>
  <si>
    <t>【FITOK(飞托克)】接头\SS-CM-ML16-MS20\国产</t>
  </si>
  <si>
    <t>【FITOK(飞托克)】接头\SS-BCM-ML8-NS4\国产</t>
  </si>
  <si>
    <t>【FITOK(飞托克)】接头\SS-BCF-ML10-RT2\国产</t>
  </si>
  <si>
    <t>【FITOK(飞托克)】接头\SS-U-ML14-ML6\国产</t>
  </si>
  <si>
    <t>【FITOK(飞托克)】接头\SS-U-ML14-ML8\国产</t>
  </si>
  <si>
    <t>【FITOK(飞托克)】接头\SS-U-ML14-ML10\国产</t>
  </si>
  <si>
    <t>【FITOK(飞托克)】接头\SS-MUW-NS4-MTB14\国产</t>
  </si>
  <si>
    <t>【FITOK(飞托克)】接头\SS-U-FL4-FL2\国产</t>
  </si>
  <si>
    <t>【FITOK(飞托克)】接头\SS-BU-ML10-ML8\国产</t>
  </si>
  <si>
    <t>【FITOK(飞托克)】四通接头\SS-WC-MTS14\国产</t>
  </si>
  <si>
    <t>【FITOK(飞托克)】四通接头\SS-WC-MTS16\国产</t>
  </si>
  <si>
    <t>【FITOK(飞托克)】仪表管\6L-ST16M-3.0-3M-MP-A269\国产</t>
  </si>
  <si>
    <t>【FITOK(飞托克)】仪表管\6L-ST14M-2.0-3M-MP-A269\国产</t>
  </si>
  <si>
    <t>【FITOK(飞托克)】仪表管\6L-ST12M-2.0-3M-MP-A269\国产</t>
  </si>
  <si>
    <t>【FITOK(飞托克)】仪表管\6L-ST12M-1.5-3M-MP-A269\国产</t>
  </si>
  <si>
    <t>【FITOK(飞托克)】仪表管\6L-ST10M-2.0-3M-MP-A269\国产</t>
  </si>
  <si>
    <t>【FITOK(飞托克)】仪表管\6L-ST10M-1.5-3M-MP-A269\国产</t>
  </si>
  <si>
    <t>【FITOK(飞托克)】仪表管\SS-WS-MTB14\国产</t>
  </si>
  <si>
    <t>【FITOK(飞托克)】仪表管\SS-WS-MS20\国产</t>
  </si>
  <si>
    <t>【FITOK(飞托克)】仪表管堵头\SS-TP-MS20\国产</t>
  </si>
  <si>
    <t>【FITOK(飞托克)】仪表球阀\BGSS-MTS18-15\DN14\232℃\6.9MPa\316\插焊</t>
  </si>
  <si>
    <t>【FITOK(飞托克)】仪表球阀\BGSS-MTS25-20\DN20\232℃\6.9MPa\316\插焊</t>
  </si>
  <si>
    <t>【FITOK(飞托克)】仪表球阀\BGSS-TS16-20\DN20\232℃\6.9MPa\316\插焊</t>
  </si>
  <si>
    <t>【FITOK(飞托克)】仪表球阀\BGSS-ML14-11\DN10\232℃\6.9MPa\316\卡套</t>
  </si>
  <si>
    <t>【FITOK(飞托克)】仪表球阀\BPSS-FL8-P10\DN10\232℃\69MPa\316\卡套</t>
  </si>
  <si>
    <t>【FITOK(飞托克)】仪表球阀\BVSS-FL6-05\DN4\232℃\41.4MPa\316\卡套</t>
  </si>
  <si>
    <t>【FITOK(飞托克)】仪表球阀\BVSS-ML22-10\DN10\232℃\41.4MPa\316\卡套</t>
  </si>
  <si>
    <t>【FITOK(飞托克)】仪表球阀\BGSS-FNS8-15\DN14\232℃\6.9MPa\316\螺纹</t>
  </si>
  <si>
    <t>【FITOK(飞托克)】仪表球阀\BGSS-MTS25-20-J\DN20\232℃\6.9MPa\316\螺纹</t>
  </si>
  <si>
    <t>【FITOK(飞托克)】仪表球阀\BGSS-TS8-11\DN10\232℃\6.9MPa\316\插焊</t>
  </si>
  <si>
    <t>【FITOK(飞托克)】仪表针型阀\NBSS-MS20-8-G\DN6\649℃\41.4MPa\316\螺纹</t>
  </si>
  <si>
    <t>【FITOK(飞托克)】仪表针型阀\NGSS-ML10-8K\DN6\315℃\20.7MPa\316\卡套</t>
  </si>
  <si>
    <t>【FITOK(飞托克)】仪表针型阀\NFSS-MTS10-8-G\DN6\649℃\41.4MPa\316\插焊</t>
  </si>
  <si>
    <t>【FITOK(飞托克)】仪表针型阀\NFSS-MTB10-8-G\DN6\649℃\41.4MPa\316\对焊</t>
  </si>
  <si>
    <t>【无锡神华】废旧催化剂处置\蜂窝式\脱销装置</t>
  </si>
  <si>
    <t>无锡神华环保科技有限公司</t>
  </si>
  <si>
    <t>无锡神华</t>
  </si>
  <si>
    <t>2020年度北京配送SCR蜂窝式脱硝催化剂长协采购框架合同</t>
  </si>
  <si>
    <t>【FITOK(飞托克)】仪表针型阀\NFSS-UMB16-8-G\DN6\649℃\41.4MPa\316\对焊</t>
  </si>
  <si>
    <t>【FITOK(飞托克)】仪表针型阀\NBSS-ML10-8-G\DN6\649℃\41.4MPa\316\卡套</t>
  </si>
  <si>
    <t>【FITOK(飞托克)】仪表针型阀\NBSS-MTB10-7-G\DN4\649℃\41.4MPa\316\对焊</t>
  </si>
  <si>
    <t>【FITOK(飞托克)】仪表针型阀\MUSS-ML12-8-G\DN6\649℃\41.4MPa\316\卡套</t>
  </si>
  <si>
    <t>【FITOK(飞托克)】仪表针型阀\NBSS-UMB14-1-8-WG\DN6\649℃\41.4MPa\316\对焊</t>
  </si>
  <si>
    <t>【FITOK(飞托克)】仪表针型阀\NBSS-ML12-8-G\DN6\649℃\41.4MPa\316\卡套</t>
  </si>
  <si>
    <t>【FITOK(飞托克)】仪表针型阀\NFSS-MTS8-7-G\DN4\649℃\41.4MPa\316\插焊</t>
  </si>
  <si>
    <t>【FITOK(飞托克)】仪表针型阀\NGSS-ML6-7K\DN4\315℃\20.7MPa\316\卡套</t>
  </si>
  <si>
    <t>【FITOK(飞托克)】仪表针型阀\NGSS-ML12-8K\DN6\315℃\20.7MPa\316\卡套</t>
  </si>
  <si>
    <t>【FITOK(飞托克)】仪表针型阀\NGSS-ML14-9K\DN10\315℃\20.7MPa\316\卡套</t>
  </si>
  <si>
    <t>【FITOK(飞托克)】仪表针型阀\NFSS-FNS8-NS8-8\DN6\649℃\41.4MPa\316\螺纹</t>
  </si>
  <si>
    <t>【FITOK(飞托克)】仪表针型阀\NFSS-NS8-MS20-7\DN6\649℃\41.4MPa\316\螺纹</t>
  </si>
  <si>
    <t>【FITOK(飞托克)】仪表针型阀\NBSS-ML25-9\DN10\649℃\41.4MPa\316\卡套</t>
  </si>
  <si>
    <t>【FITOK(飞托克)】仪表针型阀\NFH-6L-MTS20-8-G\DN6\1200℃\69MPa\316L\插焊</t>
  </si>
  <si>
    <t>【FITOK(飞托克)】仪表针型阀\NFH-6L-MTS12-8-G\DN6\1200℃\69MPa\316L\插焊</t>
  </si>
  <si>
    <t>【FITOK(飞托克)】仪表针型阀\NFH-6L-MTS16-8-G\DN6\1200℃\69MPa\316L\插焊</t>
  </si>
  <si>
    <t>【FITOK(飞托克)】仪表针型阀\NFH-6L-MTS14-8-G\DN6\1200℃\69MPa\316L\插焊</t>
  </si>
  <si>
    <t>【FITOK(飞托克)】仪表针型阀\NFH-6L-FL6-7-G\DN4\1200℃\69MPa\316L\卡套</t>
  </si>
  <si>
    <t>【FITOK(飞托克)】三通接头\SS-WT-MTS12\国产</t>
  </si>
  <si>
    <t>【FITOK(飞托克)】三通接头\SS-WT-MTB12\国产</t>
  </si>
  <si>
    <t>【FITOK(飞托克)】三通接头\SS-TMT-FL6-NS4\国产</t>
  </si>
  <si>
    <t>【FITOK(飞托克)】接头\SS-WF-PB16-RT4\国产</t>
  </si>
  <si>
    <t>【FITOK(飞托克)】接头\SS-PCG-NS8-NS4\国产</t>
  </si>
  <si>
    <t>【FITOK(飞托克)】接头\SS-MUW-NS8-MTB16\国产</t>
  </si>
  <si>
    <t>【FITOK(飞托克)】接头\SS-PA-RG8-MS20\国产</t>
  </si>
  <si>
    <t>【FITOK(飞托克)】接头\SS-WF-PB16-RT2\国产</t>
  </si>
  <si>
    <t>【FITOK(飞托克)】接头\SS-PUW-MS14-MTB8\国产</t>
  </si>
  <si>
    <t>【FITOK(飞托克)】管子割刀\FTC-05</t>
  </si>
  <si>
    <t>【FITOK(飞托克)】管子割刀片\FTCW-45</t>
  </si>
  <si>
    <t>【FITOK(飞托克)】三阀组\3DSS-FNS8-C\DN4\649℃\41.4MPa\316</t>
  </si>
  <si>
    <t>【FITOK(飞托克)】单向阀\CVSS-UFB8</t>
  </si>
  <si>
    <t>【FITOK(飞托克)】单向阀\CVSS-UMB16</t>
  </si>
  <si>
    <t>【FITOK(飞托克)】泄放阀\RBSS-NS8</t>
  </si>
  <si>
    <t>【南京宇光】火检光纤\YGL-1\火焰监视系统\GLHJXT\南京宇光\国产</t>
  </si>
  <si>
    <t>GNWZBPCG2021-0032</t>
  </si>
  <si>
    <t>国家能源e购商城福建区域2021年度南京宇光火检备件长协</t>
  </si>
  <si>
    <t>【南京宇光】火检光纤\YGL-2\火焰监视系统\GLHJXT\南京宇光\国产</t>
  </si>
  <si>
    <t>【南京宇光】火检镜头\YGL-1-1\火焰监视系统\GLHJXT\南京宇光\国产</t>
  </si>
  <si>
    <t>【南京宇光】火检镜头\YGL-2-1\火焰监视系统\GLHJXT\南京宇光\国产</t>
  </si>
  <si>
    <t>【南京宇光】火检传感器连接杆\YGL-1/L\火焰监视系统\GLHJXT\南京宇光\国产</t>
  </si>
  <si>
    <t>【南京宇光】火检内护套管\YGH/N\火焰监视系统\GLHJXT\南京宇光\国产</t>
  </si>
  <si>
    <t>【南京宇光】火检外护套管\YGH/W\火焰监视系统\GLHJXT\南京宇光\国产</t>
  </si>
  <si>
    <t>【南京宇光】等离子摄像头\DTJ-1\火焰监视系统\GLHJXT\南京宇光\国产</t>
  </si>
  <si>
    <t>【南京宇光】火检探头航插及耐高温线\DTJ-1-LH\火焰监视系统\GLHJXT\国产</t>
  </si>
  <si>
    <t>【南京宇光】四芯弯插头\YG28K-4TR\火焰监视系统\GLHJXT\南京宇光\国产</t>
  </si>
  <si>
    <t>【南京宇光】四芯插座\YG28K-4Z\火焰监视系统\GLHJXT\南京宇光\国产</t>
  </si>
  <si>
    <t>【南京宇光】火检内护套管\DT-NH\火焰监视系统\GLHJXT\南京宇光\国产</t>
  </si>
  <si>
    <t>【南京宇光】火检外护套管\DT-WH\火焰监视系统\GLHJXT\南京宇光\国产</t>
  </si>
  <si>
    <t>【南京宇光】炉膛工业电视系统\YG-EFFD\火焰电视监视装置\MYGSK-J\南京宇光\国产</t>
  </si>
  <si>
    <t>【南京宇光】火焰监视探头总成\YG-EFFD-ZC\火焰监视系统\GLHJXT\国产</t>
  </si>
  <si>
    <t>【南京宇光】火焰探头除渣装置\YG-EFFD-2\火焰监视系统\GLHJXT\南京宇光\国产</t>
  </si>
  <si>
    <t>【南京宇光】炉管泄漏探头\YBLD-3B\火焰监视系统\GLHJXT\南京宇光\国产</t>
  </si>
  <si>
    <t>【南京宇光】位置检测仪\CX-B1-100\国产</t>
  </si>
  <si>
    <t>【南京宇光】辐射料位计\YG-T-BA-PE00 3代\0-6000mm\4-20mA</t>
  </si>
  <si>
    <t>【吉林隆华】浮子\LHCF1 FZ-2.5\磁翻转液位计\吉林隆华\国产</t>
  </si>
  <si>
    <t>吉林隆华</t>
  </si>
  <si>
    <t>GNWZBPCG2021-0031</t>
  </si>
  <si>
    <t>国家能源e购商城福建区域2021年度吉林隆华液位计备件长协</t>
  </si>
  <si>
    <t>吉林省隆华测控股份有限公司</t>
  </si>
  <si>
    <t>【吉林隆华】显示器\LHCF1\磁翻转液位计\吉林隆华\国产</t>
  </si>
  <si>
    <t>【吉林隆华】云母组件\125×41×1.0\双色液位计\吉林隆华\国产</t>
  </si>
  <si>
    <t>【吉林隆华】人造云母组件\125×41×1.2\双色液位计\吉林隆华\国产</t>
  </si>
  <si>
    <t>【吉林隆华】云母组件\100×44×1.0\双色液位计\吉林隆华\国产</t>
  </si>
  <si>
    <t>【吉林隆华】人造云母组件\100×44×1.2\玻璃板液位计\吉林隆华\国产</t>
  </si>
  <si>
    <t>【吉林隆华】高压截止阀\J44Y-32/3\DN20\NB/T47044</t>
  </si>
  <si>
    <t>【吉林隆华】光源条\LHSB-32-CW\双色液位计\吉林隆华\国产</t>
  </si>
  <si>
    <t>【吉林隆华】板式双色水位计光源控制器\LHS-LBP-Ⅱ\TC-SMW16-11\吉林隆华</t>
  </si>
  <si>
    <t>【吉林隆华】光源控制器\LHCF1-F-32\磁浮液位计\吉林隆华\国产</t>
  </si>
  <si>
    <t>【吉林隆华】浮子\LHCF1-F-32\磁浮水位计 LHCF1-FZ-32\隆华\国产</t>
  </si>
  <si>
    <t>【吉林隆华】显示器\LHCF1-F-32\磁浮液位计\吉林隆华\国产</t>
  </si>
  <si>
    <t>【吉林隆华】压盖\LHSB-32-W\双色液位计\吉林隆华\国产</t>
  </si>
  <si>
    <t>【无锡神华】催化剂\蜂窝式\脱硝装置</t>
  </si>
  <si>
    <t>【富朔联创】沙棘汁\285ml×8瓶/件</t>
  </si>
  <si>
    <t>右玉县富朔联创电子商务有限公司</t>
  </si>
  <si>
    <t>富朔联创</t>
  </si>
  <si>
    <t>GNWZBPCG2021-0037</t>
  </si>
  <si>
    <t>国家能源e购商城2021年度北京配送右玉县富朔联创食品集团级长协采购框架合同</t>
  </si>
  <si>
    <t>【富朔联创】沙棘汁\248ml×12瓶/件</t>
  </si>
  <si>
    <t>【富朔联创】大米\10kg/件</t>
  </si>
  <si>
    <t>【富朔联创】香米\5kg/件</t>
  </si>
  <si>
    <t>【富朔联创】老陈醋\2.5L/件</t>
  </si>
  <si>
    <t>【富朔联创】老陈醋\500ml/件</t>
  </si>
  <si>
    <t>【富朔联创】燕麦米\340g×8袋/件</t>
  </si>
  <si>
    <t>【富朔联创】八宝杂粮\350g×8袋/件</t>
  </si>
  <si>
    <t>【富朔联创】莜面\2.5kg/件</t>
  </si>
  <si>
    <t>【富朔联创】杂粮速食面礼盒\150g×15袋/件</t>
  </si>
  <si>
    <t>【富朔联创】豆面\2.5kg/件</t>
  </si>
  <si>
    <t>【富朔联创】藜麦米礼盒\200g×10袋/件</t>
  </si>
  <si>
    <t>【富朔联创】黄金米\2.5kg/件</t>
  </si>
  <si>
    <t>【富朔联创】豌豆糊礼盒\400g×6袋/件</t>
  </si>
  <si>
    <t>【富朔联创】地皮菜礼盒\50g×5袋/件</t>
  </si>
  <si>
    <t>【富朔联创】豌豆糊礼盒\600g×3袋/件</t>
  </si>
  <si>
    <t>【富朔联创】燕麦片礼盒\300g×6袋/件</t>
  </si>
  <si>
    <t>【富朔联创】荞面\2.5kg/件</t>
  </si>
  <si>
    <t>【富朔联创】三清米\200g×10袋/件</t>
  </si>
  <si>
    <t>【富朔联创】豌豆糊\1kg/件</t>
  </si>
  <si>
    <t>【富朔联创】摘麻花\30g×5袋/件</t>
  </si>
  <si>
    <t>【富朔联创】莜面速食面礼盒\150g×15袋/件</t>
  </si>
  <si>
    <t>【富朔联创】苦荞米礼盒\260g×10袋/件</t>
  </si>
  <si>
    <t>【富朔联创】沙棘原浆\350ml×8瓶/件</t>
  </si>
  <si>
    <t>【富朔联创】沙棘原浆\220ml×8瓶/件</t>
  </si>
  <si>
    <t>【富朔联创】沙棘藜麦玫瑰粥\35g×8袋/件</t>
  </si>
  <si>
    <t>【富朔联创】沙棘藜麦代餐粉\30g×30袋/件</t>
  </si>
  <si>
    <t>【富朔联创】五谷三清米\110g×30袋/件</t>
  </si>
  <si>
    <t>【富朔联创】有机羔羊寸排\400g×4袋/件</t>
  </si>
  <si>
    <t>【富朔联创】有机羔羊整排\1500g/件</t>
  </si>
  <si>
    <t>【富朔联创】有机羔羊后腿肉块\400g×4袋/件</t>
  </si>
  <si>
    <t>【富朔联创】有机羔羊肉馅\400g×2袋/件</t>
  </si>
  <si>
    <t>【富朔联创】有机羔羊蝎子\400g×5袋/件</t>
  </si>
  <si>
    <t>【富朔联创】有机羔羊后腿\1800g/件</t>
  </si>
  <si>
    <t>【富朔联创】有机羔羊前腿\1700g/件</t>
  </si>
  <si>
    <t>【富朔联创】有机羔羊小腿\1000g/件</t>
  </si>
  <si>
    <t>【富朔联创】有机羔羊白条羊整只\19kg/件</t>
  </si>
  <si>
    <t>【富朔联创】有机羔羊白条羊半只\9.5kg/件</t>
  </si>
  <si>
    <t>【富朔联创】有机羊肉礼盒\4000g/件</t>
  </si>
  <si>
    <t>【富朔联创】有机羊肉礼盒\7200g/件</t>
  </si>
  <si>
    <t>【九香农业】五道红红颜草莓\1500g/件</t>
  </si>
  <si>
    <t>九香农业普格有限公司</t>
  </si>
  <si>
    <t>九香农业</t>
  </si>
  <si>
    <t>GNWZBPCG2021-0039-01</t>
  </si>
  <si>
    <t>国家能源e购商城2021年度北京配送普格县九香食品集团级长协采购框架合同</t>
  </si>
  <si>
    <t>【九香农业】九九红颜草莓\1500g/件</t>
  </si>
  <si>
    <t>【九香农业】野山花蜂蜜\250g/件</t>
  </si>
  <si>
    <t>【九香农业】玫瑰蜜酿\250g/件</t>
  </si>
  <si>
    <t>【九香农业】五香手撕牛肉\88g/件</t>
  </si>
  <si>
    <t>GNWZBPCG2021-0039-02</t>
  </si>
  <si>
    <t>【九香农业】原味酱卤牛肚\138g/件</t>
  </si>
  <si>
    <t>【九香农业】五香风干牛肉\88g/件</t>
  </si>
  <si>
    <t>【九香农业】麻辣酱卤牛肚\138g/件</t>
  </si>
  <si>
    <t>【九香农业】火烧干巴\88g/件</t>
  </si>
  <si>
    <t>【九香农业】烧烤牛肉\88g/件</t>
  </si>
  <si>
    <t>【九香农业】双椒牛肉\88g/件</t>
  </si>
  <si>
    <t>【九香农业】火锅牛肉\88g/件</t>
  </si>
  <si>
    <t>【九香农业】腊肠\500g/袋</t>
  </si>
  <si>
    <t>【九香农业】腊肉\500g/袋</t>
  </si>
  <si>
    <t>【九香农业】腊排骨\500g/袋</t>
  </si>
  <si>
    <t>【九香农业】冕宁火腿\500g/件</t>
  </si>
  <si>
    <t>【九香农业】草莓果酱\240g×2瓶/件</t>
  </si>
  <si>
    <t>【九香农业】川香麻辣味薯条\35g×10袋/件</t>
  </si>
  <si>
    <t>【九香农业】烧烤味薯条\35g×10袋/件</t>
  </si>
  <si>
    <t>【九香农业】原味薯条\35g×10袋/件</t>
  </si>
  <si>
    <t>【九香农业】牛肉套餐\804g/件</t>
  </si>
  <si>
    <t>【九香农业】土猪肉\2000g/件</t>
  </si>
  <si>
    <t>【九香农业】薯条套餐\1050g/件</t>
  </si>
  <si>
    <t>【杭州华新】循环泵\HX205.4-8-1a\卸船机ZQX1250\国产</t>
  </si>
  <si>
    <t>杭州华新</t>
  </si>
  <si>
    <t>GNWZBPCG2021-0034</t>
  </si>
  <si>
    <t>国家能源e购商城江苏区域2021年度杭州华新港机备件长协</t>
  </si>
  <si>
    <t>杭州华新机电工程有限公司</t>
  </si>
  <si>
    <t>【杭州华新】电磁阀装置\HX205.6.4-1\卸船机ZQX1250\国产</t>
  </si>
  <si>
    <t>【杭州华新】电动推杆\HX205.6.9\卸船机ZQX1250\国产</t>
  </si>
  <si>
    <t>【杭州华新】刹车装置\HXT606.0-6-1\卸船机ZQX1250\国产</t>
  </si>
  <si>
    <t>【杭州华新】液压推杆\HX205.6.4-2\卸船机ZQX1250\国产</t>
  </si>
  <si>
    <t>【杭州华新】缓冲器\HX205.4.04-2\卸船机ZQX1250\国产</t>
  </si>
  <si>
    <t>【杭州华新】缓冲器\HX150.3.2-2\卸船机ZQX1250\国产</t>
  </si>
  <si>
    <t>【杭州华新】变频器主板\HX205.1-2-1\卸船机ZQX1250\进口</t>
  </si>
  <si>
    <t>【杭州华新】轨道压板\HX205.2.18-2\卸船机ZQX1250\国产</t>
  </si>
  <si>
    <t>【杭州华新】液力推动器\HX150.3-7-1\卸船机ZQX1250\国产</t>
  </si>
  <si>
    <t>【杭州华新】煤斗下部衬板\HX205.6.12-1\卸船机ZQX1250\国产</t>
  </si>
  <si>
    <t>【杭州华新】变频器\HX205.5-bp\卸船机ZQX1250\进口</t>
  </si>
  <si>
    <t>【杭州华新】钢丝绳滑轮组总成\HX205.4.03-1\卸船机ZQX1250\国产</t>
  </si>
  <si>
    <t>【杭州华新】钢丝绳单片滑轮\HX150.4.4-2\卸船机ZQX1250\国产</t>
  </si>
  <si>
    <t>【杭州华新】变幅钢丝绳压板\HX205.4-1\卸船机ZQX1250\国产</t>
  </si>
  <si>
    <t>【杭州华新】接料板支架\HX205.6.4\卸船机ZQX1250\国产</t>
  </si>
  <si>
    <t>【杭州华新】油站溢流阀装置\HX205.8-26-1\卸船机ZQX1250\进口</t>
  </si>
  <si>
    <t>【杭州华新】油站安全阀装置\HX205.8-26-2\卸船机ZQX1250\进口</t>
  </si>
  <si>
    <t>【杭州华新】高压卷筒复合电缆\HX205-16-1\卸船机ZQX1250\进口</t>
  </si>
  <si>
    <t>【杭州华新】编码器\HX205.4-1-1\卸船机ZQX1250\进口</t>
  </si>
  <si>
    <t>【杭州华新】减速箱油封\HXT0818.0-mf\卸船机ZQX1250\国产</t>
  </si>
  <si>
    <t>【杭州华新】司机室缓冲器\HX205.5-5\卸船机ZQX1250\国产</t>
  </si>
  <si>
    <t>【杭州华新】联轴器弹性垫\HX205.4-29-1\卸船机ZQX1250\国产</t>
  </si>
  <si>
    <t>【杭州华新】轨道\HX179.7.3\卸船机ZQX1250\国产</t>
  </si>
  <si>
    <t>【杭州华新】驱动装置\HX205.5-4Q\卸船机ZQX1250\国产</t>
  </si>
  <si>
    <t>【杭州华新】给料机衬板\HX205.6\卸船机ZQX1250\国产</t>
  </si>
  <si>
    <t>【杭州华新】头部滑轮\HX205.2.19\卸船机ZQX1250\国产</t>
  </si>
  <si>
    <t>【杭州华新】钢丝绳托辊\HX205.4.02-3\卸船机ZQX1250\国产</t>
  </si>
  <si>
    <t>【杭州华新】制动片装置\HX205.4-6-1\卸船机ZQX1250\进口</t>
  </si>
  <si>
    <t>【杭州华新】走轮总成\HX205.4.05\卸船机ZQX1250\国产</t>
  </si>
  <si>
    <t>【杭州华新】制动片装置\HX205.4-50-1L\卸船机ZQX1250\进口</t>
  </si>
  <si>
    <t>【杭州华新】缓冲器\HX205.4.04-3\卸船机ZQX1250\国产</t>
  </si>
  <si>
    <t>【杭州华新】缓冲器\HX205.4.04-1\卸船机ZQX1250\国产</t>
  </si>
  <si>
    <t>【杭州华新】缓冲器\HX150.3.2-1\卸船机ZQX1250\国产</t>
  </si>
  <si>
    <t>【杭州华新】液压缸\HX205.6.1-78\卸船机ZQX1250\国产</t>
  </si>
  <si>
    <t>【杭州华新】减震弹簧\HX205.6.0-2\卸船机ZQX1250\国产</t>
  </si>
  <si>
    <t>【杭州华新】三联托辊支架\HX205.6.11\卸船机ZQX1250\国产</t>
  </si>
  <si>
    <t>【杭州华新】挂缆导轨滑跑车\HX205-7\卸船机ZQX1250\国产</t>
  </si>
  <si>
    <t>【杭州华新】触摸屏\HX205.5-24-2-1\卸船机ZQX1250\进口</t>
  </si>
  <si>
    <t>【杭州华新】头部称重传感器\HX205.2.19-8\卸船机ZQX1250\进口</t>
  </si>
  <si>
    <t>【杭州华新】主令护套\HX205.5-24-1-1\卸船机ZQX1250\进口</t>
  </si>
  <si>
    <t>【杭州华新】过渡轨道\HX179.7.3-1\卸船机ZQX1250\国产</t>
  </si>
  <si>
    <t>【杭州华新】摩擦片\HX205.4-50-1R\卸船机ZQX1250\进口</t>
  </si>
  <si>
    <t>【杭州华新】行走减速箱\HX606.0-7\卸船机ZQX1250\进口</t>
  </si>
  <si>
    <t>【杭州华新】电动液压推杆\HX150.3-3-1\卸船机ZQX1250\国产</t>
  </si>
  <si>
    <t>【杭州华新】主令控制器\HX205.1-1\卸船机ZQX1250\进口</t>
  </si>
  <si>
    <t>【杭州华新】行走主动轮总成\HXT606.1\卸船机ZQX1250\国产</t>
  </si>
  <si>
    <t>【杭州华新】从动轮\HXT605.1\卸船机ZQX1250\国产</t>
  </si>
  <si>
    <t>【杭州华新】减震橡胶\HX205.6.0-1\卸船机ZQX1250\国产</t>
  </si>
  <si>
    <t>【杭州华新】水平轮总成\HX205.4.01\卸船机ZQX1250\国产</t>
  </si>
  <si>
    <t>【杭州华新】驱动轴总成\HXT606.5\卸船机ZQX1250\国产</t>
  </si>
  <si>
    <t>【杭州华新】导绳轮组\HX205-DS150-002\卸船机ZQX1250\国产</t>
  </si>
  <si>
    <t>【杭州华新】卷筒联轴器\1150756/HX205.4-22\桥式抓斗卸船机HX205\国产</t>
  </si>
  <si>
    <t>【杭州华新】限位开关\HX141.15.1-B50\卸船机ZQX1250\进口</t>
  </si>
  <si>
    <t>【杭州华新】变频器\HX141.2-B51\卸船机ZQX1250\进口</t>
  </si>
  <si>
    <t>【杭州华新】防撞开关\HX141.11-B55\卸船机ZQX1250\进口</t>
  </si>
  <si>
    <t>【杭州华新】防撞开关\HX141.11-B56\卸船机ZQX1250\进口</t>
  </si>
  <si>
    <t>【杭州华新】凸轮开关\HX141.13.6.1-1\卸船机ZQX1250\进口</t>
  </si>
  <si>
    <t>【杭州华新】俯仰编码器\HX141.14-23-1\卸船机ZQX1250\进口</t>
  </si>
  <si>
    <t>【杭州华新】俯仰超速开关\HX141.14-25\卸船机ZQX1250\进口</t>
  </si>
  <si>
    <t>【杭州华新】起升编码器\HX141.13-1-1\卸船机ZQX1250\进口</t>
  </si>
  <si>
    <t>【杭州华新】编码器\HX141.13-57-1\卸船机ZQX1250\进口</t>
  </si>
  <si>
    <t>【杭州华新】手柄护套\HX141.2-B61\卸船机ZQX1250\进口</t>
  </si>
  <si>
    <t>【杭州华新】限位开关\HX141.15.1-B62\卸船机ZQX1250\进口</t>
  </si>
  <si>
    <t>【杭州华新】主令手柄\HX141.2-B63\卸船机ZQX1250\进口</t>
  </si>
  <si>
    <t>【杭州华新】防撞开关插件\HX141.11-B64\卸船机ZQX1250\进口</t>
  </si>
  <si>
    <t>【杭州华新】编码器\HX143.13-1-1\卸船机ZQX1250\进口</t>
  </si>
  <si>
    <t>【杭州华新】主令手柄\HX143.2-B66\卸船机ZQX1250\进口</t>
  </si>
  <si>
    <t>【杭州华新】车轮组\HX141.6.1\抓斗卸船机ZQX1250-牵引小车\国产</t>
  </si>
  <si>
    <t>【杭州华新】流量调节门\HX141A.16.1.13\卸船机ZQX1250\国产</t>
  </si>
  <si>
    <t>【杭州华新】特种尼龙导轮\HX141.15g\卸船机ZQX1250\国产</t>
  </si>
  <si>
    <t>【杭州华新】鱼尾板\HX141.8-B68\卸船机ZQX1250\国产</t>
  </si>
  <si>
    <t>【杭州华新】尼龙托辊\HX141.6.5-4\卸船机ZQX1250\国产</t>
  </si>
  <si>
    <t>【杭州华新】磁力开关\HX141.15.32-B50\卸船机ZQX1250\进口</t>
  </si>
  <si>
    <t>【杭州华新】防撞开关\HX143.11-B55\卸船机ZQX1250\进口</t>
  </si>
  <si>
    <t>【杭州华新】液压推杆\HX205.6.8\卸船机ZQX1250\国产</t>
  </si>
  <si>
    <t>【杭州华新】中部导向轮托辊\HX141.15.14.6-1\卸船机ZQX1250\国产</t>
  </si>
  <si>
    <t>【杭州华新】滑轮组总成\HX141.15.5\抓斗卸船机ZQX1250-桥架机构\国产</t>
  </si>
  <si>
    <t>【杭州华新】钢丝绳电动润滑装置\HX141.13-27-B71\卸船机ZQX1250\国产</t>
  </si>
  <si>
    <t>【杭州华新】变频器\HX141.14-23-1-B72\卸船机ZQX1250\进口</t>
  </si>
  <si>
    <t>【杭州华新】走轮\HXT602A.1-4\卸船机ZQX1250\国产</t>
  </si>
  <si>
    <t>【杭州华新】四卷筒压绳装置\HX141.13.4\卸船机ZQX1250\国产</t>
  </si>
  <si>
    <t>【杭州华新】变频器主板\HX141.3-57-1-B74\卸船机ZQX1250\进口</t>
  </si>
  <si>
    <t>【杭州华新】跑偏开关\HX141.10-51-1\卸船机ZQX1250\进口</t>
  </si>
  <si>
    <t>【杭州华新】变频器\HX141.11-7z-1\卸船机ZQX1250\进口</t>
  </si>
  <si>
    <t>【杭州华新】尼龙托辊\HX141.6.5\卸船机ZQX1250\国产</t>
  </si>
  <si>
    <t>【杭州华新】走轮\HX141.11-5-B78\卸船机ZQX1250\国产</t>
  </si>
  <si>
    <t>【杭州华新】水平轮\HX425.11.1-3\卸船机ZQX1250\国产</t>
  </si>
  <si>
    <t>【杭州华新】弹式压轮器\HX141.6-1-B79\卸船机ZQX1250\国产</t>
  </si>
  <si>
    <t>【杭州华新】桥机系缆桩\HX141.11-4-B80\卸船机ZQX1250\国产</t>
  </si>
  <si>
    <t>【杭州华新】液压推动器\HX141.13-54-B81\卸船机ZQX1250\进口</t>
  </si>
  <si>
    <t>【杭州华新】液压推动器\HX141.13-6-B82\卸船机ZQX1250\进口</t>
  </si>
  <si>
    <t>【杭州华新】液压推动器\HX143.13-6-B83\卸船机ZQX1250\进口</t>
  </si>
  <si>
    <t>【杭州华新】流量调节门导向轮\HX141.16.1.13.1\卸船机ZQX1250\国产</t>
  </si>
  <si>
    <t>【杭州华新】驱动轴总成\HXT603A.5\抓斗卸船机ZQX1250-大车行走机构\国产</t>
  </si>
  <si>
    <t>【杭州华新】称重传感器\HX141.16.10-5\卸船机ZQX1250\国产</t>
  </si>
  <si>
    <t>【杭州华新】桥机水平挡轮\HX143.6.2-2\卸船机ZQX1250\国产</t>
  </si>
  <si>
    <t>【杭州华新】主动车轮组\HXT603A.1\抓斗卸船机ZQX1250-大车行走机构HXT603A\国产</t>
  </si>
  <si>
    <t>【杭州华新】报警系统装置\HX141.1.9.2.2-B88\卸船机ZQX1250\国产</t>
  </si>
  <si>
    <t>【杭州华新】滑轮组\HX141.15.3\抓斗卸船机ZQX1250-桥架机构\国产</t>
  </si>
  <si>
    <t>【杭州华新】开闭逆变单元模块\HX141.13-1-B03\卸船机ZQX1250\进口</t>
  </si>
  <si>
    <t>【杭州华新】开闭逆变单元模块\HX143.13-1-B90\卸船机ZQX1250\进口</t>
  </si>
  <si>
    <t>【杭州华新】编码器\HX143.13-2-B92\卸船机ZQX1250\进口</t>
  </si>
  <si>
    <t>【杭州华新】红外线限位\HX141.11-B93\卸船机ZQX1250\进口</t>
  </si>
  <si>
    <t>【杭州华新】磁滞联轴器梅花联轴节\HX141.FJ-10-1-B94\卸船机ZQX1250\国产</t>
  </si>
  <si>
    <t>【杭州华新】从动车轮组车轮轴\HXT602A.1-1\卸船机ZQX1250\国产</t>
  </si>
  <si>
    <t>【杭州华新】破拱板\HX141.16.1.5\卸船机ZQX1250\国产</t>
  </si>
  <si>
    <t>【杭州华新】煤斗格栅\HX141.16.2\卸船机ZQX1250\国产</t>
  </si>
  <si>
    <t>【杭州华新】传动滚筒\HX141.10.4\抓斗卸船机ZQX1250-出料皮带机\国产</t>
  </si>
  <si>
    <t>【杭州华新】特种尼龙滑轮\HX143.12.3.1\卸船机ZQX1250\国产</t>
  </si>
  <si>
    <t>【杭州华新】热轧滑轮\HX141.6,4,1\卸船机ZQX1250\国产</t>
  </si>
  <si>
    <t>【杭州华新】主令手柄\HX141.2-1X\卸船机ZQX1250\进口</t>
  </si>
  <si>
    <t>【杭州华新】抗震型照明灯具\HX141.1.8.2.1-1\卸船机ZQX1250\国产</t>
  </si>
  <si>
    <t>【杭州华新】磁性防水拉线事故开关\HX141.1.9.2.1-B95\卸船机ZQX1250\国产</t>
  </si>
  <si>
    <t>【杭州华新】水平轮\HX141.6.2-2\抓斗卸船机ZQX1250-小车运行机构\国产</t>
  </si>
  <si>
    <t>【杭州华新】液压缸\HX141.1.9.2.1\抓斗卸船机ZQX1250-接料板HX141.1.9\国产</t>
  </si>
  <si>
    <t>【爱硒力】黑苦荞茶\340g/件</t>
  </si>
  <si>
    <t>山西爱硒力生物科技有限公司</t>
  </si>
  <si>
    <t>爱硒力</t>
  </si>
  <si>
    <t>GNWZBPCG2021-0038</t>
  </si>
  <si>
    <t>国家能源e购商城2021年度北京配送右玉县爱硒力食品集团级长协采购框架合同</t>
  </si>
  <si>
    <t>【爱硒力】黑苦荞珍珠茶\258g/件</t>
  </si>
  <si>
    <t>【爱硒力】黑苦荞珍珠茶\460g/件</t>
  </si>
  <si>
    <t>【爱硒力】苦荞茶\108g/件</t>
  </si>
  <si>
    <t>【爱硒力】苦荞茶礼盒\352g/件</t>
  </si>
  <si>
    <t>【爱硒力】苦荞茶\250g/件</t>
  </si>
  <si>
    <t>【爱硒力】燕麦片\1kg/件</t>
  </si>
  <si>
    <t>【爱硒力】燕麦片\500g/件</t>
  </si>
  <si>
    <t>【爱硒力】三清营养米\2800g/件</t>
  </si>
  <si>
    <t>【爱硒力】水果坚果燕麦片\365g/件</t>
  </si>
  <si>
    <t>【爱硒力】沙棘汁\960ml×3罐/件</t>
  </si>
  <si>
    <t>【东珍】转子片\CE830-02-05-01BL(b)\干渣机\GPJ1200\国产</t>
  </si>
  <si>
    <t>GNWZBPCG2021-0036</t>
  </si>
  <si>
    <t>华中配送2021年度捞渣机及旋转滤网备件长协采购</t>
  </si>
  <si>
    <t>【东珍】超负荷保险装置总成\XWC-2.0-09\旋转滤网\XWC-2000\东珍\国产</t>
  </si>
  <si>
    <t>【东珍】清扫链驱动链轮\2008GD-1-6-4\干式排渣机\2008GD-2-4-20</t>
  </si>
  <si>
    <t>【东珍】网板总成\XWC-2.0-04\旋转滤网\XWC-2000\东珍\国产</t>
  </si>
  <si>
    <t>【东珍】导向滚轮\FWD-105-03-01A-01\旋转滤网\XKC-2500\东珍\国产</t>
  </si>
  <si>
    <t>【东珍】接头\GPJ1200-JT φ19×64\干渣机\GPJ1400\国产</t>
  </si>
  <si>
    <t>【东珍】输送链链板\2012GD-2-4-19-1k\干渣机\LYMAC-1400</t>
  </si>
  <si>
    <t>【东珍】机械纠偏器\SE-JPQ-02\带式真空过滤机\DU-42m2/3000\国产</t>
  </si>
  <si>
    <t>【东珍】导轮销轴\M20X90\干式排渣机\GPJ1200\国产</t>
  </si>
  <si>
    <t>【东珍】清扫链刮板\GPJ1200ZF-03-01\干式排渣机\GPJ1200\国产</t>
  </si>
  <si>
    <t>【东珍】转子体\CE830-02-05-00\碎渣机\CE830\国产</t>
  </si>
  <si>
    <t>【东珍】输送网带\2012GD-2-4-19-2k\干渣机\LYMAC-1400</t>
  </si>
  <si>
    <t>【东珍】压条\XWC-2.0-04-01\旋转滤网\XWC-2000\东珍\国产</t>
  </si>
  <si>
    <t>【东珍】导轮\QSJ(F)150.ZJK-01\干式排渣机\GPJ1200\国产</t>
  </si>
  <si>
    <t>【东珍】输送链托辊\2012GD-1-1-33\干渣机\LYMAC-1200</t>
  </si>
  <si>
    <t>【东珍】输送板组件\GPJ1200ZF-02-01\干式排渣机\GPJ1200\国产</t>
  </si>
  <si>
    <t>【东珍】压板\GPJ1200ZF-02-02\干式排渣机\GPJ1200\国产</t>
  </si>
  <si>
    <t>【东珍】清扫链托辊总成\GPJ1200XJYH-04-00\干式排渣机\GPJ1200\国产</t>
  </si>
  <si>
    <t>【东珍】钢带限位轮组件\GPJ1400-09MZ\干渣机\GPJ1400\国产</t>
  </si>
  <si>
    <t>【东珍】入口膨胀节\PZJ.HBHX1.1-02\干式排渣机\GPJ1200\国产</t>
  </si>
  <si>
    <t>【东珍】输送链条\P=250\鳞斗式排渣机\SDBF800×35.5m\国产</t>
  </si>
  <si>
    <t>【东珍】清扫链压轮装配2\GPJ1200XJYH-16-00\干式排渣机\GPJ1200-00HDDJ\国产</t>
  </si>
  <si>
    <t>【东珍】清扫链\2012GD-2-4-20k\干渣机\LYMAC-1400</t>
  </si>
  <si>
    <t>【东珍】输送带下托辊总成\GPJ1400-10MZ\干式排渣机\GPJ1200\国产</t>
  </si>
  <si>
    <t>【东珍】从动链轮\2012GD-1-1-6\干渣机\LYMAC-1400</t>
  </si>
  <si>
    <t>【东珍】渣仓给料机\JDS100\干式排渣机\GPJ1200\国产</t>
  </si>
  <si>
    <t>【东珍】输送链回程托辊\2012GD-2-4-1-4k\干渣机\LYMAC-1400</t>
  </si>
  <si>
    <t>【东珍】透镜\ZJ30/TKT-05-02\干渣机\GPJ1200</t>
  </si>
  <si>
    <t>【东珍】输送链托辊\2012GD-2-4-1-3k\干渣机\LYMAC-1400</t>
  </si>
  <si>
    <t>【东珍】托辊\2012GD-2-4-1-3-5k\干渣机\LYMAC-1400</t>
  </si>
  <si>
    <t>【东珍】散装机下料管组件\GSJ100HBHC3-07-00R1\干式排渣机\GPJ1200\国产</t>
  </si>
  <si>
    <t>【东珍】轴\2012GD-2-4-1-4-1k\干渣机\LYMAC-1400</t>
  </si>
  <si>
    <t>【东珍】钢带上托辊组件\GPJ1400-08MZ\干渣机\GPJ1400\国产</t>
  </si>
  <si>
    <t>【东珍】托辊\2012GD-2-4-1-5-2\干渣机\LYMAC-1400</t>
  </si>
  <si>
    <t>【东珍】轴\2012GD-2-4-1-5-1\干渣机\LYMAC-1400</t>
  </si>
  <si>
    <t>【东珍】轴承座\2012GD-2-4-1-4-2\干渣机\LYMAC-1400</t>
  </si>
  <si>
    <t>【东珍】导风板\2012GD-2-4-2-1-10k\干渣机\LYMAC-1400</t>
  </si>
  <si>
    <t>【东珍】导料板\2012GD-2-4-2-1-9\干渣机\LYMAC-1400</t>
  </si>
  <si>
    <t>【东珍】驱动链轮\2012GD-1-6-4\干渣机\LYMAC-1400</t>
  </si>
  <si>
    <t>【东珍】定位套\FWD-105-03-05\旋转滤网\XWC-2000\东珍\国产</t>
  </si>
  <si>
    <t>【东珍】辊轮\2012GD-2-4-1-4-3\干渣机\LYMAC-1400</t>
  </si>
  <si>
    <t>【东珍】输送链\2012GD-2-4-19k\干渣机\LYMAC-1400</t>
  </si>
  <si>
    <t>【东珍】焊接链条\2012GD-1-9-3\干渣机\LYMAC-1400</t>
  </si>
  <si>
    <t>【东珍】清扫链卡环\2012GD-1-9-4\干渣机\LYMAC-14</t>
  </si>
  <si>
    <t>【东珍】清扫链托辊\2012GD-2-4-1-5k\干渣机\LYMAC-1400</t>
  </si>
  <si>
    <t>【东珍】导轮销轴\M20X130\干式排渣机\GPJ1200\国产</t>
  </si>
  <si>
    <t>【东珍】不锈钢输送网\B1200\干式排渣机\GPJ1200\国产</t>
  </si>
  <si>
    <t>【东珍】输送链转向辊张紧\2012GD-2-4-1-6-10k\干渣机\LYMAC-1400\国产</t>
  </si>
  <si>
    <t>【东珍】轴承座\2008GD-2-4-9-2-9 10\干式排渣机\LYMAC-14\国产</t>
  </si>
  <si>
    <t>【东珍】防磨衬板\MAC1400-2-4-7-1-8\干式排渣机\MAC1400\国产</t>
  </si>
  <si>
    <t>【东珍】链条\XJYH φ18×64mm\干式排渣机\GPJ1200</t>
  </si>
  <si>
    <t>【东珍】箱体快开检查门\XFKDB-C260\干渣机\LYMAC-1600\国产</t>
  </si>
  <si>
    <t>【东珍】转子体\RKSZ100-02-05\碎渣机\SZJ-1500CYW-CL\国产</t>
  </si>
  <si>
    <t>【东珍】滤芯筛网架\GPJ-1400-20-02\干式排渣机\GPJ1200\国产</t>
  </si>
  <si>
    <t>【东珍】耐磨衬板\2012GD-2-4-7-1-83\干式排渣机\GPJ1400\国产</t>
  </si>
  <si>
    <t>【东珍】清扫链压轮装配1\GPJ1200XJYH-15-00\干式排渣机\GPJ1200-00HDDJ\国产</t>
  </si>
  <si>
    <t>【东珍】滤布改向辊\SE-GZGX-150\真空皮带脱水机\SE-AFD-A\国产</t>
  </si>
  <si>
    <t>【东珍】耐磨衬板底部板块\2012GD-1-5-7\干式排渣机\LYMAC-1600\国产</t>
  </si>
  <si>
    <t>【东珍】耐磨衬板底部板块\2012GD-1-4-5\干式排渣机\LYMAC-1600\国产</t>
  </si>
  <si>
    <t>【东珍】耐磨衬板底部板块\2012GD-1-2-5\干式排渣机\LYMAC-1600\国产</t>
  </si>
  <si>
    <t>【东珍】输送链传动辊\2012GD-1-6-1\干式排渣机\LYMAC-1600\国产</t>
  </si>
  <si>
    <t>【东珍】输送链转向辊\2012GD-1-1-30\干式排渣机\LYMAC-1600\国产</t>
  </si>
  <si>
    <t>【东珍】喷嘴\FWD-105-06b-1\旋转滤网\XKC-2500\东珍\国产</t>
  </si>
  <si>
    <t>【东珍】除尘罩\GSJ100HBHC3-08\干式排渣机\GPJ1400\国产</t>
  </si>
  <si>
    <t>【东珍】输送链链板\2012GD-1-8-2\干式排渣机\LYMAC-1600\国产</t>
  </si>
  <si>
    <t>【东珍】外布袋\GSJ100HBHC3-07-02R2\干式排渣机\GSJ100\国产</t>
  </si>
  <si>
    <t>【东珍】输送链链板\2012GD-1-8-1\干式排渣机\LYMAC-1600\国产</t>
  </si>
  <si>
    <t>【东珍】输送网带\2012GD-1-8-4\干式排渣机\LYMAC-1600\国产</t>
  </si>
  <si>
    <t>【东珍】输送带头轴装配总成\GPJ1400-19MZ\干式排渣机\GPJ1400\国产</t>
  </si>
  <si>
    <t>【东珍】抱箍\YSZT-005\干式排渣机\GPJ1400\国产</t>
  </si>
  <si>
    <t>【东珍】联轴器\CD8337023\干式排渣机\GPJ1400\国产</t>
  </si>
  <si>
    <t>【东珍】固定圈\GSJ100HBHC3-07-03R1\干式排渣机\GSJ100\国产</t>
  </si>
  <si>
    <t>【东珍】滚轮组件\BLD800-04\干式排渣机\GPJ1200\国产</t>
  </si>
  <si>
    <t>【东珍】输送斗\BLD800-05\干式排渣机\GPJ1200\国产</t>
  </si>
  <si>
    <t>【东珍】紧定套\2012GD-2-4-2-1-41\干式排渣机\GPJ1400\国产</t>
  </si>
  <si>
    <t>【东珍】防偏轮\GPJ1400-09-02MZ\干式排渣机\GPJ1400\国产</t>
  </si>
  <si>
    <t>【东珍】叶片\SE-GZXT-285\干式排渣机\GPJ1400\国产</t>
  </si>
  <si>
    <t>【东珍】轴\GPJ1200XJYH-15-03\干式排渣机\GPJ1200\国产</t>
  </si>
  <si>
    <t>【东珍】内锥筒\4GSJ100HBHC3-07-02R09\干式排渣机\GSJ100\国产</t>
  </si>
  <si>
    <t>【东珍】托辊\2012GD-1-1-31-2\干式排渣机\LYMAC-1600\国产</t>
  </si>
  <si>
    <t>【东珍】滤芯筛网\GPJ-1400-20-01\干式排渣机\GSJ100\国产</t>
  </si>
  <si>
    <t>【东珍】轮片\BLD800-03\干式排渣机\GPJ1200\国产</t>
  </si>
  <si>
    <t>【东珍】轴承座\2012GD-1-1-31-5\干式排渣机\LYMAC-1600\国产</t>
  </si>
  <si>
    <t>【东珍】轴\2012GD-1-1-32-2\干式排渣机\LYMAC-1600\国产</t>
  </si>
  <si>
    <t>【东珍】输送链导向辊\2012GD-1-1-34\干式排渣机\LYMAC-1600\国产</t>
  </si>
  <si>
    <t>【东珍】下托辊\GPJ1400-054-91MZ\干式排渣机\GPJ1400\国产</t>
  </si>
  <si>
    <t>【东珍】轴\2012GD-1-1-31-1\干式排渣机\LYMAC-1600\国产</t>
  </si>
  <si>
    <t>【东珍】辊轮\2012GD-1-1-32-3\干式排渣机\LYMAC-1600\国产</t>
  </si>
  <si>
    <t>【东珍】托辊\GPJ1200XJYH-04-02\干式排渣机\GPJ1200\国产</t>
  </si>
  <si>
    <t>【东珍】托辊\2012GD-1-1-33-1\干式排渣机\LYMAC-1600\国产</t>
  </si>
  <si>
    <t>【东珍】胶条\2012GD-1-1-7\干式排渣机\GPJ1400\国产</t>
  </si>
  <si>
    <t>【东珍】从动轴紧进套\2010GD-2-4-1-6-2\干式排渣机\LYMAC-1600\国产</t>
  </si>
  <si>
    <t>【东珍】压轮\GPJ1200XJYH-15-02\干式排渣机\GPJ1200\国产</t>
  </si>
  <si>
    <t>【东珍】套筒\YSZT-003\干式排渣机\GPJ1400\国产</t>
  </si>
  <si>
    <t>【东珍】吸液管\CD83375\干式排渣机\GPJ1400\国产</t>
  </si>
  <si>
    <t>【东珍】驱动链轮轴承座\2012GD-1-6-23\干式排渣机\LYMAC-1600\国产</t>
  </si>
  <si>
    <t>【东珍】油过滤器滤芯\CD83376\干式排渣机\GPJ1400\国产</t>
  </si>
  <si>
    <t>【东珍】回流装置\CD400-200H\干式排渣机\GPJ1400\国产</t>
  </si>
  <si>
    <t>【东珍】滚筒轴\GPJ1400-19-02MZ\干式排渣机\GPJ1400\国产</t>
  </si>
  <si>
    <t>【东珍】刮刀板\CD8337022\干式排渣机\GPJ1400\国产</t>
  </si>
  <si>
    <t>【东珍】油过滤器滤芯\XD-001\干式排渣机\GPJ1400\国产</t>
  </si>
  <si>
    <t>【东珍】输送链\2012GD-1-8\干式排渣机\LYMAC-1600\国产</t>
  </si>
  <si>
    <t>【东珍】刮板\2005GD-1-9-2\干式排渣机\LYMAC-1600\国产</t>
  </si>
  <si>
    <t>【东珍】清扫链托辊\2012GD-1-1-31\干式排渣机\LYMAC-1600\国产</t>
  </si>
  <si>
    <t>【东珍】输送链回程托辊\2012GD-1-1-32\干式排渣机\LYMAC-1600\国产</t>
  </si>
  <si>
    <t>【东珍】滚子链\XWC-2.0-51\旋转滤网\XWC-2000\东珍\国产</t>
  </si>
  <si>
    <t>【东珍】定位套\FWD-105-03-09\旋转滤网\XWC-2000\东珍\国产</t>
  </si>
  <si>
    <t>【东珍】密封条\XWC-2.0-04-06\旋转滤网\XWC-2000\东珍\国产</t>
  </si>
  <si>
    <t>【东珍】喷嘴\FWD-105-03\旋转滤网\XWC-2000\东珍\国产</t>
  </si>
  <si>
    <t>【东珍】外链板\FWD-105-03-02\旋转滤网\XWC-2000\东珍\国产</t>
  </si>
  <si>
    <t>【东珍】链板垫圈\FWD-105-03-10\旋转滤网\XWC-2000\东珍\国产</t>
  </si>
  <si>
    <t>【东珍】喷嘴\FWD-105-06b\旋转滤网\XWC-2000\东珍\国产</t>
  </si>
  <si>
    <t>【东珍】轴承座\2010GD-2-4-1-6-1\干式排渣机\LYMAC-1600\国产</t>
  </si>
  <si>
    <t>【东珍】刮板\2012GD-2-4-20-1k\干渣机\LYMAC-1400</t>
  </si>
  <si>
    <t>【东珍】输送链导向辊\2012GD-2-4-1-2\干渣机\LYMAC-1400</t>
  </si>
  <si>
    <t>【东珍】清扫链轴承座\2008GD-1-1-22\干式排渣机\LYMAC-1400</t>
  </si>
  <si>
    <t>【东珍】轴套\FWD-105-03-1A-01\旋转滤网\XWC-2000\东珍\国产</t>
  </si>
  <si>
    <t>【东珍】轴套\XWC-2.0-52\旋转滤网\XWC-2000\东珍\国产</t>
  </si>
  <si>
    <t>【东珍】清扫链刮板\HHGP-2-4-20-1\干渣机\HHGP-1600\国产</t>
  </si>
  <si>
    <t>【东珍】密封板\FWD-105-03-04\旋转滤网\XWC-2000\东珍\国产</t>
  </si>
  <si>
    <t>【东珍】内链板\FWD-105-03-03\旋转滤网\XWC-2000\东珍\国产</t>
  </si>
  <si>
    <t>【东珍】轴\FWD-105-03-07\旋转滤网\XWC-2000\东珍\国产</t>
  </si>
  <si>
    <t>【东珍】轴套\FWD-105-03-11\旋转滤网\XWC-2000\东珍\国产</t>
  </si>
  <si>
    <t>【东珍】胶条\2012GD-2-4-6-1-8\干式排渣机\LYMAC-1600\国产</t>
  </si>
  <si>
    <t>【东珍】胶条\2005GD-1-9-2-1\干式排渣机\LYMAC-1600\国产</t>
  </si>
  <si>
    <t>【东珍】钢带驱动辊\2012GD-2-4-9-2-2K\干排渣机\LYMAC-16</t>
  </si>
  <si>
    <t>【东珍】耐磨衬板\MAC1400-2-4-2-1-4-01\干排渣机\LYMAC-16\国产</t>
  </si>
  <si>
    <t>【东珍】轴承座\HHGP-2-4-1-3-2\干排渣机\HHGP-1600</t>
  </si>
  <si>
    <t>【东珍】密封条\60×5mm\丁腈橡胶</t>
  </si>
  <si>
    <t>【长泵】导流片\72LKXA-19.6-0007\导叶式混流泵\64LKXA-14\国产</t>
  </si>
  <si>
    <t>湖南湘电长沙水泵有限公司</t>
  </si>
  <si>
    <t>长泵</t>
  </si>
  <si>
    <t>GNWZBPCG2021-0042</t>
  </si>
  <si>
    <t>国家能源e购商城2021年度北京配送循环水泵、凝结水泵备件集团级长协采购框架合同</t>
  </si>
  <si>
    <t>【长泵】导叶套\C680-0210\冷凝泵\C680Ⅲ-6\国产</t>
  </si>
  <si>
    <t>【长泵】密封环\C680-0205b\冷凝泵\C680Ⅲ-6\国产</t>
  </si>
  <si>
    <t>【长泵】首级密封环\C680-0205a\冷凝泵\C680Ⅲ-6\国产</t>
  </si>
  <si>
    <t>【长泵】导轴承\C680-0204a-1\冷凝泵\C680Ⅲ-6\国产</t>
  </si>
  <si>
    <t>【长泵】减压套\C680-0302\冷凝泵\C680Ⅲ-5\国产</t>
  </si>
  <si>
    <t>【长泵】轴套\C680-0114-1\冷凝泵\C680Ⅲ-5\国产</t>
  </si>
  <si>
    <t>【长泵】间隔套\C590-0102\冷凝泵\C590Ⅲ-7\国产</t>
  </si>
  <si>
    <t>【长泵】轴承轴套\C590-0104a\冷凝泵\C590III-6\国产</t>
  </si>
  <si>
    <t>【长泵】轴承轴套\C590-0104c\冷凝泵\C590III-6\国产</t>
  </si>
  <si>
    <t>【长泵】挡套\C590-0113\冷凝泵\C590Ⅲ-7\国产</t>
  </si>
  <si>
    <t>【长泵】轴套\C590-0114\冷凝泵\C590Ⅲ-7\国产</t>
  </si>
  <si>
    <t>【长泵】锁紧螺母\C590-0115\冷凝泵\C590Ⅲ-7\国产</t>
  </si>
  <si>
    <t>【长泵】导轴承\C590-0204a-1\冷凝泵\C590\国产</t>
  </si>
  <si>
    <t>【长泵】导轴承\C590-0204c-1\冷凝泵\C590\国产</t>
  </si>
  <si>
    <t>【长泵】首级密封环\C590-0205a\冷凝泵\C590Ⅲ-7\国产</t>
  </si>
  <si>
    <t>【长泵】次级密封环\C590-0205b\冷凝泵\C590Ⅲ-7\国产</t>
  </si>
  <si>
    <t>【长泵】护套\C590-0206\冷凝泵\C590Ⅲ-7\国产</t>
  </si>
  <si>
    <t>【长泵】导叶套\C590-0210\冷凝泵\C590Ⅲ-7\国产</t>
  </si>
  <si>
    <t>【长泵】机封轴套\B640Ⅲ-0104\冷凝泵\C590Ⅲ-7\国产</t>
  </si>
  <si>
    <t>【长泵】轴承轴套\B640-0104b\冷凝泵\C590Ⅲ-7\国产</t>
  </si>
  <si>
    <t>【长泵】导轴承\B640-0204b-1\冷凝泵\C590Ⅲ-7\国产</t>
  </si>
  <si>
    <t>【长泵】橡胶导轴承\88LKXA-28.8-0005a\导叶式混流泵\88LKXA-28.8\国产</t>
  </si>
  <si>
    <t>【长泵】橡胶导轴承\88LKXA-28.8-0005b\导叶式混流泵\88LKXA-28.8\国产</t>
  </si>
  <si>
    <t>【长泵】密封环\88LKXA-28.8-0022a\导叶式混流泵\88LKXE-27\国产</t>
  </si>
  <si>
    <t>【长泵】叶轮密封环\88LKXA-28.8-0022b\导叶式混流泵\88LKXE-27\国产</t>
  </si>
  <si>
    <t>【长泵】填料轴套\88LKXA-28.8-0104\导叶式混流泵\88LKXA-28.8\国产</t>
  </si>
  <si>
    <t>【长泵】轴套\88LKXA-28.8-0104a\导叶式混流泵\88LKXA-28.8\国产</t>
  </si>
  <si>
    <t>【长泵】轴套\88LKXA-28.8-0104b\导叶式混流泵\88LKXA-28.8\国产</t>
  </si>
  <si>
    <t>【长泵】套筒联轴器\88LKXA-28.8-0105\导叶式混流泵\88LKXA-28.8\国产</t>
  </si>
  <si>
    <t>【长泵】联接卡环\88LKXA-28.8-0106\导叶式混流泵\88LKXA-28.8\国产</t>
  </si>
  <si>
    <t>【长泵】轴套螺母\88LKXA-28.8-0110\导叶式混流泵\LK系列\国产</t>
  </si>
  <si>
    <t>【长泵】主轴\C720Ⅱ-G-0101b\冷凝泵\C720Ⅱ-4\国产</t>
  </si>
  <si>
    <t>【长泵】减压套\C720Ⅱ-0302\冷凝泵\C720Ⅲ-5\国产</t>
  </si>
  <si>
    <t>【长泵】下轴\C720-G-0101a\冷凝泵\C720Ⅲ-4\国产</t>
  </si>
  <si>
    <t>【长泵】轴承轴套\C720-0104c\冷凝泵\C720Ⅲ-5\国产</t>
  </si>
  <si>
    <t>【长泵】轴套\C720-0104d\冷凝泵\C720Ⅲ-5\国产</t>
  </si>
  <si>
    <t>【长泵】泵体\C720-0203\冷凝泵\C720Ⅱ-4\国产</t>
  </si>
  <si>
    <t>【长泵】轴承\C720-0204d\冷凝泵\C720Ⅱ-4\国产</t>
  </si>
  <si>
    <t>【长泵】首级密封环\C720-0205a\冷凝泵\C720II-4\国产</t>
  </si>
  <si>
    <t>【长泵】护套\C720-0206\冷凝泵\C720Ⅲ-4\国产</t>
  </si>
  <si>
    <t>【长泵】套筒联轴器\XB08VI-86-1.8-01\导叶式混流泵\72LKXB-17.5\国产</t>
  </si>
  <si>
    <t>【长泵】连接卡环\XB08VI-86-1.8-02\导叶式混流泵\56LKXA-25\国产</t>
  </si>
  <si>
    <t>【长泵】止推卡环\XB08VI-86-1.8-03\导叶式混流泵\56LKXA-25\国产</t>
  </si>
  <si>
    <t>【长泵】填料压盖\XB14-86-205\导叶式混流泵\64LKXA-20\国产</t>
  </si>
  <si>
    <t>【长泵】赛龙导轴承\XB15B-2005-2-205b\导叶式混流泵\64LKXA-18.5G\国产</t>
  </si>
  <si>
    <t>【长泵】赛龙导轴承\XB15B-2005-3-205\导叶式混流泵\64LKXA-18.5G\国产</t>
  </si>
  <si>
    <t>【长泵】轴套(上)\XB16-2006-185\导叶式混流泵\64LKXA-18.5G\国产</t>
  </si>
  <si>
    <t>【长泵】轴套\XB16B-2006-185-1\导叶式混流泵\64LKXA-18.5G\国产</t>
  </si>
  <si>
    <t>【长泵】填料轴套\XB17-2006-185\导叶式混流泵\64LKXA-18.5G\国产</t>
  </si>
  <si>
    <t>【长泵】轴承轴套\B640-0104d\冷凝泵\C590Ⅲ-6\国产</t>
  </si>
  <si>
    <t>【长泵】导轴承\B640-0204d-1\冷凝泵\C590Ⅲ-6\国产</t>
  </si>
  <si>
    <t>【长泵】轴套\XB16B-86-175-1\导叶式混流泵\LK系列\国产</t>
  </si>
  <si>
    <t>【长泵】轴套\XB16-86-175\导叶式混流泵\72LKXB-18\国产</t>
  </si>
  <si>
    <t>【长泵】填料轴套\72LKSA-21-0033\导叶式混流泵\72LKXB-18\国产</t>
  </si>
  <si>
    <t>【长泵】橡胶导轴承\XB15B-86-1-195\导叶式混流泵\72LKXB-18\国产</t>
  </si>
  <si>
    <t>【长泵】橡胶导轴承\XB15B-86-2-195\导叶式混流泵\72LKXB-18\国产</t>
  </si>
  <si>
    <t>【长泵】橡胶导轴承\72LKSA-21-0032\导叶式混流泵\72LKXB-18\国产</t>
  </si>
  <si>
    <t>【长泵】叶轮\72LKXB-18-0103\导叶式混流泵\72LKXB-18\国产</t>
  </si>
  <si>
    <t>【长泵】套筒联轴器\XB08Ⅵ-86-1.7-01\导叶式混流泵\72LKXB-18\国产</t>
  </si>
  <si>
    <t>【长泵】导叶体\88LKXA-28.8-0003\导叶式混流泵\88LKXD-28\国产</t>
  </si>
  <si>
    <t>【长泵】导轴承\XB15B-2005-3-270\导叶式混流泵\88LKXE-27\国产</t>
  </si>
  <si>
    <t>【长泵】赛龙导轴承\XB15B-2005-2-270b\导叶式混流泵\88LKXE-27\国产</t>
  </si>
  <si>
    <t>【长泵】轴套\XB16B-2006-245-1\导叶式混流泵\88LKXE-27\国产</t>
  </si>
  <si>
    <t>【长泵】轴套\XB16-2006-245\导叶式混流泵\88LKXE-27\国产</t>
  </si>
  <si>
    <t>【长泵】填料轴套\XB17-2006-245\导叶式混流泵\88LKXE-27\国产</t>
  </si>
  <si>
    <t>【长泵】填料压盖\XB14-86-270\导叶式混流泵\88LKXD-28\国产</t>
  </si>
  <si>
    <t>【长泵】轴套\XB16-2006-135\导叶式混流泵\52LKXA-24.5\国产</t>
  </si>
  <si>
    <t>【长泵】轴套\XB16B-2006-135-1\导叶式混流泵\52LKXA-24.5\国产</t>
  </si>
  <si>
    <t>【长泵】填料轴套\XB17-2006-135\导叶式混流泵\52LKXA-24.5\国产</t>
  </si>
  <si>
    <t>【长泵】卡环\B550-0107\冷凝泵\B550Ⅲ-8\国产</t>
  </si>
  <si>
    <t>【长泵】挡套\B550-0113\冷凝泵\B550Ⅲ-8\国产</t>
  </si>
  <si>
    <t>【长泵】首级密封环\B550-0205a\冷凝泵\B550Ⅲ-8\国产</t>
  </si>
  <si>
    <t>【长泵】次级密封环\B550-0205b\冷凝泵\B550Ⅲ-8\国产</t>
  </si>
  <si>
    <t>【长泵】次级密封环\B550-0205c\冷凝泵\B550Ⅲ-8\国产</t>
  </si>
  <si>
    <t>【长泵】导轴承\C590-0204a\冷凝泵\C590Ⅰ-6\国产</t>
  </si>
  <si>
    <t>【长泵】导轴承\C590-0204c\冷凝泵\C590Ⅰ-6\国产</t>
  </si>
  <si>
    <t>【长泵】轴套锁母\B640-0110\冷凝泵\B640\国产</t>
  </si>
  <si>
    <t>【长泵】导轴承\B640-0204b\冷凝泵\C590Ⅰ-6\国产</t>
  </si>
  <si>
    <t>【长泵】导轴承\B640-0204d\冷凝泵\C590Ⅰ-6\国产</t>
  </si>
  <si>
    <t>【长泵】导流片接管\96LKXA-25-0017\导叶式混流泵\96LKXA-25\国产</t>
  </si>
  <si>
    <t>【长泵】导轴承\88LKXA-25.4-0005a\导叶式混流泵\96LKXA-25\国产</t>
  </si>
  <si>
    <t>【长泵】导轴承\88LKXA-25.4-0005b\导叶式混流泵\96LKXA-25\国产</t>
  </si>
  <si>
    <t>【长泵】填料轴套\72TKXA-16-0031\导叶式混流泵\88LKXA-20.3G\国产</t>
  </si>
  <si>
    <t>【长泵】导轴承\88LKXA-24G-0005a\导叶式混流泵\88LKXA-20.7\国产</t>
  </si>
  <si>
    <t>【长泵】轴套\XB16B-86-185-1\导叶式混流泵\72LKXB-24\国产</t>
  </si>
  <si>
    <t>【长泵】轴套\XB16-86-185 1Cr13Ni1\导叶式混流泵\64LKXA-20\国产</t>
  </si>
  <si>
    <t>【长泵】填料轴套\XB17-86-185\导叶式混流泵\64LKXA-20\国产</t>
  </si>
  <si>
    <t>【长泵】导轴承\60LKXB-26A-0019\导叶式混流泵\60LKXB-23\国产</t>
  </si>
  <si>
    <t>【长泵】橡胶导轴承\56LKXA-21.4-0005\导叶式混流泵\60LKXB-23\国产</t>
  </si>
  <si>
    <t>【长泵】橡胶导轴承\XB15B-94-1-175\导叶式混流泵\60LKXB-23\国产</t>
  </si>
  <si>
    <t>【长泵】轴套\XB16B-86-155-1\导叶式混流泵\60LKXB-23\国产</t>
  </si>
  <si>
    <t>【长泵】轴套\XB16-86-155\导叶式混流泵\LK系列\国产</t>
  </si>
  <si>
    <t>【长泵】轴端螺母\XB18-86-155\导叶式混流泵\64LKSB-26C\国产</t>
  </si>
  <si>
    <t>【长泵】导轴承\XB15A-86-2-175\导叶式混流泵\64LKSB-26C\国产</t>
  </si>
  <si>
    <t>【长泵】导轴承\XB15A-86-1-175\导叶式混流泵\64LKSB-26C\国产</t>
  </si>
  <si>
    <t>【长泵】轴套\XB16A-86-155-1\导叶式混流泵\64LKSB-26C\国产</t>
  </si>
  <si>
    <t>【长泵】内接管\70LKXA-24-0006a\导叶式混流泵\70LKXA-24\国产</t>
  </si>
  <si>
    <t>【长泵】内接管\70LKXA-24-0006b\导叶式混流泵\70LKXA-24\国产</t>
  </si>
  <si>
    <t>【长泵】主轴\70LKXA-24-0101a\导叶式混流泵\70LKXA-24\国产</t>
  </si>
  <si>
    <t>【长泵】锁紧螺母\XB18-2006-245LH\导叶式混流泵\88LXXB-29.3\国产</t>
  </si>
  <si>
    <t>【长泵】上橡胶导轴承\64LKXA-31-0016\导叶式混流泵\72LKXB-17.5\国产</t>
  </si>
  <si>
    <t>【长泵】轴套\88LKXA-24-0104a\导叶式混流泵\88LKXA-20.3G\国产</t>
  </si>
  <si>
    <t>【长泵】轴套\88LKXA-24-0104b\导叶式混流泵\88LKXA-20.3G\国产</t>
  </si>
  <si>
    <t>【长泵】轴套\XB16-86-185\导叶式混流泵\72LKXB-17.5\国产</t>
  </si>
  <si>
    <t>【长泵】轴套螺母\72LKXA-28.5-0029\导叶式混流泵\LK系列\国产</t>
  </si>
  <si>
    <t>【长泵】叶轮室密封环\56LKXA-25.1-0022\导叶式混流泵\56LKXA-25.1\国产</t>
  </si>
  <si>
    <t>【长泵】叶轮密封环\56LKXA-25.1-0023a\导叶式混流泵\56LKXA-25.1\国产</t>
  </si>
  <si>
    <t>【长泵】叶轮密封环\56LKXA-25.1-0023b\导叶式混流泵\56LKXA-25.1\国产</t>
  </si>
  <si>
    <t>【长泵】导叶体密封环\56LKXA-25.1-0024\导叶式混流泵\56LKXA-25.1\国产</t>
  </si>
  <si>
    <t>【长泵】橡胶导轴承\80LKXA-25.1-0005a\导叶式混流泵\80LKXA-25.1\国产</t>
  </si>
  <si>
    <t>【长泵】橡胶导轴承\80LKXA-25.1-0005b\导叶式混流泵\80LKXA-25.1\国产</t>
  </si>
  <si>
    <t>【长泵】叶轮室密封环\80LKXA-25.1-0022a\导叶式混流泵\80LKXA-25.1\国产</t>
  </si>
  <si>
    <t>【长泵】叶轮密封环\80LKXA-25.1-0022b\导叶式混流泵\80LKXA-25.1\国产</t>
  </si>
  <si>
    <t>【长泵】轴套螺母\80LKXA-25.1-0104a\导叶式混流泵\80LKXA-25.1\国产</t>
  </si>
  <si>
    <t>【长泵】橡胶导轴承\64LKXA-19-0005\导叶式混流泵\64LKXA-21.5\国产</t>
  </si>
  <si>
    <t>【长泵】橡胶导轴承\64LKXA-26-0005\导叶式混流泵\64LKXA-21.5\国产</t>
  </si>
  <si>
    <t>【长泵】橡胶导轴承\72LKSA-17-0015\导叶式混流泵\72LKSA-17\国产</t>
  </si>
  <si>
    <t>【长泵】轴套\72LKSA-17-0016\导叶式混流泵\72LKSA-17\国产</t>
  </si>
  <si>
    <t>【长泵】轴套\72LKSA-17-0019\导叶式混流泵\72LKSA-17\国产</t>
  </si>
  <si>
    <t>【长泵】套筒联轴器\72LKSA-17-0020\导叶式混流泵\72LKSA-17\国产</t>
  </si>
  <si>
    <t>【长泵】橡胶导轴承\72LKSA-17-0025\导叶式混流泵\72LKSA-17\国产</t>
  </si>
  <si>
    <t>【长泵】橡胶导轴承\72LKSA-17-0030\导叶式混流泵\72LKSA-17\国产</t>
  </si>
  <si>
    <t>【长泵】轴套\72LKSA-17-0032\导叶式混流泵\72LKSA-17\国产</t>
  </si>
  <si>
    <t>【长泵】填料轴套\72LKSA-17-0033\导叶式混流泵\72LKSA-17\国产</t>
  </si>
  <si>
    <t>【长泵】叶轮哈夫锁环\XB11-86-180-01\导叶式混流泵\64LKXA-20\国产</t>
  </si>
  <si>
    <t>【长泵】填料函体\60LKXB-26A-0018\导叶式混流泵\56LKXA-25.1\国产</t>
  </si>
  <si>
    <t>【长泵】填料轴套\XB17-86-155\导叶式混流泵\64LKSB-26C\国产</t>
  </si>
  <si>
    <t>【长泵】轴套\XB16B-2006-225-1\导叶式混流泵\90LKSA-19.7\国产</t>
  </si>
  <si>
    <t>【长泵】轴套\72LKXA-28.5-0015\导叶式混流泵\72LKXG-25\国产</t>
  </si>
  <si>
    <t>【长泵】填料轴套\72LKXA-28.5-0030\导叶式混流泵\72LKXG-25\国产</t>
  </si>
  <si>
    <t>【长泵】填料函体\88LKXA-24-0008\导叶式混流泵\80LKXA-25.1\国产</t>
  </si>
  <si>
    <t>【长泵】次级密封环\B640-5-0205b-01\冷凝泵\B640-5\国产</t>
  </si>
  <si>
    <t>【长泵】次级密封环\B640-5-0205b-02\冷凝泵\B640-5\国产</t>
  </si>
  <si>
    <t>【长泵】上轴承轴套\B640-5-0104b\冷凝泵\B640-5\国产</t>
  </si>
  <si>
    <t>【长泵】轴套\B640-5-0114\冷凝泵\B640-5A\国产</t>
  </si>
  <si>
    <t>【长泵】导叶套\B640-5-0210\冷凝泵\B640-5A\国产</t>
  </si>
  <si>
    <t>【长泵】轴承\B640-5-0204d\冷凝泵\B640-5\国产</t>
  </si>
  <si>
    <t>【长泵】上轴承\B640-5-0204b\冷凝泵\B640-5\国产</t>
  </si>
  <si>
    <t>【长泵】首级密封环\B640-5-0205a\冷凝泵\B640-5\国产</t>
  </si>
  <si>
    <t>【长泵】填料轴套\B640-5-0104\冷凝泵\B640-5A\国产</t>
  </si>
  <si>
    <t>【长泵】导轴承\64LKXA-20-0005b\导叶式混流泵\64LKXA-20\国产</t>
  </si>
  <si>
    <t>【长泵】导轴承\64LKXA-20-0005c\导叶式混流泵\64LKXA-20\国产</t>
  </si>
  <si>
    <t>【长泵】导轴承\64LKXA-20-0005a\导叶式混流泵\64LKXA-20\国产</t>
  </si>
  <si>
    <t>【长泵】轴端螺母\XB18-86-185\导叶式混流泵\64LKXA-20\国产</t>
  </si>
  <si>
    <t>【长泵】轴套\185B\导叶式混流泵\64LKXA-20\国产</t>
  </si>
  <si>
    <t>【长泵】轴套\64LKXA-20-0104a\导叶式混流泵\64LKXA-20\国产</t>
  </si>
  <si>
    <t>【长泵】轴承轴套\B640-5-0104a ZG2Cr13\冷凝泵\B640-5A\国产</t>
  </si>
  <si>
    <t>【长泵】轴承轴套\B640-5-0104d\冷凝泵\B640-5A\国产</t>
  </si>
  <si>
    <t>【长泵】卡环\B640-5-0107\冷凝泵\B640-5\国产</t>
  </si>
  <si>
    <t>【长泵】轴承轴套\B640-5-0104c\冷凝泵\B640-5A\国产</t>
  </si>
  <si>
    <t>【长泵】护套\B640-5-0206\冷凝泵\B640-5\国产</t>
  </si>
  <si>
    <t>【长泵】导叶\B640-5-0208a\冷凝泵\B640-5A\国产</t>
  </si>
  <si>
    <t>【长泵】末级导叶\B640-5-0208b\冷凝泵\B640-5A\国产</t>
  </si>
  <si>
    <t>【长泵】下轴承\B640-5-0204a\冷凝泵\B640-5\国产</t>
  </si>
  <si>
    <t>【长泵】档套\B640-5-0113\冷凝泵\B640-5\国产</t>
  </si>
  <si>
    <t>【长泵】轴承\B640-5-0204c\冷凝泵\B640-5\国产</t>
  </si>
  <si>
    <t>【长泵】首级叶轮\B640-0103a\冷凝泵\B640\国产</t>
  </si>
  <si>
    <t>【塞上香】膳食米\486g×2罐/件</t>
  </si>
  <si>
    <t>右玉县塞上香食品有限公司</t>
  </si>
  <si>
    <t>塞上香</t>
  </si>
  <si>
    <t>GNWZBPCG2021-0047-02</t>
  </si>
  <si>
    <t>2021年度北京配送右玉县塞上香食品集团级长协采购框架合同</t>
  </si>
  <si>
    <t>【塞上香】亚麻籽油\5L/件</t>
  </si>
  <si>
    <t>【塞上香】亚麻籽油\255ml/件</t>
  </si>
  <si>
    <t>【塞上香】太空主粮米\486g×2罐/件</t>
  </si>
  <si>
    <t>【塞上香】亚麻籽油礼盒\500ml×2瓶/件</t>
  </si>
  <si>
    <t>【塞上香】亚麻籽油礼盒\850ml×4瓶/件</t>
  </si>
  <si>
    <t>【塞上香】亚麻籽油礼盒\850mL/件</t>
  </si>
  <si>
    <t>【塞上香】香思豆浆豆\486g×2罐/件</t>
  </si>
  <si>
    <t>【塞上香】花生油\3.9L/件</t>
  </si>
  <si>
    <t>【塞上香】膳食米\486g×4罐/件</t>
  </si>
  <si>
    <t>【塞上香】花生油\850mL/件</t>
  </si>
  <si>
    <t>【塞上香】太空主粮米\486g×4罐/件</t>
  </si>
  <si>
    <t>【塞上香】菜籽油\5L/件</t>
  </si>
  <si>
    <t>【塞上香】香思豆浆豆\486g×4罐/件</t>
  </si>
  <si>
    <t>【塞上香】花生油礼盒\850ml×4瓶/件</t>
  </si>
  <si>
    <t>【塞上香】大豆油\5L/件</t>
  </si>
  <si>
    <t>【塞上香】膳食米\486g×6罐/件</t>
  </si>
  <si>
    <t>【塞上香】花生油\5L/件</t>
  </si>
  <si>
    <t>【塞上香】豆面\2500g/件</t>
  </si>
  <si>
    <t>【塞上香】荞面\2500g/件</t>
  </si>
  <si>
    <t>【塞上香】莜面\2500g/件</t>
  </si>
  <si>
    <t>【塞上香】有机裸燕麦米\340g×8袋/件</t>
  </si>
  <si>
    <t>【塞上香】杂粮组合\486g×6罐/件</t>
  </si>
  <si>
    <t>【塞上香】太空主粮米礼盒\486g×6罐/件</t>
  </si>
  <si>
    <t>【塞上香】香思豆浆豆礼盒\486g×6罐/件</t>
  </si>
  <si>
    <t>【农夫山泉】矿泉水\380ml（提示请按最小起订量倍数进行采购，零星下单不发货）</t>
  </si>
  <si>
    <t>上海悦未来商贸公司</t>
  </si>
  <si>
    <t>农夫山泉</t>
  </si>
  <si>
    <t>GNWZBPCG2021-0027</t>
  </si>
  <si>
    <t>国家能源e购商城农夫山泉饮用品铺货采购合同</t>
  </si>
  <si>
    <t>上海悦未来商贸有限公司</t>
  </si>
  <si>
    <t>【暖频道】中长可拆卸帽加厚羽绒服\供应商款号:620252</t>
  </si>
  <si>
    <t>山东暖频道服饰有限公司</t>
  </si>
  <si>
    <t>暖频道</t>
  </si>
  <si>
    <t>GNWZBPCG2021-0026</t>
  </si>
  <si>
    <t>国家能源e购商城暖频道工装铺货采购合同</t>
  </si>
  <si>
    <t>【农夫山泉】矿泉水\550ml（提示请按最小起订量倍数进行采购，零星下单不发货）</t>
  </si>
  <si>
    <t>【暖频道】中长连帽加厚羽绒服\供应商款号：620209</t>
  </si>
  <si>
    <t>【农夫山泉】天然水\1.5L（提示请按最小起订量倍数进行采购，零星下单不发货）</t>
  </si>
  <si>
    <t>【暖频道】商务短款立领羽绒服\供应商款号：620103</t>
  </si>
  <si>
    <t>【农夫山泉】天然水\4L（提示请按最小起订量倍数进行采购，零星下单不发货）</t>
  </si>
  <si>
    <t>【农夫山泉】矿泉水\5L（提示请按最小起订量倍数进行采购，零星下单不发货）</t>
  </si>
  <si>
    <t>【贵禾】行政春夏工作服\供应商款号：510103</t>
  </si>
  <si>
    <t>贵禾</t>
  </si>
  <si>
    <t>【农夫山泉】矿泉水\535ml（提示请按最小起订量倍数进行采购，零星下单不发货）</t>
  </si>
  <si>
    <t>【贵禾】行政夏季工作服\供应商款号:510105</t>
  </si>
  <si>
    <t>【农夫山泉】饮料\550ml（提示请按最小起订量倍数进行采购，零星下单不发货）</t>
  </si>
  <si>
    <t>【雷诺RENOIR】男士防寒服</t>
  </si>
  <si>
    <t>山东雷诺服饰有限公司</t>
  </si>
  <si>
    <t>雷诺RENOIR</t>
  </si>
  <si>
    <t>GNWZBPCG2021-0030</t>
  </si>
  <si>
    <t>国家能源e购商城雷诺工装铺货采购合同</t>
  </si>
  <si>
    <t>【雷诺RENOIR】女士防寒服</t>
  </si>
  <si>
    <t>【农夫山泉】饮料\500ml（提示请按最小起订量倍数进行采购，零星下单不发货）</t>
  </si>
  <si>
    <t>【农夫山泉】饮料\445ml（提示请按最小起订量倍数进行采购，零星下单不发货）</t>
  </si>
  <si>
    <t>【农夫山泉】饮料\300ml（提示请按最小起订量倍数进行采购，零星下单不发货）</t>
  </si>
  <si>
    <t>【农夫山泉】饮料\270ml（提示请按最小起订量倍数进行采购，零星下单不发货）</t>
  </si>
  <si>
    <t>【苍龍GARMENT】夏季纯棉长袖工作服</t>
  </si>
  <si>
    <t>西安苍龙服饰有限公司</t>
  </si>
  <si>
    <t>苍龍GARMENT</t>
  </si>
  <si>
    <t>GNWZBPCG2021-0023</t>
  </si>
  <si>
    <t>国家能源e购商城苍龙工装铺货采购合同</t>
  </si>
  <si>
    <t>【苍龍GARMENT】春秋季纯棉门襟配色工作服</t>
  </si>
  <si>
    <t>【苍龍GARMENT】冬季防寒工作服式一</t>
  </si>
  <si>
    <t>【苍龍GARMENT】冬季防寒工作服（羽绒内胆）</t>
  </si>
  <si>
    <t>【苍龍GARMENT】冬季防寒工作服（新雪丽内胆）</t>
  </si>
  <si>
    <t>【苍龍GARMENT】白色纯棉免烫女士长袖衬衫</t>
  </si>
  <si>
    <t>【苍龍GARMENT】长袖纯棉免烫白色男士衬衫</t>
  </si>
  <si>
    <t>【苍龍GARMENT】三合一羽绒内胆女款四色冲锋衣</t>
  </si>
  <si>
    <t>【苍龍GARMENT】三合一可拆卸羽绒内胆男款四色冲锋衣</t>
  </si>
  <si>
    <t>【苍龍GARMENT】高密度塔丝隆面料外套羽绒内胆冲锋衣</t>
  </si>
  <si>
    <t>【苍龍GARMENT】男女同款可拆卸内胆两件套冲锋裤</t>
  </si>
  <si>
    <t>【晋西口】有机荞麦粉\2kg/件</t>
  </si>
  <si>
    <t>山西晋西口农副产品有限公司</t>
  </si>
  <si>
    <t>晋西口</t>
  </si>
  <si>
    <t>GNWZBPCG2021-0051-01</t>
  </si>
  <si>
    <t>2021年度北京配送右玉县晋西口食品集团级长协采购框架合同</t>
  </si>
  <si>
    <t>【晋西口】有机裸燕麦粉\2kg/件</t>
  </si>
  <si>
    <t>【晋西口】桶装藜麦米\458g/件</t>
  </si>
  <si>
    <t>【晋西口】有机荞麦米\360g/件</t>
  </si>
  <si>
    <t>【晋西口】有机燕麦米\405g/件</t>
  </si>
  <si>
    <t>【晋西口】有机燕麦片\308g/件</t>
  </si>
  <si>
    <t>【晋西口】有机玉米糁\410g/件</t>
  </si>
  <si>
    <t>【晋西口】有机豌豆米\410g/件</t>
  </si>
  <si>
    <t>【晋西口】有机扁豆\420g/件</t>
  </si>
  <si>
    <t>【晋西口】有机小米\420g/件</t>
  </si>
  <si>
    <t>【晋西口】有机小黑豆\358g/件</t>
  </si>
  <si>
    <t>【晋西口】有机羊眼豆\358g/件</t>
  </si>
  <si>
    <t>【晋西口】豌豆糊粉\320g/件</t>
  </si>
  <si>
    <t>GNWZBPCG2021-0051-02</t>
  </si>
  <si>
    <t>【晋西口】五谷杂粮礼盒\3.697kg/件</t>
  </si>
  <si>
    <t>【晋西口】五谷三清米礼盒\2.56kg/件</t>
  </si>
  <si>
    <t>【晋西口】荞麦高纤面礼盒\3kg/件</t>
  </si>
  <si>
    <t>【晋西口】燕麦米礼盒\2.43kg/件</t>
  </si>
  <si>
    <t>【晋西口】桶装苦荞米\228g/件</t>
  </si>
  <si>
    <t>【晋西口】燕麦高纤面条\165g/件</t>
  </si>
  <si>
    <t>【晋西口】苦荞高纤面条\165g/件</t>
  </si>
  <si>
    <t>【晋西口】荞麦高纤面条\165g/件</t>
  </si>
  <si>
    <t>【晋西口】红豆薏米粉\450g/件</t>
  </si>
  <si>
    <t>【晋西口】黑豆芝麻粉\375g/件</t>
  </si>
  <si>
    <t>【京源农业】羊肚菌\38g/件</t>
  </si>
  <si>
    <t>布拖县京源农业发展有限公司</t>
  </si>
  <si>
    <t>京源农业</t>
  </si>
  <si>
    <t>GNWZTHCG2021-0056-01</t>
  </si>
  <si>
    <t>2021年度北京配送布拖县京源食品集团级长协采购框架合同</t>
  </si>
  <si>
    <t>【京源农业】牛肝菌\50g/件</t>
  </si>
  <si>
    <t>【京源农业】野生香菇\50g/件</t>
  </si>
  <si>
    <t>【京源农业】黄金菇\50g/件</t>
  </si>
  <si>
    <t>【京源农业】青杠菌\50g/件</t>
  </si>
  <si>
    <t>【京源农业】鸡枞菌\38g/件</t>
  </si>
  <si>
    <t>【京源农业】青花椒\85g×2瓶/件</t>
  </si>
  <si>
    <t>【京源农业】红花椒\85g×2瓶/件</t>
  </si>
  <si>
    <t>【京源农业】苦荞芯粉\500g/件</t>
  </si>
  <si>
    <t>【京源农业】苦荞芯粉\2500g/件</t>
  </si>
  <si>
    <t>【京源农业】苦荞珍珠米\500g/件</t>
  </si>
  <si>
    <t>【京源农业】苦荞珍珠米\2500g/件</t>
  </si>
  <si>
    <t>【京源农业】苦荞挂面\900g/件</t>
  </si>
  <si>
    <t>【京源农业】野生菌套餐\390g/件</t>
  </si>
  <si>
    <t>【京源农业】黑苦荞茶\150g/件</t>
  </si>
  <si>
    <t>GNWZBPCG2021-0056-02</t>
  </si>
  <si>
    <t>【京源农业】黄苦荞茶\150g/件</t>
  </si>
  <si>
    <t>【京源农业】苦荞糕点套餐\800g/件</t>
  </si>
  <si>
    <t>【京源农业】苦荞杂粮套餐\3368g/件</t>
  </si>
  <si>
    <t>【京源农业】苦荞糕点套餐\1063g/件</t>
  </si>
  <si>
    <t>【农到家】乳酸菌沙棘汁\1L×5瓶/件</t>
  </si>
  <si>
    <t>山西农到家食品有限公司</t>
  </si>
  <si>
    <t>农到家</t>
  </si>
  <si>
    <t>GNWZBPCG2021-0055-03</t>
  </si>
  <si>
    <t>2021年度北京配送右玉县农到家食品集团级长协采购框架合同</t>
  </si>
  <si>
    <t>【农到家】乳酸菌山楂汁\1L×5瓶/件</t>
  </si>
  <si>
    <t>【农到家】亚麻籽油\5L/件</t>
  </si>
  <si>
    <t>GNWZBPCG2021-0055-02</t>
  </si>
  <si>
    <t>【农到家】五谷杂粮礼盒\400g×8罐/件</t>
  </si>
  <si>
    <t>【农到家】花生油\5L/件</t>
  </si>
  <si>
    <t>【农到家】花茶礼盒\260g/件</t>
  </si>
  <si>
    <t>【农到家】有机杂粮礼盒\1kg×3袋/件</t>
  </si>
  <si>
    <t>【农到家】大米\5kg/件</t>
  </si>
  <si>
    <t>【农到家】乳酸菌山楂汁\1L×2瓶/件</t>
  </si>
  <si>
    <t>【农到家】燕麦原浆酒\500ml/件</t>
  </si>
  <si>
    <t>【农到家】有机玉米糁\1kg/件</t>
  </si>
  <si>
    <t>【农到家】苦荞酒\500ml/件</t>
  </si>
  <si>
    <t>【农到家】有机玉米糁\270g×3袋/件</t>
  </si>
  <si>
    <t>【农到家】苦荞茶\500g/件</t>
  </si>
  <si>
    <t>【农到家】苦荞茶\300g/件</t>
  </si>
  <si>
    <t>【农到家】有机小黑豆\230g×3袋/件</t>
  </si>
  <si>
    <t>【农到家】即食藜麦燕麦片\450g/件</t>
  </si>
  <si>
    <t>【农到家】有机燕麦米\1kg/件</t>
  </si>
  <si>
    <t>【农到家】食藜麦燕麦片礼盒\450g×2袋/件</t>
  </si>
  <si>
    <t>【农到家】红豆薏米枸杞粉\750g/件</t>
  </si>
  <si>
    <t>【农到家】有机小黑豆\1kg/件</t>
  </si>
  <si>
    <t>【农到家】黑豆芝麻核桃粉\750g/件</t>
  </si>
  <si>
    <t>【农到家】五谷杂粮礼盒\1572g/件</t>
  </si>
  <si>
    <t>【农到家】有机羊眼豆\240g×3袋/件</t>
  </si>
  <si>
    <t>【农到家】麦片组合\500g×2罐/件</t>
  </si>
  <si>
    <t>【农到家】亚麻籽油礼盒\250ml/件</t>
  </si>
  <si>
    <t>【农到家】黑芝麻粉\600g/件</t>
  </si>
  <si>
    <t>【农到家】苦荞茶\250g/件</t>
  </si>
  <si>
    <t>【农到家】亚麻籽油礼盒\500ml×2瓶/件</t>
  </si>
  <si>
    <t>【农到家】黄花菜\100g×2袋/件</t>
  </si>
  <si>
    <t>【农到家】豌豆糊\1kg×2袋/件</t>
  </si>
  <si>
    <t>【农到家】坚果水果燕麦片便携装\25g×15袋/件</t>
  </si>
  <si>
    <t>【农到家】燕麦方便速食面\200g×10包/件</t>
  </si>
  <si>
    <t>【农到家】荞麦方便速食面\200g×10包/件</t>
  </si>
  <si>
    <t>【农到家】牛肉干\200g/件</t>
  </si>
  <si>
    <t>【农到家】沙棘汁\1L/件</t>
  </si>
  <si>
    <t>【农到家】沙棘原浆礼盒\2L/件</t>
  </si>
  <si>
    <t>【农到家】红豆薏米粥米\400g×2罐/件</t>
  </si>
  <si>
    <t>【农到家】花生燕麦粥\400g×2罐/件</t>
  </si>
  <si>
    <t>【农到家】秘制芥菜\500g×2瓶/件</t>
  </si>
  <si>
    <t>【农到家】五谷杂粮礼盒\1588g/件</t>
  </si>
  <si>
    <t>【农到家】可口芥菜丝\500g×2瓶/件</t>
  </si>
  <si>
    <t>【农到家】沙棘茶\50g/件</t>
  </si>
  <si>
    <t>【农到家】酱香芥菜\500g×2瓶/件</t>
  </si>
  <si>
    <t>【农到家】贵妃脆皮菜\500g×2瓶/件</t>
  </si>
  <si>
    <t>【农到家】自热锅烧烤牛肉\100g×2盒/件</t>
  </si>
  <si>
    <t>【农到家】牛肉干\500g/件</t>
  </si>
  <si>
    <t>【农到家】咸鸭蛋\20枚/件</t>
  </si>
  <si>
    <t>【农到家】牛板筋\200g×2袋/件</t>
  </si>
  <si>
    <t>【农到家】沙棘籽油口服液\3ml×10瓶/件</t>
  </si>
  <si>
    <t>【农到家】老陈醋\2.5L/件</t>
  </si>
  <si>
    <t>【农到家】沙棘原浆口服液\50ml×6瓶/件</t>
  </si>
  <si>
    <t>【农到家】健康营养麦片礼盒\2.5kg/件</t>
  </si>
  <si>
    <t>【农到家】沙棘汁\330ml×10瓶/件</t>
  </si>
  <si>
    <t>【农到家】香菇干\70g/件</t>
  </si>
  <si>
    <t>【农到家】藜麦小米粥米\400g×2罐/件</t>
  </si>
  <si>
    <t>【农到家】十谷粥米\400g×2罐/件</t>
  </si>
  <si>
    <t>【农到家】什锦果蔬脆片\90g/件</t>
  </si>
  <si>
    <t>【农到家】五谷杂粮礼盒\1537g/件</t>
  </si>
  <si>
    <t>【农到家】银耳莲子米粥米\400g×2罐/件</t>
  </si>
  <si>
    <t>【农到家】养生谷物组合\45袋/件</t>
  </si>
  <si>
    <t>【农到家】昆仑雪菊\30g×2罐/件</t>
  </si>
  <si>
    <t>【农到家】昆仑胎菊\60g×2罐/件</t>
  </si>
  <si>
    <t>【农到家】玫瑰花蕾茶\45g×2罐/件</t>
  </si>
  <si>
    <t>【农到家】黑枸杞\50g×2瓶/件</t>
  </si>
  <si>
    <t>【农到家】玫瑰花冠茶\25g×2罐/件</t>
  </si>
  <si>
    <t>【农到家】红枣枸杞豆浆豆\1000g/件</t>
  </si>
  <si>
    <t>【农到家】苦荞燕麦豆浆豆\1000g/件</t>
  </si>
  <si>
    <t>【农到家】黑豆燕麦豆浆豆\1000g/件</t>
  </si>
  <si>
    <t>【农到家】玉米花生豆浆豆\1000g/件</t>
  </si>
  <si>
    <t>【农到家】黑芝麻核桃豆浆豆\1000g/件</t>
  </si>
  <si>
    <t>【农到家】银耳莲子豆浆豆\1000g/件</t>
  </si>
  <si>
    <t>【农到家】绿豆小米豆浆豆\1000g/件</t>
  </si>
  <si>
    <t>【农到家】亚麻籽油礼盒\750ml×2瓶/件</t>
  </si>
  <si>
    <t>【农到家】红豆薏米豆浆豆\1000g/件</t>
  </si>
  <si>
    <t>【农到家】竹盐醋口服液\10ml×2支×2盒/件</t>
  </si>
  <si>
    <t>【农到家】水果燕麦片\500g/件</t>
  </si>
  <si>
    <t>【农到家】藜麦米\1kg/件</t>
  </si>
  <si>
    <t>【农到家】黑豆芝麻核桃粉\25g×15条/件</t>
  </si>
  <si>
    <t>【农到家】有机生燕麦片\1kg×2袋/件</t>
  </si>
  <si>
    <t>【农到家】地皮菜\50g×2袋/件</t>
  </si>
  <si>
    <t>【农到家】黑木耳\250g/件</t>
  </si>
  <si>
    <t>【农到家】黑木耳\500g/件</t>
  </si>
  <si>
    <t>【农到家】黑五谷米粥米\400g×2罐/件</t>
  </si>
  <si>
    <t>【农到家】珍珠米\2.5kg/件</t>
  </si>
  <si>
    <t>【农到家】五谷杂粮组合\2042g/件</t>
  </si>
  <si>
    <t>【农到家】果蔬干组合\220g/件</t>
  </si>
  <si>
    <t>【农到家】大米\2.5kg/件</t>
  </si>
  <si>
    <t>【农到家】红豆薏米枸杞粉\30g×15袋/件</t>
  </si>
  <si>
    <t>【农到家】有机生燕麦片\1kg/件</t>
  </si>
  <si>
    <t>【农到家】沙棘原浆礼盒\2L×2袋/件</t>
  </si>
  <si>
    <t>【农到家】干豆角\250g/件</t>
  </si>
  <si>
    <t>【农到家】牛肉干组合\200g×2/件</t>
  </si>
  <si>
    <t>【农到家】甜糯玉米混合装\8支/件</t>
  </si>
  <si>
    <t>【农到家】手工陈醋\420ml×12瓶/件</t>
  </si>
  <si>
    <t>【农到家】手工陈醋\420ml×3瓶/件</t>
  </si>
  <si>
    <t>【农到家】有机苦荞米\1kg/件</t>
  </si>
  <si>
    <t>【农到家】八珍菌汤包\80g/件</t>
  </si>
  <si>
    <t>【农到家】羊杂粉丝汤\150g×2盒/件</t>
  </si>
  <si>
    <t>【农到家】坚果燕麦片\500g/件</t>
  </si>
  <si>
    <t>【农到家】小香菇\250g/件</t>
  </si>
  <si>
    <t>【农到家】小香菇\500g/件</t>
  </si>
  <si>
    <t>【农到家】杏脯\280g×2袋/件</t>
  </si>
  <si>
    <t>【农到家】黄小米\5斤/件</t>
  </si>
  <si>
    <t>【农到家】乳酸菌沙棘汁\1L×2瓶/件</t>
  </si>
  <si>
    <t>【农到家】红豆绿豆组合\500g×2罐/件</t>
  </si>
  <si>
    <t>【农到家】小红豆\500g×2罐/件</t>
  </si>
  <si>
    <t>【农到家】羊杂粉丝汤礼盒装\150g×6盒/件</t>
  </si>
  <si>
    <t>【农到家】小绿豆\500g×2罐/件</t>
  </si>
  <si>
    <t>【农到家】无花果干\500g×2袋/件</t>
  </si>
  <si>
    <t>【农到家】有机扁豆\265g×3袋/件</t>
  </si>
  <si>
    <t>【农到家】杂粮套餐\10L 1370g/件</t>
  </si>
  <si>
    <t>【农到家】杂粮套餐\6L 1800g/件</t>
  </si>
  <si>
    <t>【农到家】有机荞麦米\243g×3袋/件</t>
  </si>
  <si>
    <t>【农到家】五谷套餐\10L 3400g/件</t>
  </si>
  <si>
    <t>【农到家】五谷套餐\10L 3250g/件</t>
  </si>
  <si>
    <t>【农到家】五谷套餐\1L 5920g/件</t>
  </si>
  <si>
    <t>【农到家】杂粮套餐\1L 3900g/件</t>
  </si>
  <si>
    <t>【农到家】烤羊腿\900g/件</t>
  </si>
  <si>
    <t>【农到家】酱羊肉\150g×2袋/件</t>
  </si>
  <si>
    <t>【农到家】一口香羊肉\118g×2袋/件</t>
  </si>
  <si>
    <t>【农到家】养生丸组合\2罐/件</t>
  </si>
  <si>
    <t>【农到家】红豆薏米丸\9g×18粒/件</t>
  </si>
  <si>
    <t>【农到家】黑芝麻核桃丸\9g×18粒/件</t>
  </si>
  <si>
    <t>【农到家】有机燕麦米\256g×3袋/件</t>
  </si>
  <si>
    <t>【农到家】红豆黑米粥米\400g×2罐/件</t>
  </si>
  <si>
    <t>【农到家】莲子芡实粥\400g×2罐/件</t>
  </si>
  <si>
    <t>【农到家】藜麦米\276g×3袋/件</t>
  </si>
  <si>
    <t>【农到家】蒲公英茶\50g×2罐/件</t>
  </si>
  <si>
    <t>【农到家】有机苦荞米\270g×3袋/件</t>
  </si>
  <si>
    <t>【农到家】黄小米\1kg×2袋/件</t>
  </si>
  <si>
    <t>【农到家】黄花菜\100g/件</t>
  </si>
  <si>
    <t>【农到家】羊肚菌\25g/件</t>
  </si>
  <si>
    <t>【农到家】菜籽油\5L/件</t>
  </si>
  <si>
    <t>【江苏龙源】催化剂\蜂窝式\脱硝装置</t>
  </si>
  <si>
    <t>江苏龙源催化剂有限公司</t>
  </si>
  <si>
    <t>江苏龙源</t>
  </si>
  <si>
    <t>【江苏龙源】废旧催化剂处置\蜂窝式\脱销装置</t>
  </si>
  <si>
    <t>【京源农业】青红花椒\85g×2瓶/件</t>
  </si>
  <si>
    <t>【上电】电力物资-检修服务-A级检修-发电机内部隐患检查及核心部件检修</t>
  </si>
  <si>
    <t>上电发电机厂</t>
  </si>
  <si>
    <t>【上电】电力物资-检修服务-B级检修-励磁机返厂保养检查</t>
  </si>
  <si>
    <t>【太行】电商全合成重负荷工业齿轮油\VG150;1×170kg\太行</t>
  </si>
  <si>
    <t>山西潞安太行润滑油有限公司</t>
  </si>
  <si>
    <t>太行</t>
  </si>
  <si>
    <t>GNWZTHBP2021-0046</t>
  </si>
  <si>
    <t>2020年度北京配送（天泓公司）太行润滑油河南区域级商城铺货长协采购</t>
  </si>
  <si>
    <t>【太行】电商合成齿轮油\VG220;1×170kg\太行</t>
  </si>
  <si>
    <t>【太行】电商全合成重负荷工业齿轮油\VG320;1×170kg\太行</t>
  </si>
  <si>
    <t>【太行】电商全合成重负荷工业齿轮油\VG460;1×170kg\太行</t>
  </si>
  <si>
    <t>【太行】电商全合成重负荷工业齿轮油\VG680;1×170kg\太行</t>
  </si>
  <si>
    <t>【太行】电商重负荷开式齿轮脂\TH400;1×170kg\太行</t>
  </si>
  <si>
    <t>【太行】电商重负荷开式齿轮脂\TH300;1×170kg\太行</t>
  </si>
  <si>
    <t>【太行】电商重负荷开式齿轮脂\000#;1×170kg\太行</t>
  </si>
  <si>
    <t>【太行】电商重负荷开式齿轮脂\0#;1×170kg\太行</t>
  </si>
  <si>
    <t>【太行】电商高温高效润滑脂\HP-R 3#;1×15kg\太行</t>
  </si>
  <si>
    <t>【太行】电商高温高效润滑脂\HP-R 2#;1×15kg\太行</t>
  </si>
  <si>
    <t>【太行】电商润滑脂\EP-2 2#;1×15kg\太行</t>
  </si>
  <si>
    <t>【太行】电商钙基润滑脂\3#;1×15kg\太行</t>
  </si>
  <si>
    <t>【太行】电商钙基润滑脂\2#;1×15kg\太行</t>
  </si>
  <si>
    <t>【太行】电商极压复合锂基脂\3#;1×15kg\太行</t>
  </si>
  <si>
    <t>【太行】电商极压复合锂基脂\2#;1×15kg\太行</t>
  </si>
  <si>
    <t>【太行】电商极压复合锂基脂\1#;1×15kg\太行</t>
  </si>
  <si>
    <t>【太行】电商二硫化钼锂基脂\3#;1×15kg\太行</t>
  </si>
  <si>
    <t>【太行】电商二硫化钼锂基脂\2#;1×15kg\太行</t>
  </si>
  <si>
    <t>【太行】电商通用锂基脂\3#;1×15kg\太行</t>
  </si>
  <si>
    <t>【太行】电商通用锂基脂\2#;1×15kg\太行</t>
  </si>
  <si>
    <t>【太行】电商通用锂基脂\1#;1×15kg\太行</t>
  </si>
  <si>
    <t>【太行】电商通用锂基脂\0#;1×15kg\太行</t>
  </si>
  <si>
    <t>【太行】电商抗磨液压油\L-HM150;1×170kg\太行</t>
  </si>
  <si>
    <t>【太行】电商抗磨液压油\L-HM100;1×170kg\太行</t>
  </si>
  <si>
    <t>【太行】电商抗磨液压油\L-HM68;1×170kg\太行</t>
  </si>
  <si>
    <t>【太行】电商抗磨液压油\L-HM46;1×170kg\太行</t>
  </si>
  <si>
    <t>【太行】电商抗磨液压油\L-HM32;1×170kg\太行</t>
  </si>
  <si>
    <t>【太行】电商重负荷工业齿轮油\L-CKD680;1×170kg\太行</t>
  </si>
  <si>
    <t>【太行】电商重负荷工业齿轮油\L-CKD460;1×170kg\太行</t>
  </si>
  <si>
    <t>【太行】电商重负荷工业齿轮油\L-CKD320;1×170kg\太行</t>
  </si>
  <si>
    <t>【太行】电商重负荷工业齿轮油\L-CKD220;1×170kg\太行</t>
  </si>
  <si>
    <t>【太行】电商重负荷工业齿轮油\L-CKD150;1×170kg\太行</t>
  </si>
  <si>
    <t>【太行】电商重负荷工业齿轮油\L-CKD100;1×170kg\太行</t>
  </si>
  <si>
    <t>【太行】电商重负荷工业齿轮油\L-CKD68;1×170kg\太行</t>
  </si>
  <si>
    <t>【太行】电商中负荷工业齿轮油\L-CKC680;1×170kg\太行</t>
  </si>
  <si>
    <t>【太行】电商中负荷工业齿轮油\L-CKC460;1×170kg\太行</t>
  </si>
  <si>
    <t>【太行】电商中负荷工业齿轮油\L-CKC320;1×170kg\太行</t>
  </si>
  <si>
    <t>【太行】电商中负荷工业齿轮油\L-CKC220;1×170kg\太行</t>
  </si>
  <si>
    <t>【太行】电商中负荷工业齿轮油\L-CKC150;1×170kg\太行</t>
  </si>
  <si>
    <t>【太行】电商中负荷工业齿轮油\L-CKC100;1×170kg\太行</t>
  </si>
  <si>
    <t>【太行】电商全损耗系统用油\L-AN150;1×170kg\太行</t>
  </si>
  <si>
    <t>【太行】电商全损耗系统用油\L-AN100;1×170kg\太行</t>
  </si>
  <si>
    <t>【太行】电商全损耗系统用油\L-AN68;1×170kg\太行</t>
  </si>
  <si>
    <t>【太行】电商全损耗系统用油\L-AN46;1×170kg\太行</t>
  </si>
  <si>
    <t>【太行】电商全损耗系统用油\L-AN32;1×170kg\太行</t>
  </si>
  <si>
    <t>【太行】电商防锈汽轮机油\L-TSA46 A;1×170kg\太行</t>
  </si>
  <si>
    <t>【太行】电商防锈汽轮机油\L-TSA32 A;1×170kg\太行</t>
  </si>
  <si>
    <t>【东方电气】压帽\4Q8754\东电\国产</t>
  </si>
  <si>
    <t>【东方电气】刷握\2DQ160\东方电机厂\国产</t>
  </si>
  <si>
    <t>【东方电气】止动垫片\3Q7860\东方电机有限公司\国产</t>
  </si>
  <si>
    <t>【东方电气】发电机转子汽端风叶\2Q4896\东方电机厂\国产</t>
  </si>
  <si>
    <t>【东方电气】发电机转子励端风叶\2Q4897\东方电机厂\国产</t>
  </si>
  <si>
    <t>【东方电气】装碳刷工具\3DQ96\国产</t>
  </si>
  <si>
    <t>【东方电气】密封垫圈\4Q7058\氟橡胶</t>
  </si>
  <si>
    <t>【东方电气】转子小导电螺钉密封件\4Q7080\东方电机厂\国产</t>
  </si>
  <si>
    <t>【东方电气】销螺栓\4Q7422\东电\国产</t>
  </si>
  <si>
    <t>【东方电气】圆销\4Q7421\东电\国产</t>
  </si>
  <si>
    <t>【东方电气】圆销\4Q7463\东电\国产</t>
  </si>
  <si>
    <t>【东方电气】衬套\4Q7713\东电\国产</t>
  </si>
  <si>
    <t>【东方电气】气隙量具\3Q6258\国产</t>
  </si>
  <si>
    <t>【东方电气】注胶枪软管\3Q3358序10 SPK-2C\东方电机股份有限公司</t>
  </si>
  <si>
    <t>【东方电气】注胶枪\3Q3358序9 KH-350\东方电机股份有限公司</t>
  </si>
  <si>
    <t>【东方电气】发电机注胶嘴\3Q3358序3\东方电机厂\国产</t>
  </si>
  <si>
    <t>【东方电气】螺栓\4Q7473\东电\国产</t>
  </si>
  <si>
    <t>【东方电气】绝缘垫圈\4Q7222\东方电机有限公司\国产</t>
  </si>
  <si>
    <t>【东方电气】绝缘套管\4Q12560\东方电机有限公司\国产</t>
  </si>
  <si>
    <t>【东方电气】绝缘垫圈\4Q12561\东方电机有限公司\国产</t>
  </si>
  <si>
    <t>【东方电气】端盖密封垫圈\4Q7699\东电\国产</t>
  </si>
  <si>
    <t>【东方电气】密封垫圈\4Q7698\东电\国产</t>
  </si>
  <si>
    <t>【东方电气】橡胶垫圈\4Q7726\东方电机厂\国产</t>
  </si>
  <si>
    <t>【东方电气】橡胶垫圈\4Q7727\东方电机厂\国产</t>
  </si>
  <si>
    <t>【东方电气】绝缘垫圈\4Q7729\东方电机厂\国产</t>
  </si>
  <si>
    <t>【东方电气】绝缘螺栓\4Q7721\东方电机厂\国产</t>
  </si>
  <si>
    <t>【东方电气】绝缘螺栓\4Q7722\东方电机厂\国产</t>
  </si>
  <si>
    <t>【东方电气】止动垫片\4Q7468\东电\国产</t>
  </si>
  <si>
    <t>【东方电气】止动垫圈\4B4452\东电\国产</t>
  </si>
  <si>
    <t>【东方电气】发电机下端盖检修人孔盖密封垫圈\4Q6562\东方电机\国产</t>
  </si>
  <si>
    <t>【东方电气】绝缘套管\4Q7476\东方电机有限公司\国产</t>
  </si>
  <si>
    <t>【东方电气】绝缘套管\4Q7475\东方电机有限公司\国产</t>
  </si>
  <si>
    <t>【东方电气】绝缘垫圈\4Q7474\东方电机厂\国产</t>
  </si>
  <si>
    <t>【东方电气】绝缘垫圈\4Q7536\东方电机厂\国产</t>
  </si>
  <si>
    <t>【东方电气】端盖止动垫圈24\4B4453\东方电机厂\国产</t>
  </si>
  <si>
    <t>【东方电气】端盖止动垫圈\4B4454\东方电机厂\国产</t>
  </si>
  <si>
    <t>【东方电气】上端盖人孔盖密封垫圈\4Q6561\东方电机厂\国产</t>
  </si>
  <si>
    <t>【东方电气】橡皮垫板\4Q7995\东方电机有限公司\国产</t>
  </si>
  <si>
    <t>【东方电气】橡皮衬板\4Q7992\东电\国产</t>
  </si>
  <si>
    <t>【东方电气】橡皮衬板\4Q7993\东电\国产</t>
  </si>
  <si>
    <t>【东方电气】止动垫圈\4B4471\东方电机厂\国产</t>
  </si>
  <si>
    <t>【东方电气】绝缘筒\4Q7071\东电\国产</t>
  </si>
  <si>
    <t>【东方电气】发电机绝缘引水管\1Q4465\东方电机厂\国产</t>
  </si>
  <si>
    <t>【东方电气】发电机绝缘引水管\1Q4466\东方电机厂\国产</t>
  </si>
  <si>
    <t>【东方电气】发电机绝缘引水管\1Q4468\东方电机厂\国产</t>
  </si>
  <si>
    <t>【东方电气】发电机绝缘引水管\1Q4405\东方电机厂\国产</t>
  </si>
  <si>
    <t>【东方电气】发电机绝缘引水管\1Q4406\东方电机厂\国产</t>
  </si>
  <si>
    <t>【东方电气】衬套\4Q7457\东电\国产</t>
  </si>
  <si>
    <t>【东方电气】销螺栓\3Q4002\东电\国产</t>
  </si>
  <si>
    <t>【东方电气】垫圈\4Q7456\东电\国产</t>
  </si>
  <si>
    <t>【东方电气】热电偶\3Q3892\东电\国产</t>
  </si>
  <si>
    <t>【东方电气】螺栓\4Q7472\东电\国产</t>
  </si>
  <si>
    <t>【东方电气】止动垫圈\4B2385\发电机\QFSN-330-2-20B\国产</t>
  </si>
  <si>
    <t>【东方电气】挡油盖\2Q3748\东电\国产</t>
  </si>
  <si>
    <t>【东方电气】密封瓦\1Q3856\东方电机有限公司\国产</t>
  </si>
  <si>
    <t>【东方电气】钢板纸\2Q5394序9\东方电机有限公司\国产</t>
  </si>
  <si>
    <t>【东方电气】电绝缘纸板\1Q4858序38\东电\国产</t>
  </si>
  <si>
    <t>【东方电气】接触式油挡\3Q12773\东方电机有限公司\国产</t>
  </si>
  <si>
    <t>【东方电气】接触式油挡\3Q12772\东方电机有限公司\国产</t>
  </si>
  <si>
    <t>【东方电气】螺栓\4Q7666\东电\国产</t>
  </si>
  <si>
    <t>【东方电气】转子线圈\1Q3636序8\东电\国产</t>
  </si>
  <si>
    <t>【东方电气】转子线圈\1Q3636序7\东电\国产</t>
  </si>
  <si>
    <t>【东方电气】转子线圈\1Q3636序6\东电\国产</t>
  </si>
  <si>
    <t>【东方电气】转子线圈\1Q3636序5\东电\国产</t>
  </si>
  <si>
    <t>【东方电气】转子线圈\1Q3636序4\东电\国产</t>
  </si>
  <si>
    <t>【东方电气】转子线圈\1Q3636序3\东电\国产</t>
  </si>
  <si>
    <t>【东方电气】转子线圈\1Q3636序2\东电\国产</t>
  </si>
  <si>
    <t>【东方电气】调节垫片\4Q8529\东电\国产</t>
  </si>
  <si>
    <t>【东方电气】转子线圈\1Q3325序8\东电\国产</t>
  </si>
  <si>
    <t>【东方电气】转子线圈\1Q3325序7\东电\国产</t>
  </si>
  <si>
    <t>【东方电气】转子线圈\1Q3325序6\东电\国产</t>
  </si>
  <si>
    <t>【东方电气】转子线圈\1Q3325序5\东电\国产</t>
  </si>
  <si>
    <t>【东方电气】转子线圈\1Q3325序4\东电\国产</t>
  </si>
  <si>
    <t>【东方电气】转子线圈\1Q3325序3\东电\国产</t>
  </si>
  <si>
    <t>【东方电气】转子线圈\1Q3325序2\东电\国产</t>
  </si>
  <si>
    <t>【东方电气】转子线圈\1Q3325序1\东电\国产</t>
  </si>
  <si>
    <t>【东方电气】密封垫圈\4Q10223\东电\国产</t>
  </si>
  <si>
    <t>【东方电气】氢气冷却器装配压条\3Q4094\国产</t>
  </si>
  <si>
    <t>【东方电气】螺栓\GB5782\螺杆泵\QGB750.2EZ/7-YVP160M-4(11kW)\国产</t>
  </si>
  <si>
    <t>【东方电气】垫片组\2Q7134\东方电机厂\国产</t>
  </si>
  <si>
    <t>【东方电气】密封垫圈\3Q7185\东方电机厂\国产</t>
  </si>
  <si>
    <t>【东方电气】密封垫圈\3Q7187\东方电机厂\国产</t>
  </si>
  <si>
    <t>【东方电气】密封垫圈\3Q7189\东方电机厂\国产</t>
  </si>
  <si>
    <t>【东方电气】密封垫\3Q12701\东方电机厂\国产</t>
  </si>
  <si>
    <t>【东方电气】密封垫\3Q12704\东方电机厂\国产</t>
  </si>
  <si>
    <t>【东方电气】密封垫片\4Q16195\东方电机厂\国产</t>
  </si>
  <si>
    <t>【东方电气】带耳垫圈\4Q13534\东方电机厂\国产</t>
  </si>
  <si>
    <t>【东方电气】风扇螺钉\4Q15891\东方电机厂\国产</t>
  </si>
  <si>
    <t>【东方电气】止动垫片\4Q15889\东方电机厂\国产</t>
  </si>
  <si>
    <t>【东方电气】双孔垫片\4Q15673\东方电机厂\国产</t>
  </si>
  <si>
    <t>【东方电气】双孔垫片\4Q15674\东方电机厂\国产</t>
  </si>
  <si>
    <t>【东方电气】密封垫\3Q12710\东方电机厂\国产</t>
  </si>
  <si>
    <t>【东方电气】密封垫\3Q12711\东方电机厂\国产</t>
  </si>
  <si>
    <t>【东方电气】绝缘垫圈\4Q12072\东方电机厂\国产</t>
  </si>
  <si>
    <t>【东方电气】止动垫圈\4B4451\东方电机厂\国产</t>
  </si>
  <si>
    <t>【东方电气】绝缘垫圈\4Q12071\东方电机厂\国产</t>
  </si>
  <si>
    <t>【东方电气】锁紧套筒\4Q12097\东方电机厂\国产</t>
  </si>
  <si>
    <t>【东方电气】绝缘垫圈\4Q15634\东方电机厂\国产</t>
  </si>
  <si>
    <t>【东方电气】绝缘垫圈\4Q15635\东方电机厂\国产</t>
  </si>
  <si>
    <t>【东方电气】绝缘垫圈\4Q15633\东方电机厂\国产</t>
  </si>
  <si>
    <t>【东方电气】绝缘垫圈\4Q11975\东方电机厂\国产</t>
  </si>
  <si>
    <t>【东方电气】线夹\3Q12713\东方电机厂\国产</t>
  </si>
  <si>
    <t>【东方电气】线夹\3Q12714\东方电机厂\国产</t>
  </si>
  <si>
    <t>【东方电气】止动垫圈\4B4621\东方电机厂\国产</t>
  </si>
  <si>
    <t>【东方电气】止动垫圈\3Q12717\东方电机厂\国产</t>
  </si>
  <si>
    <t>【东方电气】单耳止动垫圈\4B4448\东方电机厂\国产</t>
  </si>
  <si>
    <t>【东方电气】密封垫圈\4Q15851\东方电机厂\国产</t>
  </si>
  <si>
    <t>【东方电气】密封垫圈\4Q15852\东方电机厂\国产</t>
  </si>
  <si>
    <t>【东方电气】密封垫圈\4Q15853\东方电机厂\国产</t>
  </si>
  <si>
    <t>【东方电气】密封垫圈\4Q15855\东方电机厂\国产</t>
  </si>
  <si>
    <t>【东方电气】密封垫圈\4Q12349\东方电机厂\国产</t>
  </si>
  <si>
    <t>【东方电气】密封垫圈\4Q12352\东方电机厂\国产</t>
  </si>
  <si>
    <t>【东方电气】密封垫圈\4Q15872\东方电机厂\国产</t>
  </si>
  <si>
    <t>【东方电气】密封垫圈\4Q15873\东方电机厂\国产</t>
  </si>
  <si>
    <t>【东方电气】密封垫圈\4Q12351\东方电机厂\国产</t>
  </si>
  <si>
    <t>【东方电气】密封垫圈\4Q12726\东方电机厂\国产</t>
  </si>
  <si>
    <t>【东方电气】密封垫圈\4Q15587\东方电机厂\国产</t>
  </si>
  <si>
    <t>【东方电气】吊架装配\1Q4575-S序1\东方电机\国产</t>
  </si>
  <si>
    <t>【东方电气】滑动底座\3Q7479\东方电机\国产</t>
  </si>
  <si>
    <t>【东方电气】滑动底座\3Q7480\东方电机\国产</t>
  </si>
  <si>
    <t>【东方电气】铜编织扁线\2Q5466序6\东方电机\国产</t>
  </si>
  <si>
    <t>【东方电气】螺杆\4Q12595\东方电机\国产</t>
  </si>
  <si>
    <t>【东方电气】铜螺母\1Q5185项2\东方电机\国产</t>
  </si>
  <si>
    <t>【东方电气】铜垫圈\1Q5185项3\东方电机\国产</t>
  </si>
  <si>
    <t>【东方电气】探测线圈\1Q4505序4\东方电机\国产</t>
  </si>
  <si>
    <t>【东方电气】螺栓\3Q7862\东方电机\国产</t>
  </si>
  <si>
    <t>【东方电气】O型密封圈\4Q12705\东方电机\国产</t>
  </si>
  <si>
    <t>【东方电气】密封垫圈\3Q7460\东方电机\国产</t>
  </si>
  <si>
    <t>【东方电气】密封圈\4Q13352\东方电机\国产</t>
  </si>
  <si>
    <t>【东方电气】螺栓\4Q6618\东方电机\国产</t>
  </si>
  <si>
    <t>【东方电气】垫圈\4Q6592\东方电机\国产</t>
  </si>
  <si>
    <t>【东方电气】垫片\4Q7420\东方电机\国产</t>
  </si>
  <si>
    <t>【东方电气】盖板\4Q7461\东方电机\国产</t>
  </si>
  <si>
    <t>【东方电气】上半绝缘板\3Q7808序1\东方电机\国产</t>
  </si>
  <si>
    <t>【东方电气】下半绝缘板\3Q7808序2\东方电机\国产</t>
  </si>
  <si>
    <t>【东方电气】橡胶板\3Q8805\东方电机\国产</t>
  </si>
  <si>
    <t>【东方电气】吊架装配\2Q5394\东方电机\国产</t>
  </si>
  <si>
    <t>【东方电气】螺栓\4Q12708\东方电机\国产</t>
  </si>
  <si>
    <t>【东方电气】绝缘螺栓\4Q12871\东方电机\国产</t>
  </si>
  <si>
    <t>【东方电气】橡胶垫圈\4Q12823\东方电机\国产</t>
  </si>
  <si>
    <t>【东方电气】法兰\4Q13461\东方电机\国产</t>
  </si>
  <si>
    <t>【东方电气】转子起吊保护夹\4Q13374\东方电机\国产</t>
  </si>
  <si>
    <t>【东方电气】电刷\3Q8058\东方电机\国产</t>
  </si>
  <si>
    <t>【东方电气】止动垫圈\4B4717\东方电机\国产</t>
  </si>
  <si>
    <t>【东方电气】止动垫圈\4Q7460\东方电机\国产</t>
  </si>
  <si>
    <t>【东方电气】定位销\3Q7807\东方电机\国产</t>
  </si>
  <si>
    <t>【东方电气】轴承套装配\1Q4510\东方电机\国产</t>
  </si>
  <si>
    <t>【东方电气】密封垫\4Q14225\东方电机\国产</t>
  </si>
  <si>
    <t>【东方电气】密封垫\4Q14226\东方电机\国产</t>
  </si>
  <si>
    <t>【东方电气】密封垫圈\4Q7057\东方电机\国产</t>
  </si>
  <si>
    <t>【东方电气】双孔止动垫圈\4Q12450\东方电机\国产</t>
  </si>
  <si>
    <t>【东方电气】垫圈\4Q12562\东方电机\国产</t>
  </si>
  <si>
    <t>【东方电气】密封垫圈\4Q12563\东方电机\国产</t>
  </si>
  <si>
    <t>【东方电气】止动垫圈\3Q7447\东方电机\国产</t>
  </si>
  <si>
    <t>【东方电气】双孔止动垫圈\4Q12451\东方电机\国产</t>
  </si>
  <si>
    <t>【东方电气】止动垫圈\3Q7446\东方电机\国产</t>
  </si>
  <si>
    <t>【东方电气】平衡块\3Q7887\东方电机\国产</t>
  </si>
  <si>
    <t>【东方电气】平衡块\3Q7855\东方电机\国产</t>
  </si>
  <si>
    <t>【东方电气】平衡块\3Q7865\东方电机\国产</t>
  </si>
  <si>
    <t>【东方电气】集电环风扇\3Q3644\东方电机\国产</t>
  </si>
  <si>
    <t>【东方电气】止动垫片\4Q7083\东方电机\国产</t>
  </si>
  <si>
    <t>【东方电气】止动垫片\4Q7084\东方电机\国产</t>
  </si>
  <si>
    <t>【东方电气】发电机绝缘引水管\QFSN-1000-2-27 1Q4467\东方电机厂\国产</t>
  </si>
  <si>
    <t>【东方电气】波纹板\2Q4830\东方电机\国产</t>
  </si>
  <si>
    <t>【东方电气】波纹板\2Q4831\东方电机\国产</t>
  </si>
  <si>
    <t>【东方电气】端头槽楔\0Q426序1\东方电机\国产</t>
  </si>
  <si>
    <t>【东方电气】槽楔\0Q426序2\东方电机\国产</t>
  </si>
  <si>
    <t>【东方电气】槽楔\0Q426序3\东方电机\国产</t>
  </si>
  <si>
    <t>【东方电气】槽楔\0Q426序4\东方电机\国产</t>
  </si>
  <si>
    <t>【东方电气】槽楔\0Q426序5\东方电机\国产</t>
  </si>
  <si>
    <t>【东方电气】槽楔\0Q426序6\东方电机\国产</t>
  </si>
  <si>
    <t>【东方电气】槽楔\0Q426序7\东方电机\国产</t>
  </si>
  <si>
    <t>【东方电气】绝缘销\4Q12649\东方电机\国产</t>
  </si>
  <si>
    <t>【东方电气】自锁螺母\79AE-080STN1/2\东方电机\国产</t>
  </si>
  <si>
    <t>【东方电气】绝缘管\4Q12565\东方电机\国产</t>
  </si>
  <si>
    <t>【东方电气】稳定轴瓦\1Q4511\东方电机\国产</t>
  </si>
  <si>
    <t>【东方电气】绝缘套筒\4Q12754\东方电机\国产</t>
  </si>
  <si>
    <t>【东方电气】绝缘板\3Q7892\东方电机\国产</t>
  </si>
  <si>
    <t>【东方电气】绝缘板\3Q7893\东方电机\国产</t>
  </si>
  <si>
    <t>【东方电气】支撑瓷套管\2Q4887\东方电机\国产</t>
  </si>
  <si>
    <t>【东方电气】密封垫\3DQ323\东方电机\国产</t>
  </si>
  <si>
    <t>【东方电气】密封垫\3DQ324\东方电机\国产</t>
  </si>
  <si>
    <t>【东方电气】密封垫\4DQ624\东方电机\国产</t>
  </si>
  <si>
    <t>【东方电气】止动垫圈\4Q3455\东方电机\国产</t>
  </si>
  <si>
    <t>【东方电气】轴承挡油杯\2Q3747\东方电机厂\国产</t>
  </si>
  <si>
    <t>【东方电气】汽端氢侧密封瓦\1Q3855\东方电机\国产</t>
  </si>
  <si>
    <t>【东方电气】涤玻绳\φ3\东方电机\国产</t>
  </si>
  <si>
    <t>【东方电气】涤纶玻璃纤维带\DER\东方电机\国产</t>
  </si>
  <si>
    <t>【东方电气】无碱玻璃纤维特种带\1Q3262-S项47\东方电机\国产</t>
  </si>
  <si>
    <t>【东方电气】绝缘撑块\4Q7244\东方电机\国产</t>
  </si>
  <si>
    <t>【东方电气】油管\4Q7725\东方电机\国产</t>
  </si>
  <si>
    <t>【东方电气】绝缘衬块\3Q7891\东方电机\国产</t>
  </si>
  <si>
    <t>【东方电气】铜钎料\2Q10311序8\东方电机\国产</t>
  </si>
  <si>
    <t>【东方电气】铜钎料\1Q4038序9\东方电机\国产</t>
  </si>
  <si>
    <t>【东方电气】铜钎料\1Q4431序20\东方电机\国产</t>
  </si>
  <si>
    <t>【东方电气】铜钎料\1Q15347序9\东方电机\国产</t>
  </si>
  <si>
    <t>【东方电气】硅橡胶自粘带\1Q1602序22\东方电机\国产</t>
  </si>
  <si>
    <t>【东方电气】硅橡胶自粘带\1Q2216序46\东方电机\国产</t>
  </si>
  <si>
    <t>【东方电气】电流互感器\2Q13063项4\东方电机\国产</t>
  </si>
  <si>
    <t>【东方电气】垫圈\1Q1603项17\东方电机\国产</t>
  </si>
  <si>
    <t>【东方电气】导风环\2Q4753\东方电机\国产</t>
  </si>
  <si>
    <t>【东方电气】软连接线\2Q4886\东方电机\国产</t>
  </si>
  <si>
    <t>【东方电气】密封垫\3DQ761\东方电机\国产</t>
  </si>
  <si>
    <t>【东方电气】密封垫\3DQ760\东方电机\国产</t>
  </si>
  <si>
    <t>【东方电气】衬垫\1Q7437序15\东方电机\国产</t>
  </si>
  <si>
    <t>【东方电气】衬垫\1Q7437序11\东方电机\国产</t>
  </si>
  <si>
    <t>【东方电气】衬垫\1Q3937序12\东方电机\国产</t>
  </si>
  <si>
    <t>【东方电气】带耳垫圈\1Q7437序6\东方电机\国产</t>
  </si>
  <si>
    <t>【东方电气】玻璃布管\1Q8024序49\东方电机\国产</t>
  </si>
  <si>
    <t>【东方电气】玻璃布管\1Q8024序65\东方电机\国产</t>
  </si>
  <si>
    <t>【东方电气】玻璃布管\2Q7576序14\东方电机\国产</t>
  </si>
  <si>
    <t>【东方电气】线夹\3Q12859\东方电机\国产</t>
  </si>
  <si>
    <t>【东方电气】硅橡胶玻璃漆管\2Q7784序6\东方电机\国产</t>
  </si>
  <si>
    <t>【东方电气】玻璃布粘带\2Q4565序7\东方电机\国产</t>
  </si>
  <si>
    <t>【东方电气】弹性垫圈\4Q7078\东方电机\国产</t>
  </si>
  <si>
    <t>【东方电气】垫圈\4Q9306\东方电机厂\国产</t>
  </si>
  <si>
    <t>【东方电气】绝缘筒\4Q11187\东方电机厂\国产</t>
  </si>
  <si>
    <t>【东方电气】绝缘筒\4Q11188\东方电机厂\国产</t>
  </si>
  <si>
    <t>【金圣斯/KINGSONS】双肩背包\电脑包 32*18*46.5CM 15.6寸 黑色 涤纶面料 带USB充电接口 闭合方式拉链</t>
  </si>
  <si>
    <t>广州市金圣斯箱包科技有限公司</t>
  </si>
  <si>
    <t>金圣斯/KINGSONS</t>
  </si>
  <si>
    <t>GNWZBPCG2021-0045</t>
  </si>
  <si>
    <t>国家能源e购商城IT专区电脑包产品集团级长协采购框架协议</t>
  </si>
  <si>
    <t>【金圣斯/KINGSONS】手提包\电脑包 48.5*7*28CM 13.3寸 黑色 防沷水涤纶料 气囊防震专利技术 闭合方式拉链</t>
  </si>
  <si>
    <t>【金圣斯/KINGSONS】手提包\电脑包 48.5*7*28CM 13.3寸 黑色 定制LOGO 防沷水涤纶料 气囊防震专利技术 闭合方式拉链</t>
  </si>
  <si>
    <t>【金圣斯/KINGSONS】手提包\电脑包 48.5*7*28CM 13.3寸 灰色 防沷水涤纶料 气囊防震专利技术 闭合方式拉链</t>
  </si>
  <si>
    <t>【金圣斯/KINGSONS】手提包\电脑包 48.5*7*28CM 13.3寸 灰色 定制LOGO 防沷水涤纶料 气囊防震专利技术 闭合方式拉链</t>
  </si>
  <si>
    <t>【金圣斯/KINGSONS】手提包\电脑包 48.5*7*28CM 15.6寸 黑色 防沷水涤纶料 气囊防震专利技术 闭合方式拉链</t>
  </si>
  <si>
    <t>【金圣斯/KINGSONS】手提包\电脑包 48.5*7*28CM 15.6寸 黑色 定制LOGO 防沷水涤纶料 气囊防震专利技术 闭合方式拉链</t>
  </si>
  <si>
    <t>【金圣斯/KINGSONS】手提包\电脑包 48.5*7*28CM 15.6寸 灰色 防沷水涤纶料 气囊防震专利技术 闭合方式拉链</t>
  </si>
  <si>
    <t>【金圣斯/KINGSONS】手提包\电脑包 48.5*7*28CM 15.6寸 灰色 定制LOGO 防沷水涤纶料 气囊防震专利技术 闭合方式拉链</t>
  </si>
  <si>
    <t>【金圣斯/KINGSONS】双肩背包\电脑包 32*18*46.5CM 15.6寸 黑色 定制LOGO 涤纶面料 带USB充电接口 闭合方式拉链</t>
  </si>
  <si>
    <t>【金圣斯/KINGSONS】双肩背包\电脑包 32*18*46.5CM 15.6寸 灰色 涤纶面料 带USB充电接口 闭合方式拉链</t>
  </si>
  <si>
    <t>【金圣斯/KINGSONS】双肩背包\电脑包 32*18*46.5CM 15.6寸 灰色 定制LOGO 涤纶面料 带USB充电接口 闭合方式拉链</t>
  </si>
  <si>
    <t>【金圣斯/KINGSONS】双肩背包\电脑包 29*18*45.5CM 15.6寸 黑色 防沷水涤纶料 三代 USB充电接口 闭合方式拉链</t>
  </si>
  <si>
    <t>【金圣斯/KINGSONS】双肩背包\电脑包 29*18*45.5CM 15.6寸 黑色 定制LOGO 防沷水涤纶料 三代 USB充电接口 闭合方式拉链</t>
  </si>
  <si>
    <t>【金圣斯/KORIN】双肩背包\电脑包 33*16*43CM 15.6寸 黑色 海关锁防盗设计 防沷水涤纶料 USB充电接口</t>
  </si>
  <si>
    <t>金圣斯/KORIN</t>
  </si>
  <si>
    <t>【金圣斯/KORIN】双肩背包\电脑包 33*16*43CM 15.6寸 黑色 定制LOGO 海关锁防盗设计 防沷水涤纶料 USB充电接口</t>
  </si>
  <si>
    <t>【金圣斯/KORIN】双肩背包\电脑包 34*16*46CM 15.6寸 黑色 裸包 海关锁立体防盗设计 防沷水涤纶料 USB充电接口</t>
  </si>
  <si>
    <t>【金圣斯/KORIN】双肩背包\电脑包 34*16*46CM 15.6寸 黑色 定制LOGO 海关锁立体防盗设计 防沷水涤纶料 USB充电接口</t>
  </si>
  <si>
    <t>【金圣斯/KORIN】双肩背包\电脑包 34*16*46CM 15.6寸 灰色 裸包 海关锁立体防盗设计 防沷水涤纶料 USB充电接口</t>
  </si>
  <si>
    <t>【金圣斯/KORIN】双肩背包\电脑包 34*16*46CM 15.6寸 灰色 定制LOGO 海关锁立体防盗设计 防沷水涤纶料 USB充电接</t>
  </si>
  <si>
    <t>【土家爱】黄豆豆花粉\300g×2袋</t>
  </si>
  <si>
    <t>GNWZBPCG2021-0052</t>
  </si>
  <si>
    <t>北京配送宣恩县土家爱豆制品集团级商城铺货采购框架合同</t>
  </si>
  <si>
    <t>【土家爱】黑豆豆花粉\300g×2袋</t>
  </si>
  <si>
    <t>【土家爱】黑豆腐竹\220g×2袋</t>
  </si>
  <si>
    <t>【土家爱】黑豆皮\300g×2袋</t>
  </si>
  <si>
    <t>【土家爱】黄豆腐竹\600g</t>
  </si>
  <si>
    <t>【土家爱】黄豆豆丝\300g×2</t>
  </si>
  <si>
    <t>【土家爱】黄豆豆结\200g×2</t>
  </si>
  <si>
    <t>【土家爱】黄豆豆翅\200g×2</t>
  </si>
  <si>
    <t>【土家爱】鸡蛋豆皮\300g×2</t>
  </si>
  <si>
    <t>【土家爱】鸡蛋豆丝\300g×2</t>
  </si>
  <si>
    <t>【土家爱】黑豆丝\300g×2</t>
  </si>
  <si>
    <t>【土家爱】黑豆结\300g×2</t>
  </si>
  <si>
    <t>【土家爱】黑豆翅\200g×2</t>
  </si>
  <si>
    <t>【土家爱】黄豆皮\5kg</t>
  </si>
  <si>
    <t>【土家爱】黄豆丝\8kg</t>
  </si>
  <si>
    <t>【土家爱】黄豆结\10kg</t>
  </si>
  <si>
    <t>【土家爱】黄豆翅\5kg</t>
  </si>
  <si>
    <t>【土家爱】黑豆皮\5kg</t>
  </si>
  <si>
    <t>【土家爱】黑豆丝\5kg</t>
  </si>
  <si>
    <t>【土家爱】黑豆结\5kg</t>
  </si>
  <si>
    <t>【土家爱】黑豆翅\5kg</t>
  </si>
  <si>
    <t>【土家爱】黄豆腐竹\5kg</t>
  </si>
  <si>
    <t>【土家爱】黑豆腐竹\5kg</t>
  </si>
  <si>
    <t>【塞上绿洲】沙棘汁\300ml×8瓶/件</t>
  </si>
  <si>
    <t>山西塞上绿洲生物科技有限公司</t>
  </si>
  <si>
    <t>塞上绿洲</t>
  </si>
  <si>
    <t>GNWZBPCG2021-0058</t>
  </si>
  <si>
    <t>2021年度北京配送右玉县塞上绿洲食品集团级长协采购框架合同</t>
  </si>
  <si>
    <t>【塞上绿洲】沙棘汁\300ml×15瓶/件</t>
  </si>
  <si>
    <t>【塞上绿洲】沙棘汁\240ml×12瓶/件</t>
  </si>
  <si>
    <t>【塞上绿洲】沙棘酵素\50ml×6瓶/件</t>
  </si>
  <si>
    <t>【塞上绿洲】胃宝菌\50ml×10瓶/件</t>
  </si>
  <si>
    <t>【塞上绿洲】沙棘原浆\50ml×10瓶/件</t>
  </si>
  <si>
    <t>【塞上香】豌豆糊\1kg/件</t>
  </si>
  <si>
    <t>【塞上香】豌豆糊\400g×6袋/件</t>
  </si>
  <si>
    <t>【塞上香】豌豆糊\600g×3袋/件</t>
  </si>
  <si>
    <t>【塞上香】燕麦片\1800g/件</t>
  </si>
  <si>
    <t>【塞上香】有机杂粮组合\2.56kg/件</t>
  </si>
  <si>
    <t>【艾默生】转速传感器\PR9376/010-001\艾默生\进口</t>
  </si>
  <si>
    <t>上海松源艾普工业电子有限公司</t>
  </si>
  <si>
    <t>艾默生</t>
  </si>
  <si>
    <t>GNWZBPZYCG2021-0048</t>
  </si>
  <si>
    <t>国家能源e购商城2020年度北京配送艾默生TSI备件集团级长协采购供货合同</t>
  </si>
  <si>
    <t>北京东辰瑞沣科技有限公司</t>
  </si>
  <si>
    <t>【艾默生】转速传感器\PR6423/013-111+CON041\艾默生\进口</t>
  </si>
  <si>
    <t>【艾默生】转速传感器\PR6423/013-030+CON021\艾默生\进口</t>
  </si>
  <si>
    <t>【艾默生】转速传感器\PR6423/010-030+CON021\艾默生\进口</t>
  </si>
  <si>
    <t>【艾默生】转速测量模块\A6312\TSI系统\A6500\艾默生\进口</t>
  </si>
  <si>
    <t>【艾默生】转速传感器\PR9376/010-011\艾默生\进口</t>
  </si>
  <si>
    <t>【艾默生】转速传感器\PR6423/012-131+CON041\艾默生\进口</t>
  </si>
  <si>
    <t>【艾默生】轴振传感器\PR6423/010-110+CON021\艾默生\进口</t>
  </si>
  <si>
    <t>【艾默生】瓦振传感器\PR9268/703-000\艾默生\进口</t>
  </si>
  <si>
    <t>【艾默生】瓦振传感器\R9268/603-000\艾默生\进口</t>
  </si>
  <si>
    <t>【艾默生】瓦振传感器\PR9268/301-100\艾默生\进口</t>
  </si>
  <si>
    <t>【艾默生】瓦振传感器\PR9268/301-000\艾默生\进口</t>
  </si>
  <si>
    <t>【艾默生】瓦振传感器\PR9268/300-000\艾默生\进口</t>
  </si>
  <si>
    <t>【艾默生】瓦振传感器\PR9268/206-100\艾默生\进口</t>
  </si>
  <si>
    <t>【艾默生】偏心测量模块\A6220\TSI系统\A6500\艾默生\进口</t>
  </si>
  <si>
    <t>【艾默生】热膨胀测量模块\A6410\TSI系统\A6500\艾默生\进口</t>
  </si>
  <si>
    <t>【艾默生】胀差传感器\PR6426/010-140+con021/916-240\艾默生\进口</t>
  </si>
  <si>
    <t>【艾默生】轴位移传感器\PR6424/011-040+con021\艾默生\进口</t>
  </si>
  <si>
    <t>【艾默生】轴振传感器\PR6423/00R-010+con021\艾默生\进口</t>
  </si>
  <si>
    <t>【艾默生】轴振传感器\PR6423/012-030+con021\艾默生\进口</t>
  </si>
  <si>
    <t>【艾默生】继电器模块\A6740\TSI系统\A6500\艾默生\进口</t>
  </si>
  <si>
    <t>【艾默生】轴振传感器\PR6423/13R-010+CON021\艾默生\进口</t>
  </si>
  <si>
    <t>【艾默生】轴振传感器\PR6423/11R-111+CON031\艾默生\进口</t>
  </si>
  <si>
    <t>【艾默生】轴振传感器\PR6423/10R-141+CON041\艾默生\进口</t>
  </si>
  <si>
    <t>【艾默生】轴振传感器\PR6423/10R-131+CON041\艾默生\进口</t>
  </si>
  <si>
    <t>【艾默生】轴振传感器\PR6423/10R-131+CON031\艾默生\进口</t>
  </si>
  <si>
    <t>【艾默生】轴振传感器\PR6423/10R-121+CON041\艾默生\进口</t>
  </si>
  <si>
    <t>【艾默生】轴振传感器\PR6423/10R-111+CON031\艾默生\进口</t>
  </si>
  <si>
    <t>【艾默生】轴振传感器\PR6423/10R-030+CON021\艾默生\进口</t>
  </si>
  <si>
    <t>【艾默生】轴振传感器\PR6423/10R-010+CON021\艾默生\进口</t>
  </si>
  <si>
    <t>【艾默生】轴振传感器\PR6423/03R-010+CON021\艾默生\进口</t>
  </si>
  <si>
    <t>【艾默生】轴振传感器\PR6423/01C-130+CON021\艾默生\进口</t>
  </si>
  <si>
    <t>【艾默生】轴振传感器\PR6423/01C-030+CON021\艾默生\进口</t>
  </si>
  <si>
    <t>【艾默生】轴振传感器\PR6423/015-010+CON021\艾默生\进口</t>
  </si>
  <si>
    <t>【艾默生】轴振传感器\PR6423/014-040+CON021\艾默生\进口</t>
  </si>
  <si>
    <t>【艾默生】轴振传感器\PR6423/014-010+CON021\艾默生\进口</t>
  </si>
  <si>
    <t>【艾默生】轴振传感器\PR6423/012-040+CON021\艾默生\进口</t>
  </si>
  <si>
    <t>【艾默生】轴振传感器\PR6423/011-130+CON021\艾默生\进口</t>
  </si>
  <si>
    <t>【艾默生】轴振传感器\PR6423/011-100+CON021\艾默生\进口</t>
  </si>
  <si>
    <t>【艾默生】轴振传感器\PR6423/011-030+CON021\艾默生\进口</t>
  </si>
  <si>
    <t>【艾默生】轴振传感器\PR6423/011-010+CON021\艾默生\进口</t>
  </si>
  <si>
    <t>【艾默生】轴振传感器\PR6423/010-140+CON021\艾默生\进口</t>
  </si>
  <si>
    <t>【艾默生】轴振传感器\PR6423/010-131+CON041\艾默生\进口</t>
  </si>
  <si>
    <t>【艾默生】轴振传感器\PR6423/010-130+CON021\艾默生\进口</t>
  </si>
  <si>
    <t>【艾默生】轴振传感器\PR6423/010-040+CON021\艾默生\进口</t>
  </si>
  <si>
    <t>【艾默生】轴振传感器\PR6423/00R-131+CON041\艾默生\进口</t>
  </si>
  <si>
    <t>【艾默生】轴振传感器\PR6423/00R-111+CON041\艾默生\进口</t>
  </si>
  <si>
    <t>【艾默生】轴振传感器\PR6423/004-131+CON041\艾默生\进口</t>
  </si>
  <si>
    <t>【艾默生】轴振传感器\PR6423/010-010+CON021\艾默生\进口</t>
  </si>
  <si>
    <t>【艾默生】轴振传感器\PR6423/010-000+CON021\艾默生\进口</t>
  </si>
  <si>
    <t>【艾默生】轴振传感器\PR6423/00R-030+CON021\艾默生\进口</t>
  </si>
  <si>
    <t>【艾默生】轴振传感器\PR6423/00N-030+CON021\艾默生\进口</t>
  </si>
  <si>
    <t>【艾默生】轴振传感器\PR6423/00M-130+CON021\艾默生\进口</t>
  </si>
  <si>
    <t>【艾默生】轴振传感器\PR6423/00M-030+CON021\艾默生\进口</t>
  </si>
  <si>
    <t>【艾默生】轴振传感器\PR6423/00H-130+CON021\艾默生\进口</t>
  </si>
  <si>
    <t>【艾默生】轴振传感器\PR6423/00H-030+CON021\艾默生\进口</t>
  </si>
  <si>
    <t>【艾默生】轴振传感器\PR6423/00C-130+CON021\艾默生\进口</t>
  </si>
  <si>
    <t>【艾默生】轴振传感器\PR6423/009-031+CON041\艾默生\进口</t>
  </si>
  <si>
    <t>【艾默生】轴振传感器\PR6423/009-010+CON021\艾默生\进口</t>
  </si>
  <si>
    <t>【艾默生】轴振传感器\PR6423/008-031+CON041\艾默生\进口</t>
  </si>
  <si>
    <t>【艾默生】轴振传感器\PR6423/008-011+CON041\艾默生\进口</t>
  </si>
  <si>
    <t>【艾默生】轴振传感器\PR6423/008-010+CON021\艾默生\进口</t>
  </si>
  <si>
    <t>【艾默生】轴振传感器\PR6423/006-030+CON021\艾默生\进口</t>
  </si>
  <si>
    <t>【山力泰】头道张紧器总成\SLT-HPC-Z/I\带式输送机\通用\国产</t>
  </si>
  <si>
    <t>湖南山力泰机电科技有限公司</t>
  </si>
  <si>
    <t>山力泰</t>
  </si>
  <si>
    <t>GNWZBPCG2021-0044</t>
  </si>
  <si>
    <t>国家能源e购商城山力泰清扫器备件铺货采购</t>
  </si>
  <si>
    <t>【艾默生】轴振传感器\PR6423/005-030+CON021\艾默生\进口</t>
  </si>
  <si>
    <t>【山力泰】头道大梁总成\SLT-HPC-L1000\带式输送机\通用\国产</t>
  </si>
  <si>
    <t>【艾默生】轴振传感器\PR6423/003-121+CON041\艾默生\进口</t>
  </si>
  <si>
    <t>【山力泰】头道大梁总成\SLT-HPC-L1200\带式输送机\通用\国产</t>
  </si>
  <si>
    <t>【艾默生】轴振传感器\PR6423/003-110+CON021\艾默生\进口</t>
  </si>
  <si>
    <t>【艾默生】轴振传感器\PR6423/003-031+CON041\艾默生\进口</t>
  </si>
  <si>
    <t>【山力泰】头道大梁总成\SLT-HPC-L1400\带式输送机\通用\国产</t>
  </si>
  <si>
    <t>【艾默生】轴振传感器\PR6423/003-030+CON021\艾默生\进口</t>
  </si>
  <si>
    <t>【艾默生】轴振传感器\PR6423/002-140+CON021\艾默生\进口</t>
  </si>
  <si>
    <t>【山力泰】头道张紧器总成\SLT-HPC-Z/II\带式输送机\通用\国产</t>
  </si>
  <si>
    <t>【艾默生】轴振传感器\PR6423/002-121+CON041\艾默生\进口</t>
  </si>
  <si>
    <t>【山力泰】头道大梁总成\SLT-HPC-L1600\带式输送机\通用\国产</t>
  </si>
  <si>
    <t>【艾默生】轴振传感器\PR6423/001-030+CON021\艾默生\进口</t>
  </si>
  <si>
    <t>【山力泰】头道大梁总成\SLT-HPC-L1800\带式输送机\通用\国产</t>
  </si>
  <si>
    <t>【艾默生】轴振传感器\PR6423/001-010+CON021\艾默生\进口</t>
  </si>
  <si>
    <t>【艾默生】轴振传感器\PR6423/000-130+CON021\艾默生\进口</t>
  </si>
  <si>
    <t>【艾默生】轴振传感器\PR6423/000-040+CON021\艾默生\进口</t>
  </si>
  <si>
    <t>【艾默生】轴振传感器\PR6423/000-031+CON041\艾默生\进口</t>
  </si>
  <si>
    <t>【艾默生】轴振传感器\PR6423/000-030+CON021\艾默生\进口</t>
  </si>
  <si>
    <t>【艾默生】轴振传感器\PR6423/000-010+CON021\艾默生\进口</t>
  </si>
  <si>
    <t>【艾默生】轴振传感器\PR6423/000-001+CON041\艾默生\进口</t>
  </si>
  <si>
    <t>【艾默生】轴振传感器\PR6423/000-000+CON021\艾默生\进口</t>
  </si>
  <si>
    <t>【艾默生】轴振传感器\PR6422/012-010+CON021\艾默生\进口</t>
  </si>
  <si>
    <t>【艾默生】胀差传感器\PR6426/010-110+CON021/916-120\艾默生\进口</t>
  </si>
  <si>
    <t>【艾默生】胀差传感器\PR6426/010-110+CON011/916-120\艾默生\进口</t>
  </si>
  <si>
    <t>【艾默生】胀差传感器\PR6426/010-100+CON021/916-160\艾默生\进口</t>
  </si>
  <si>
    <t>【艾默生】胀差传感器\PR6426/010-040+CON021/916-200\艾默生\进口</t>
  </si>
  <si>
    <t>【艾默生】胀差传感器\PR6426/010-040+CON021\艾默生\进口</t>
  </si>
  <si>
    <t>【艾默生】胀差传感器\PR6426/010-030+CON021/916-240\艾默生\进口</t>
  </si>
  <si>
    <t>【艾默生】胀差传感器\PR6426/010-030+CON021/916-200\艾默生\进口</t>
  </si>
  <si>
    <t>【艾默生】胀差传感器\PR6426/010-020+CON021/916-200\艾默生\进口</t>
  </si>
  <si>
    <t>【艾默生】胀差传感器\PR6426/010-010+CON021/916-200\艾默生\进口</t>
  </si>
  <si>
    <t>【艾默生】胀差传感器\PR6426/010-010+CON021/916-160\艾默生\进口</t>
  </si>
  <si>
    <t>【艾默生】胀差传感器\PR6426/000-140+CON021/916-200\艾默生\进口</t>
  </si>
  <si>
    <t>【艾默生】胀差传感器\PR6426/000-131+CON041/916-120\艾默生\进口</t>
  </si>
  <si>
    <t>【艾默生】胀差传感器\PR6426/000-030+CON021/916-200\艾默生\进口</t>
  </si>
  <si>
    <t>【艾默生】胀差传感器\PR6426/000-030+CON021/916-160\艾默生\进口</t>
  </si>
  <si>
    <t>【艾默生】胀差传感器\PR6426/000-030+CON021/916-120\艾默生\进口</t>
  </si>
  <si>
    <t>【艾默生】胀差传感器\PR6426/000-030+CON021\艾默生\进口</t>
  </si>
  <si>
    <t>【艾默生】胀差传感器\PR6425/010-130+CON021/915-040\艾默生\进口</t>
  </si>
  <si>
    <t>【艾默生】轴位移传感器\PR6424/015-110+CON021\艾默生\进口</t>
  </si>
  <si>
    <t>【艾默生】轴位移传感器\PR6424/013-131+CON041\艾默生\进口</t>
  </si>
  <si>
    <t>【艾默生】轴位移传感器\PR6424/010-140+CON021\艾默生\进口</t>
  </si>
  <si>
    <t>【艾默生】轴位移传感器\PR6424/010-120+CON021\艾默生\进口</t>
  </si>
  <si>
    <t>【艾默生】轴位移传感器\PR6424/010-110+CON021\艾默生\进口</t>
  </si>
  <si>
    <t>【艾默生】轴位移传感器\PR6424/010-100+CON021\艾默生\进口</t>
  </si>
  <si>
    <t>【艾默生】轴位移传感器\PR6424/010-040+CON021\艾默生\进口</t>
  </si>
  <si>
    <t>【艾默生】轴位移传感器\PR6424/010-030+CON021\艾默生\进口</t>
  </si>
  <si>
    <t>【艾默生】轴位移传感器\PR6424/010-010+CON021\艾默生\进口</t>
  </si>
  <si>
    <t>【艾默生】轴位移传感器\PR6424/010-000+CON021\艾默生\进口</t>
  </si>
  <si>
    <t>【艾默生】轴位移传感器\PR6424/006-131+CON041\艾默生\进口</t>
  </si>
  <si>
    <t>【山力泰】头道大梁总成\SLT-HPC-L2000\带式输送机\通用\国产</t>
  </si>
  <si>
    <t>【山力泰】头道大梁总成\SLT-HPC-L2200\带式输送机\通用\国产</t>
  </si>
  <si>
    <t>【山力泰】头道大梁总成\SLT-HPC-L2400\带式输送机\通用\国产</t>
  </si>
  <si>
    <t>【山力泰】一级清扫器刀片\SLT-HPC-200/Z\带式输送机\国产</t>
  </si>
  <si>
    <t>【山力泰】二道张紧器总成\SLT-SG-RZ/I\带式输送机\通用\国产</t>
  </si>
  <si>
    <t>【山力泰】多段可调二道大梁总戌\SLT-SG-L800\带式输送机\通用\国产</t>
  </si>
  <si>
    <t>【山力泰】多段可调二道大梁总成\SLT-SG-L1000\带式输送机\通用\国产</t>
  </si>
  <si>
    <t>【山力泰】多段可调二道大梁总成\SLT-SG-L1200\带式输送机\通用\国产</t>
  </si>
  <si>
    <t>【山力泰】二道张紧器总成\SLT-SG-RZ/II\带式输送机\通用\国产</t>
  </si>
  <si>
    <t>【山力泰】多段可调二道大梁总成\SLT-SG-L1400\带式输送机\通用\国产</t>
  </si>
  <si>
    <t>【山力泰】多段可调二道大梁总成\SLT-SG-L1600\带式输送机\通用\国产</t>
  </si>
  <si>
    <t>【山力泰】多段可调二道大梁总成\SLT-SG-L1800\带式输送机\通用\国产</t>
  </si>
  <si>
    <t>【山力泰】多段可调二道大梁总成\SLT-SG-L2000\带式输送机\通用\国产</t>
  </si>
  <si>
    <t>【山力泰】多段可调二道大梁总成\SLT-SG-L2200\带式输送机\通用\国产</t>
  </si>
  <si>
    <t>【山力泰】多段可调二道大梁总成\SLT-SG-L2400\带式输送机\通用\国产</t>
  </si>
  <si>
    <t>【山力泰】二道清扫器刀片\SLT-SG-WR-200/Z\带式输送机\国产</t>
  </si>
  <si>
    <t>【山力泰】多段可调二道大梁总成\SLT-SK-L800\带式输送机\通用\国产</t>
  </si>
  <si>
    <t>【山力泰】多段可调二道大梁总成\SLT-SK-L1000\带式输送机\通用\国产</t>
  </si>
  <si>
    <t>【山力泰】多段可调二道大梁总成\SLT-SK-L1200\带式输送机\通用\国产</t>
  </si>
  <si>
    <t>【山力泰】多段可调二道大梁总成\SLT-SK-L1400\带式输送机\通用\国产</t>
  </si>
  <si>
    <t>【山力泰】多段可调二道大梁总成\SLT-SK-L1600\带式输送机\通用\国产</t>
  </si>
  <si>
    <t>【山力泰】多段可调二道大梁总成\SLT-SK-L1800\带式输送机\通用\国产</t>
  </si>
  <si>
    <t>【山力泰】多段可调二道大梁总成\SLT-SK-L2000\带式输送机\通用\国产</t>
  </si>
  <si>
    <t>【山力泰】多段可调二道大梁总成\SLT-SK-L2200\带式输送机\通用\国产</t>
  </si>
  <si>
    <t>【山力泰】多段可调二道大梁总成\SLT-SK-L2400\带式输送机\通用\国产</t>
  </si>
  <si>
    <t>【山力泰】二道清扫器刀片\SLT-SK-CR-200\带式输送机\国产</t>
  </si>
  <si>
    <t>【山力泰】空段清扫器支架总成\SLT-HTC-K800-Z\带式输送机\通用\国产</t>
  </si>
  <si>
    <t>【山力泰】空段刀片组\SLT-HTC-K800-G\带式输送机\通用\国产</t>
  </si>
  <si>
    <t>【山力泰】空段清扫器支架总成\SLT-HTC-K1000-Z\带式输送机\通用\国产</t>
  </si>
  <si>
    <t>【山力泰】空段刀片组\SLT-HTC-K1000-G\带式输送机\通用\国产</t>
  </si>
  <si>
    <t>【山力泰】空段清扫器支架总成\SLT-HTC-K1200-Z\带式输送机\通用\国产</t>
  </si>
  <si>
    <t>【山力泰】空段刀片组\SLT-HTC-K1200-G\带式输送机\通用\国产</t>
  </si>
  <si>
    <t>【山力泰】空段清扫器支架总成\SLT-HTC-K1400-Z\带式输送机\通用\国产</t>
  </si>
  <si>
    <t>【山力泰】空段刀片组\SLT-HTC-K1400-G\带式输送机\通用\国产</t>
  </si>
  <si>
    <t>【山力泰】空段清扫器支架总成\SLT-HTC-K1600-Z\带式输送机\通用\国产</t>
  </si>
  <si>
    <t>【山力泰】空段刀片组\SLT-HTC-K1600-G\带式输送机\通用\国产</t>
  </si>
  <si>
    <t>【山力泰】空段清扫器支架总成\SLT-HTC-K1800-Z\带式输送机\通用\国产</t>
  </si>
  <si>
    <t>【山力泰】空段刀片组\SLT-HTC-K1800-G\带式输送机\通用\国产</t>
  </si>
  <si>
    <t>【山力泰】空段清扫器支架总成\SLT-HTC-K2000-Z\带式输送机\通用\国产</t>
  </si>
  <si>
    <t>【山力泰】空段刀片组\SLT-HTC-K2000-G\带式输送机\通用\国产</t>
  </si>
  <si>
    <t>【山力泰】空段清扫器支架总成\SLT-HTC-K2200-Z\带式输送机\通用\国产</t>
  </si>
  <si>
    <t>【山力泰】空段刀片组\SLT-HTC-K2200-G\带式输送机\通用\国产</t>
  </si>
  <si>
    <t>【山力泰】空段清扫器支架总成\SLT-HTC-K2400-Z\带式输送机\通用\国产</t>
  </si>
  <si>
    <t>【山力泰】空段刀片组\SLT-HTC-K2400-G\带式输送机\通用\国产</t>
  </si>
  <si>
    <t>【艾默生】轴位移传感器\PR6424/006-111+CON031\艾默生\进口</t>
  </si>
  <si>
    <t>【艾默生】轴位移传感器\PR6424/006-030+CON021\艾默生\进口</t>
  </si>
  <si>
    <t>【艾默生】轴位移传感器\PR6424/006-010+CON021\艾默生\进口</t>
  </si>
  <si>
    <t>【艾默生】轴位移传感器\PR6424/004-130+CON021\艾默生\进口</t>
  </si>
  <si>
    <t>【艾默生】轴位移传感器\PR6424/004-010+CON021\艾默生\进口</t>
  </si>
  <si>
    <t>【艾默生】轴位移传感器\PR6424/003-141+CON041\艾默生\进口</t>
  </si>
  <si>
    <t>【艾默生】轴位移传感器\PR6424/003-130+CON021\艾默生\进口</t>
  </si>
  <si>
    <t>【艾默生】轴位移传感器\PR6424/003-121+CON041\艾默生\进口</t>
  </si>
  <si>
    <t>【艾默生】轴位移传感器\PR6424/003-030+CON021\艾默生\进口</t>
  </si>
  <si>
    <t>【艾默生】胀差传感器\PR6424/002-030+CON021\艾默生\进口</t>
  </si>
  <si>
    <t>【艾默生】胀差传感器\PR6424/001-100+CON021\艾默生\进口</t>
  </si>
  <si>
    <t>【艾默生】轴位移传感器\PR6424/001-030+CON021\艾默生\进口</t>
  </si>
  <si>
    <t>【艾默生】轴位移传感器\PR6424/001-010+CON021\艾默生\进口</t>
  </si>
  <si>
    <t>【艾默生】胀差传感器\PR6426/010-000+CON021/916-160\艾默生\进口</t>
  </si>
  <si>
    <t>【艾默生】胀差传感器\PR6426/000-131+CON041/916-200\艾默生\进口</t>
  </si>
  <si>
    <t>【艾默生】胀差传感器\PR6426/010-110+CON021/916-160\艾默生\进口</t>
  </si>
  <si>
    <t>【艾默生】瓦振传感器\PR9268/601-000\艾默生\进口</t>
  </si>
  <si>
    <t>【艾默生】瓦振传感器\PR9268/617-100\艾默生\进口</t>
  </si>
  <si>
    <t>【艾默生】热膨胀传感器\PR9350/02\艾默生\进口</t>
  </si>
  <si>
    <t>【艾默生】胀差传感器\PR9350/02-S2\艾默生\进口</t>
  </si>
  <si>
    <t>【艾默生】热膨胀传感器\PR9350/04\艾默生\进口</t>
  </si>
  <si>
    <t>【艾默生】热膨胀传感器外壳\PR9351/00\汽轮机检测系统\A6500\艾默生\进口</t>
  </si>
  <si>
    <t>【艾默生】胀差传感器\PR9352/S1\艾默生\进口</t>
  </si>
  <si>
    <t>【艾默生】胀差传感器\PR9352/S2\艾默生\进口</t>
  </si>
  <si>
    <t>【艾默生】瓦振传感器\PR9268/203-000\艾默生\进口</t>
  </si>
  <si>
    <t>【艾默生】瓦振传感器\PR9268/202-000\艾默生\进口</t>
  </si>
  <si>
    <t>【艾默生】瓦振传感器\PR9268/201-100\艾默生\进口</t>
  </si>
  <si>
    <t>【艾默生】瓦振传感器\PR9268/201-000\艾默生\进口</t>
  </si>
  <si>
    <t>【艾默生】瓦振传感器\PR9268/200-000\艾默生\进口</t>
  </si>
  <si>
    <t>【艾默生】瓦振传感器\PR9268/017-100\艾默生\进口</t>
  </si>
  <si>
    <t>【艾默生】胀差传感器\PR6426/010-110+CON021/916-240\艾默生\进口</t>
  </si>
  <si>
    <t>【艾默生】胀差传感器\PR6426/010-130+CON021\艾默生\进口</t>
  </si>
  <si>
    <t>【艾默生】轴位移传感器\PR6424/000-140+CON021\艾默生\进口</t>
  </si>
  <si>
    <t>【艾默生】轴位移传感器\PR6424/000-121+CON041\艾默生\进口</t>
  </si>
  <si>
    <t>【艾默生】轴位移传感器\PR6424/000-111+CON031\艾默生\进口</t>
  </si>
  <si>
    <t>【艾默生】轴位移传感器\PR6424/000-110+CON021\艾默生\进口</t>
  </si>
  <si>
    <t>【艾默生】轴位移传感器\PR6424/000-101+CON041\艾默生\进口</t>
  </si>
  <si>
    <t>【艾默生】轴位移传感器\PR6424/000-100+CON021\艾默生\进口</t>
  </si>
  <si>
    <t>【艾默生】轴位移传感器\PR6424/000-031+CON041\艾默生\进口</t>
  </si>
  <si>
    <t>【艾默生】轴位移传感器\PR6424/000-030+CON021/914-060\艾默生\进口</t>
  </si>
  <si>
    <t>【艾默生】轴位移传感器\PR6424/000-030+CON021\艾默生\进口</t>
  </si>
  <si>
    <t>【艾默生】轴位移传感器\PR6424/000-020+CON021\艾默生\进口</t>
  </si>
  <si>
    <t>【艾默生】轴位移传感器\PR6424/000-010+CON021\艾默生\进口</t>
  </si>
  <si>
    <t>【艾默生】轴位移传感器\PR6424/000-000+CON021\艾默生\进口</t>
  </si>
  <si>
    <t>【艾默生】轴位移传感器\PR6423/01M-010+CON021\艾默生\进口</t>
  </si>
  <si>
    <t>【艾默生】轴位移传感器\PR6423/019-011+CON041\艾默生\进口</t>
  </si>
  <si>
    <t>【艾默生】轴位移传感器\PR6423/015-110+CON021/913-040\艾默生\进口</t>
  </si>
  <si>
    <t>【艾默生】轴位移传感器\PR6423/015-110+CON021\艾默生\进口</t>
  </si>
  <si>
    <t>【艾默生】轴位移传感器\PR6423/015-030+CON021\艾默生\进口</t>
  </si>
  <si>
    <t>【艾默生】轴位移传感器\PR6423/013-000+CON021\艾默生\进口</t>
  </si>
  <si>
    <t>【艾默生】键相传感器\PR6423/00E-010+CON021\艾默生\进口</t>
  </si>
  <si>
    <t>【艾默生】轴位移传感器\PR6423/007-030+CON021\艾默生\进口</t>
  </si>
  <si>
    <t>【艾默生】转速传感器\PR6423/005-130+CON021\艾默生\进口</t>
  </si>
  <si>
    <t>【艾默生】转速传感器\PR6423/004-030+CON021\艾默生\进口</t>
  </si>
  <si>
    <t>【艾默生】轴位移传感器\PR6423/004-010+CON021\艾默生\进口</t>
  </si>
  <si>
    <t>【艾默生】转速传感器\PR6423/003-010+CON021\艾默生\进口</t>
  </si>
  <si>
    <t>【艾默生】转速传感器\PR6423/002-131+CON041\艾默生\进口</t>
  </si>
  <si>
    <t>【艾默生】转速传感器\PR6423/002-130+CON021\艾默生\进口</t>
  </si>
  <si>
    <t>【艾默生】转速传感器\PR6423/002-031+CON041\艾默生\进口</t>
  </si>
  <si>
    <t>【艾默生】转速传感器\PR6423/002-030+CON021\艾默生\进口</t>
  </si>
  <si>
    <t>【艾默生】转速传感器\PR6423/002-001+CON041\艾默生\进口</t>
  </si>
  <si>
    <t>【艾默生】瓦振传感器\PR9268/205-100\艾默生\进口</t>
  </si>
  <si>
    <t>【艾默生】热膨胀前置器\A6500-LC\TSI系统\A6500ATG\艾默生\进口</t>
  </si>
  <si>
    <t>【艾默生】通讯模块\A6831\TSI系统\A6500\艾默生\进口</t>
  </si>
  <si>
    <t>【艾默生】电源模块\VE5026 20A\汽轮机检测系统\A6500\艾默生\进口</t>
  </si>
  <si>
    <t>【艾默生】通讯模块\MMS6823\TSI系统\MMS6000\艾默生\进口</t>
  </si>
  <si>
    <t>【艾默生】电源模块\MHM-PS-RD 20A\汽轮机检测系统\A6500\艾默生\进口</t>
  </si>
  <si>
    <t>【艾默生】电源模块\MHM-PS-20 20A\汽轮机检测系统\A6500\艾默生\进口</t>
  </si>
  <si>
    <t>【艾默生】电源模块\CSI6500RED 40A\汽轮机检测系统\A6500\艾默生\进口</t>
  </si>
  <si>
    <t>【艾默生】电源模块\CSI6500POWER 20A\汽轮机检测系统\A6500\艾默生\进口</t>
  </si>
  <si>
    <t>【艾默生】通讯模块\A6825\TSI系统\A6500\艾默生\进口</t>
  </si>
  <si>
    <t>【艾默生】通讯模块\A6824\TSI系统\A6500\艾默生\进口</t>
  </si>
  <si>
    <t>【艾默生】通讯模块\A6822\TSI系统\A6500\艾默生\进口</t>
  </si>
  <si>
    <t>【艾默生】通用测量模块\A6500-UM\TSI系统\A6500ATG\艾默生\进口</t>
  </si>
  <si>
    <t>【艾默生】超速测量模块\A6370D\TSI系统\A6500\艾默生\进口</t>
  </si>
  <si>
    <t>【艾默生】键相监测板\A6310\TSI系统\A6500\艾默生\进口</t>
  </si>
  <si>
    <t>【艾默生】复合振测量模块\A6140\TSI系统\A6500\艾默生\进口</t>
  </si>
  <si>
    <t>【艾默生】瓦振监测板\A6125\TSI系统\A6500\艾默生\进口</t>
  </si>
  <si>
    <t>【艾默生】瓦振测量模块\A6120\TSI系统\A6500\艾默生\进口</t>
  </si>
  <si>
    <t>【艾默生】轴振测量模块\A6110\TSI系统\A6500\艾默生\进口</t>
  </si>
  <si>
    <t>【艾默生】背板框架\IMR6000/10\TSI系统\A6500\艾默生\进口</t>
  </si>
  <si>
    <t>【艾默生】背板框架\A6500-SR\TSI系统\A6500ATG\艾默生\进口</t>
  </si>
  <si>
    <t>【艾默生】背板框架\A6500-RR\TSI系统\A6500ATG\艾默生\进口</t>
  </si>
  <si>
    <t>【艾默生】超速保护系统框架\A6371\艾默生\进口</t>
  </si>
  <si>
    <t>【艾默生】瓦振振动变送器\A3120/022-000\艾默生\进口</t>
  </si>
  <si>
    <t>【艾默生】转速变送器\A3311/022-000\进口</t>
  </si>
  <si>
    <t>【艾默生】轴振探头及延长电缆\PR6423/10R-121\艾默生\进口</t>
  </si>
  <si>
    <t>【艾默生】前置器\CON031\艾默生\进口</t>
  </si>
  <si>
    <t>【艾默生】轴振探头及延长电缆\PR6423/10R-131\艾默生\进口</t>
  </si>
  <si>
    <t>【艾默生】轴振探头及延长电缆\PR6423/10R-141\艾默生\进口</t>
  </si>
  <si>
    <t>【艾默生】轴振探头及延长电缆\PR6423/11R-111\艾默生\进口</t>
  </si>
  <si>
    <t>【艾默生】轴振探头及延长电缆\PR6423/03R-010\艾默生\进口</t>
  </si>
  <si>
    <t>【艾默生】轴位移探头及延长电缆\PR6423/013-000\艾默生\进口</t>
  </si>
  <si>
    <t>【艾默生】转速探头及延长电缆\PR6423/012-131\艾默生\进口</t>
  </si>
  <si>
    <t>【艾默生】轴振探头及延长电缆\PR6423/012-040\艾默生\进口</t>
  </si>
  <si>
    <t>【艾默生】轴振探头及延长电缆\PR6423/012-030\艾默生\进口</t>
  </si>
  <si>
    <t>【艾默生】轴振探头及延长电缆\PR6423/011-130\艾默生\进口</t>
  </si>
  <si>
    <t>【艾默生】轴振探头及延长电缆\PR6423/011-100\艾默生\进口</t>
  </si>
  <si>
    <t>【艾默生】轴振探头及延长电缆\PR6423/011-030\艾默生\进口</t>
  </si>
  <si>
    <t>【艾默生】轴振探头及延长电缆\PR6423/011-010\艾默生\进口</t>
  </si>
  <si>
    <t>【艾默生】轴振探头及延长电缆\PR6423/010-140\艾默生\进口</t>
  </si>
  <si>
    <t>【艾默生】轴振探头及延长电缆\PR6423/010-131\艾默生\进口</t>
  </si>
  <si>
    <t>【艾默生】轴振探头及延长电缆\PR6423/010-130\艾默生\进口</t>
  </si>
  <si>
    <t>【艾默生】轴振探头及延长电缆\PR6423/010-110\艾默生\进口</t>
  </si>
  <si>
    <t>【艾默生】轴振探头及延长电缆\PR6423/010-040\艾默生\进口</t>
  </si>
  <si>
    <t>【艾默生】转速探头及延长电缆\PR6423/010-030\艾默生\进口</t>
  </si>
  <si>
    <t>【艾默生】轴振探头及延长电缆\PR6423/10R-111\艾默生\进口</t>
  </si>
  <si>
    <t>【艾默生】轴振探头及延长电缆\PR6423/10R-030\艾默生\进口</t>
  </si>
  <si>
    <t>【艾默生】轴振探头及延长电缆\PR6423/10R-010\艾默生\进口</t>
  </si>
  <si>
    <t>【艾默生】轴位移探头及延长电缆\PR6423/01M-010\艾默生\进口</t>
  </si>
  <si>
    <t>【艾默生】轴位移探头及延长电缆\PR6423/019-011\艾默生\进口</t>
  </si>
  <si>
    <t>【艾默生】轴位移探头及延长电缆\PR6423/015-110\艾默生\进口</t>
  </si>
  <si>
    <t>【艾默生】轴位移探头及延长电缆\PR6423/015-030\艾默生\进口</t>
  </si>
  <si>
    <t>【艾默生】轴振探头及延长电缆\PR6423/015-010\艾默生\进口</t>
  </si>
  <si>
    <t>【艾默生】轴振探头及延长电缆\PR6423/014-040\艾默生\进口</t>
  </si>
  <si>
    <t>【艾默生】轴振探头及延长电缆\PR6423/014-010\艾默生\进口</t>
  </si>
  <si>
    <t>【艾默生】转速探头及延长电缆\PR6423/013-111\艾默生\进口</t>
  </si>
  <si>
    <t>【艾默生】转速探头及延长电缆\PR6423/013-030\艾默生\进口</t>
  </si>
  <si>
    <t>【艾默生】轴振探头及延长电缆\PR6423/010-010\艾默生\进口</t>
  </si>
  <si>
    <t>【艾默生】轴振探头及延长电缆\PR6423/010-000\艾默生\进口</t>
  </si>
  <si>
    <t>【艾默生】轴振探头及延长电缆\PR6423/00R-131\艾默生\进口</t>
  </si>
  <si>
    <t>【艾默生】转速探头及延长电缆\PR6423/004-030\艾默生\进口</t>
  </si>
  <si>
    <t>【艾默生】轴振探头及延长电缆\PR6423/00R-030\艾默生\进口</t>
  </si>
  <si>
    <t>【艾默生】轴振探头及延长电缆\PR6423/00R-010\艾默生\进口</t>
  </si>
  <si>
    <t>【艾默生】轴振探头及延长电缆\PR6423/00N-030\艾默生\进口</t>
  </si>
  <si>
    <t>【艾默生】轴振探头及延长电缆\PR6423/00H-130\艾默生\进口</t>
  </si>
  <si>
    <t>【艾默生】轴振探头及延长电缆\PR6423/00H-030\艾默生\进口</t>
  </si>
  <si>
    <t>【艾默生】轴振探头及延长电缆\PR6423/00M-130\艾默生\进口</t>
  </si>
  <si>
    <t>【艾默生】轴振探头及延长电缆\PR6423/00M-030\艾默生\进口</t>
  </si>
  <si>
    <t>【艾默生】轴振探头及延长电缆\PR6423/001-030\艾默生\进口</t>
  </si>
  <si>
    <t>【艾默生】轴振探头及延长电缆\PR6423/001-010\艾默生\进口</t>
  </si>
  <si>
    <t>【艾默生】轴振探头及延长电缆\PR6423/000-130\艾默生\进口</t>
  </si>
  <si>
    <t>【艾默生】轴振探头及延长电缆\PR6423/000-040\艾默生\进口</t>
  </si>
  <si>
    <t>【艾默生】轴振探头及延长电缆\PR6423/000-031\艾默生\进口</t>
  </si>
  <si>
    <t>【艾默生】轴振探头及延长电缆\PR6423/000-030\艾默生\进口</t>
  </si>
  <si>
    <t>【艾默生】轴振探头及延长电缆\PR6423/00R-111\艾默生\进口</t>
  </si>
  <si>
    <t>【艾默生】转速探头及延长电缆\PR6423/005-130\艾默生\进口</t>
  </si>
  <si>
    <t>【艾默生】轴振探头及延长电缆\PR6423/005-030\艾默生\进口</t>
  </si>
  <si>
    <t>【艾默生】轴振探头及延长电缆\PR6423/006-030\艾默生\进口</t>
  </si>
  <si>
    <t>【艾默生】轴位移探头及延长电缆\PR6423/007-030\艾默生\进口</t>
  </si>
  <si>
    <t>【艾默生】轴振探头及延长电缆\PR6423/008-011\艾默生\进口</t>
  </si>
  <si>
    <t>【艾默生】轴振探头及延长电缆\PR6423/008-031\艾默生\进口</t>
  </si>
  <si>
    <t>【艾默生】轴振探头及延长电缆\PR6423/008-010\艾默生\进口</t>
  </si>
  <si>
    <t>【艾默生】轴振探头及延长电缆\PR6423/009-010\艾默生\进口</t>
  </si>
  <si>
    <t>【艾默生】轴位移探头及延长电缆\PR6423/004-010\艾默生\进口</t>
  </si>
  <si>
    <t>【艾默生】轴振探头及延长电缆\PR6423/004-131\艾默生\进口</t>
  </si>
  <si>
    <t>【艾默生】轴振探头及延长电缆\PR6423/003-121\艾默生\进口</t>
  </si>
  <si>
    <t>【艾默生】轴振探头及延长电缆\PR6423/003-110\艾默生\进口</t>
  </si>
  <si>
    <t>【艾默生】轴振探头及延长电缆\PR6423/003-031\艾默生\进口</t>
  </si>
  <si>
    <t>【艾默生】轴振探头及延长电缆\PR6423/003-030\艾默生\进口</t>
  </si>
  <si>
    <t>【艾默生】转速探头及延长电缆\PR6423/003-010\艾默生\进口</t>
  </si>
  <si>
    <t>【艾默生】轴振探头及延长电缆\PR6423/002-140\艾默生\进口</t>
  </si>
  <si>
    <t>【艾默生】转速探头及延长电缆\PR6423/002-131\艾默生\进口</t>
  </si>
  <si>
    <t>【艾默生】转速探头及延长电缆\PR6423/002-130\艾默生\进口</t>
  </si>
  <si>
    <t>【艾默生】转速探头及延长电缆\PR6423/002-031\艾默生\进口</t>
  </si>
  <si>
    <t>【艾默生】转速探头及延长电缆\PR6423/002-030\艾默生\进口</t>
  </si>
  <si>
    <t>【艾默生】轴振探头及延长电缆\PR6423/002-121\艾默生\进口</t>
  </si>
  <si>
    <t>【艾默生】转速探头及延长电缆\PR6423/002-001\艾默生\进口</t>
  </si>
  <si>
    <t>【艾默生】键相探头及延长电缆\PR6423/00E-010\艾默生\进口</t>
  </si>
  <si>
    <t>【艾默生】轴振探头及延长电缆\PR6423/01C-030\艾默生\进口</t>
  </si>
  <si>
    <t>【艾默生】轴振探头及延长电缆\PR6423/01C-130\艾默生\进口</t>
  </si>
  <si>
    <t>【艾默生】轴振探头及延长电缆\PR6423/00C-130\艾默生\进口</t>
  </si>
  <si>
    <t>【艾默生】轴振探头及延长电缆\PR6423/009-031\艾默生\进口</t>
  </si>
  <si>
    <t>【艾默生】前置器\CON021\艾默生\进口</t>
  </si>
  <si>
    <t>【艾默生】前置器\CON041\艾默生\进口</t>
  </si>
  <si>
    <t>【艾默生】轴振探头及延长电缆\PR6423/000-001\艾默生\进口</t>
  </si>
  <si>
    <t>【艾默生】轴振探头及延长电缆\PR6422/012-010\艾默生\进口</t>
  </si>
  <si>
    <t>【艾默生】轴振探头及延长电缆\PR6423/000-010\艾默生\进口</t>
  </si>
  <si>
    <t>【艾默生】轴振探头及延长电缆\PR6423/000-000\艾默生\进口</t>
  </si>
  <si>
    <t>【艾默生】通讯模块\A6500-CC\汽轮机监测系统\AMS6500\艾默生过程控制有限公司\进口</t>
  </si>
  <si>
    <t>【艾默生】继电器模块\A6500-RC\汽轮机监测系统\AMS6500\艾默生过程控制有限公司\进口</t>
  </si>
  <si>
    <t>【艾默生】框架\IMR6000/30\汽轮机监视系统\CSI6500\艾默生过程控制有限公司\进口</t>
  </si>
  <si>
    <t>【艾默生】轴位移/胀差测量模块\A6210\TSI系统\A6500\艾默生\进口</t>
  </si>
</sst>
</file>

<file path=xl/styles.xml><?xml version="1.0" encoding="utf-8"?>
<styleSheet xmlns="http://schemas.openxmlformats.org/spreadsheetml/2006/main">
  <numFmts count="4">
    <numFmt numFmtId="44" formatCode="_ &quot;￥&quot;* #,##0.00_ ;_ &quot;￥&quot;* \-#,##0.00_ ;_ &quot;￥&quot;* &quot;-&quot;??_ ;_ @_ "/>
    <numFmt numFmtId="41" formatCode="_ * #,##0_ ;_ * \-#,##0_ ;_ * &quot;-&quot;_ ;_ @_ "/>
    <numFmt numFmtId="42" formatCode="_ &quot;￥&quot;* #,##0_ ;_ &quot;￥&quot;* \-#,##0_ ;_ &quot;￥&quot;* &quot;-&quot;_ ;_ @_ "/>
    <numFmt numFmtId="43" formatCode="_ * #,##0.00_ ;_ * \-#,##0.00_ ;_ * &quot;-&quot;??_ ;_ @_ "/>
  </numFmts>
  <fonts count="22">
    <font>
      <sz val="11"/>
      <color theme="1"/>
      <name val="宋体"/>
      <charset val="134"/>
      <scheme val="minor"/>
    </font>
    <font>
      <b/>
      <sz val="11"/>
      <color theme="1"/>
      <name val="宋体"/>
      <charset val="134"/>
      <scheme val="minor"/>
    </font>
    <font>
      <sz val="16"/>
      <color theme="1"/>
      <name val="方正小标宋简体"/>
      <charset val="134"/>
    </font>
    <font>
      <sz val="11"/>
      <color theme="0"/>
      <name val="宋体"/>
      <charset val="0"/>
      <scheme val="minor"/>
    </font>
    <font>
      <b/>
      <sz val="11"/>
      <color rgb="FFFFFFFF"/>
      <name val="宋体"/>
      <charset val="0"/>
      <scheme val="minor"/>
    </font>
    <font>
      <b/>
      <sz val="11"/>
      <color theme="3"/>
      <name val="宋体"/>
      <charset val="134"/>
      <scheme val="minor"/>
    </font>
    <font>
      <sz val="11"/>
      <color theme="1"/>
      <name val="宋体"/>
      <charset val="0"/>
      <scheme val="minor"/>
    </font>
    <font>
      <b/>
      <sz val="11"/>
      <color rgb="FF3F3F3F"/>
      <name val="宋体"/>
      <charset val="0"/>
      <scheme val="minor"/>
    </font>
    <font>
      <sz val="11"/>
      <color rgb="FF9C0006"/>
      <name val="宋体"/>
      <charset val="0"/>
      <scheme val="minor"/>
    </font>
    <font>
      <b/>
      <sz val="11"/>
      <color rgb="FFFA7D00"/>
      <name val="宋体"/>
      <charset val="0"/>
      <scheme val="minor"/>
    </font>
    <font>
      <i/>
      <sz val="11"/>
      <color rgb="FF7F7F7F"/>
      <name val="宋体"/>
      <charset val="0"/>
      <scheme val="minor"/>
    </font>
    <font>
      <u/>
      <sz val="11"/>
      <color rgb="FF800080"/>
      <name val="宋体"/>
      <charset val="0"/>
      <scheme val="minor"/>
    </font>
    <font>
      <b/>
      <sz val="11"/>
      <color theme="1"/>
      <name val="宋体"/>
      <charset val="0"/>
      <scheme val="minor"/>
    </font>
    <font>
      <sz val="11"/>
      <color rgb="FFFA7D00"/>
      <name val="宋体"/>
      <charset val="0"/>
      <scheme val="minor"/>
    </font>
    <font>
      <b/>
      <sz val="18"/>
      <color theme="3"/>
      <name val="宋体"/>
      <charset val="134"/>
      <scheme val="minor"/>
    </font>
    <font>
      <b/>
      <sz val="13"/>
      <color theme="3"/>
      <name val="宋体"/>
      <charset val="134"/>
      <scheme val="minor"/>
    </font>
    <font>
      <sz val="11"/>
      <color rgb="FFFF0000"/>
      <name val="宋体"/>
      <charset val="0"/>
      <scheme val="minor"/>
    </font>
    <font>
      <sz val="11"/>
      <color rgb="FF3F3F76"/>
      <name val="宋体"/>
      <charset val="0"/>
      <scheme val="minor"/>
    </font>
    <font>
      <sz val="11"/>
      <color rgb="FF9C6500"/>
      <name val="宋体"/>
      <charset val="0"/>
      <scheme val="minor"/>
    </font>
    <font>
      <sz val="11"/>
      <color rgb="FF006100"/>
      <name val="宋体"/>
      <charset val="0"/>
      <scheme val="minor"/>
    </font>
    <font>
      <b/>
      <sz val="15"/>
      <color theme="3"/>
      <name val="宋体"/>
      <charset val="134"/>
      <scheme val="minor"/>
    </font>
    <font>
      <u/>
      <sz val="11"/>
      <color rgb="FF0000FF"/>
      <name val="宋体"/>
      <charset val="0"/>
      <scheme val="minor"/>
    </font>
  </fonts>
  <fills count="33">
    <fill>
      <patternFill patternType="none"/>
    </fill>
    <fill>
      <patternFill patternType="gray125"/>
    </fill>
    <fill>
      <patternFill patternType="solid">
        <fgColor theme="7"/>
        <bgColor indexed="64"/>
      </patternFill>
    </fill>
    <fill>
      <patternFill patternType="solid">
        <fgColor rgb="FFA5A5A5"/>
        <bgColor indexed="64"/>
      </patternFill>
    </fill>
    <fill>
      <patternFill patternType="solid">
        <fgColor theme="4" tint="0.799981688894314"/>
        <bgColor indexed="64"/>
      </patternFill>
    </fill>
    <fill>
      <patternFill patternType="solid">
        <fgColor rgb="FFF2F2F2"/>
        <bgColor indexed="64"/>
      </patternFill>
    </fill>
    <fill>
      <patternFill patternType="solid">
        <fgColor rgb="FFFFC7CE"/>
        <bgColor indexed="64"/>
      </patternFill>
    </fill>
    <fill>
      <patternFill patternType="solid">
        <fgColor theme="5" tint="0.399975585192419"/>
        <bgColor indexed="64"/>
      </patternFill>
    </fill>
    <fill>
      <patternFill patternType="solid">
        <fgColor theme="6" tint="0.599993896298105"/>
        <bgColor indexed="64"/>
      </patternFill>
    </fill>
    <fill>
      <patternFill patternType="solid">
        <fgColor theme="7" tint="0.799981688894314"/>
        <bgColor indexed="64"/>
      </patternFill>
    </fill>
    <fill>
      <patternFill patternType="solid">
        <fgColor theme="5" tint="0.799981688894314"/>
        <bgColor indexed="64"/>
      </patternFill>
    </fill>
    <fill>
      <patternFill patternType="solid">
        <fgColor theme="4" tint="0.399975585192419"/>
        <bgColor indexed="64"/>
      </patternFill>
    </fill>
    <fill>
      <patternFill patternType="solid">
        <fgColor rgb="FFFFFFCC"/>
        <bgColor indexed="64"/>
      </patternFill>
    </fill>
    <fill>
      <patternFill patternType="solid">
        <fgColor theme="5" tint="0.599993896298105"/>
        <bgColor indexed="64"/>
      </patternFill>
    </fill>
    <fill>
      <patternFill patternType="solid">
        <fgColor theme="4" tint="0.599993896298105"/>
        <bgColor indexed="64"/>
      </patternFill>
    </fill>
    <fill>
      <patternFill patternType="solid">
        <fgColor theme="6" tint="0.799981688894314"/>
        <bgColor indexed="64"/>
      </patternFill>
    </fill>
    <fill>
      <patternFill patternType="solid">
        <fgColor rgb="FFFFCC99"/>
        <bgColor indexed="64"/>
      </patternFill>
    </fill>
    <fill>
      <patternFill patternType="solid">
        <fgColor theme="6"/>
        <bgColor indexed="64"/>
      </patternFill>
    </fill>
    <fill>
      <patternFill patternType="solid">
        <fgColor rgb="FFFFEB9C"/>
        <bgColor indexed="64"/>
      </patternFill>
    </fill>
    <fill>
      <patternFill patternType="solid">
        <fgColor rgb="FFC6EFCE"/>
        <bgColor indexed="64"/>
      </patternFill>
    </fill>
    <fill>
      <patternFill patternType="solid">
        <fgColor theme="6" tint="0.399975585192419"/>
        <bgColor indexed="64"/>
      </patternFill>
    </fill>
    <fill>
      <patternFill patternType="solid">
        <fgColor theme="4"/>
        <bgColor indexed="64"/>
      </patternFill>
    </fill>
    <fill>
      <patternFill patternType="solid">
        <fgColor theme="5"/>
        <bgColor indexed="64"/>
      </patternFill>
    </fill>
    <fill>
      <patternFill patternType="solid">
        <fgColor theme="7" tint="0.399975585192419"/>
        <bgColor indexed="64"/>
      </patternFill>
    </fill>
    <fill>
      <patternFill patternType="solid">
        <fgColor theme="8" tint="0.599993896298105"/>
        <bgColor indexed="64"/>
      </patternFill>
    </fill>
    <fill>
      <patternFill patternType="solid">
        <fgColor theme="9" tint="0.799981688894314"/>
        <bgColor indexed="64"/>
      </patternFill>
    </fill>
    <fill>
      <patternFill patternType="solid">
        <fgColor theme="8" tint="0.799981688894314"/>
        <bgColor indexed="64"/>
      </patternFill>
    </fill>
    <fill>
      <patternFill patternType="solid">
        <fgColor theme="9" tint="0.599993896298105"/>
        <bgColor indexed="64"/>
      </patternFill>
    </fill>
    <fill>
      <patternFill patternType="solid">
        <fgColor theme="7" tint="0.599993896298105"/>
        <bgColor indexed="64"/>
      </patternFill>
    </fill>
    <fill>
      <patternFill patternType="solid">
        <fgColor theme="8"/>
        <bgColor indexed="64"/>
      </patternFill>
    </fill>
    <fill>
      <patternFill patternType="solid">
        <fgColor theme="9"/>
        <bgColor indexed="64"/>
      </patternFill>
    </fill>
    <fill>
      <patternFill patternType="solid">
        <fgColor theme="8" tint="0.399975585192419"/>
        <bgColor indexed="64"/>
      </patternFill>
    </fill>
    <fill>
      <patternFill patternType="solid">
        <fgColor theme="9" tint="0.399975585192419"/>
        <bgColor indexed="64"/>
      </patternFill>
    </fill>
  </fills>
  <borders count="13">
    <border>
      <left/>
      <right/>
      <top/>
      <bottom/>
      <diagonal/>
    </border>
    <border>
      <left style="thin">
        <color auto="1"/>
      </left>
      <right/>
      <top style="thin">
        <color auto="1"/>
      </top>
      <bottom style="thin">
        <color auto="1"/>
      </bottom>
      <diagonal/>
    </border>
    <border>
      <left/>
      <right/>
      <top style="thin">
        <color auto="1"/>
      </top>
      <bottom style="thin">
        <color auto="1"/>
      </bottom>
      <diagonal/>
    </border>
    <border>
      <left style="thin">
        <color auto="1"/>
      </left>
      <right style="thin">
        <color auto="1"/>
      </right>
      <top style="thin">
        <color auto="1"/>
      </top>
      <bottom style="thin">
        <color auto="1"/>
      </bottom>
      <diagonal/>
    </border>
    <border>
      <left/>
      <right style="thin">
        <color auto="1"/>
      </right>
      <top style="thin">
        <color auto="1"/>
      </top>
      <bottom style="thin">
        <color auto="1"/>
      </bottom>
      <diagonal/>
    </border>
    <border>
      <left style="double">
        <color rgb="FF3F3F3F"/>
      </left>
      <right style="double">
        <color rgb="FF3F3F3F"/>
      </right>
      <top style="double">
        <color rgb="FF3F3F3F"/>
      </top>
      <bottom style="double">
        <color rgb="FF3F3F3F"/>
      </bottom>
      <diagonal/>
    </border>
    <border>
      <left/>
      <right/>
      <top/>
      <bottom style="medium">
        <color theme="4" tint="0.499984740745262"/>
      </bottom>
      <diagonal/>
    </border>
    <border>
      <left style="thin">
        <color rgb="FF3F3F3F"/>
      </left>
      <right style="thin">
        <color rgb="FF3F3F3F"/>
      </right>
      <top style="thin">
        <color rgb="FF3F3F3F"/>
      </top>
      <bottom style="thin">
        <color rgb="FF3F3F3F"/>
      </bottom>
      <diagonal/>
    </border>
    <border>
      <left style="thin">
        <color rgb="FF7F7F7F"/>
      </left>
      <right style="thin">
        <color rgb="FF7F7F7F"/>
      </right>
      <top style="thin">
        <color rgb="FF7F7F7F"/>
      </top>
      <bottom style="thin">
        <color rgb="FF7F7F7F"/>
      </bottom>
      <diagonal/>
    </border>
    <border>
      <left/>
      <right/>
      <top style="thin">
        <color theme="4"/>
      </top>
      <bottom style="double">
        <color theme="4"/>
      </bottom>
      <diagonal/>
    </border>
    <border>
      <left/>
      <right/>
      <top/>
      <bottom style="double">
        <color rgb="FFFF8001"/>
      </bottom>
      <diagonal/>
    </border>
    <border>
      <left style="thin">
        <color rgb="FFB2B2B2"/>
      </left>
      <right style="thin">
        <color rgb="FFB2B2B2"/>
      </right>
      <top style="thin">
        <color rgb="FFB2B2B2"/>
      </top>
      <bottom style="thin">
        <color rgb="FFB2B2B2"/>
      </bottom>
      <diagonal/>
    </border>
    <border>
      <left/>
      <right/>
      <top/>
      <bottom style="medium">
        <color theme="4"/>
      </bottom>
      <diagonal/>
    </border>
  </borders>
  <cellStyleXfs count="49">
    <xf numFmtId="0" fontId="0" fillId="0" borderId="0">
      <alignment vertical="center"/>
    </xf>
    <xf numFmtId="42" fontId="0" fillId="0" borderId="0" applyFont="0" applyFill="0" applyBorder="0" applyAlignment="0" applyProtection="0">
      <alignment vertical="center"/>
    </xf>
    <xf numFmtId="0" fontId="6" fillId="15" borderId="0" applyNumberFormat="0" applyBorder="0" applyAlignment="0" applyProtection="0">
      <alignment vertical="center"/>
    </xf>
    <xf numFmtId="0" fontId="17" fillId="16" borderId="8" applyNumberFormat="0" applyAlignment="0" applyProtection="0">
      <alignment vertical="center"/>
    </xf>
    <xf numFmtId="44" fontId="0" fillId="0" borderId="0" applyFont="0" applyFill="0" applyBorder="0" applyAlignment="0" applyProtection="0">
      <alignment vertical="center"/>
    </xf>
    <xf numFmtId="41" fontId="0" fillId="0" borderId="0" applyFont="0" applyFill="0" applyBorder="0" applyAlignment="0" applyProtection="0">
      <alignment vertical="center"/>
    </xf>
    <xf numFmtId="0" fontId="6" fillId="8" borderId="0" applyNumberFormat="0" applyBorder="0" applyAlignment="0" applyProtection="0">
      <alignment vertical="center"/>
    </xf>
    <xf numFmtId="0" fontId="8" fillId="6" borderId="0" applyNumberFormat="0" applyBorder="0" applyAlignment="0" applyProtection="0">
      <alignment vertical="center"/>
    </xf>
    <xf numFmtId="43" fontId="0" fillId="0" borderId="0" applyFont="0" applyFill="0" applyBorder="0" applyAlignment="0" applyProtection="0">
      <alignment vertical="center"/>
    </xf>
    <xf numFmtId="0" fontId="3" fillId="20" borderId="0" applyNumberFormat="0" applyBorder="0" applyAlignment="0" applyProtection="0">
      <alignment vertical="center"/>
    </xf>
    <xf numFmtId="0" fontId="21" fillId="0" borderId="0" applyNumberFormat="0" applyFill="0" applyBorder="0" applyAlignment="0" applyProtection="0">
      <alignment vertical="center"/>
    </xf>
    <xf numFmtId="9" fontId="0" fillId="0" borderId="0" applyFont="0" applyFill="0" applyBorder="0" applyAlignment="0" applyProtection="0">
      <alignment vertical="center"/>
    </xf>
    <xf numFmtId="0" fontId="11" fillId="0" borderId="0" applyNumberFormat="0" applyFill="0" applyBorder="0" applyAlignment="0" applyProtection="0">
      <alignment vertical="center"/>
    </xf>
    <xf numFmtId="0" fontId="0" fillId="12" borderId="11" applyNumberFormat="0" applyFont="0" applyAlignment="0" applyProtection="0">
      <alignment vertical="center"/>
    </xf>
    <xf numFmtId="0" fontId="3" fillId="7" borderId="0" applyNumberFormat="0" applyBorder="0" applyAlignment="0" applyProtection="0">
      <alignment vertical="center"/>
    </xf>
    <xf numFmtId="0" fontId="5" fillId="0" borderId="0" applyNumberFormat="0" applyFill="0" applyBorder="0" applyAlignment="0" applyProtection="0">
      <alignment vertical="center"/>
    </xf>
    <xf numFmtId="0" fontId="16" fillId="0" borderId="0" applyNumberFormat="0" applyFill="0" applyBorder="0" applyAlignment="0" applyProtection="0">
      <alignment vertical="center"/>
    </xf>
    <xf numFmtId="0" fontId="14" fillId="0" borderId="0" applyNumberFormat="0" applyFill="0" applyBorder="0" applyAlignment="0" applyProtection="0">
      <alignment vertical="center"/>
    </xf>
    <xf numFmtId="0" fontId="10" fillId="0" borderId="0" applyNumberFormat="0" applyFill="0" applyBorder="0" applyAlignment="0" applyProtection="0">
      <alignment vertical="center"/>
    </xf>
    <xf numFmtId="0" fontId="20" fillId="0" borderId="12" applyNumberFormat="0" applyFill="0" applyAlignment="0" applyProtection="0">
      <alignment vertical="center"/>
    </xf>
    <xf numFmtId="0" fontId="15" fillId="0" borderId="12" applyNumberFormat="0" applyFill="0" applyAlignment="0" applyProtection="0">
      <alignment vertical="center"/>
    </xf>
    <xf numFmtId="0" fontId="3" fillId="11" borderId="0" applyNumberFormat="0" applyBorder="0" applyAlignment="0" applyProtection="0">
      <alignment vertical="center"/>
    </xf>
    <xf numFmtId="0" fontId="5" fillId="0" borderId="6" applyNumberFormat="0" applyFill="0" applyAlignment="0" applyProtection="0">
      <alignment vertical="center"/>
    </xf>
    <xf numFmtId="0" fontId="3" fillId="23" borderId="0" applyNumberFormat="0" applyBorder="0" applyAlignment="0" applyProtection="0">
      <alignment vertical="center"/>
    </xf>
    <xf numFmtId="0" fontId="7" fillId="5" borderId="7" applyNumberFormat="0" applyAlignment="0" applyProtection="0">
      <alignment vertical="center"/>
    </xf>
    <xf numFmtId="0" fontId="9" fillId="5" borderId="8" applyNumberFormat="0" applyAlignment="0" applyProtection="0">
      <alignment vertical="center"/>
    </xf>
    <xf numFmtId="0" fontId="4" fillId="3" borderId="5" applyNumberFormat="0" applyAlignment="0" applyProtection="0">
      <alignment vertical="center"/>
    </xf>
    <xf numFmtId="0" fontId="6" fillId="25" borderId="0" applyNumberFormat="0" applyBorder="0" applyAlignment="0" applyProtection="0">
      <alignment vertical="center"/>
    </xf>
    <xf numFmtId="0" fontId="3" fillId="22" borderId="0" applyNumberFormat="0" applyBorder="0" applyAlignment="0" applyProtection="0">
      <alignment vertical="center"/>
    </xf>
    <xf numFmtId="0" fontId="13" fillId="0" borderId="10" applyNumberFormat="0" applyFill="0" applyAlignment="0" applyProtection="0">
      <alignment vertical="center"/>
    </xf>
    <xf numFmtId="0" fontId="12" fillId="0" borderId="9" applyNumberFormat="0" applyFill="0" applyAlignment="0" applyProtection="0">
      <alignment vertical="center"/>
    </xf>
    <xf numFmtId="0" fontId="19" fillId="19" borderId="0" applyNumberFormat="0" applyBorder="0" applyAlignment="0" applyProtection="0">
      <alignment vertical="center"/>
    </xf>
    <xf numFmtId="0" fontId="18" fillId="18" borderId="0" applyNumberFormat="0" applyBorder="0" applyAlignment="0" applyProtection="0">
      <alignment vertical="center"/>
    </xf>
    <xf numFmtId="0" fontId="6" fillId="26" borderId="0" applyNumberFormat="0" applyBorder="0" applyAlignment="0" applyProtection="0">
      <alignment vertical="center"/>
    </xf>
    <xf numFmtId="0" fontId="3" fillId="21" borderId="0" applyNumberFormat="0" applyBorder="0" applyAlignment="0" applyProtection="0">
      <alignment vertical="center"/>
    </xf>
    <xf numFmtId="0" fontId="6" fillId="4" borderId="0" applyNumberFormat="0" applyBorder="0" applyAlignment="0" applyProtection="0">
      <alignment vertical="center"/>
    </xf>
    <xf numFmtId="0" fontId="6" fillId="14" borderId="0" applyNumberFormat="0" applyBorder="0" applyAlignment="0" applyProtection="0">
      <alignment vertical="center"/>
    </xf>
    <xf numFmtId="0" fontId="6" fillId="10" borderId="0" applyNumberFormat="0" applyBorder="0" applyAlignment="0" applyProtection="0">
      <alignment vertical="center"/>
    </xf>
    <xf numFmtId="0" fontId="6" fillId="13" borderId="0" applyNumberFormat="0" applyBorder="0" applyAlignment="0" applyProtection="0">
      <alignment vertical="center"/>
    </xf>
    <xf numFmtId="0" fontId="3" fillId="17" borderId="0" applyNumberFormat="0" applyBorder="0" applyAlignment="0" applyProtection="0">
      <alignment vertical="center"/>
    </xf>
    <xf numFmtId="0" fontId="3" fillId="2" borderId="0" applyNumberFormat="0" applyBorder="0" applyAlignment="0" applyProtection="0">
      <alignment vertical="center"/>
    </xf>
    <xf numFmtId="0" fontId="6" fillId="9" borderId="0" applyNumberFormat="0" applyBorder="0" applyAlignment="0" applyProtection="0">
      <alignment vertical="center"/>
    </xf>
    <xf numFmtId="0" fontId="6" fillId="28" borderId="0" applyNumberFormat="0" applyBorder="0" applyAlignment="0" applyProtection="0">
      <alignment vertical="center"/>
    </xf>
    <xf numFmtId="0" fontId="3" fillId="29" borderId="0" applyNumberFormat="0" applyBorder="0" applyAlignment="0" applyProtection="0">
      <alignment vertical="center"/>
    </xf>
    <xf numFmtId="0" fontId="6" fillId="24" borderId="0" applyNumberFormat="0" applyBorder="0" applyAlignment="0" applyProtection="0">
      <alignment vertical="center"/>
    </xf>
    <xf numFmtId="0" fontId="3" fillId="31" borderId="0" applyNumberFormat="0" applyBorder="0" applyAlignment="0" applyProtection="0">
      <alignment vertical="center"/>
    </xf>
    <xf numFmtId="0" fontId="3" fillId="30" borderId="0" applyNumberFormat="0" applyBorder="0" applyAlignment="0" applyProtection="0">
      <alignment vertical="center"/>
    </xf>
    <xf numFmtId="0" fontId="6" fillId="27" borderId="0" applyNumberFormat="0" applyBorder="0" applyAlignment="0" applyProtection="0">
      <alignment vertical="center"/>
    </xf>
    <xf numFmtId="0" fontId="3" fillId="32" borderId="0" applyNumberFormat="0" applyBorder="0" applyAlignment="0" applyProtection="0">
      <alignment vertical="center"/>
    </xf>
  </cellStyleXfs>
  <cellXfs count="15">
    <xf numFmtId="0" fontId="0" fillId="0" borderId="0" xfId="0">
      <alignment vertical="center"/>
    </xf>
    <xf numFmtId="0" fontId="1" fillId="0" borderId="0" xfId="0" applyFont="1" applyFill="1" applyAlignment="1">
      <alignment vertical="center"/>
    </xf>
    <xf numFmtId="0" fontId="0" fillId="0" borderId="0" xfId="0" applyFill="1" applyAlignment="1">
      <alignment vertical="center"/>
    </xf>
    <xf numFmtId="0" fontId="0" fillId="0" borderId="0" xfId="0" applyAlignment="1">
      <alignment horizontal="center"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49" fontId="1" fillId="0" borderId="3" xfId="0" applyNumberFormat="1" applyFont="1" applyFill="1" applyBorder="1" applyAlignment="1">
      <alignment vertical="center"/>
    </xf>
    <xf numFmtId="0" fontId="1" fillId="0" borderId="3" xfId="0" applyFont="1" applyFill="1" applyBorder="1" applyAlignment="1">
      <alignment horizontal="center" vertical="center"/>
    </xf>
    <xf numFmtId="0" fontId="1" fillId="0" borderId="3" xfId="0" applyFont="1" applyFill="1" applyBorder="1" applyAlignment="1">
      <alignment vertical="center"/>
    </xf>
    <xf numFmtId="0" fontId="0" fillId="0" borderId="3" xfId="0" applyNumberFormat="1" applyFill="1" applyBorder="1" applyAlignment="1">
      <alignment vertical="center"/>
    </xf>
    <xf numFmtId="0" fontId="0" fillId="0" borderId="3" xfId="0" applyFill="1" applyBorder="1" applyAlignment="1">
      <alignment horizontal="center" vertical="center"/>
    </xf>
    <xf numFmtId="0" fontId="0" fillId="0" borderId="3" xfId="0" applyFill="1" applyBorder="1" applyAlignment="1">
      <alignment vertical="center"/>
    </xf>
    <xf numFmtId="0" fontId="2" fillId="0" borderId="4" xfId="0" applyFont="1" applyBorder="1" applyAlignment="1">
      <alignment horizontal="center" vertical="center"/>
    </xf>
    <xf numFmtId="22" fontId="0" fillId="0" borderId="3" xfId="0" applyNumberFormat="1" applyFill="1" applyBorder="1" applyAlignment="1">
      <alignment vertical="center"/>
    </xf>
    <xf numFmtId="0" fontId="0" fillId="0" borderId="3" xfId="0" applyFill="1" applyBorder="1" applyAlignment="1">
      <alignment vertical="center" wrapText="1"/>
    </xf>
  </cellXfs>
  <cellStyles count="49">
    <cellStyle name="常规" xfId="0" builtinId="0"/>
    <cellStyle name="货币[0]" xfId="1" builtinId="7"/>
    <cellStyle name="20% - 强调文字颜色 3" xfId="2" builtinId="38"/>
    <cellStyle name="输入" xfId="3" builtinId="20"/>
    <cellStyle name="货币" xfId="4" builtinId="4"/>
    <cellStyle name="千位分隔[0]" xfId="5" builtinId="6"/>
    <cellStyle name="40% - 强调文字颜色 3" xfId="6" builtinId="39"/>
    <cellStyle name="差" xfId="7" builtinId="27"/>
    <cellStyle name="千位分隔" xfId="8" builtinId="3"/>
    <cellStyle name="60% - 强调文字颜色 3" xfId="9" builtinId="40"/>
    <cellStyle name="超链接" xfId="10" builtinId="8"/>
    <cellStyle name="百分比" xfId="11" builtinId="5"/>
    <cellStyle name="已访问的超链接" xfId="12" builtinId="9"/>
    <cellStyle name="注释" xfId="13" builtinId="10"/>
    <cellStyle name="60% - 强调文字颜色 2" xfId="14" builtinId="36"/>
    <cellStyle name="标题 4" xfId="15" builtinId="19"/>
    <cellStyle name="警告文本" xfId="16" builtinId="11"/>
    <cellStyle name="标题" xfId="17" builtinId="15"/>
    <cellStyle name="解释性文本" xfId="18" builtinId="53"/>
    <cellStyle name="标题 1" xfId="19" builtinId="16"/>
    <cellStyle name="标题 2" xfId="20" builtinId="17"/>
    <cellStyle name="60% - 强调文字颜色 1" xfId="21" builtinId="32"/>
    <cellStyle name="标题 3" xfId="22" builtinId="18"/>
    <cellStyle name="60% - 强调文字颜色 4" xfId="23" builtinId="44"/>
    <cellStyle name="输出" xfId="24" builtinId="21"/>
    <cellStyle name="计算" xfId="25" builtinId="22"/>
    <cellStyle name="检查单元格" xfId="26" builtinId="23"/>
    <cellStyle name="20% - 强调文字颜色 6" xfId="27" builtinId="50"/>
    <cellStyle name="强调文字颜色 2" xfId="28" builtinId="33"/>
    <cellStyle name="链接单元格" xfId="29" builtinId="24"/>
    <cellStyle name="汇总" xfId="30" builtinId="25"/>
    <cellStyle name="好" xfId="31" builtinId="26"/>
    <cellStyle name="适中" xfId="32" builtinId="28"/>
    <cellStyle name="20% - 强调文字颜色 5" xfId="33" builtinId="46"/>
    <cellStyle name="强调文字颜色 1" xfId="34" builtinId="29"/>
    <cellStyle name="20% - 强调文字颜色 1" xfId="35" builtinId="30"/>
    <cellStyle name="40% - 强调文字颜色 1" xfId="36" builtinId="31"/>
    <cellStyle name="20% - 强调文字颜色 2" xfId="37" builtinId="34"/>
    <cellStyle name="40% - 强调文字颜色 2" xfId="38" builtinId="35"/>
    <cellStyle name="强调文字颜色 3" xfId="39" builtinId="37"/>
    <cellStyle name="强调文字颜色 4" xfId="40" builtinId="41"/>
    <cellStyle name="20% - 强调文字颜色 4" xfId="41" builtinId="42"/>
    <cellStyle name="40% - 强调文字颜色 4" xfId="42" builtinId="43"/>
    <cellStyle name="强调文字颜色 5" xfId="43" builtinId="45"/>
    <cellStyle name="40% - 强调文字颜色 5" xfId="44" builtinId="47"/>
    <cellStyle name="60% - 强调文字颜色 5" xfId="45" builtinId="48"/>
    <cellStyle name="强调文字颜色 6" xfId="46" builtinId="49"/>
    <cellStyle name="40% - 强调文字颜色 6" xfId="47" builtinId="51"/>
    <cellStyle name="60% - 强调文字颜色 6" xfId="48" builtinId="52"/>
  </cellStyles>
  <dxfs count="1">
    <dxf>
      <font>
        <color rgb="FF9C0006"/>
      </font>
      <fill>
        <patternFill patternType="solid">
          <bgColor rgb="FFFFC7CE"/>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4" Type="http://schemas.openxmlformats.org/officeDocument/2006/relationships/sharedStrings" Target="sharedStrings.xml"/><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s>
</file>

<file path=xl/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docProps/app.xml><?xml version="1.0" encoding="utf-8"?>
<Properties xmlns="http://schemas.openxmlformats.org/officeDocument/2006/extended-properties" xmlns:vt="http://schemas.openxmlformats.org/officeDocument/2006/docPropsVTypes">
  <Application>WPS 表格</Application>
  <HeadingPairs>
    <vt:vector size="2" baseType="variant">
      <vt:variant>
        <vt:lpstr>工作表</vt:lpstr>
      </vt:variant>
      <vt:variant>
        <vt:i4>1</vt:i4>
      </vt:variant>
    </vt:vector>
  </HeadingPairs>
  <TitlesOfParts>
    <vt:vector size="1" baseType="lpstr">
      <vt:lpstr>Sheet1</vt:lpstr>
    </vt:vector>
  </TitlesOfPart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dc:creator>
  <cp:lastModifiedBy>李遵玉</cp:lastModifiedBy>
  <dcterms:created xsi:type="dcterms:W3CDTF">2021-03-02T11:10:00Z</dcterms:created>
  <dcterms:modified xsi:type="dcterms:W3CDTF">2021-03-08T03:52:2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ies>
</file>